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a053463-old\SVN\seguranca\Sentinella\Sentinella\Arquivos\"/>
    </mc:Choice>
  </mc:AlternateContent>
  <bookViews>
    <workbookView xWindow="-24120" yWindow="-75" windowWidth="24240" windowHeight="13140"/>
  </bookViews>
  <sheets>
    <sheet name="01072020_AdHoc_4a8e3036-1cad-46" sheetId="1" r:id="rId1"/>
  </sheets>
  <definedNames>
    <definedName name="_xlnm._FilterDatabase" localSheetId="0" hidden="1">'01072020_AdHoc_4a8e3036-1cad-46'!$A$1:$AC$169096</definedName>
  </definedNames>
  <calcPr calcId="162913"/>
</workbook>
</file>

<file path=xl/sharedStrings.xml><?xml version="1.0" encoding="utf-8"?>
<sst xmlns="http://schemas.openxmlformats.org/spreadsheetml/2006/main" count="3491167" uniqueCount="148485">
  <si>
    <t>#</t>
  </si>
  <si>
    <t>Generated</t>
  </si>
  <si>
    <t>Received</t>
  </si>
  <si>
    <t>Severity</t>
  </si>
  <si>
    <t>Status</t>
  </si>
  <si>
    <t>Manager</t>
  </si>
  <si>
    <t>Department</t>
  </si>
  <si>
    <t>Policy</t>
  </si>
  <si>
    <t>Product Entity/Endpoint</t>
  </si>
  <si>
    <t>Product</t>
  </si>
  <si>
    <t>Product/Endpoint IP</t>
  </si>
  <si>
    <t>Product/Endpoint MAC</t>
  </si>
  <si>
    <t>Managing Server</t>
  </si>
  <si>
    <t>Endpoint</t>
  </si>
  <si>
    <t>Incident Source (AD Account)</t>
  </si>
  <si>
    <t>Incident Source (Sender)</t>
  </si>
  <si>
    <t>WebSite</t>
  </si>
  <si>
    <t>Recipient</t>
  </si>
  <si>
    <t>Subject</t>
  </si>
  <si>
    <t>File Location</t>
  </si>
  <si>
    <t>File</t>
  </si>
  <si>
    <t>File/Data Size</t>
  </si>
  <si>
    <t>Rule</t>
  </si>
  <si>
    <t>Template</t>
  </si>
  <si>
    <t>Channel</t>
  </si>
  <si>
    <t>Destination</t>
  </si>
  <si>
    <t>Action</t>
  </si>
  <si>
    <t>Incidents</t>
  </si>
  <si>
    <t>Cloud Service Vendor</t>
  </si>
  <si>
    <t>Undefined</t>
  </si>
  <si>
    <t>New</t>
  </si>
  <si>
    <t>SCC CLIENTES DIVERSOS</t>
  </si>
  <si>
    <t>N/A</t>
  </si>
  <si>
    <t>UDPAVAP04</t>
  </si>
  <si>
    <t>OfficeScan</t>
  </si>
  <si>
    <t>74-E5-43-9D-EF-DB</t>
  </si>
  <si>
    <t>UDPTCMAP01</t>
  </si>
  <si>
    <t>NB-FLAVIACS</t>
  </si>
  <si>
    <t>flavia.cecilia</t>
  </si>
  <si>
    <t>Flavia Cecilia Da Silva</t>
  </si>
  <si>
    <t>DLP_Excel_Notebook</t>
  </si>
  <si>
    <t>DLP_Notebooks</t>
  </si>
  <si>
    <t>Exchange Client Mail</t>
  </si>
  <si>
    <t>Logged</t>
  </si>
  <si>
    <t>Microsoft Exchange Online</t>
  </si>
  <si>
    <t>PROJETO TRANSFORMACAO</t>
  </si>
  <si>
    <t>02-50-41-00-00-01</t>
  </si>
  <si>
    <t>NB-LUCIANAFDA</t>
  </si>
  <si>
    <t>lucianafaa</t>
  </si>
  <si>
    <t>Cloud Storage (OneDrive)</t>
  </si>
  <si>
    <t>Microsoft OneDrive</t>
  </si>
  <si>
    <t>NB-EDERLEIRD</t>
  </si>
  <si>
    <t>VICE PRESIDENCIA</t>
  </si>
  <si>
    <t>90-CD-B6-A4-14-93</t>
  </si>
  <si>
    <t>NB-VILARINHO</t>
  </si>
  <si>
    <t>vilarinho</t>
  </si>
  <si>
    <t>Microsoft_Excel_Worksheet.xlsx</t>
  </si>
  <si>
    <t>DLP_USB</t>
  </si>
  <si>
    <t>Microsoft_Excel_Worksheet1.xlsx</t>
  </si>
  <si>
    <t>Microsoft_Excel_Worksheet2.xlsx</t>
  </si>
  <si>
    <t>Microsoft_Excel_Worksheet3.xlsx</t>
  </si>
  <si>
    <t>oleObject67.dat</t>
  </si>
  <si>
    <t>oleObject74.dat</t>
  </si>
  <si>
    <t>oleObject88.dat</t>
  </si>
  <si>
    <t>oleObject89.dat</t>
  </si>
  <si>
    <t>GESTÃO POR PROCESSOS - UDI</t>
  </si>
  <si>
    <t>10.200.57.75</t>
  </si>
  <si>
    <t>FC-01-7C-C0-2A-99</t>
  </si>
  <si>
    <t>NB-MARIANNACSM</t>
  </si>
  <si>
    <t>mariannacsm</t>
  </si>
  <si>
    <t>CERRADO QUALIDADE, TREINAMENTO E ENGAJ OPER</t>
  </si>
  <si>
    <t>10.200.60.61</t>
  </si>
  <si>
    <t>FC-01-7C-B3-BE-FF</t>
  </si>
  <si>
    <t>NB-LORRAYNECB</t>
  </si>
  <si>
    <t>amandafdcs</t>
  </si>
  <si>
    <t>AMANDA FERREIRA DE CAMARGOS SOUSA</t>
  </si>
  <si>
    <t>Microsoft_Excel_Worksheet4.xlsx</t>
  </si>
  <si>
    <t>Microsoft_Excel_Worksheet5.xlsx</t>
  </si>
  <si>
    <t>DIRETORIA ADMINISTRATIVO FINANCEIRA</t>
  </si>
  <si>
    <t>FC-01-7C-B3-41-B3</t>
  </si>
  <si>
    <t>NB-GILDAEPMA</t>
  </si>
  <si>
    <t>gildaepma</t>
  </si>
  <si>
    <t>gildaepma@algartech.com</t>
  </si>
  <si>
    <t>mail.google.com/_/upload?authuser=0&amp;dcp=asu-n</t>
  </si>
  <si>
    <t>Webmail(Gmail)</t>
  </si>
  <si>
    <t>D8-9C-67-4D-A1-19</t>
  </si>
  <si>
    <t>NB-MARCELORF2</t>
  </si>
  <si>
    <t>marcelorf</t>
  </si>
  <si>
    <t>oleObject1.dat</t>
  </si>
  <si>
    <t>COORDENACAO DIVERSOS</t>
  </si>
  <si>
    <t>64-1C-67-9C-32-F8</t>
  </si>
  <si>
    <t>NB-RODRIGOM</t>
  </si>
  <si>
    <t>rodrigormc</t>
  </si>
  <si>
    <t>rodrigormc@algartech.com</t>
  </si>
  <si>
    <t>C:\Users\rodrigormc\Desktop\</t>
  </si>
  <si>
    <t>DCO CML SP</t>
  </si>
  <si>
    <t>D8-9C-67-86-36-21</t>
  </si>
  <si>
    <t>NB-MARCOAB</t>
  </si>
  <si>
    <t>marcoab</t>
  </si>
  <si>
    <t>MARCO AURELIO BELISSIMO</t>
  </si>
  <si>
    <t>CERRADO PESSOA JURIDICA VME</t>
  </si>
  <si>
    <t>FC-01-7C-B3-88-F5</t>
  </si>
  <si>
    <t>NB-DIEGOODZ</t>
  </si>
  <si>
    <t>diegoodz</t>
  </si>
  <si>
    <t>Diego Oliveira Diniz</t>
  </si>
  <si>
    <t>equipediegodiniz@algartech.com.br;</t>
  </si>
  <si>
    <t>Relatório_Gerenciadas novo.xlsb</t>
  </si>
  <si>
    <t>equipediegodiniz@algartech.com.br</t>
  </si>
  <si>
    <t>10.250.255.99</t>
  </si>
  <si>
    <t>NB-ROBERTACMF</t>
  </si>
  <si>
    <t>robertacmf</t>
  </si>
  <si>
    <t>outlook.office.com/owa/service.svc/CreateAttachmentFromLocalFile</t>
  </si>
  <si>
    <t>C:\Users\robertacmf\Desktop\</t>
  </si>
  <si>
    <t>Webmail(Hotmail)</t>
  </si>
  <si>
    <t>54-BF-64-F5-7E-B6</t>
  </si>
  <si>
    <t>NB-RONANSDM</t>
  </si>
  <si>
    <t>ronansdm</t>
  </si>
  <si>
    <t>Ronan Salustiano De Miranda</t>
  </si>
  <si>
    <t>cscatende@cscalgar.com.br;</t>
  </si>
  <si>
    <t>cscatende@cscalgar.com.br</t>
  </si>
  <si>
    <t>COORD PLANEJAMENTO E CONTROLE</t>
  </si>
  <si>
    <t>54-BF-64-F5-7E-FE</t>
  </si>
  <si>
    <t>NB-RODRIGOMBU</t>
  </si>
  <si>
    <t>rodrigombu</t>
  </si>
  <si>
    <t>C:\Users\rodrigombu\OneDrive - Grupo Algar\Whirlpool\Bases Qlikview\Retenção\</t>
  </si>
  <si>
    <t>CERRADO GESTAO COMPARTILHADA OPERACOES</t>
  </si>
  <si>
    <t>64-1C-67-9C-34-1F</t>
  </si>
  <si>
    <t>NB-BRUNOC</t>
  </si>
  <si>
    <t>brunocs</t>
  </si>
  <si>
    <t>Bruno Camelo Souza Silva</t>
  </si>
  <si>
    <t>Base</t>
  </si>
  <si>
    <t>C:\Users\rodrigombu\OneDrive - Grupo Algar\Whirlpool\Bases Qlikview\OS Criadas\</t>
  </si>
  <si>
    <t>OSsCriadasV3.csv</t>
  </si>
  <si>
    <t>COORDENACAO INFRAESTRUTURA</t>
  </si>
  <si>
    <t>10.200.58.168</t>
  </si>
  <si>
    <t>D8-9C-67-6F-2A-D1</t>
  </si>
  <si>
    <t>NB-LUIZEG</t>
  </si>
  <si>
    <t>rodolfogv</t>
  </si>
  <si>
    <t>RODOLFO GONCALVES VILELA</t>
  </si>
  <si>
    <t>64-1C-67-9C-34-5D</t>
  </si>
  <si>
    <t>NB-LUIZAV</t>
  </si>
  <si>
    <t>luizavs</t>
  </si>
  <si>
    <t>COORDENAÇÃO DE SERVIÇOS ATIVOS</t>
  </si>
  <si>
    <t>10.200.59.243</t>
  </si>
  <si>
    <t>FC-01-7C-B3-59-4D</t>
  </si>
  <si>
    <t>NB-KARINARS</t>
  </si>
  <si>
    <t>karinars</t>
  </si>
  <si>
    <t>Karina Rodrigues de Souza</t>
  </si>
  <si>
    <t>Pasta1.xlsx</t>
  </si>
  <si>
    <t>10.200.58.154</t>
  </si>
  <si>
    <t>74-E6-E2-CE-DE-88</t>
  </si>
  <si>
    <t>NB-LAURAVX</t>
  </si>
  <si>
    <t>lauravx</t>
  </si>
  <si>
    <t>C:\Users\lauravx\Desktop\</t>
  </si>
  <si>
    <t>Análise GDI - Recusas não identificadas.xlsx</t>
  </si>
  <si>
    <t>C:\Users\rodrigombu\OneDrive - Grupo Algar\Whirlpool\Arquivos\</t>
  </si>
  <si>
    <t>OPERACAO WHIRLPOOL</t>
  </si>
  <si>
    <t>5C-EA-1D-CF-BF-09</t>
  </si>
  <si>
    <t>NB-ROSILENEDLF</t>
  </si>
  <si>
    <t>rosilenedlf</t>
  </si>
  <si>
    <t>Rosilene de Lima Freitas</t>
  </si>
  <si>
    <t>COORDENACAO DE GOVERNANCA CORPORATIVA GRC</t>
  </si>
  <si>
    <t>10.200.58.39</t>
  </si>
  <si>
    <t>FC-01-7C-C0-76-63</t>
  </si>
  <si>
    <t>NB-CLAUDIOFM</t>
  </si>
  <si>
    <t>claudiofm</t>
  </si>
  <si>
    <t>Claudio Ferreira de Melo</t>
  </si>
  <si>
    <t>COORDENACAO DE QUALIDADE E EDUCACAO</t>
  </si>
  <si>
    <t>6C-3B-E5-E8-5F-F6</t>
  </si>
  <si>
    <t>NB-CAMILAAMMM</t>
  </si>
  <si>
    <t>camilaammm</t>
  </si>
  <si>
    <t>Camila Aparecida Maia Dias</t>
  </si>
  <si>
    <t>Rodrigo Mendonca Buso</t>
  </si>
  <si>
    <t>Base Pendente NPS.xlsx</t>
  </si>
  <si>
    <t>64-1C-67-9B-A2-0F</t>
  </si>
  <si>
    <t>NB-DAYANEG</t>
  </si>
  <si>
    <t>dayanegm</t>
  </si>
  <si>
    <t>Dayane Gomes Moraes</t>
  </si>
  <si>
    <t>/o=exchangelabs/ou=exchange administrative group (fydibohf23spdlt)/cn=recipients/cn=0b12aab521944ecb8b32eb8c0929be5c-rafael gonz;/o=exchangelabs/ou=exchange administrative group (fydibohf23spdlt)/cn=recipients/cn=be0b59caa4dc43e39afaa089f44ef778-leonardo al;</t>
  </si>
  <si>
    <t>/o=exchangelabs/ou=exchange administrative group (fydibohf23spdlt)/cn=recipients/cn=0b12aab521944ecb8b32eb8c0929be5c-rafael gonz,/o=exchangelabs/ou=exchange administrative group (fydibohf23spdlt)/cn=recipients/cn=be0b59caa4dc43e39afaa089f44ef778-leonardo al</t>
  </si>
  <si>
    <t>CML NOVOS NEGOCIOS</t>
  </si>
  <si>
    <t>10.211.2.151</t>
  </si>
  <si>
    <t>64-1C-67-9C-54-3C</t>
  </si>
  <si>
    <t>SPTI-340009497</t>
  </si>
  <si>
    <t>ricardoft</t>
  </si>
  <si>
    <t>CERRADO OPERACOES DE PESSOA FISICA (PF)</t>
  </si>
  <si>
    <t>10.200.61.9</t>
  </si>
  <si>
    <t>D8-9C-67-4D-7C-47</t>
  </si>
  <si>
    <t>NB-RODRIGOAP</t>
  </si>
  <si>
    <t>rodrigoap</t>
  </si>
  <si>
    <t>Rodrigo Amalfi Pereira</t>
  </si>
  <si>
    <t>Relatório Raízes e Ofensores - ROF</t>
  </si>
  <si>
    <t>ROF-2019.xlsb</t>
  </si>
  <si>
    <t>858b6d4e-d277-4253-bac3-9ba96fb5ed3a;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</t>
  </si>
  <si>
    <t>6567;</t>
  </si>
  <si>
    <t>C:\Users\diegoodz\Desktop\</t>
  </si>
  <si>
    <t>HTTP</t>
  </si>
  <si>
    <t>http://6567</t>
  </si>
  <si>
    <t>http://erp.algartech.com/techonline/workflow/gravapost.aspx</t>
  </si>
  <si>
    <t>54-BF-64-F5-80-E6</t>
  </si>
  <si>
    <t>NTB-ADRIANAMAC</t>
  </si>
  <si>
    <t>adrianamac</t>
  </si>
  <si>
    <t>/o=exchangelabs/ou=exchange administrative group (fydibohf23spdlt)/cn=recipients/cn=3daf2f0b162f40c696c00f9ecbb7d69a-ana laura t;/o=exchangelabs/ou=exchange administrative group (fydibohf23spdlt)/cn=recipients/cn=56dc126fba5b4a5f8fb1cd7e4f10477d-thais olive;/o=exchangelabs/ou=exchange administrative group (fydibohf23spdlt)/cn=recipients/cn=6da98ab9b2254d688a75ce822637acbf-ricardo de;/o=exchangelabs/ou=exchange administrative group (fydibohf23spdlt)/cn=recipients/cn=c34f1ae7ba484a33bbcd3ef2d8a2ff15-sandra borg;/o=exchangelabs/ou=exchange administrative group (fydibohf23spdlt)/cn=recipients/cn=d1f87cddb1f045f0b9cae505d0a2ab94-nayane pere;sandra.borges@temposervicos.com.br;vanessa.freitag@bradesco.com.br;</t>
  </si>
  <si>
    <t>Quantidade UHV</t>
  </si>
  <si>
    <t>/o=exchangelabs/ou=exchange administrative group (fydibohf23spdlt)/cn=recipients/cn=3daf2f0b162f40c696c00f9ecbb7d69a-ana laura t,/o=exchangelabs/ou=exchange administrative group (fydibohf23spdlt)/cn=recipients/cn=56dc126fba5b4a5f8fb1cd7e4f10477d-thais olive,/o=exchangelabs/ou=exchange administrative group (fydibohf23spdlt)/cn=recipients/cn=6da98ab9b2254d688a75ce822637acbf-ricardo de,/o=exchangelabs/ou=exchange administrative group (fydibohf23spdlt)/cn=recipients/cn=c34f1ae7ba484a33bbcd3ef2d8a2ff15-sandra borg,/o=exchangelabs/ou=exchange administrative group (fydibohf23spdlt)/cn=recipients/cn=d1f87cddb1f045f0b9cae505d0a2ab94-nayane pere,sandra.borges@temposervicos.com.br,vanessa.freitag@bradesco.com.br</t>
  </si>
  <si>
    <t>10.200.61.222</t>
  </si>
  <si>
    <t>54-BF-64-F5-80-40</t>
  </si>
  <si>
    <t>NB-GESSICASMN</t>
  </si>
  <si>
    <t>gessicasmn</t>
  </si>
  <si>
    <t>Gessica Stefanni Maria Nunes</t>
  </si>
  <si>
    <t>10.200.61.77</t>
  </si>
  <si>
    <t>D8-9C-67-01-55-2B</t>
  </si>
  <si>
    <t>NB-LUCINEIAA</t>
  </si>
  <si>
    <t>lucineiaale</t>
  </si>
  <si>
    <t>Printer</t>
  </si>
  <si>
    <t>Lucineia Aparecida Leandro</t>
  </si>
  <si>
    <t>10.200.60.9</t>
  </si>
  <si>
    <t>FC-01-7C-B3-56-31</t>
  </si>
  <si>
    <t>NB-PRISCILAFLO</t>
  </si>
  <si>
    <t>priscilaflo</t>
  </si>
  <si>
    <t>Priscila de Freitas Longano</t>
  </si>
  <si>
    <t>10.200.35.127</t>
  </si>
  <si>
    <t>54-BF-64-F5-83-58</t>
  </si>
  <si>
    <t>NB-LUIZMDA</t>
  </si>
  <si>
    <t>luizmda</t>
  </si>
  <si>
    <t>CGAP - COORDENACAO GERAL DE APLICACOES</t>
  </si>
  <si>
    <t>10.250.255.52</t>
  </si>
  <si>
    <t>NB-DOUGLASXM</t>
  </si>
  <si>
    <t>douglasxm</t>
  </si>
  <si>
    <t>douglasxm@algartech.com</t>
  </si>
  <si>
    <t>C:\Users\douglasxm\Desktop\</t>
  </si>
  <si>
    <t>Contract# 200331262-09-Oct-2019.xlsx</t>
  </si>
  <si>
    <t>Contract# 200401409-09-Oct-2019.xlsx</t>
  </si>
  <si>
    <t>10.200.61.127</t>
  </si>
  <si>
    <t>64-1C-67-9C-54-34</t>
  </si>
  <si>
    <t>NB-RICARDOFM</t>
  </si>
  <si>
    <t>ricardodfm</t>
  </si>
  <si>
    <t>Ricardo De Faveri Moreira</t>
  </si>
  <si>
    <t>CTIC COORDENACAO PROJETOS DE TI</t>
  </si>
  <si>
    <t>10.200.33.12</t>
  </si>
  <si>
    <t>20-04-0F-FD-35-AC</t>
  </si>
  <si>
    <t>NB-KARLOSGC</t>
  </si>
  <si>
    <t>karlosgc</t>
  </si>
  <si>
    <t>Cloud Storage (DropBox)</t>
  </si>
  <si>
    <t>Cloud Storage (Dropbox)</t>
  </si>
  <si>
    <t>Dropbox</t>
  </si>
  <si>
    <t>10.200.32.43</t>
  </si>
  <si>
    <t>64-1C-67-9C-32-40</t>
  </si>
  <si>
    <t>NB-IRAMILDAS</t>
  </si>
  <si>
    <t>iramildass</t>
  </si>
  <si>
    <t>mail.google.com/_/upload?authuser=1&amp;dcp=asu-n</t>
  </si>
  <si>
    <t>C:\Users\iramildass\Desktop\</t>
  </si>
  <si>
    <t>64-1C-67-89-7B-DF</t>
  </si>
  <si>
    <t>NB-RENANPDS</t>
  </si>
  <si>
    <t>10.200.60.223</t>
  </si>
  <si>
    <t>64-1C-67-9C-31-F0</t>
  </si>
  <si>
    <t>NB-GABRIELAAS</t>
  </si>
  <si>
    <t>gabrielaasa</t>
  </si>
  <si>
    <t>Gabriela Alves Sampaio</t>
  </si>
  <si>
    <t>CTIC - COORDENAÇÃO GOVERNANÇA DE TI</t>
  </si>
  <si>
    <t>NB-DANILOMA</t>
  </si>
  <si>
    <t>daniloma</t>
  </si>
  <si>
    <t>C:\Users\daniloma\Desktop\</t>
  </si>
  <si>
    <t>/o=exchangelabs/ou=exchange administrative group (fydibohf23spdlt)/cn=recipients/cn=e174366906884bd1b4d4c5ddfc8c9433-rodrigo men;</t>
  </si>
  <si>
    <t>/o=exchangelabs/ou=exchange administrative group (fydibohf23spdlt)/cn=recipients/cn=e174366906884bd1b4d4c5ddfc8c9433-rodrigo men</t>
  </si>
  <si>
    <t>https://cscatende.algarnet.com.br/html/hd/hdscriptresposta/request/uploadincidentattachment.php?cdclassificacao=&amp;action=1&amp;lastpositionattachement=undefined&amp;cdquestao=5013&amp;idmaisanexos=t</t>
  </si>
  <si>
    <t>FORMULARIO_DE_CADASTRO_DE_FORNECEDOR_-_R12_e_SOMAR_-_Socios.xlsx</t>
  </si>
  <si>
    <t>HTTPS</t>
  </si>
  <si>
    <t>10.200.32.111</t>
  </si>
  <si>
    <t>18-66-DA-FE-9F-AA</t>
  </si>
  <si>
    <t>NB-RICARDOS</t>
  </si>
  <si>
    <t>ricardos</t>
  </si>
  <si>
    <t>80-86-F2-FD-5E-08</t>
  </si>
  <si>
    <t>NB-LUCIANARBA</t>
  </si>
  <si>
    <t>lucianarba</t>
  </si>
  <si>
    <t>Luciana Ribeiro Barbosa de Almeida</t>
  </si>
  <si>
    <t>Lista de Ativos.xlsx</t>
  </si>
  <si>
    <t>CTIC - COORDENAÇÃO TI CORPORATIVA</t>
  </si>
  <si>
    <t>64-1C-67-9B-A2-1C</t>
  </si>
  <si>
    <t>NB-HEWERSONG</t>
  </si>
  <si>
    <t>hewersong</t>
  </si>
  <si>
    <t>hewersong@algartech.com</t>
  </si>
  <si>
    <t>D:\Projetos\ACS\One_drive\OneDrive - Grupo Algar\Projetos\2019 CSC_-_Jornada ERP\</t>
  </si>
  <si>
    <t>WHIRLPOOL SAC</t>
  </si>
  <si>
    <t>10.12.241.112</t>
  </si>
  <si>
    <t>TIM_FMM - MANUT SITE CELULAR - MG</t>
  </si>
  <si>
    <t>10.16.72.167</t>
  </si>
  <si>
    <t>54-BF-64-F6-7D-8C</t>
  </si>
  <si>
    <t>NBHE-MARINASF</t>
  </si>
  <si>
    <t>marinasf</t>
  </si>
  <si>
    <t>46993;</t>
  </si>
  <si>
    <t>C:\Users\marinasf\Desktop\</t>
  </si>
  <si>
    <t>https://46993</t>
  </si>
  <si>
    <t>64-1C-67-9C-54-DB</t>
  </si>
  <si>
    <t>NB-GUSTAVOP</t>
  </si>
  <si>
    <t>gustavoplo</t>
  </si>
  <si>
    <t>C:\Users\gustavoplo\Downloads\</t>
  </si>
  <si>
    <t>10.200.58.123</t>
  </si>
  <si>
    <t>64-1C-67-9C-54-15</t>
  </si>
  <si>
    <t>NB-MATHEUSMP</t>
  </si>
  <si>
    <t>matheusmpm</t>
  </si>
  <si>
    <t>Matheus Moreira Pellicani Marques</t>
  </si>
  <si>
    <t>Pasta2.xlsx</t>
  </si>
  <si>
    <t>10.200.57.46</t>
  </si>
  <si>
    <t>64-1C-67-9C-32-4F</t>
  </si>
  <si>
    <t>NB-VIVIANERCU</t>
  </si>
  <si>
    <t>vivianercu</t>
  </si>
  <si>
    <t>Viviane Rezende Cunha</t>
  </si>
  <si>
    <t>COORD. DE SOLUCOES E IMPLANTACAO BPO</t>
  </si>
  <si>
    <t>10.200.60.126</t>
  </si>
  <si>
    <t>D4-6A-6A-F9-67-B5</t>
  </si>
  <si>
    <t>NB-MURILOEGA</t>
  </si>
  <si>
    <t>muriloega</t>
  </si>
  <si>
    <t>Murilo Eduardo Guimaraes de Azevedo</t>
  </si>
  <si>
    <t>C:\Users\rodrigormc\Desktop\Daily\</t>
  </si>
  <si>
    <t>COORDENACAO GESTAO DE PERFORMANCE</t>
  </si>
  <si>
    <t>D8-9C-67-6F-29-69</t>
  </si>
  <si>
    <t>NB-THIAGOCS</t>
  </si>
  <si>
    <t>thiagocso</t>
  </si>
  <si>
    <t>NB-HUGOOC</t>
  </si>
  <si>
    <t>hugooc</t>
  </si>
  <si>
    <t>Hugo de Oliveira Camargo</t>
  </si>
  <si>
    <t>C:\Users\hugooc\OneDrive\Documentos\FINANCEIRO\</t>
  </si>
  <si>
    <t>HUGO_ORÇAMENTO_2019-NB-HUGOOC 3.xlsm</t>
  </si>
  <si>
    <t>EXTRATO CARTÃO 10.xlsx</t>
  </si>
  <si>
    <t>HUGO_ORÇAMENTO_2019-NB-HUGOOC 4.xlsm</t>
  </si>
  <si>
    <t>C:\Users\hugooc\OneDrive\Área de Trabalho\</t>
  </si>
  <si>
    <t>Conferidor Mega Sena 5.xlsm</t>
  </si>
  <si>
    <t>64-1C-67-9C-32-4A</t>
  </si>
  <si>
    <t>SPTI-340009443</t>
  </si>
  <si>
    <t>tatiane.rodrigues</t>
  </si>
  <si>
    <t>Tatiane Silva Rodrigues</t>
  </si>
  <si>
    <t>20-04-0F-FE-49-4C</t>
  </si>
  <si>
    <t>NB-DOLVANER</t>
  </si>
  <si>
    <t>dolvaner</t>
  </si>
  <si>
    <t>Dolvane Rodrigues</t>
  </si>
  <si>
    <t>10.200.58.165</t>
  </si>
  <si>
    <t>64-1C-67-A0-38-F7</t>
  </si>
  <si>
    <t>NB-LEONORAAT</t>
  </si>
  <si>
    <t>leonoraat</t>
  </si>
  <si>
    <t>Leonora Andrade Tozato</t>
  </si>
  <si>
    <t>lorrainepmdf@algartech.com.br;</t>
  </si>
  <si>
    <t>lorrainepmdf@algartech.com.br</t>
  </si>
  <si>
    <t>/o=exchangelabs/ou=exchange administrative group (fydibohf23spdlt)/cn=recipients/cn=8ffcdd39b62f4308b2f876f9624fa69a-wasley luiz;</t>
  </si>
  <si>
    <t>/o=exchangelabs/ou=exchange administrative group (fydibohf23spdlt)/cn=recipients/cn=8ffcdd39b62f4308b2f876f9624fa69a-wasley luiz</t>
  </si>
  <si>
    <t>COORDENACAO POOL</t>
  </si>
  <si>
    <t>10.200.57.95</t>
  </si>
  <si>
    <t>64-1C-67-9B-A1-7F</t>
  </si>
  <si>
    <t>NB-EUNICEA</t>
  </si>
  <si>
    <t>eunice.pimenta</t>
  </si>
  <si>
    <t>Eunice Aparecida Pimenta Silva</t>
  </si>
  <si>
    <t>DTH SAUDE, SEGURANÇA E MEIO AMBIENTE</t>
  </si>
  <si>
    <t>80-86-F2-FE-AE-BB</t>
  </si>
  <si>
    <t>NB-YTHIAKGM</t>
  </si>
  <si>
    <t>ythiakgm</t>
  </si>
  <si>
    <t>Ythia Karla Gomes da Matta</t>
  </si>
  <si>
    <t>20-04-0F-FE-47-88</t>
  </si>
  <si>
    <t>NB-CRISTINAHE</t>
  </si>
  <si>
    <t>cristinahe</t>
  </si>
  <si>
    <t>10.200.61.18</t>
  </si>
  <si>
    <t>FC-01-7C-C0-74-17</t>
  </si>
  <si>
    <t>NB-USERTEMP05</t>
  </si>
  <si>
    <t>gabrielar</t>
  </si>
  <si>
    <t>C:\Users\gabrielar\Downloads\</t>
  </si>
  <si>
    <t>DIRETORIA DE TALENTOS HUMANOS</t>
  </si>
  <si>
    <t>10.200.58.50</t>
  </si>
  <si>
    <t>80-86-F2-FD-40-21</t>
  </si>
  <si>
    <t>NB-ANAFPS</t>
  </si>
  <si>
    <t>gabrielbc</t>
  </si>
  <si>
    <t>GABRIEL BORGES CABRAL</t>
  </si>
  <si>
    <t>C:\Users\rodrigombu\OneDrive - Grupo Algar\Whirlpool\2019\10 - Outubro\Arquivo\</t>
  </si>
  <si>
    <t>thiagopre</t>
  </si>
  <si>
    <t>10.200.57.242</t>
  </si>
  <si>
    <t>D8-9C-67-6F-31-41</t>
  </si>
  <si>
    <t>NB-ANGELINEG</t>
  </si>
  <si>
    <t>angelinegn</t>
  </si>
  <si>
    <t>angelinegn@algartech.com</t>
  </si>
  <si>
    <t>C:\Users\angelinegn\Desktop\</t>
  </si>
  <si>
    <t>54-BF-64-F5-84-66</t>
  </si>
  <si>
    <t>NB-FILEMONCMJ</t>
  </si>
  <si>
    <t>filemoncmj</t>
  </si>
  <si>
    <t>C:\Users\filemoncmj\OneDrive - Grupo Algar\01. Algar Tech\03. Documentos da Área\</t>
  </si>
  <si>
    <t>Base Cadastral Set19.xlsx</t>
  </si>
  <si>
    <t>Luciana Ferreira de Almeida Araujo</t>
  </si>
  <si>
    <t>10.200.57.182</t>
  </si>
  <si>
    <t>20-04-0F-FD-A5-36</t>
  </si>
  <si>
    <t>NB-MARCOPAULOLR</t>
  </si>
  <si>
    <t>marcopaulolr</t>
  </si>
  <si>
    <t>Marcopaulo Lasmar Ribeiro</t>
  </si>
  <si>
    <t>64-1C-67-9C-32-F0</t>
  </si>
  <si>
    <t>NB-DANUBIACDS</t>
  </si>
  <si>
    <t>danubiacsm</t>
  </si>
  <si>
    <t>danubiacsm@algartech.com</t>
  </si>
  <si>
    <t>C:\Users\danubiacsm\Desktop\</t>
  </si>
  <si>
    <t>COORDENACAO DE MARKETING</t>
  </si>
  <si>
    <t>CSGSB - COORDENACAO DE SERVICOS GERENCIADOS S</t>
  </si>
  <si>
    <t>74-86-7A-FD-D6-F0</t>
  </si>
  <si>
    <t>DFSTAFF-01</t>
  </si>
  <si>
    <t>simoneesm</t>
  </si>
  <si>
    <t>departamental.csv</t>
  </si>
  <si>
    <t>10.200.61.44</t>
  </si>
  <si>
    <t>FC-01-7C-B3-AD-87</t>
  </si>
  <si>
    <t>NB-RUDNEYLC</t>
  </si>
  <si>
    <t>rudneylc</t>
  </si>
  <si>
    <t>Rudney Lemes Costa</t>
  </si>
  <si>
    <t>10.200.58.29</t>
  </si>
  <si>
    <t>FC-01-7C-FE-64-8D</t>
  </si>
  <si>
    <t>NB-MARILIAFSC</t>
  </si>
  <si>
    <t>mariliafsc</t>
  </si>
  <si>
    <t>Marilia de Fatima Silva Cruz</t>
  </si>
  <si>
    <t>Base 5 Star.xlsx</t>
  </si>
  <si>
    <t>COORDENACAO DE GERENCIAMENTO INFRAESTRUTURA</t>
  </si>
  <si>
    <t>D8-9C-67-6F-27-0D</t>
  </si>
  <si>
    <t>NB-CARLOSRCOS</t>
  </si>
  <si>
    <t>carlosrcos</t>
  </si>
  <si>
    <t>C:\Users\carlosrcos\Desktop\</t>
  </si>
  <si>
    <t>PPE PLATAFORMA COMPARTILHADA</t>
  </si>
  <si>
    <t>10.200.60.115</t>
  </si>
  <si>
    <t>D4-6A-6A-F9-81-D7</t>
  </si>
  <si>
    <t>NB-MARCELACPE</t>
  </si>
  <si>
    <t>marcelacpe</t>
  </si>
  <si>
    <t>Marcela Carolina Pereira Marques</t>
  </si>
  <si>
    <t>10.200.60.158</t>
  </si>
  <si>
    <t>64-1C-67-9B-9D-37</t>
  </si>
  <si>
    <t>NB-ELAINEMDLP</t>
  </si>
  <si>
    <t>elainemdlp</t>
  </si>
  <si>
    <t>ELAINE MARCELINO DE LIMA PEREIRA</t>
  </si>
  <si>
    <t>64-1C-67-9C-32-3B</t>
  </si>
  <si>
    <t>NB-MATHEUSV</t>
  </si>
  <si>
    <t>matheusvs</t>
  </si>
  <si>
    <t>Matheus Vinicius da Silva</t>
  </si>
  <si>
    <t>Indicadores Algar - Versão Final ECH.xlsx</t>
  </si>
  <si>
    <t>rayannerd@algartech.com.br;</t>
  </si>
  <si>
    <t>rayannerd@algartech.com.br</t>
  </si>
  <si>
    <t>10.200.58.77</t>
  </si>
  <si>
    <t>64-1C-67-9C-32-37</t>
  </si>
  <si>
    <t>NB-ROSANAPCCB</t>
  </si>
  <si>
    <t>rosanapccb</t>
  </si>
  <si>
    <t>10.200.60.165</t>
  </si>
  <si>
    <t>5C-EA-1D-CF-BE-F7</t>
  </si>
  <si>
    <t>NB-DIEGOR</t>
  </si>
  <si>
    <t>diegorg</t>
  </si>
  <si>
    <t>Diego Ribeiro Garcia</t>
  </si>
  <si>
    <t>10.200.32.89</t>
  </si>
  <si>
    <t>54-BF-64-F7-98-C5</t>
  </si>
  <si>
    <t>NB-WLADIMIRTN</t>
  </si>
  <si>
    <t>wladimirtn</t>
  </si>
  <si>
    <t>COT-AlgarTech-07-06-19 v4.xlsx</t>
  </si>
  <si>
    <t>COT-AlgarTech-07-06-19 v5.xlsx</t>
  </si>
  <si>
    <t>COT-AlgarTech-07-06-19 v7.xlsx</t>
  </si>
  <si>
    <t>Cópia de COT-AlgarTech-07-06-19 v6.xlsx</t>
  </si>
  <si>
    <t>C:\Users\lucianafaa\OneDrive - Grupo Algar\2019\PROJETOS\PROGRAMA\CRM\EXECUCAO\BP\ENC Estimativa Comercial Salesforce para Algar Tech - Projeto 1.msg\s1\</t>
  </si>
  <si>
    <t>10.200.58.163</t>
  </si>
  <si>
    <t>FC-01-7C-B3-56-3D</t>
  </si>
  <si>
    <t>C:\Users\rodrigombu\OneDrive - Grupo Algar\Whirlpool\2019\10 - Outubro\Arquivo\RAF\</t>
  </si>
  <si>
    <t>10.200.67.36</t>
  </si>
  <si>
    <t>C:\Users\marcopaulolr\OneDrive - Grupo Algar\Pessoal\Projeto Casa\Custos\</t>
  </si>
  <si>
    <t>Custos Construção.xlsx</t>
  </si>
  <si>
    <t>https://cscatende.algarnet.com.br/html/ad/adform/request/openticket.php</t>
  </si>
  <si>
    <t>10.200.32.10</t>
  </si>
  <si>
    <t>64-1C-67-A0-39-3B</t>
  </si>
  <si>
    <t>NB-BRUNOPALUDO</t>
  </si>
  <si>
    <t>brunop</t>
  </si>
  <si>
    <t>10.200.58.152</t>
  </si>
  <si>
    <t>64-1C-67-9C-55-E8</t>
  </si>
  <si>
    <t>NB-VICTORS</t>
  </si>
  <si>
    <t>victorsm</t>
  </si>
  <si>
    <t>jhenniferaes@algartech.com.br;</t>
  </si>
  <si>
    <t>jhenniferaes@algartech.com.br</t>
  </si>
  <si>
    <t>10.200.66.165</t>
  </si>
  <si>
    <t>18-66-DA-FE-9B-60</t>
  </si>
  <si>
    <t>NB-RICARDOBAL</t>
  </si>
  <si>
    <t>ricardobal</t>
  </si>
  <si>
    <t>10.200.35.192</t>
  </si>
  <si>
    <t>20-04-0F-FD-B4-68</t>
  </si>
  <si>
    <t>NB-EDILSONR</t>
  </si>
  <si>
    <t>edilsonrb</t>
  </si>
  <si>
    <t>C:\Users\edilsonrb\OneDrive - Grupo Algar\01.Particular\02.Cyrella\</t>
  </si>
  <si>
    <t>Calculo.Jan.2016.xlsx</t>
  </si>
  <si>
    <t>Cloud Storage (OneDriveForBusiness)</t>
  </si>
  <si>
    <t>Calculo.Pagto.xlsx</t>
  </si>
  <si>
    <t>Calculo.Stefan.xlsx</t>
  </si>
  <si>
    <t>C:\Users\edilsonrb\OneDrive - Grupo Algar\01.Particular\03.Diversos\</t>
  </si>
  <si>
    <t>Cópia de Folha-AND-2014.xlsx</t>
  </si>
  <si>
    <t>Cópia de Folha-IVO-2014.xlsx</t>
  </si>
  <si>
    <t>Despesas.Viagem.TO.Nov.2014.xlsx</t>
  </si>
  <si>
    <t>Gastos.Carnaval.2015.xlsx</t>
  </si>
  <si>
    <t>C:\Users\edilsonrb\OneDrive - Grupo Algar\01.Particular\04.RFP\EMS_HP_Proposta_Tecnica_Anexo_B_Outros_Documentos_v1.docx\</t>
  </si>
  <si>
    <t>Microsoft_Excel_97-2003_Worksheet1.xls</t>
  </si>
  <si>
    <t>C:\Users\edilsonrb\OneDrive - Grupo Algar\01.Particular\07.Estacionamento\</t>
  </si>
  <si>
    <t>Dados.Para.Boleto.xlsx</t>
  </si>
  <si>
    <t>Fluxo.Caixa.xlsx</t>
  </si>
  <si>
    <t>Fluxo.Caixa1.xlsx</t>
  </si>
  <si>
    <t>C:\Users\edilsonrb\OneDrive - Grupo Algar\01.Particular\08.ESOCIAL.2016\</t>
  </si>
  <si>
    <t>Folha-AND.xlsx</t>
  </si>
  <si>
    <t>Folha-IVO.xlsx</t>
  </si>
  <si>
    <t>C:\Users\edilsonrb\OneDrive - Grupo Algar\01.Particular\13.FAZENDA\</t>
  </si>
  <si>
    <t>Controle de Custo.xlsx</t>
  </si>
  <si>
    <t>C:\Users\edilsonrb\OneDrive - Grupo Algar\01.Particular\</t>
  </si>
  <si>
    <t>bradesco.xlsx</t>
  </si>
  <si>
    <t>C:\Users\edilsonrb\OneDrive - Grupo Algar\02.Trabalho\02.Estrutura.NOC\</t>
  </si>
  <si>
    <t>Associados.SD.DC.xlsx</t>
  </si>
  <si>
    <t>Business Case Migração NOC Asyst Final.xlsx</t>
  </si>
  <si>
    <t>Business Case Migração NOC Asyst.xlsx</t>
  </si>
  <si>
    <t>C:\Users\edilsonrb\OneDrive - Grupo Algar\02.Trabalho\03.Orçamento\01.Receita.2014.31.Dezembro\</t>
  </si>
  <si>
    <t>CONSOLIDADO SG + INFRA 2014 - 24012014.xls</t>
  </si>
  <si>
    <t>Estudo.xlsx</t>
  </si>
  <si>
    <t>Receita.Amanda.xls</t>
  </si>
  <si>
    <t>Receita.Andre.xls</t>
  </si>
  <si>
    <t>Receita.Fred.xls</t>
  </si>
  <si>
    <t>Receita.Infra.TI.21.01.14.xlsx</t>
  </si>
  <si>
    <t>Receita.Recorrente.SG.Infra.TI.xls</t>
  </si>
  <si>
    <t>C:\Users\edilsonrb\OneDrive - Grupo Algar\02.Trabalho\03.Orçamento\02.Validação.CRs\</t>
  </si>
  <si>
    <t>Infra.TI.xls</t>
  </si>
  <si>
    <t>Serviços.Gerenciados.xls</t>
  </si>
  <si>
    <t>C:\Users\edilsonrb\OneDrive - Grupo Algar\02.Trabalho\03.Orçamento\03.Revisão.Orçamento.2014\</t>
  </si>
  <si>
    <t>Infra.TI.2013x2014.xls</t>
  </si>
  <si>
    <t>C:\Users\edilsonrb\OneDrive - Grupo Algar\02.Trabalho\03.Orçamento\04.Trabalho.07.03.2014\</t>
  </si>
  <si>
    <t>INFRA.TI.2014.xls</t>
  </si>
  <si>
    <t>C:\Users\edilsonrb\OneDrive - Grupo Algar\02.Trabalho\03.Orçamento\04.Trabalho.07.03.2014\ORC-INFRA-2014.pptx\</t>
  </si>
  <si>
    <t>Planilha_do_Microsoft_Excel_97-20031.xls</t>
  </si>
  <si>
    <t>Planilha_do_Microsoft_Excel_97-200310.xls</t>
  </si>
  <si>
    <t>Planilha_do_Microsoft_Excel_97-20032.xls</t>
  </si>
  <si>
    <t>Planilha_do_Microsoft_Excel_97-20033.xls</t>
  </si>
  <si>
    <t>Planilha_do_Microsoft_Excel_97-20034.xls</t>
  </si>
  <si>
    <t>Planilha_do_Microsoft_Excel_97-20035.xls</t>
  </si>
  <si>
    <t>Planilha_do_Microsoft_Excel_97-20036.xls</t>
  </si>
  <si>
    <t>Planilha_do_Microsoft_Excel_97-20037.xls</t>
  </si>
  <si>
    <t>Planilha_do_Microsoft_Excel_97-20038.xls</t>
  </si>
  <si>
    <t>Planilha_do_Microsoft_Excel_97-20039.xls</t>
  </si>
  <si>
    <t>C:\Users\edilsonrb\OneDrive - Grupo Algar\02.Trabalho\03.Orçamento\05.Trabalho.24.03.2014\</t>
  </si>
  <si>
    <t>Análise PMO X Custo 2013 - TI Interna.xlsx</t>
  </si>
  <si>
    <t>META INFRA TI (3).xls</t>
  </si>
  <si>
    <t>META INFRA TI.xls</t>
  </si>
  <si>
    <t>C:\Users\edilsonrb\OneDrive - Grupo Algar\02.Trabalho\03.Orçamento\05.Trabalho.24.03.2014\ORC-INFRA-2014.pptx\</t>
  </si>
  <si>
    <t>Planilha_do_Microsoft_Excel_97-200311.xls</t>
  </si>
  <si>
    <t>Planilha_do_Microsoft_Excel_97-200312.xls</t>
  </si>
  <si>
    <t>C:\Users\edilsonrb\OneDrive - Grupo Algar\02.Trabalho\03.Orçamento\05.Trabalho.24.03.2014\ORC-INFRA-20141.pptx\</t>
  </si>
  <si>
    <t>C:\Users\edilsonrb\OneDrive - Grupo Algar\02.Trabalho\03.Orçamento\05.Trabalho.24.03.2014\ORC-INFRA-2014F.pptx\</t>
  </si>
  <si>
    <t>Planilha_do_Microsoft_Excel1.xlsx</t>
  </si>
  <si>
    <t>Planilha_do_Microsoft_Excel2.xlsx</t>
  </si>
  <si>
    <t>Planilha_do_Microsoft_Excel3.xlsx</t>
  </si>
  <si>
    <t>Planilha_do_Microsoft_Excel4.xlsx</t>
  </si>
  <si>
    <t>C:\Users\edilsonrb\OneDrive - Grupo Algar\02.Trabalho\03.Orçamento\06.Trabalho.17.12.2014\</t>
  </si>
  <si>
    <t>Detalhamento Amazon orçamento.xlsx</t>
  </si>
  <si>
    <t>C:\Users\edilsonrb\OneDrive - Grupo Algar\02.Trabalho\03.Orçamento\07.Rev.Orç.Mai.2015\</t>
  </si>
  <si>
    <t>CRs.Renato.Março.xlsx</t>
  </si>
  <si>
    <t>CRs.Renato.xlsx</t>
  </si>
  <si>
    <t>C:\Users\edilsonrb\OneDrive - Grupo Algar\02.Trabalho\03.Orçamento\08.Proj.Resul.2015\</t>
  </si>
  <si>
    <t>Cópia de RL Trimestral 22-05.xlsx</t>
  </si>
  <si>
    <t>Proj.Resultado.2015.22.05.xlsx</t>
  </si>
  <si>
    <t>Proj.Resultado.2015.xlsx</t>
  </si>
  <si>
    <t>C:\Users\edilsonrb\OneDrive - Grupo Algar\02.Trabalho\03.Orçamento\09.Rev.Orç.Ago.2015\</t>
  </si>
  <si>
    <t>Custo.Folha.xls</t>
  </si>
  <si>
    <t>Infraestrutura de TI 2015 v2.xlsx</t>
  </si>
  <si>
    <t>Revisão incremental 2 sem 2015 V11.xlsx</t>
  </si>
  <si>
    <t>C:\Users\edilsonrb\OneDrive - Grupo Algar\02.Trabalho\03.Orçamento\10.Orç.Set.2015\</t>
  </si>
  <si>
    <t>Template de Receita - Infra de TI - V3.xlsx</t>
  </si>
  <si>
    <t>C:\Users\edilsonrb\OneDrive - Grupo Algar\02.Trabalho\03.Orçamento\11.Rec.Out.Dez.2015\</t>
  </si>
  <si>
    <t>3ª Prévia de Novembro.xls</t>
  </si>
  <si>
    <t>Custo.xls</t>
  </si>
  <si>
    <t>Cópia de Template de Receita - Infra de TI - V8.xlsx</t>
  </si>
  <si>
    <t>Cópia de Template de Receita - Infra de TI v8.xlsx</t>
  </si>
  <si>
    <t>Projeção Resultado Infra.xls</t>
  </si>
  <si>
    <t>Template de Receita - Infra de TI - V6 - COM BRADESCO.xlsx</t>
  </si>
  <si>
    <t>C:\Users\edilsonrb\OneDrive - Grupo Algar\02.Trabalho\03.Orçamento\12.ORÇAMENTO.2017\</t>
  </si>
  <si>
    <t>Incremental 2017.xlsx</t>
  </si>
  <si>
    <t>Projeção.Receita.2017.xlsx</t>
  </si>
  <si>
    <t>C:\Users\edilsonrb\OneDrive - Grupo Algar\02.Trabalho\03.Orçamento\</t>
  </si>
  <si>
    <t>Prévia Orçado Oficial 2014 30012014.xls</t>
  </si>
  <si>
    <t>Prévia Outubro-14.xlsx</t>
  </si>
  <si>
    <t>C:\Users\edilsonrb\OneDrive - Grupo Algar\02.Trabalho\04.Apresentações.Diversas\01.Serviços.Gerenciados\</t>
  </si>
  <si>
    <t>Cronograma - UnimedBH.xlsx</t>
  </si>
  <si>
    <t>Provisão DNSG - Maio.xlsx</t>
  </si>
  <si>
    <t>C:\Users\edilsonrb\OneDrive - Grupo Algar\02.Trabalho\04.Apresentações.Diversas\01.Serviços.Gerenciados\Revitalização - UnimedBH.pptx\</t>
  </si>
  <si>
    <t>C:\Users\edilsonrb\OneDrive - Grupo Algar\02.Trabalho\04.Apresentações.Diversas\02.Genericas\</t>
  </si>
  <si>
    <t>Avaliação.Coletiva.2014.xlsx</t>
  </si>
  <si>
    <t>C:\Users\edilsonrb\OneDrive - Grupo Algar\02.Trabalho\04.Apresentações.Diversas\02.Genericas\Organograma.Coordenação.Geral.Infra.pptx\</t>
  </si>
  <si>
    <t>oleObject10.dat</t>
  </si>
  <si>
    <t>oleObject11.dat</t>
  </si>
  <si>
    <t>oleObject12.dat</t>
  </si>
  <si>
    <t>oleObject13.dat</t>
  </si>
  <si>
    <t>oleObject14.dat</t>
  </si>
  <si>
    <t>oleObject15.dat</t>
  </si>
  <si>
    <t>oleObject3.dat</t>
  </si>
  <si>
    <t>oleObject4.dat</t>
  </si>
  <si>
    <t>oleObject5.dat</t>
  </si>
  <si>
    <t>oleObject6.dat</t>
  </si>
  <si>
    <t>oleObject7.dat</t>
  </si>
  <si>
    <t>oleObject8.dat</t>
  </si>
  <si>
    <t>oleObject9.dat</t>
  </si>
  <si>
    <t>Relação.CRs.Infra.Governo.xlsx</t>
  </si>
  <si>
    <t>C:\Users\edilsonrb\OneDrive - Grupo Algar\02.Trabalho\04.Apresentações.Diversas\03.Infra.TI\</t>
  </si>
  <si>
    <t>Cancelamentos.Novos.2013.2014.xlsx</t>
  </si>
  <si>
    <t>C:\Users\edilsonrb\OneDrive - Grupo Algar\02.Trabalho\04.Apresentações.Diversas\04.Reunião.VMWare.Fechio\</t>
  </si>
  <si>
    <t>Base de clientes_Algar Tech.xlsx</t>
  </si>
  <si>
    <t>C:\Users\edilsonrb\OneDrive - Grupo Algar\02.Trabalho\04.Apresentações.Diversas\05.Organograma.KPMG\</t>
  </si>
  <si>
    <t>Organograma.Amanda.SG.xlsx</t>
  </si>
  <si>
    <t>Organograma.Andre.SG.xlsx</t>
  </si>
  <si>
    <t>Organograma.Fred.SG.xlsx</t>
  </si>
  <si>
    <t>Organograma.Infra.TI.xlsx</t>
  </si>
  <si>
    <t>C:\Users\edilsonrb\OneDrive - Grupo Algar\02.Trabalho\04.Apresentações.Diversas\06.TH.GCD\</t>
  </si>
  <si>
    <t>GCD(Cargos Indicadores e PDI) Coord Edilson Rodrigues.xlsx</t>
  </si>
  <si>
    <t>C:\Users\edilsonrb\OneDrive - Grupo Algar\02.Trabalho\04.Apresentações.Diversas\08.CIS\</t>
  </si>
  <si>
    <t>Analise.folha.CIS.2014.xlsx</t>
  </si>
  <si>
    <t>Custo.CIS.2014.xlsx</t>
  </si>
  <si>
    <t>C:\Users\edilsonrb\OneDrive - Grupo Algar\02.Trabalho\04.Apresentações.Diversas\10.Atlantic.Ativas\</t>
  </si>
  <si>
    <t>Atlantic_30.08.2013_v2-Alterado.xlsx</t>
  </si>
  <si>
    <t>C:\Users\edilsonrb\OneDrive - Grupo Algar\02.Trabalho\04.Apresentações.Diversas\11.ADVISIA\Bolograma Estrutura Junho-2013.pptx\</t>
  </si>
  <si>
    <t>oleObject16.dat</t>
  </si>
  <si>
    <t>oleObject17.dat</t>
  </si>
  <si>
    <t>C:\Users\edilsonrb\OneDrive - Grupo Algar\02.Trabalho\04.Apresentações.Diversas\11.ADVISIA\Bolograma Estruturas Infra TI - Advisia.pptx\</t>
  </si>
  <si>
    <t>C:\Users\edilsonrb\OneDrive - Grupo Algar\02.Trabalho\04.Apresentações.Diversas\11.ADVISIA\Bolograma Estruturas Infra TI.pptx\</t>
  </si>
  <si>
    <t>C:\Users\edilsonrb\OneDrive - Grupo Algar\02.Trabalho\04.Apresentações.Diversas\12.PEQ.2013\PEQ Algar Tec Lean Proposta de Governanca 2013 vFinal v3.pptx\</t>
  </si>
  <si>
    <t>oleObject2.dat</t>
  </si>
  <si>
    <t>C:\Users\edilsonrb\OneDrive - Grupo Algar\02.Trabalho\04.Apresentações.Diversas\12.PEQ.2013\PEQ Infra.pptx\</t>
  </si>
  <si>
    <t>C:\Users\edilsonrb\OneDrive - Grupo Algar\02.Trabalho\04.Apresentações.Diversas\13.Nao.Conformidades\</t>
  </si>
  <si>
    <t>Não conformidades.Edilson.xlsx</t>
  </si>
  <si>
    <t>Não conformidades.Maschio.xlsx</t>
  </si>
  <si>
    <t>C:\Users\edilsonrb\OneDrive - Grupo Algar\02.Trabalho\04.Apresentações.Diversas\14.Escopo.Governança\</t>
  </si>
  <si>
    <t>Detalhamento de Atividades Gov TI.xlsx</t>
  </si>
  <si>
    <t>Verificação de Licenças.xlsx</t>
  </si>
  <si>
    <t>C:\Users\edilsonrb\OneDrive - Grupo Algar\02.Trabalho\04.Apresentações.Diversas\</t>
  </si>
  <si>
    <t>5w2h_White Label_12abr v2.xlsx</t>
  </si>
  <si>
    <t>Avaliação da Estabilidade do Service Desk 2014 - Consolidado_Tod.xlsx</t>
  </si>
  <si>
    <t>CR's Edilson (2).xlsx</t>
  </si>
  <si>
    <t>CR.LemonTech.xlsx</t>
  </si>
  <si>
    <t>IT-EXPO.2014.xls</t>
  </si>
  <si>
    <t>Justificativa de Horas Extras_EDILSON RODRIGUES BRAGA.xlsx</t>
  </si>
  <si>
    <t>levantamento conhecimento Chave.xlsx</t>
  </si>
  <si>
    <t>Levantamento Spam Estrutura Algar Tech.xlsx</t>
  </si>
  <si>
    <t>Multiplicadores - Levantamento - Treinamentos SAP, BD, SO, REDES, EXCHANGE.xlsx</t>
  </si>
  <si>
    <t>Necessidades.Backup.Storage.xlsx</t>
  </si>
  <si>
    <t>Objetivos de Contribuição_Geral Algar Tech-2S.2016.xlsx</t>
  </si>
  <si>
    <t>Objetivos de Contribuição_Geral Algar Tech.xlsx</t>
  </si>
  <si>
    <t>Objetivos de Contribuição_Silvio.ITO.xlsx</t>
  </si>
  <si>
    <t>C:\Users\edilsonrb\OneDrive - Grupo Algar\02.Trabalho\05.SLA\A100\</t>
  </si>
  <si>
    <t>SLA.xlsx</t>
  </si>
  <si>
    <t>C:\Users\edilsonrb\OneDrive - Grupo Algar\02.Trabalho\05.SLA\</t>
  </si>
  <si>
    <t>Central.BR.xlsx</t>
  </si>
  <si>
    <t>C:\Users\edilsonrb\OneDrive - Grupo Algar\02.Trabalho\06.Financeiro\02.Analise.2015\</t>
  </si>
  <si>
    <t>Analise.05.06.2015t.xls</t>
  </si>
  <si>
    <t>Analise.05.06.2015tf.xls</t>
  </si>
  <si>
    <t>MC Cenario Desafio_Consolidado.xlsx</t>
  </si>
  <si>
    <t>C:\Users\edilsonrb\OneDrive - Grupo Algar\02.Trabalho\07.RAO\Abril.2014\</t>
  </si>
  <si>
    <t>1º Trimestre 2014 - Infra de TI.xlsx</t>
  </si>
  <si>
    <t>1º Trimestre 2014 - Serviços Gerenciados.xlsx</t>
  </si>
  <si>
    <t>C:\Users\edilsonrb\OneDrive - Grupo Algar\02.Trabalho\07.RAO\Abril.2014\RAO 14-11 - SG-INFRA - MARÇO 2014.pptx\</t>
  </si>
  <si>
    <t>C:\Users\edilsonrb\OneDrive - Grupo Algar\02.Trabalho\07.RAO\Abril.2014\RAO 14-11 - SG-INFRA - MARÇO 2014F.pptx\</t>
  </si>
  <si>
    <t>C:\Users\edilsonrb\OneDrive - Grupo Algar\02.Trabalho\07.RAO\Abril.2014\RAO MARÇO 2014 ---- SG - INFRA.pptx\</t>
  </si>
  <si>
    <t>C:\Users\edilsonrb\OneDrive - Grupo Algar\02.Trabalho\07.RAO\Abril.2014\SG-INFRA-MAR-2014.pptx\</t>
  </si>
  <si>
    <t>Planilha_do_Microsoft_Excel5.xlsx</t>
  </si>
  <si>
    <t>C:\Users\edilsonrb\OneDrive - Grupo Algar\02.Trabalho\07.RAO\Agosto.2014\RAO INFRA TI SG Governo.pptx\</t>
  </si>
  <si>
    <t>C:\Users\edilsonrb\OneDrive - Grupo Algar\02.Trabalho\07.RAO\Agosto.2014\RAO.INFRA TI.SG.Governo.F.pptx\</t>
  </si>
  <si>
    <t>C:\Users\edilsonrb\OneDrive - Grupo Algar\02.Trabalho\07.RAO\Fevereiro.2014\RAO.Financeira.pptx\</t>
  </si>
  <si>
    <t>Planilha_do_Microsoft_Excel10.xlsx</t>
  </si>
  <si>
    <t>Planilha_do_Microsoft_Excel11.xlsx</t>
  </si>
  <si>
    <t>Planilha_do_Microsoft_Excel12.xlsx</t>
  </si>
  <si>
    <t>Planilha_do_Microsoft_Excel13.xlsx</t>
  </si>
  <si>
    <t>Planilha_do_Microsoft_Excel14.xlsx</t>
  </si>
  <si>
    <t>Planilha_do_Microsoft_Excel15.xlsx</t>
  </si>
  <si>
    <t>Planilha_do_Microsoft_Excel16.xlsx</t>
  </si>
  <si>
    <t>Planilha_do_Microsoft_Excel6.xlsx</t>
  </si>
  <si>
    <t>Planilha_do_Microsoft_Excel7.xlsx</t>
  </si>
  <si>
    <t>Planilha_do_Microsoft_Excel8.xlsx</t>
  </si>
  <si>
    <t>Planilha_do_Microsoft_Excel9.xlsx</t>
  </si>
  <si>
    <t>C:\Users\edilsonrb\OneDrive - Grupo Algar\02.Trabalho\07.RAO\Fevereiro.2014\</t>
  </si>
  <si>
    <t>RAO.Serviços.Infra.TI.Implantação..xls</t>
  </si>
  <si>
    <t>RAO.Serviços.SG.TI.Implantação..xls</t>
  </si>
  <si>
    <t>Rateio.Fixo.Infra.SG.xls</t>
  </si>
  <si>
    <t>Rateio.Fixo.Infra.TI.xls</t>
  </si>
  <si>
    <t>Receitas 2014 - Infra TIF - 2a Revisão.xlsx</t>
  </si>
  <si>
    <t>Resultado.Implantação.vs.Desativação.xlsx</t>
  </si>
  <si>
    <t>C:\Users\edilsonrb\OneDrive - Grupo Algar\02.Trabalho\07.RAO\Fevereiro.2014\SG-INFRA-FEV-2014-D.pptx\</t>
  </si>
  <si>
    <t>C:\Users\edilsonrb\OneDrive - Grupo Algar\02.Trabalho\07.RAO\Fevereiro.2014\SG-INFRA-FEV-2014.pptx\</t>
  </si>
  <si>
    <t>Variações.Receita.SG.Orcado.Real.xlsx</t>
  </si>
  <si>
    <t>C:\Users\edilsonrb\OneDrive - Grupo Algar\02.Trabalho\07.RAO\Janeiro.2014\</t>
  </si>
  <si>
    <t>Fechamento.SG.2013.xlsx</t>
  </si>
  <si>
    <t>C:\Users\edilsonrb\OneDrive - Grupo Algar\02.Trabalho\07.RAO\Janeiro.2014\RAO13-01-2014-FIN.pptx\</t>
  </si>
  <si>
    <t>oleObject18.dat</t>
  </si>
  <si>
    <t>oleObject19.dat</t>
  </si>
  <si>
    <t>oleObject20.dat</t>
  </si>
  <si>
    <t>oleObject21.dat</t>
  </si>
  <si>
    <t>oleObject22.dat</t>
  </si>
  <si>
    <t>oleObject23.dat</t>
  </si>
  <si>
    <t>oleObject24.dat</t>
  </si>
  <si>
    <t>C:\Users\edilsonrb\OneDrive - Grupo Algar\02.Trabalho\07.RAO\Janeiro.2014\RES-SG-2013.pptx\</t>
  </si>
  <si>
    <t>Resumo.Executivo.SG.2013.BH.xlsx</t>
  </si>
  <si>
    <t>Resumo.Executivo.SG.2013.xlsx</t>
  </si>
  <si>
    <t>Resumo.Infra.TI.xlsx</t>
  </si>
  <si>
    <t>C:\Users\edilsonrb\OneDrive - Grupo Algar\02.Trabalho\07.RAO\Janeiro.2014\SG-INFRA-JAN-2014.pptx\</t>
  </si>
  <si>
    <t>C:\Users\edilsonrb\OneDrive - Grupo Algar\02.Trabalho\07.RAO\Janeiro.2015\</t>
  </si>
  <si>
    <t>Análise.Financeira.SG.Governo.xlsx</t>
  </si>
  <si>
    <t>Cópia de Infraestrutura de TI 2015 v7.xlsx</t>
  </si>
  <si>
    <t>Simulação.InfraTI.1T.2015.xlsx</t>
  </si>
  <si>
    <t>C:\Users\edilsonrb\OneDrive - Grupo Algar\02.Trabalho\07.RAO\Junho.2014\RAO.Junho.InfraTI.SG.F.pptx\</t>
  </si>
  <si>
    <t>C:\Users\edilsonrb\OneDrive - Grupo Algar\02.Trabalho\07.RAO\Junho.2014\RAO.Junho.InfraTI.SG.pptx\</t>
  </si>
  <si>
    <t>C:\Users\edilsonrb\OneDrive - Grupo Algar\02.Trabalho\07.RAO\junho.2015\</t>
  </si>
  <si>
    <t>AnaliseInfra.TI.xls</t>
  </si>
  <si>
    <t>C:\Users\edilsonrb\OneDrive - Grupo Algar\02.Trabalho\07.RAO\Maio.2014\</t>
  </si>
  <si>
    <t>PRO-SG-INFRA-TI.xlsx</t>
  </si>
  <si>
    <t>PROV-REC-DNSG.xlsx</t>
  </si>
  <si>
    <t>C:\Users\edilsonrb\OneDrive - Grupo Algar\02.Trabalho\07.RAO\Maio.2015\</t>
  </si>
  <si>
    <t>Projeção.Infraestrutura de TI 2015.xlsx</t>
  </si>
  <si>
    <t>Vendas.SDM - 2015v3.xlsx</t>
  </si>
  <si>
    <t>C:\Users\edilsonrb\OneDrive - Grupo Algar\02.Trabalho\07.RAO\Março-2013\RAO SG SET.pptx\</t>
  </si>
  <si>
    <t>C:\Users\edilsonrb\OneDrive - Grupo Algar\02.Trabalho\07.RAO\Março.2014\</t>
  </si>
  <si>
    <t>Infra.TI - Resumo Executivo.xlsx</t>
  </si>
  <si>
    <t>C:\Users\edilsonrb\OneDrive - Grupo Algar\02.Trabalho\07.RAO\Março.2014\RES-SG - 2013 - Final.pptx\</t>
  </si>
  <si>
    <t>C:\Users\edilsonrb\OneDrive - Grupo Algar\02.Trabalho\07.RAO\Março.2014\RES-SG - 2013V2.pptx\</t>
  </si>
  <si>
    <t>C:\Users\edilsonrb\OneDrive - Grupo Algar\02.Trabalho\07.RAO\Março.2014\RES-SG - 2013V3.pptx\</t>
  </si>
  <si>
    <t>Resultado_Implantação_Infra_SG.xlsx</t>
  </si>
  <si>
    <t>SG - Resumo Executivo.xlsx</t>
  </si>
  <si>
    <t>C:\Users\edilsonrb\OneDrive - Grupo Algar\02.Trabalho\07.RAO\Março.2014\SG-INFRA-MAR-2014.pptx\</t>
  </si>
  <si>
    <t>C:\Users\edilsonrb\OneDrive - Grupo Algar\02.Trabalho\07.RAO\Março.2014\SG-INFRA-MAR-2014O.pptx\</t>
  </si>
  <si>
    <t>C:\Users\edilsonrb\OneDrive - Grupo Algar\02.Trabalho\07.RAO\Outubro.2013\</t>
  </si>
  <si>
    <t>Ind-Infra-TI.xls</t>
  </si>
  <si>
    <t>Ind-SG-1.xls</t>
  </si>
  <si>
    <t>Ind-SG.xls</t>
  </si>
  <si>
    <t>C:\Users\edilsonrb\OneDrive - Grupo Algar\02.Trabalho\07.RAO\Outubro.2014\</t>
  </si>
  <si>
    <t>Analise.Pre.Closing.xlsx</t>
  </si>
  <si>
    <t>Analise.SG.Empresas.xlsx</t>
  </si>
  <si>
    <t>C:\Users\edilsonrb\OneDrive - Grupo Algar\02.Trabalho\07.RAO\Outubro.2014\Apresentação RAO SG.INFRA.TI.pptx\</t>
  </si>
  <si>
    <t>C:\Users\edilsonrb\OneDrive - Grupo Algar\02.Trabalho\07.RAO\Outubro.2014\Pré-Closing 2014(F).pptx\</t>
  </si>
  <si>
    <t>C:\Users\edilsonrb\OneDrive - Grupo Algar\02.Trabalho\07.RAO\Outubro.2014\Pré-Closing 2014.pptx\</t>
  </si>
  <si>
    <t>C:\Users\edilsonrb\OneDrive - Grupo Algar\02.Trabalho\07.RAO\Outubro.2014\Pré-Closing.2014.pptx\</t>
  </si>
  <si>
    <t>C:\Users\edilsonrb\OneDrive - Grupo Algar\02.Trabalho\07.RAO\RAO-16-12-13\</t>
  </si>
  <si>
    <t>Comparativo Rateio SG.xls</t>
  </si>
  <si>
    <t>C:\Users\edilsonrb\OneDrive - Grupo Algar\02.Trabalho\07.RAO\Setembro.2014\</t>
  </si>
  <si>
    <t>Prévia.25.09.xls</t>
  </si>
  <si>
    <t>C:\Users\edilsonrb\OneDrive - Grupo Algar\02.Trabalho\08.PEQ\PEQ-2013.pptx\</t>
  </si>
  <si>
    <t>\\acsfs\ACS\Suporte à Operações\14 - Extra baseline\2019\</t>
  </si>
  <si>
    <t>Resumo extra 2019 atual.xlsx</t>
  </si>
  <si>
    <t>10.200.60.121</t>
  </si>
  <si>
    <t>20-04-0F-FE-45-0E</t>
  </si>
  <si>
    <t>NB-RAFAELAAS</t>
  </si>
  <si>
    <t>rafaelaas</t>
  </si>
  <si>
    <t>C:\Users\rafaelaas\Desktop\</t>
  </si>
  <si>
    <t>C:\Users\edilsonrb\OneDrive - Grupo Algar\02.Trabalho\09.Viagens\</t>
  </si>
  <si>
    <t>CUSTO EVENTO GARTNER.xls</t>
  </si>
  <si>
    <t>Cópia de Formulário - Protocolo Relatório de Despesas Capgemini.xls</t>
  </si>
  <si>
    <t>FERNANDO GARCEZ - Solicitação de Passagem Hospedagem e Locação de carro - SP 28 10 14.xlsx</t>
  </si>
  <si>
    <t>Protocolo-10051439.xls</t>
  </si>
  <si>
    <t>Protocolo-10313440.xls</t>
  </si>
  <si>
    <t>Protocolo-11866450.xls</t>
  </si>
  <si>
    <t>Protocolo-11866460.xls</t>
  </si>
  <si>
    <t>Protocolo-11915481.xls</t>
  </si>
  <si>
    <t>Protocolo-11938696.xls</t>
  </si>
  <si>
    <t>Protocolo-11938699.xls</t>
  </si>
  <si>
    <t>Protocolo-11971658.xls</t>
  </si>
  <si>
    <t>Protocolo-12074807.xls</t>
  </si>
  <si>
    <t>Protocolo-12086808.xls</t>
  </si>
  <si>
    <t>Protocolo-12134025.xls</t>
  </si>
  <si>
    <t>Protocolo-12294849.xls</t>
  </si>
  <si>
    <t>Protocolo-12536004.xls</t>
  </si>
  <si>
    <t>Protocolo-12685852.xls</t>
  </si>
  <si>
    <t>Protocolo-12738882.xls</t>
  </si>
  <si>
    <t>Protocolo-12742926.xls</t>
  </si>
  <si>
    <t>Protocolo-12750861.xls</t>
  </si>
  <si>
    <t>Protocolo-12759868.xls</t>
  </si>
  <si>
    <t>Protocolo-12766902.xls</t>
  </si>
  <si>
    <t>Protocolo-12776918.xls</t>
  </si>
  <si>
    <t>Protocolo-12847866.xls</t>
  </si>
  <si>
    <t>Protocolo-12997871.xls</t>
  </si>
  <si>
    <t>Protocolo-13169932.xls</t>
  </si>
  <si>
    <t>Protocolo-13305864.xls</t>
  </si>
  <si>
    <t>Protocolo-13478893.xls</t>
  </si>
  <si>
    <t>Protocolo-13914902.xls</t>
  </si>
  <si>
    <t>Protocolo-1400368.xls</t>
  </si>
  <si>
    <t>Protocolo-14274875.xls</t>
  </si>
  <si>
    <t>Protocolo-14494971.xls</t>
  </si>
  <si>
    <t>Protocolo-1802370.xls</t>
  </si>
  <si>
    <t>Protocolo-2124371.xls</t>
  </si>
  <si>
    <t>Protocolo-2126371.xls</t>
  </si>
  <si>
    <t>Protocolo-2126372.xls</t>
  </si>
  <si>
    <t>Protocolo-2404371.xls</t>
  </si>
  <si>
    <t>Protocolo-2644374.xls</t>
  </si>
  <si>
    <t>Protocolo-2644375.xls</t>
  </si>
  <si>
    <t>Protocolo-3038379.xls</t>
  </si>
  <si>
    <t>Protocolo-3280378.xls</t>
  </si>
  <si>
    <t>Protocolo-3583379.xls</t>
  </si>
  <si>
    <t>Protocolo-3749380.xls</t>
  </si>
  <si>
    <t>Protocolo-3752384.xls</t>
  </si>
  <si>
    <t>Protocolo-4168383.xls</t>
  </si>
  <si>
    <t>Protocolo-4221379.xls</t>
  </si>
  <si>
    <t>Protocolo-4976378.xls</t>
  </si>
  <si>
    <t>Protocolo-5122378.xls</t>
  </si>
  <si>
    <t>Protocolo-5190378.xls</t>
  </si>
  <si>
    <t>Protocolo-5534381.xls</t>
  </si>
  <si>
    <t>Protocolo-5547378.xls</t>
  </si>
  <si>
    <t>Protocolo-5801380.xls</t>
  </si>
  <si>
    <t>Protocolo-5920381.xls</t>
  </si>
  <si>
    <t>Protocolo-6029383.xls</t>
  </si>
  <si>
    <t>Protocolo-6459414.xls</t>
  </si>
  <si>
    <t>Protocolo-7398431.xls</t>
  </si>
  <si>
    <t>Protocolo-7562433.xls</t>
  </si>
  <si>
    <t>Protocolo-8189437.xls</t>
  </si>
  <si>
    <t>Protocolo-8681435.xls</t>
  </si>
  <si>
    <t>Protocolo-8849433.xls</t>
  </si>
  <si>
    <t>Protocolo-8895450.xls</t>
  </si>
  <si>
    <t>Protocolo-9410439.xls</t>
  </si>
  <si>
    <t>Solicitação de Passagem Hospedagem e Locação de carro - BH.11.04.14.xlsx</t>
  </si>
  <si>
    <t>Solicitação de Passagem Hospedagem e Locação de carro - BH.11.06.14.xlsx</t>
  </si>
  <si>
    <t>Solicitação de Passagem Hospedagem e Locação de carro - BH.26.11.14.xlsx</t>
  </si>
  <si>
    <t>Solicitação de Passagem Hospedagem e Locação de carro - BR.03.12.14.xlsx</t>
  </si>
  <si>
    <t>Solicitação de Passagem Hospedagem e Locação de carro - BR.09.09.14.xlsx</t>
  </si>
  <si>
    <t>Solicitação de Passagem Hospedagem e Locação de carro - BR.19.08.14.xlsx</t>
  </si>
  <si>
    <t>Solicitação de Passagem Hospedagem e Locação de carro - BR.25.08.14.xlsx</t>
  </si>
  <si>
    <t>Solicitação de Passagem Hospedagem e Locação de carro - Brasília.09.04.14.xlsx</t>
  </si>
  <si>
    <t>Solicitação de Passagem Hospedagem e Locação de carro - Brasília.10.06.14.xlsx</t>
  </si>
  <si>
    <t>Solicitação de Passagem Hospedagem e Locação de carro - Brasília.20.05.14.xlsx</t>
  </si>
  <si>
    <t>Solicitação de Passagem Hospedagem e Locação de carro - CU.14.01.15.xlsx</t>
  </si>
  <si>
    <t>Solicitação de Passagem Hospedagem e Locação de carro - RJ.24.06.14.xlsx</t>
  </si>
  <si>
    <t>Solicitação de Passagem Hospedagem e Locação de carro - RJ.27.05.14.xlsx</t>
  </si>
  <si>
    <t>Solicitação de Passagem Hospedagem e Locação de carro - SP.02.07.14.xlsx</t>
  </si>
  <si>
    <t>Solicitação de Passagem Hospedagem e Locação de carro - SP.04.06.14.xlsx</t>
  </si>
  <si>
    <t>Solicitação de Passagem Hospedagem e Locação de carro - SP.07.10.14.xlsx</t>
  </si>
  <si>
    <t>Solicitação de Passagem Hospedagem e Locação de carro - SP.15.07.14.xlsx</t>
  </si>
  <si>
    <t>Solicitação de Passagem Hospedagem e Locação de carro - SP.28.10.14.xlsx</t>
  </si>
  <si>
    <t>Solicitação de Passagem Hospedagem e Locação de carro.xlsx</t>
  </si>
  <si>
    <t>C:\Users\edilsonrb\OneDrive - Grupo Algar\02.Trabalho\11.Avaliação.Coletiva.2014\Avaliação Performance - Equipe Edilson Braga.ppt\s4\</t>
  </si>
  <si>
    <t>Planilha do Microsoft Excel.xlsx</t>
  </si>
  <si>
    <t>Planilha do Microsoft Excel1.xlsx</t>
  </si>
  <si>
    <t>Planilha do Microsoft Excel2.xlsx</t>
  </si>
  <si>
    <t>PowerPoint.OleObj.dat</t>
  </si>
  <si>
    <t>PowerPoint.OleObj1.dat</t>
  </si>
  <si>
    <t>C:\Users\edilsonrb\OneDrive - Grupo Algar\02.Trabalho\11.Avaliação.Coletiva.2014\</t>
  </si>
  <si>
    <t>Programação.Avaliação.Coletiva.Edilson.xlsx</t>
  </si>
  <si>
    <t>C:\Users\edilsonrb\OneDrive - Grupo Algar\02.Trabalho\11.Avaliação.Coletiva.2014\Resultado.Financeiro.pptx\</t>
  </si>
  <si>
    <t>C:\Users\edilsonrb\OneDrive - Grupo Algar\02.Trabalho\12.RAE\</t>
  </si>
  <si>
    <t>Infra de TI - Matrizes de Avaliação Eficiência Operacional(Edilson).xlsx</t>
  </si>
  <si>
    <t>C:\Users\edilsonrb\OneDrive - Grupo Algar\02.Trabalho\15.Departamental\01.AGO.2016\</t>
  </si>
  <si>
    <t>Departamental.csv</t>
  </si>
  <si>
    <t>C:\Users\edilsonrb\OneDrive - Grupo Algar\02.Trabalho\15.Departamental\02.SET.2016\</t>
  </si>
  <si>
    <t>C:\Users\edilsonrb\OneDrive - Grupo Algar\02.Trabalho\15.Departamental\</t>
  </si>
  <si>
    <t>Dep.27.05.16.csv</t>
  </si>
  <si>
    <t>Dep.27.05.16.REDIR.06.06.csv</t>
  </si>
  <si>
    <t>Edilson_RelCustos_012014.xlsx</t>
  </si>
  <si>
    <t>Edilson_RelCustos_042014.xlsx</t>
  </si>
  <si>
    <t>Edilson_RelCustos_042015.xlsx</t>
  </si>
  <si>
    <t>Estrutura.DEZ.2014.xlsx</t>
  </si>
  <si>
    <t>Lista.Associados.DEZ.2014.xlsx</t>
  </si>
  <si>
    <t>Lista.Associados.Enviada.xlsx</t>
  </si>
  <si>
    <t>Proposta Merito 05 2015.xlsx</t>
  </si>
  <si>
    <t>Proposta.Merito.05.2015.xlsx</t>
  </si>
  <si>
    <t>Proposta.Sup.Master.05.2015.xlsx</t>
  </si>
  <si>
    <t>C:\Users\edilsonrb\OneDrive - Grupo Algar\02.Trabalho\16.Clientes\03.BAND\</t>
  </si>
  <si>
    <t>Diário de bordo-Band.xlsx</t>
  </si>
  <si>
    <t>C:\Users\edilsonrb\OneDrive - Grupo Algar\02.Trabalho\16.Clientes\03.BAND\DossieBand\Dossie Band\Consolidado_emails_all\Band Documentos validados_Pacote Quézia.msg\s1\Entrega.rar\</t>
  </si>
  <si>
    <t>DiÃ¡rio de bordo-Band.xlsx</t>
  </si>
  <si>
    <t>C:\Users\edilsonrb\OneDrive - Grupo Algar\02.Trabalho\16.Clientes\03.BAND\DossieBand\Dossie Band\Consolidado_emails_all\N3_Paulo\RE Band Para validação_v03.msg\s1\</t>
  </si>
  <si>
    <t>PACOTE CA-SDM_BAND-05022013.xls</t>
  </si>
  <si>
    <t>C:\Users\edilsonrb\OneDrive - Grupo Algar\02.Trabalho\16.Clientes\03.BAND\DossieBand\Dossie Band\Consolidado_emails_all\N3_Paulo\RE Band Reunião 07-02.msg\s1\</t>
  </si>
  <si>
    <t>Plano de comunicação.xlsx</t>
  </si>
  <si>
    <t>C:\Users\edilsonrb\OneDrive - Grupo Algar\02.Trabalho\16.Clientes\03.BAND\DossieBand\Dossie Band\Consolidado_emails_all\RES RES Catálogo de Serviços_N3_Ely.msg\s1\</t>
  </si>
  <si>
    <t>Catalogo Desenvolvimento.xlsx</t>
  </si>
  <si>
    <t>C:\Users\edilsonrb\OneDrive - Grupo Algar\02.Trabalho\16.Clientes\03.BAND\DossieBand\Dossie Band\Consolidado_emails_all\Reuniao 07-02_paulo_pl_com.msg\s1\</t>
  </si>
  <si>
    <t>C:\Users\edilsonrb\OneDrive - Grupo Algar\02.Trabalho\16.Clientes\03.BAND\DossieBand\Dossie Band\Consolidado_emails_all\Sis_Ely\ENC Catálogo de Serviços_02.msg\s1\</t>
  </si>
  <si>
    <t>C:\Users\edilsonrb\OneDrive - Grupo Algar\02.Trabalho\16.Clientes\03.BAND\DossieBand\Dossie Band\</t>
  </si>
  <si>
    <t>Validacoes_consolidado.xlsx</t>
  </si>
  <si>
    <t>C:\Users\edilsonrb\OneDrive - Grupo Algar\02.Trabalho\16.Clientes\03.BAND\DossieBand.rar\Dossie Band\</t>
  </si>
  <si>
    <t>C:\Users\edilsonrb\OneDrive - Grupo Algar\02.Trabalho\16.Clientes\03.BAND\DossieBand.rar\Dossie Band\Consolidado_emails_all\N3_Paulo\RE Band Para validaÃ§Ã£o_v03.msg\s1\</t>
  </si>
  <si>
    <t>C:\Users\edilsonrb\OneDrive - Grupo Algar\02.Trabalho\16.Clientes\03.BAND\DossieBand.rar\Dossie Band\Consolidado_emails_all\N3_Paulo\RE Band ReuniÃ£o 07-02.msg\s1\</t>
  </si>
  <si>
    <t>C:\Users\edilsonrb\OneDrive - Grupo Algar\02.Trabalho\16.Clientes\03.BAND\DossieBand.rar\Dossie Band\Consolidado_emails_all\RES RES CatÃ¡logo de ServiÃ§os_N3_Ely.msg\s1\</t>
  </si>
  <si>
    <t>C:\Users\edilsonrb\OneDrive - Grupo Algar\02.Trabalho\16.Clientes\03.BAND\DossieBand.rar\Dossie Band\Consolidado_emails_all\Reuniao 07-02_paulo_pl_com.msg\s1\</t>
  </si>
  <si>
    <t>C:\Users\edilsonrb\OneDrive - Grupo Algar\02.Trabalho\16.Clientes\03.BAND\DossieBand.rar\Dossie Band\Consolidado_emails_all\Sis_Ely\ENC CatÃ¡logo de ServiÃ§os_02.msg\s1\</t>
  </si>
  <si>
    <t>C:\Users\edilsonrb\OneDrive - Grupo Algar\02.Trabalho\16.Clientes\03.BAND\DossieBand.rar\Dossie Band\Consolidado_emails_all\Band Documentos validados_Pacote QuÃ©zia.msg\s1\Entrega.rar\</t>
  </si>
  <si>
    <t>C:\Users\edilsonrb\OneDrive - Grupo Algar\02.Trabalho\16.Clientes\05.EMS\</t>
  </si>
  <si>
    <t>EMS1.xlsx</t>
  </si>
  <si>
    <t>C:\Users\edilsonrb\OneDrive - Grupo Algar\02.Trabalho\16.Clientes\06.Telecom\Clientes.Telecom.pptx\</t>
  </si>
  <si>
    <t>C:\Users\edilsonrb\OneDrive - Grupo Algar\02.Trabalho\16.Clientes\06.Telecom\</t>
  </si>
  <si>
    <t>FATURAMENTO PARCERIA HOSTING e CLOUD.xlsx</t>
  </si>
  <si>
    <t>C:\Users\edilsonrb\OneDrive - Grupo Algar\02.Trabalho\16.Clientes\07.Bradesco\</t>
  </si>
  <si>
    <t>Medição Agosto Setembro - 12 09 2016.xlsm</t>
  </si>
  <si>
    <t>C:\Users\edilsonrb\OneDrive - Grupo Algar\02.Trabalho\16.Clientes\09.LDC\</t>
  </si>
  <si>
    <t>Anexo IV_Planilha de RFP_Infra Nível 2_v5.xlsx</t>
  </si>
  <si>
    <t>Estratégia.3o.Nivel.xlsx</t>
  </si>
  <si>
    <t>Pricing FINAL - LDC Monitoramento e CIS.XLSX</t>
  </si>
  <si>
    <t>C:\Users\edilsonrb\OneDrive - Grupo Algar\02.Trabalho\16.Clientes\17.Unimed.Patos\</t>
  </si>
  <si>
    <t>Precificação Data Center.Legado.xlsb</t>
  </si>
  <si>
    <t>Precificação Data Center.Novo.xlsb</t>
  </si>
  <si>
    <t>Precificação Data Center.xlsb</t>
  </si>
  <si>
    <t>C:\Users\edilsonrb\OneDrive - Grupo Algar\02.Trabalho\16.Clientes\18.SUPERMIX\</t>
  </si>
  <si>
    <t>Precificação Data Center EM HOMOLOGAÇÂO V 003 25-05-2016_v3.xlsb</t>
  </si>
  <si>
    <t>C:\Users\edilsonrb\OneDrive - Grupo Algar\02.Trabalho\16.Clientes\</t>
  </si>
  <si>
    <t>Precificação_Cenário4-ikaro-v2(Bonsucesso).xlsb</t>
  </si>
  <si>
    <t>C:\Users\edilsonrb\OneDrive - Grupo Algar\02.Trabalho\17.Objetivos.2.2013\1S.2014\2014_Diretrizes Contratação Metas (1º sem.14).pptx\</t>
  </si>
  <si>
    <t>Planilha_do_Microsoft_Office_Excel1.xlsx</t>
  </si>
  <si>
    <t>Planilha_do_Microsoft_Office_Excel2.xlsx</t>
  </si>
  <si>
    <t>C:\Users\edilsonrb\OneDrive - Grupo Algar\02.Trabalho\17.Objetivos.2.2013\</t>
  </si>
  <si>
    <t>Comprovação MB - InfraTI.SG.xls</t>
  </si>
  <si>
    <t>Indicadores.SG.BSC.xlsx</t>
  </si>
  <si>
    <t>C:\Users\edilsonrb\OneDrive - Grupo Algar\02.Trabalho\18.Integração.Asyst\</t>
  </si>
  <si>
    <t>Matriz TN Asyst - Clientes de 3N.xlsx</t>
  </si>
  <si>
    <t>Pessoas TI - Área de Negócio.xlsx</t>
  </si>
  <si>
    <t>C:\Users\edilsonrb\OneDrive - Grupo Algar\02.Trabalho\19.Incentivo.SDM\01.2S.2013\</t>
  </si>
  <si>
    <t>Memoria de Calculo Incentivo SDM 2S2013.xlsx</t>
  </si>
  <si>
    <t>PEQ TI - Acompanhamento Financiero do PEQ.xlsx</t>
  </si>
  <si>
    <t>C:\Users\edilsonrb\OneDrive - Grupo Algar\02.Trabalho\20.Reunião.Fechio\Cenario Desafio 1o. Tri_14.eml\Metas 1º Trim 2014.pptx\</t>
  </si>
  <si>
    <t>C:\Users\edilsonrb\OneDrive - Grupo Algar\02.Trabalho\20.Reunião.Fechio\</t>
  </si>
  <si>
    <t>Estrutura Org_Avaliação da Estabilidade do Service Desk 2014 - Consolidado_Tod (2).xlsx</t>
  </si>
  <si>
    <t>C:\Users\edilsonrb\OneDrive - Grupo Algar\02.Trabalho\20.Reunião.Fechio\Infra TI - Contratos.pptx\</t>
  </si>
  <si>
    <t>C:\Users\edilsonrb\OneDrive - Grupo Algar\02.Trabalho\20.Reunião.Fechio\ORC-INFRA-2014-16-04.pptx\</t>
  </si>
  <si>
    <t>C:\Users\edilsonrb\OneDrive - Grupo Algar\02.Trabalho\20.Reunião.Fechio\Receita - Infra TI.pptx\</t>
  </si>
  <si>
    <t>C:\Users\edilsonrb\OneDrive - Grupo Algar\02.Trabalho\20.Reunião.Fechio\Receita - Infra TIF V2 - Alterado.pptx\</t>
  </si>
  <si>
    <t>C:\Users\edilsonrb\OneDrive - Grupo Algar\02.Trabalho\20.Reunião.Fechio\Receita - Infra TIF V2.pptx\</t>
  </si>
  <si>
    <t>C:\Users\edilsonrb\OneDrive - Grupo Algar\02.Trabalho\20.Reunião.Fechio\Receita - Infra TIF.pptx\</t>
  </si>
  <si>
    <t>C:\Users\edilsonrb\OneDrive - Grupo Algar\02.Trabalho\21.Multa.BR\TOP BRAssessmentFinalv17.pptx\</t>
  </si>
  <si>
    <t>C:\Users\edilsonrb\OneDrive - Grupo Algar\02.Trabalho\25.Plano.Tatico.2015\</t>
  </si>
  <si>
    <t>Detalhamento. Multiplicadores.Internos.xlsx</t>
  </si>
  <si>
    <t>Planejamento 2015 - Plano de Governo Revisado.xlsx</t>
  </si>
  <si>
    <t>Planejamento 2015 - Plano de Governo.xlsx</t>
  </si>
  <si>
    <t>Planejamento 2015 - Plano de Infra TI - Revisado.xlsx</t>
  </si>
  <si>
    <t>Planejamento 2015 - Plano de Infra TI.xlsx</t>
  </si>
  <si>
    <t>Planejamento 2015 - Plano de Marketing e Táticos - Final v2.xlsx</t>
  </si>
  <si>
    <t>Plano de ação detalhamento.xlsx</t>
  </si>
  <si>
    <t>Plano de ação.xlsx</t>
  </si>
  <si>
    <t>Plano Tatico Infra de TI Revisado Final.xlsx</t>
  </si>
  <si>
    <t>SSGI - Infra TI 02062015.xlsx</t>
  </si>
  <si>
    <t>SSGI - Infra TI 06072015.xlsx</t>
  </si>
  <si>
    <t>C:\Users\edilsonrb\OneDrive - Grupo Algar\02.Trabalho\27.Plano.Clima.2014\Solicitação de passagens (COTAÇÃO).oft\s1\</t>
  </si>
  <si>
    <t>VIAGEM-SP-28112014.xlsx</t>
  </si>
  <si>
    <t>C:\Users\edilsonrb\OneDrive - Grupo Algar\02.Trabalho\28.CIS\01.Dreyfus\</t>
  </si>
  <si>
    <t>Anexo I_Serviços Infra Nível 2.xlsx</t>
  </si>
  <si>
    <t>Anexo II_Formulário para envio de dúvidas.xlsx</t>
  </si>
  <si>
    <t>Anexo III_SLA Infra2.xls</t>
  </si>
  <si>
    <t>Anexo IV_Planilha de RFP_Infra Nível 2.xlsx</t>
  </si>
  <si>
    <t>Anexo VI - Descritivo de Servidores e Servicos.xlsx</t>
  </si>
  <si>
    <t>C:\Users\edilsonrb\OneDrive - Grupo Algar\02.Trabalho\28.CIS\01.Dreyfus\LDC_ RFP Infra Nível 2_material de cotação.zip\</t>
  </si>
  <si>
    <t>Anexo II_Formul rio para envio de d£vidas.xlsx</t>
  </si>
  <si>
    <t>Anexo IV_Planilha de RFP_Infra N¡vel 2.xlsx</t>
  </si>
  <si>
    <t>Anexo I_Servi‡os Infra N¡vel 2.xlsx</t>
  </si>
  <si>
    <t>Orçamento Dreyfus.ETEK.e.BRUCE.xlsx</t>
  </si>
  <si>
    <t>C:\Users\edilsonrb\OneDrive - Grupo Algar\02.Trabalho\28.CIS\</t>
  </si>
  <si>
    <t>Alocação.xlsx</t>
  </si>
  <si>
    <t>Apropriação.CIS.Fev.15.xlsx</t>
  </si>
  <si>
    <t>Departamental.JAN.1.xlsx</t>
  </si>
  <si>
    <t>Departamental.JAN.xlsx</t>
  </si>
  <si>
    <t>Plano de ação_03032015.xlsx</t>
  </si>
  <si>
    <t>Qtde.Atendimento.NOC.JAN.15.xls</t>
  </si>
  <si>
    <t>Valores Recorrente CIS - Clientes Brasília.xlsx</t>
  </si>
  <si>
    <t>Visão dos Valores Recorrente CIS - CAC.xlsx</t>
  </si>
  <si>
    <t>C:\Users\edilsonrb\OneDrive - Grupo Algar\02.Trabalho\29.Acordo.Judicial.2015\</t>
  </si>
  <si>
    <t>2015_Plano de Ação_Acordo Judicial_Algar Tech (3).xlsx</t>
  </si>
  <si>
    <t>Plano.Ação.30.01.xlsx</t>
  </si>
  <si>
    <t>TH Plano de ação - Banco de Dados - 19.02.xlsx</t>
  </si>
  <si>
    <t>C:\Users\edilsonrb\OneDrive - Grupo Algar\02.Trabalho\32.ACTs\</t>
  </si>
  <si>
    <t>ACTs InfraTI Fev 15 - JR.xlsx</t>
  </si>
  <si>
    <t>ACTs InfraTI Fev 15.xlsx</t>
  </si>
  <si>
    <t>ACTs.Brasília.Jan.15.xlsx</t>
  </si>
  <si>
    <t>ACTs.InfraTI.Fev.15.xlsx</t>
  </si>
  <si>
    <t>Edilson Junho.1.xlsx</t>
  </si>
  <si>
    <t>Edilson Junho.24.06.Orçado.xlsx</t>
  </si>
  <si>
    <t>Edilson Junho.24.06.xlsx</t>
  </si>
  <si>
    <t>Edilson.Junho.xlsx</t>
  </si>
  <si>
    <t>JR.ACT.MAR.xlsx</t>
  </si>
  <si>
    <t>C:\Users\edilsonrb\OneDrive - Grupo Algar\02.Trabalho\33.RV.2015\</t>
  </si>
  <si>
    <t>Análise RV - Infra.F.xlsx</t>
  </si>
  <si>
    <t>Análise RV - Infra.xlsx</t>
  </si>
  <si>
    <t>C:\Users\edilsonrb\OneDrive - Grupo Algar\02.Trabalho\34.Avaliação.2015\Avaliação Coletiva 2015 (002).pptx\</t>
  </si>
  <si>
    <t>C:\Users\edilsonrb\OneDrive - Grupo Algar\02.Trabalho\34.Avaliação.2015\Avaliação Coletiva 2016.pptx\</t>
  </si>
  <si>
    <t>C:\Users\edilsonrb\OneDrive - Grupo Algar\02.Trabalho\34.Avaliação.2015\Avaliação Coletiva Edilson BragaF.pptx\</t>
  </si>
  <si>
    <t>C:\Users\edilsonrb\OneDrive - Grupo Algar\02.Trabalho\34.Avaliação.2015\</t>
  </si>
  <si>
    <t>Indicadores.Desempenho.xlsx</t>
  </si>
  <si>
    <t>C:\Users\edilsonrb\OneDrive - Grupo Algar\02.Trabalho\35.APUR.OBJ.2S.2014\</t>
  </si>
  <si>
    <t>2014_Apuração objetivos corporativos.xlsx</t>
  </si>
  <si>
    <t>CIS.Financeiro.xlsx</t>
  </si>
  <si>
    <t>TCO_BACKUP_2014_V2.xlsx</t>
  </si>
  <si>
    <t>TCO_Balanceador_WAF_2014_V1.xlsx</t>
  </si>
  <si>
    <t>TCO_Firewall_2014_V1_Setembro_14.xlsx</t>
  </si>
  <si>
    <t>TCO_Monitoramento_Spectrum_2014_V1.xlsx</t>
  </si>
  <si>
    <t>TCO_PlataformaNuvemHibrida_AlgarTech_Gerencia_20140912_V1.xlsx</t>
  </si>
  <si>
    <t>TCO_PlataformaNuvemHibrida_AlgarTech_Recurso_20140912_V1.xlsx</t>
  </si>
  <si>
    <t>TCO_Redes_10G_1G_2014_V1.xlsx</t>
  </si>
  <si>
    <t>TCO_SAN_2014_V1.xlsx</t>
  </si>
  <si>
    <t>TCO_STORAGE_2014_V2.xlsx</t>
  </si>
  <si>
    <t>C:\Users\edilsonrb\OneDrive - Grupo Algar\02.Trabalho\37.Objetivos.1S.2015\</t>
  </si>
  <si>
    <t>Evidências Objetivos 1ºsem2015.xlsx</t>
  </si>
  <si>
    <t>Evidências para Apuração dos Objetivos Corporativos_2ºsem2015.xlsx</t>
  </si>
  <si>
    <t>C:\Users\edilsonrb\OneDrive - Grupo Algar\02.Trabalho\39.Clima.2015\</t>
  </si>
  <si>
    <t>2014x2015.xlsx</t>
  </si>
  <si>
    <t>CODIFICAÇÃO CLIMA 2015 - Equipe Edilson Braga.xlsx</t>
  </si>
  <si>
    <t>CODIFICAÇÃO CLIMA 2015 - Equipe José Rogério.xlsx</t>
  </si>
  <si>
    <t>CODIFICAÇÃO CLIMA 2015 - Equipe Marcio.xlsx</t>
  </si>
  <si>
    <t>CODIFICAÇÃO CLIMA 2015 - Equipe Nyara.xlsx</t>
  </si>
  <si>
    <t>CODIFICAÇÃO CLIMA 2015 - Equipe Raimundo.xlsx</t>
  </si>
  <si>
    <t>CODIFICAÇÃO CLIMA 2015 - Equipe Renat.xlsx</t>
  </si>
  <si>
    <t>CODIFICAÇÃO CLIMA 2015 - Equipe Renato.xlsx</t>
  </si>
  <si>
    <t>C:\Users\edilsonrb\OneDrive - Grupo Algar\02.Trabalho\44.TOP.TI.ACCENTURE\01.CIS.BRASILIA\</t>
  </si>
  <si>
    <t>2015 06 - CIS BSB - Transferências.xlsx</t>
  </si>
  <si>
    <t>2015 07 - CIS BSB - Transferências.xlsx</t>
  </si>
  <si>
    <t>2015 08 - CIS BSB - Transferências.xlsx</t>
  </si>
  <si>
    <t>2015 09 - CIS BSB - Transferências.xlsx</t>
  </si>
  <si>
    <t>2015 10 - CIS BSB - Transferências e Receita.xlsx</t>
  </si>
  <si>
    <t>_Consolidado.xlsx</t>
  </si>
  <si>
    <t>C:\Users\edilsonrb\OneDrive - Grupo Algar\02.Trabalho\44.TOP.TI.ACCENTURE\02.HE.SOBREAVISO\</t>
  </si>
  <si>
    <t>CIS - BSB - Sobreaviso.xls</t>
  </si>
  <si>
    <t>CIS - SP - Sobreaviso.xls</t>
  </si>
  <si>
    <t>INFRA.TI.xls</t>
  </si>
  <si>
    <t>C:\Users\edilsonrb\OneDrive - Grupo Algar\02.Trabalho\44.TOP.TI.ACCENTURE\Algar Tech - TOP Infra de TI - Deck Final - 20151209 vFinal (003).pptx\</t>
  </si>
  <si>
    <t>oleObject100.dat</t>
  </si>
  <si>
    <t>oleObject101.dat</t>
  </si>
  <si>
    <t>oleObject102.dat</t>
  </si>
  <si>
    <t>oleObject103.dat</t>
  </si>
  <si>
    <t>oleObject104.dat</t>
  </si>
  <si>
    <t>oleObject105.dat</t>
  </si>
  <si>
    <t>oleObject106.dat</t>
  </si>
  <si>
    <t>oleObject107.dat</t>
  </si>
  <si>
    <t>oleObject108.dat</t>
  </si>
  <si>
    <t>oleObject109.dat</t>
  </si>
  <si>
    <t>oleObject110.dat</t>
  </si>
  <si>
    <t>oleObject111.dat</t>
  </si>
  <si>
    <t>oleObject112.dat</t>
  </si>
  <si>
    <t>oleObject113.dat</t>
  </si>
  <si>
    <t>oleObject114.dat</t>
  </si>
  <si>
    <t>oleObject115.dat</t>
  </si>
  <si>
    <t>oleObject116.dat</t>
  </si>
  <si>
    <t>oleObject26.dat</t>
  </si>
  <si>
    <t>oleObject27.dat</t>
  </si>
  <si>
    <t>oleObject28.dat</t>
  </si>
  <si>
    <t>oleObject29.dat</t>
  </si>
  <si>
    <t>oleObject30.dat</t>
  </si>
  <si>
    <t>oleObject31.dat</t>
  </si>
  <si>
    <t>oleObject32.dat</t>
  </si>
  <si>
    <t>oleObject33.dat</t>
  </si>
  <si>
    <t>oleObject34.dat</t>
  </si>
  <si>
    <t>oleObject35.dat</t>
  </si>
  <si>
    <t>oleObject36.dat</t>
  </si>
  <si>
    <t>oleObject37.dat</t>
  </si>
  <si>
    <t>oleObject38.dat</t>
  </si>
  <si>
    <t>oleObject39.dat</t>
  </si>
  <si>
    <t>oleObject40.dat</t>
  </si>
  <si>
    <t>oleObject41.dat</t>
  </si>
  <si>
    <t>oleObject42.dat</t>
  </si>
  <si>
    <t>oleObject43.dat</t>
  </si>
  <si>
    <t>oleObject44.dat</t>
  </si>
  <si>
    <t>oleObject45.dat</t>
  </si>
  <si>
    <t>oleObject46.dat</t>
  </si>
  <si>
    <t>oleObject47.dat</t>
  </si>
  <si>
    <t>oleObject48.dat</t>
  </si>
  <si>
    <t>oleObject49.dat</t>
  </si>
  <si>
    <t>oleObject50.dat</t>
  </si>
  <si>
    <t>oleObject51.dat</t>
  </si>
  <si>
    <t>oleObject52.dat</t>
  </si>
  <si>
    <t>oleObject53.dat</t>
  </si>
  <si>
    <t>oleObject54.dat</t>
  </si>
  <si>
    <t>oleObject55.dat</t>
  </si>
  <si>
    <t>oleObject56.dat</t>
  </si>
  <si>
    <t>oleObject57.dat</t>
  </si>
  <si>
    <t>oleObject58.dat</t>
  </si>
  <si>
    <t>oleObject59.dat</t>
  </si>
  <si>
    <t>oleObject60.dat</t>
  </si>
  <si>
    <t>oleObject68.dat</t>
  </si>
  <si>
    <t>oleObject69.dat</t>
  </si>
  <si>
    <t>oleObject70.dat</t>
  </si>
  <si>
    <t>oleObject71.dat</t>
  </si>
  <si>
    <t>oleObject72.dat</t>
  </si>
  <si>
    <t>oleObject75.dat</t>
  </si>
  <si>
    <t>oleObject76.dat</t>
  </si>
  <si>
    <t>oleObject77.dat</t>
  </si>
  <si>
    <t>oleObject78.dat</t>
  </si>
  <si>
    <t>oleObject79.dat</t>
  </si>
  <si>
    <t>oleObject80.dat</t>
  </si>
  <si>
    <t>oleObject81.dat</t>
  </si>
  <si>
    <t>oleObject82.dat</t>
  </si>
  <si>
    <t>oleObject84.dat</t>
  </si>
  <si>
    <t>oleObject85.dat</t>
  </si>
  <si>
    <t>oleObject86.dat</t>
  </si>
  <si>
    <t>oleObject90.dat</t>
  </si>
  <si>
    <t>oleObject91.dat</t>
  </si>
  <si>
    <t>oleObject93.dat</t>
  </si>
  <si>
    <t>oleObject94.dat</t>
  </si>
  <si>
    <t>oleObject95.dat</t>
  </si>
  <si>
    <t>oleObject96.dat</t>
  </si>
  <si>
    <t>oleObject97.dat</t>
  </si>
  <si>
    <t>oleObject98.dat</t>
  </si>
  <si>
    <t>oleObject99.dat</t>
  </si>
  <si>
    <t>C:\Users\edilsonrb\OneDrive - Grupo Algar\02.Trabalho\44.TOP.TI.ACCENTURE\Algar Tech_Apresentacao_Infra.Abril.pptx\</t>
  </si>
  <si>
    <t>oleObject25.dat</t>
  </si>
  <si>
    <t>C:\Users\edilsonrb\OneDrive - Grupo Algar\02.Trabalho\44.TOP.TI.ACCENTURE\</t>
  </si>
  <si>
    <t>Apoio.xlsx</t>
  </si>
  <si>
    <t>Equipes NOC BKP e Pre-SITE.xlsx</t>
  </si>
  <si>
    <t>Incremental.2016.xlsx</t>
  </si>
  <si>
    <t>Prévia.RB.2016 - Infra de TI.xlsx</t>
  </si>
  <si>
    <t>TOP.STAFF.xlsx</t>
  </si>
  <si>
    <t>C:\Users\edilsonrb\OneDrive - Grupo Algar\02.Trabalho\46.ACOMPANHA.2016\01.RESUL.JAN\</t>
  </si>
  <si>
    <t>Faturamento Mensal INFRA.POR.CLIENTE.REAL.ORÇADOxlsx.xlsx</t>
  </si>
  <si>
    <t>previa faturamento fevereiro 2016.xlsx</t>
  </si>
  <si>
    <t>C:\Users\edilsonrb\OneDrive - Grupo Algar\02.Trabalho\46.ACOMPANHA.2016\</t>
  </si>
  <si>
    <t>Algar Tech - 2016 - Compras - ITO - Requisitos Técnicos Incremental - Urgênte.xlsx</t>
  </si>
  <si>
    <t>Orçamento RB 1º Trim.Final.xlsx</t>
  </si>
  <si>
    <t>Orçamento RB 1º Trim.xlsx</t>
  </si>
  <si>
    <t>Orçamento.ContratosTI.2016.xlsx</t>
  </si>
  <si>
    <t>Receita.2016.Farmer.Hunter.xlsx</t>
  </si>
  <si>
    <t>Receita.Orçada.2016 - Infra de TI v8.SDM.xlsx</t>
  </si>
  <si>
    <t>Receita.Orçada.2016 - Infra de TI v8.xlsx</t>
  </si>
  <si>
    <t>Receita_1_Trimestre_2016.xlsx</t>
  </si>
  <si>
    <t>C:\Users\edilsonrb\OneDrive - Grupo Algar\02.Trabalho\48.REDIR\01.06.06.2016\</t>
  </si>
  <si>
    <t>CustodePessoal SALBA ATIVOS SENIORIDADE HE_Geral Algar Tech-Infra_TI.xlsx</t>
  </si>
  <si>
    <t>Equipe Edilson - TI(IP).xlsx</t>
  </si>
  <si>
    <t>C:\Users\edilsonrb\OneDrive - Grupo Algar\02.Trabalho\48.REDIR\Infra.TI.Conversao.Final.pptx\</t>
  </si>
  <si>
    <t>C:\Users\edilsonrb\OneDrive - Grupo Algar\02.Trabalho\50.HE.2016\</t>
  </si>
  <si>
    <t>HE.JAN.2016.xls</t>
  </si>
  <si>
    <t>C:\Users\edilsonrb\OneDrive - Grupo Algar\02.Trabalho\51.PPT.SILVIO\01.RAO\01.MAIO.2016\</t>
  </si>
  <si>
    <t>FORECAST DA RECEITA - Banco de Dados v6.xlsx</t>
  </si>
  <si>
    <t>C:\Users\edilsonrb\OneDrive - Grupo Algar\02.Trabalho\51.PPT.SILVIO\01.RAO\01.MAIO.2016\Modelo para RAO (002).pptx\</t>
  </si>
  <si>
    <t>OFICIAL.F.xlsx</t>
  </si>
  <si>
    <t>OFICIAL.xlsx</t>
  </si>
  <si>
    <t>C:\Users\edilsonrb\OneDrive - Grupo Algar\02.Trabalho\51.PPT.SILVIO\01.RAO\02.JUNHO.2016\</t>
  </si>
  <si>
    <t>Avos de Férias.Nay.xlsx</t>
  </si>
  <si>
    <t>Avos de Férias.xlsx</t>
  </si>
  <si>
    <t>Avos.30.06.xlsx</t>
  </si>
  <si>
    <t>IP.Edilson.Braga.07.07.xlsx</t>
  </si>
  <si>
    <t>IP.Edilson.Braga.xlsx</t>
  </si>
  <si>
    <t>Razão.Maio.xls</t>
  </si>
  <si>
    <t>Redir.20.06.xlsx</t>
  </si>
  <si>
    <t>C:\Users\edilsonrb\OneDrive - Grupo Algar\02.Trabalho\51.PPT.SILVIO\01.RAO\03.AGOSTO.2016\</t>
  </si>
  <si>
    <t>Analise.xls</t>
  </si>
  <si>
    <t>C:\Users\edilsonrb\OneDrive - Grupo Algar\02.Trabalho\51.PPT.SILVIO\01.RAO\04.SETEMBRO.2016\</t>
  </si>
  <si>
    <t>Proj.C.2.Projeção.xlsx</t>
  </si>
  <si>
    <t>C:\Users\edilsonrb\OneDrive - Grupo Algar\02.Trabalho\51.PPT.SILVIO\02.ROADMAP.2016\</t>
  </si>
  <si>
    <t>BP Infra de TI 2016 a 2020 - v5.xlsb</t>
  </si>
  <si>
    <t>BP Infra de TI 2016 a 2020 - v5F.xlsb</t>
  </si>
  <si>
    <t>Resumo.xlsx</t>
  </si>
  <si>
    <t>C:\Users\edilsonrb\OneDrive - Grupo Algar\02.Trabalho\51.PPT.SILVIO\05.ESTOQUE.RECEITA\</t>
  </si>
  <si>
    <t>Governança do Estoque de Receita PMO 07 03 16 (003).xlsx</t>
  </si>
  <si>
    <t>C:\Users\edilsonrb\OneDrive - Grupo Algar\02.Trabalho\51.PPT.SILVIO\06.PROJEÇÃO.RECEITA\01.MAIO.2016\</t>
  </si>
  <si>
    <t>FORECAST DA RECEITA - Banco de Dados v5.xlsx</t>
  </si>
  <si>
    <t>C:\Users\edilsonrb\OneDrive - Grupo Algar\02.Trabalho\51.PPT.SILVIO\06.PROJEÇÃO.RECEITA\02.JUNHO.2016\</t>
  </si>
  <si>
    <t>FORECAST DA RECEITA - Banco de Dados ITO.xlsx</t>
  </si>
  <si>
    <t>FORECAST DA RECEITA - Banco de Dados v11 - NAYANNE.xlsx</t>
  </si>
  <si>
    <t>FORECAST DA RECEITA - Banco de Dados v11.xlsx</t>
  </si>
  <si>
    <t>FORECAST DA RECEITA - Banco de Dados v14.xlsx</t>
  </si>
  <si>
    <t>FORECAST ITO Maio 2016 09 06 v3.xlsx</t>
  </si>
  <si>
    <t>Modelo RAO 10 06 v2.xlsx</t>
  </si>
  <si>
    <t>Modelo.xlsx</t>
  </si>
  <si>
    <t>C:\Users\edilsonrb\OneDrive - Grupo Algar\02.Trabalho\51.PPT.SILVIO\06.PROJEÇÃO.RECEITA\</t>
  </si>
  <si>
    <t>JAN.FEV.xls</t>
  </si>
  <si>
    <t>Projeção Abr-Dez 2016.F.xlsx</t>
  </si>
  <si>
    <t>Projeção Abr-Dez 2016.xlsx</t>
  </si>
  <si>
    <t>Projeção Mar-Dez 2016.xlsx</t>
  </si>
  <si>
    <t>Projeção.12.05.2016.xlsx</t>
  </si>
  <si>
    <t>Projeção.13.05.2016.xlsx</t>
  </si>
  <si>
    <t>Resultado por Custo_Mar-2016.xlsx</t>
  </si>
  <si>
    <t>C:\Users\edilsonrb\OneDrive - Grupo Algar\02.Trabalho\51.PPT.SILVIO\07.CLIENTE\01.AMAZON\</t>
  </si>
  <si>
    <t>Análise do Lucro Econômico Amazon.xlsx</t>
  </si>
  <si>
    <t>BP Amazon Consolidado as is+20.xlsb</t>
  </si>
  <si>
    <t>BP Amazon Consolidado as is.xlsb</t>
  </si>
  <si>
    <t>BP Amazon Consolidado cenário AS IS Mais 20.xlsb</t>
  </si>
  <si>
    <t>BP Amazon Consolidado cenário Holding.xlsb</t>
  </si>
  <si>
    <t>BP Amazon Consolidado cenário Silvio.xlsb</t>
  </si>
  <si>
    <t>BP Amazon Consolidado com desconto.xlsb</t>
  </si>
  <si>
    <t>BP Amazon Consolidado target do cliente.xlsb</t>
  </si>
  <si>
    <t>C:\Users\edilsonrb\OneDrive - Grupo Algar\02.Trabalho\51.PPT.SILVIO\09.GERENCIAL\01.ABR.2016\</t>
  </si>
  <si>
    <t>DCs.xlsx</t>
  </si>
  <si>
    <t>DRE.1T.2016.xls</t>
  </si>
  <si>
    <t>C:\Users\edilsonrb\OneDrive - Grupo Algar\02.Trabalho\51.PPT.SILVIO\10.DIVERSOS\01.FEV.25\Desafios.ITO.F.pptx\</t>
  </si>
  <si>
    <t>C:\Users\edilsonrb\OneDrive - Grupo Algar\02.Trabalho\51.PPT.SILVIO\10.DIVERSOS\01.FEV.25\Desafios.ITO.pptx\</t>
  </si>
  <si>
    <t>C:\Users\edilsonrb\OneDrive - Grupo Algar\02.Trabalho\51.PPT.SILVIO\10.DIVERSOS\01.FEV.25\</t>
  </si>
  <si>
    <t>Detalhado de Contas 2016.F.xls</t>
  </si>
  <si>
    <t>Detalhado de Contas 2016.xls</t>
  </si>
  <si>
    <t>C:\Users\edilsonrb\OneDrive - Grupo Algar\02.Trabalho\51.PPT.SILVIO\10.DIVERSOS\01.FEV.25\ITO.F.pptx\</t>
  </si>
  <si>
    <t>Microsoft_Excel_97-2003_Worksheet2.xls</t>
  </si>
  <si>
    <t>Microsoft_Excel_97-2003_Worksheet3.xls</t>
  </si>
  <si>
    <t>C:\Users\edilsonrb\OneDrive - Grupo Algar\02.Trabalho\51.PPT.SILVIO\10.DIVERSOS\01.FEV.25\ITO.pptx\</t>
  </si>
  <si>
    <t>Pontes Edilson.F.1.xlsx</t>
  </si>
  <si>
    <t>Pontes Edilson.F.2.xlsx</t>
  </si>
  <si>
    <t>Pontes Edilson.F.xlsx</t>
  </si>
  <si>
    <t>Pontes Edilson.xlsx</t>
  </si>
  <si>
    <t>RL Trimestral 13-15.xlsx</t>
  </si>
  <si>
    <t>C:\Users\edilsonrb\OneDrive - Grupo Algar\02.Trabalho\51.PPT.SILVIO\10.DIVERSOS\02.MAR.03\Infra-TI.pptx\</t>
  </si>
  <si>
    <t>C:\Users\edilsonrb\OneDrive - Grupo Algar\02.Trabalho\51.PPT.SILVIO\10.DIVERSOS\03.REDIR.07.03\</t>
  </si>
  <si>
    <t>ORÇADO X FATURADO 2016v2.xlsx</t>
  </si>
  <si>
    <t>C:\Users\edilsonrb\OneDrive - Grupo Algar\02.Trabalho\51.PPT.SILVIO\10.DIVERSOS\03.REDIR.07.03\Pontes Receita.pptx\</t>
  </si>
  <si>
    <t>RB.xlsx</t>
  </si>
  <si>
    <t>RL.4T.2015.xls</t>
  </si>
  <si>
    <t>C:\Users\edilsonrb\OneDrive - Grupo Algar\02.Trabalho\51.PPT.SILVIO\10.DIVERSOS\04.MAR.08\Desafios.ITO.F.pptx\</t>
  </si>
  <si>
    <t>C:\Users\edilsonrb\OneDrive - Grupo Algar\02.Trabalho\51.PPT.SILVIO\10.DIVERSOS\04.MAR.08\Levantamento DataCenter-v2.pptx\</t>
  </si>
  <si>
    <t>C:\Users\edilsonrb\OneDrive - Grupo Algar\02.Trabalho\51.PPT.SILVIO\10.DIVERSOS\04.MAR.08\</t>
  </si>
  <si>
    <t>C:\Users\edilsonrb\OneDrive - Grupo Algar\02.Trabalho\51.PPT.SILVIO\10.DIVERSOS\05.JULHO.2016\</t>
  </si>
  <si>
    <t>Análise RV.xlsx</t>
  </si>
  <si>
    <t>Infra TI HE.xlsx</t>
  </si>
  <si>
    <t>C:\Users\edilsonrb\OneDrive - Grupo Algar\02.Trabalho\51.PPT.SILVIO\10.DIVERSOS\06.AGOSTO.2016\</t>
  </si>
  <si>
    <t>Histórico Reajustes 2016 e Novos Negocios com MCs abaixo 2016 v2.xlsx</t>
  </si>
  <si>
    <t>Renovações.xlsx</t>
  </si>
  <si>
    <t>C:\Users\edilsonrb\OneDrive - Grupo Algar\02.Trabalho\51.PPT.SILVIO\10.DIVERSOS\07.SETEMBRO.2016\</t>
  </si>
  <si>
    <t>Ações Integração TI Interna.Executiva.xlsx</t>
  </si>
  <si>
    <t>Ações Integração TI Interna.xlsx</t>
  </si>
  <si>
    <t>C:\Users\edilsonrb\OneDrive - Grupo Algar\02.Trabalho\51.PPT.SILVIO\10.DIVERSOS\07.SETEMBRO.2016\Capex ITO.Storage.pptx\</t>
  </si>
  <si>
    <t>oleObject1.xlsx</t>
  </si>
  <si>
    <t>INCREMENTAL.2017.V1.xlsx</t>
  </si>
  <si>
    <t>INCREMENTAL.2017.xlsx</t>
  </si>
  <si>
    <t>INCREMENTAL.2017.V2.xlsx</t>
  </si>
  <si>
    <t>C:\Users\edilsonrb\OneDrive - Grupo Algar\02.Trabalho\51.PPT.SILVIO\10.DIVERSOS\07.SETEMBRO.2016\PMO Algar Tech - TAP - Incremental Storage 2016.pptx\</t>
  </si>
  <si>
    <t>C:\Users\edilsonrb\OneDrive - Grupo Algar\02.Trabalho\51.PPT.SILVIO\10.DIVERSOS\07.SETEMBRO.2016\Resumo Capex ITO 2016.pptx\</t>
  </si>
  <si>
    <t>C:\Users\edilsonrb\OneDrive - Grupo Algar\02.Trabalho\51.PPT.SILVIO\10.DIVERSOS\07.SETEMBRO.2016\Resumo-Necessidade-Storage-Setembro-2016.pptx\</t>
  </si>
  <si>
    <t>oleObject2.xlsx</t>
  </si>
  <si>
    <t>C:\Users\edilsonrb\OneDrive - Grupo Algar\02.Trabalho\51.PPT.SILVIO\10.DIVERSOS\11.MAIO.2016\</t>
  </si>
  <si>
    <t>Dep.ABR.2015.csv</t>
  </si>
  <si>
    <t>Dep.ABR.2016.csv</t>
  </si>
  <si>
    <t>Solicitações de Férias Irregulares.xls</t>
  </si>
  <si>
    <t>Template para Levantar Processos e ajudar Simplifica los v1.xlsx</t>
  </si>
  <si>
    <t>C:\Users\edilsonrb\OneDrive - Grupo Algar\02.Trabalho\51.PPT.SILVIO\11.EFICIENCIA.OPERACIONAL\</t>
  </si>
  <si>
    <t>Governança de Iniciativas COO_v23.xlsx</t>
  </si>
  <si>
    <t>C:\Users\edilsonrb\OneDrive - Grupo Algar\02.Trabalho\51.PPT.SILVIO\12.RMO\01.MAR.2016\</t>
  </si>
  <si>
    <t>2016_levantamento datacenter-v2.xlsx</t>
  </si>
  <si>
    <t>Cópia de Resultado por Custo_Fev2016 (ITO).xlsx</t>
  </si>
  <si>
    <t>Resultado por Custo_Fev2016 (ITO).xlsx</t>
  </si>
  <si>
    <t>C:\Users\edilsonrb\OneDrive - Grupo Algar\02.Trabalho\51.PPT.SILVIO\12.RMO\02.ABR.2016\</t>
  </si>
  <si>
    <t>Agrupamento.xls</t>
  </si>
  <si>
    <t>C:\Users\edilsonrb\OneDrive - Grupo Algar\02.Trabalho\51.PPT.SILVIO\12.RMO\02.ABR.2016\Infraestrutura de TI - RMOv2.pptx\</t>
  </si>
  <si>
    <t>Microsoft_Excel_Worksheet10.xlsx</t>
  </si>
  <si>
    <t>Microsoft_Excel_Worksheet11.xlsx</t>
  </si>
  <si>
    <t>Microsoft_Excel_Worksheet12.xlsx</t>
  </si>
  <si>
    <t>Microsoft_Excel_Worksheet13.xlsx</t>
  </si>
  <si>
    <t>Microsoft_Excel_Worksheet14.xlsx</t>
  </si>
  <si>
    <t>Microsoft_Excel_Worksheet15.xlsx</t>
  </si>
  <si>
    <t>Microsoft_Excel_Worksheet16.xlsx</t>
  </si>
  <si>
    <t>Microsoft_Excel_Worksheet17.xlsx</t>
  </si>
  <si>
    <t>Microsoft_Excel_Worksheet18.xlsx</t>
  </si>
  <si>
    <t>Microsoft_Excel_Worksheet19.xlsx</t>
  </si>
  <si>
    <t>Microsoft_Excel_Worksheet20.xlsx</t>
  </si>
  <si>
    <t>Microsoft_Excel_Worksheet21.xlsx</t>
  </si>
  <si>
    <t>Microsoft_Excel_Worksheet22.xlsx</t>
  </si>
  <si>
    <t>Microsoft_Excel_Worksheet23.xlsx</t>
  </si>
  <si>
    <t>Microsoft_Excel_Worksheet24.xlsx</t>
  </si>
  <si>
    <t>Microsoft_Excel_Worksheet25.xlsx</t>
  </si>
  <si>
    <t>Microsoft_Excel_Worksheet26.xlsx</t>
  </si>
  <si>
    <t>Microsoft_Excel_Worksheet27.xlsx</t>
  </si>
  <si>
    <t>Microsoft_Excel_Worksheet28.xlsx</t>
  </si>
  <si>
    <t>Microsoft_Excel_Worksheet29.xlsx</t>
  </si>
  <si>
    <t>Microsoft_Excel_Worksheet30.xlsx</t>
  </si>
  <si>
    <t>Microsoft_Excel_Worksheet31.xlsx</t>
  </si>
  <si>
    <t>Microsoft_Excel_Worksheet32.xlsx</t>
  </si>
  <si>
    <t>Microsoft_Excel_Worksheet33.xlsx</t>
  </si>
  <si>
    <t>Microsoft_Excel_Worksheet6.xlsx</t>
  </si>
  <si>
    <t>Microsoft_Excel_Worksheet7.xlsx</t>
  </si>
  <si>
    <t>Microsoft_Excel_Worksheet8.xlsx</t>
  </si>
  <si>
    <t>Microsoft_Excel_Worksheet9.xlsx</t>
  </si>
  <si>
    <t>Projeção.Abr.Mai.xlsx</t>
  </si>
  <si>
    <t>Projeção.Abril.xls</t>
  </si>
  <si>
    <t>Projeção.Maio.xls</t>
  </si>
  <si>
    <t>Resultado por Custo_Mar-2016 (002).xlsx</t>
  </si>
  <si>
    <t>Resultado por Custo_Mar-2016 (FINAL).xlsx</t>
  </si>
  <si>
    <t>Resultado por Custo_Mar-2016.F1.xlsx</t>
  </si>
  <si>
    <t>C:\Users\edilsonrb\OneDrive - Grupo Algar\02.Trabalho\51.PPT.SILVIO\12.RMO\02.ABR.2016\RMO Consolidada.pptx\</t>
  </si>
  <si>
    <t>Microsoft_Excel_Worksheet34.xlsx</t>
  </si>
  <si>
    <t>Microsoft_Excel_Worksheet35.xlsx</t>
  </si>
  <si>
    <t>Microsoft_Excel_Worksheet36.xlsx</t>
  </si>
  <si>
    <t>C:\Users\edilsonrb\OneDrive - Grupo Algar\02.Trabalho\51.PPT.SILVIO\12.RMO\03.MAI.2016\</t>
  </si>
  <si>
    <t>Gráfico no Microsoft PowerPoint.xlsx</t>
  </si>
  <si>
    <t>C:\Users\edilsonrb\OneDrive - Grupo Algar\02.Trabalho\51.PPT.SILVIO\12.RMO\03.MAI.2016\Infraestrutura de TI - RMOv2.pptx\</t>
  </si>
  <si>
    <t>C:\Users\edilsonrb\OneDrive - Grupo Algar\02.Trabalho\51.PPT.SILVIO\12.RMO\03.MAI.2016\Modelo Infra- RMO v6 (003).pptx\</t>
  </si>
  <si>
    <t>C:\Users\edilsonrb\OneDrive - Grupo Algar\02.Trabalho\51.PPT.SILVIO\12.RMO\04.JUN.2016\</t>
  </si>
  <si>
    <t>Cenario e Capturas - Onda 1 - Ate Maio-2016.xlsx</t>
  </si>
  <si>
    <t>C:\Users\edilsonrb\OneDrive - Grupo Algar\02.Trabalho\51.PPT.SILVIO\12.RMO\04.JUN.2016\Modelo Infra- RMO v7 (17 06) (003).pptx\</t>
  </si>
  <si>
    <t>C:\Users\edilsonrb\OneDrive - Grupo Algar\02.Trabalho\51.PPT.SILVIO\12.RMO\04.JUN.2016\Modelo Infra- RMO v7 (17 06).pptx\</t>
  </si>
  <si>
    <t>Resultado por Custo_MAI-2016 v8 ROM 17 06.xlsx</t>
  </si>
  <si>
    <t>C:\Users\edilsonrb\OneDrive - Grupo Algar\02.Trabalho\51.PPT.SILVIO\12.RMO\05.JUL.2016\</t>
  </si>
  <si>
    <t>Cenario e Capturas.xlsx</t>
  </si>
  <si>
    <t>Forecast Operacional_Julho v15.xlsb</t>
  </si>
  <si>
    <t>C:\Users\edilsonrb\OneDrive - Grupo Algar\02.Trabalho\51.PPT.SILVIO\12.RMO\05.JUL.2016\Modelo Infra- RMO Julho.pptx\</t>
  </si>
  <si>
    <t>Modelo.E.xlsx</t>
  </si>
  <si>
    <t>C:\Users\edilsonrb\OneDrive - Grupo Algar\02.Trabalho\51.PPT.SILVIO\12.RMO\05.JUL.2016\RAO - Infra.Jul.pptx\</t>
  </si>
  <si>
    <t>C:\Users\edilsonrb\OneDrive - Grupo Algar\02.Trabalho\51.PPT.SILVIO\12.RMO\06.AGO.2016\</t>
  </si>
  <si>
    <t>Depreciação.xls</t>
  </si>
  <si>
    <t>Estudo 238 - Energia Eletrica_V2.xlsx</t>
  </si>
  <si>
    <t>Governança de Iniciativas COO_v24.xlsx</t>
  </si>
  <si>
    <t>C:\Users\edilsonrb\OneDrive - Grupo Algar\02.Trabalho\51.PPT.SILVIO\12.RMO\06.AGO.2016\RAO - Infra.Ago.pptx\</t>
  </si>
  <si>
    <t>C:\Users\edilsonrb\OneDrive - Grupo Algar\02.Trabalho\51.PPT.SILVIO\12.RMO\06.AGO.2016\ROM 08 08 FINAL.pptx\</t>
  </si>
  <si>
    <t>C:\Users\edilsonrb\OneDrive - Grupo Algar\02.Trabalho\51.PPT.SILVIO\12.RMO\06.AGO.2016\ROM 09 08 FINAL.pptx\</t>
  </si>
  <si>
    <t>C:\Users\edilsonrb\OneDrive - Grupo Algar\02.Trabalho\51.PPT.SILVIO\12.RMO\07.SET.2016\ROM 201608 CONSOLIDADO vfinal.pptx\</t>
  </si>
  <si>
    <t>C:\Users\edilsonrb\OneDrive - Grupo Algar\02.Trabalho\51.PPT.SILVIO\13.RMN\01.ABRIL.2016\</t>
  </si>
  <si>
    <t>Cópia de Template preenchimento RNM v2-1 (004).xlsx</t>
  </si>
  <si>
    <t>Cópia de Template preenchimento RNM v2-1 (005).xlsx</t>
  </si>
  <si>
    <t>Cópia de Template preenchimento RNM v2-1.xlsx</t>
  </si>
  <si>
    <t>C:\Users\edilsonrb\OneDrive - Grupo Algar\02.Trabalho\51.PPT.SILVIO\13.RMN\01.ABRIL.2016\Modelo - RMN v3.pptx\</t>
  </si>
  <si>
    <t>Projeção Abr-Dez 2016 (002).xlsx</t>
  </si>
  <si>
    <t>Projeção.2016.ITO.xlsx</t>
  </si>
  <si>
    <t>Template preenchimento RNM v2-1 (002).xlsx</t>
  </si>
  <si>
    <t>Template preenchimento RNM v2.xlsx</t>
  </si>
  <si>
    <t>C:\Users\edilsonrb\OneDrive - Grupo Algar\02.Trabalho\51.PPT.SILVIO\13.RMN\03.JUNHO.2016\</t>
  </si>
  <si>
    <t>MAIO RMN TEMPLATE.xlsx</t>
  </si>
  <si>
    <t>C:\Users\edilsonrb\OneDrive - Grupo Algar\02.Trabalho\51.PPT.SILVIO\</t>
  </si>
  <si>
    <t>RoadMap Plataforma Digital v1.xlsx</t>
  </si>
  <si>
    <t>RoadMap Plataforma Digital v2.xlsx</t>
  </si>
  <si>
    <t>C:\Users\edilsonrb\OneDrive - Grupo Algar\02.Trabalho\52.DESLIGAMENTO.NEGRISOLI\</t>
  </si>
  <si>
    <t>Formulário - Entrevista de Desligamento.xls</t>
  </si>
  <si>
    <t>C:\Users\edilsonrb\OneDrive - Grupo Algar\02.Trabalho\53.INVENTARIO\</t>
  </si>
  <si>
    <t>PLANILHA DE INVENTÁRIO PADRAO.xlsx</t>
  </si>
  <si>
    <t>C:\Users\edilsonrb\OneDrive - Grupo Algar\02.Trabalho\55.TANGARA.FOODS\Ativas\</t>
  </si>
  <si>
    <t>Planilha TCO-TANGARÁ.XLSX</t>
  </si>
  <si>
    <t>Questionário Completo de Levantamento de Dados - ATIVAS - TANGARÁ.xlsx</t>
  </si>
  <si>
    <t>C:\Users\edilsonrb\OneDrive - Grupo Algar\02.Trabalho\55.TANGARA.FOODS\g0rbag3.zip\pr0ps.7z\Ativas\</t>
  </si>
  <si>
    <t>Planilha TCO-TANGARÃ.XLSX</t>
  </si>
  <si>
    <t>QuestionÃ¡rio Completo de Levantamento de Dados - ATIVAS - TANGARÃ.xlsx</t>
  </si>
  <si>
    <t>C:\Users\edilsonrb\OneDrive - Grupo Algar\02.Trabalho\55.TANGARA.FOODS\pr0ps.7z\Ativas\</t>
  </si>
  <si>
    <t>C:\Users\edilsonrb\OneDrive - Grupo Algar\02.Trabalho\56.LPUs\</t>
  </si>
  <si>
    <t>LPU_CA_Cervelo.xlsx</t>
  </si>
  <si>
    <t>C:\Users\edilsonrb\OneDrive - Grupo Algar\02.Trabalho\57.CLIMA.2016\</t>
  </si>
  <si>
    <t>Estrutura Edilson.xlsx</t>
  </si>
  <si>
    <t>ESTRUTURA PESQUISA DE CLIMA - EDILSON BRAGA.xlsx</t>
  </si>
  <si>
    <t>C:\Users\edilsonrb\OneDrive - Grupo Algar\02.Trabalho\59.DEMANDAS.FLAVIO\</t>
  </si>
  <si>
    <t>Novos Negocios com MCs 2016v3.xlsx</t>
  </si>
  <si>
    <t>C:\Users\edilsonrb\OneDrive - Grupo Algar\02.Trabalho\59.DEMANDAS.FLAVIO\Performance Farming x Hunting 2017 v1.pptx\</t>
  </si>
  <si>
    <t>Projeção_Captura.xlsx</t>
  </si>
  <si>
    <t>C:\Users\edilsonrb\OneDrive - Grupo Algar\02.Trabalho\60.FORECAST\01.set.15.2016\</t>
  </si>
  <si>
    <t>Forecast Operacional Oficial.xlsx</t>
  </si>
  <si>
    <t>C:\Users\edilsonrb\OneDrive - Grupo Algar\02.Trabalho\61.OBJETIVO.CONTRIBUIÇÃO\</t>
  </si>
  <si>
    <t>Objetivos de Contribuição Algar Tech 2ºsem2016_redir 0509.xlsx</t>
  </si>
  <si>
    <t>C:\Users\edilsonrb\OneDrive - Grupo Algar\02.Trabalho\</t>
  </si>
  <si>
    <t>Edilson Out 2015.xlsx</t>
  </si>
  <si>
    <t>C:\Users\edilsonrb\OneDrive - Grupo Algar\02.Trabalho\HE.2016\</t>
  </si>
  <si>
    <t>Edilson Dez 2015.xlsx</t>
  </si>
  <si>
    <t>Edilson Fev 2016.xlsx</t>
  </si>
  <si>
    <t>Edilson Jan 2016.xlsx</t>
  </si>
  <si>
    <t>Edilson Nov 2015.xlsx</t>
  </si>
  <si>
    <t>Relatorio.Clientes.xlsx</t>
  </si>
  <si>
    <t>TEMPLATE ORÇAMENTÁRIO - 2017 - V2 (002).xlsb</t>
  </si>
  <si>
    <t>C:\Users\edilsonrb\OneDrive - Grupo Algar\</t>
  </si>
  <si>
    <t>Pasta de trabalho.xlsx</t>
  </si>
  <si>
    <t>CADASTRO DE SKILL - BI GO.xlsx</t>
  </si>
  <si>
    <t>10.200.61.133</t>
  </si>
  <si>
    <t>FC-01-7C-FE-36-13</t>
  </si>
  <si>
    <t>NB-IRISE</t>
  </si>
  <si>
    <t>irisen</t>
  </si>
  <si>
    <t>Iris Eugenia Nojiri Lopes</t>
  </si>
  <si>
    <t>215368_Preco_rev01.xlsb</t>
  </si>
  <si>
    <t>COORD DE SUPORTE BPO-ESPECIALISTAS</t>
  </si>
  <si>
    <t>FC-01-7C-C0-97-09</t>
  </si>
  <si>
    <t>NB-REGINALDORT</t>
  </si>
  <si>
    <t>reginaldort</t>
  </si>
  <si>
    <t>10.200.57.235</t>
  </si>
  <si>
    <t>FC-01-7C-B3-BE-53</t>
  </si>
  <si>
    <t>NB-ALINERG</t>
  </si>
  <si>
    <t>alinerg</t>
  </si>
  <si>
    <t>Aline Rodrigues Garcia</t>
  </si>
  <si>
    <t>COORD. DE SOLUCOES DE NEGOCIO - ENGESET</t>
  </si>
  <si>
    <t>FC-F8-AE-E3-03-37</t>
  </si>
  <si>
    <t>NB-GUSTAVOAS</t>
  </si>
  <si>
    <t>gustavoas</t>
  </si>
  <si>
    <t>Gustavo Almeida Santarem</t>
  </si>
  <si>
    <t>10.200.57.244</t>
  </si>
  <si>
    <t>20-04-0F-FD-B1-A6</t>
  </si>
  <si>
    <t>NB-JAIROJSA</t>
  </si>
  <si>
    <t>jairojsa</t>
  </si>
  <si>
    <t>Jairo Junior dos Santos</t>
  </si>
  <si>
    <t>10.200.58.26</t>
  </si>
  <si>
    <t>5C-EA-1D-CF-BE-DD</t>
  </si>
  <si>
    <t>NB-LUCIANABO</t>
  </si>
  <si>
    <t>lucianabo</t>
  </si>
  <si>
    <t>Luciana Bernardes de Oliveira</t>
  </si>
  <si>
    <t>10.200.61.26</t>
  </si>
  <si>
    <t>18-66-DA-FE-9C-20</t>
  </si>
  <si>
    <t>C:\Users\elainemdlp\OD\_Projetos\Em andamento\Relacionamento Cartoes BV\03 - Execucao\Centro Logistico\</t>
  </si>
  <si>
    <t>DIRETORIA ADM FINANCEIRO</t>
  </si>
  <si>
    <t>FC-01-7C-B3-56-35</t>
  </si>
  <si>
    <t>NB-ERICACDOSC</t>
  </si>
  <si>
    <t>ericacdosc</t>
  </si>
  <si>
    <t>ERICA CAROLINA DE OLIVEIRA SILVA CARVALHO</t>
  </si>
  <si>
    <t>10.200.61.57</t>
  </si>
  <si>
    <t>FC-01-7C-B3-BA-01</t>
  </si>
  <si>
    <t>NB-MATEUSMS</t>
  </si>
  <si>
    <t>mateusms</t>
  </si>
  <si>
    <t>Mateus Malaquias Silva</t>
  </si>
  <si>
    <t>64-1C-67-9C-32-FD</t>
  </si>
  <si>
    <t>NB-FERNANDORSJ</t>
  </si>
  <si>
    <t>fernandorsju</t>
  </si>
  <si>
    <t>Fernando Rodrigues Siqueira Junior</t>
  </si>
  <si>
    <t>64-1C-67-9C-32-47</t>
  </si>
  <si>
    <t>NB-WANESSAB</t>
  </si>
  <si>
    <t>wanessabds</t>
  </si>
  <si>
    <t>Wanessa Borges de Souza</t>
  </si>
  <si>
    <t>/o=exchangelabs/ou=exchange administrative group (fydibohf23spdlt)/cn=recipients/cn=b194f014572c4c36b52132f9199df1aa-jairo junio;</t>
  </si>
  <si>
    <t>/o=exchangelabs/ou=exchange administrative group (fydibohf23spdlt)/cn=recipients/cn=b194f014572c4c36b52132f9199df1aa-jairo junio</t>
  </si>
  <si>
    <t>SPTI-340009764</t>
  </si>
  <si>
    <t>daniel</t>
  </si>
  <si>
    <t>Daniel Bierhals Macedo</t>
  </si>
  <si>
    <t>10.200.200.76</t>
  </si>
  <si>
    <t>EC-F4-BB-F5-CE-CD</t>
  </si>
  <si>
    <t>NB-KEILAPSBA</t>
  </si>
  <si>
    <t>/o=exchangelabs/ou=exchange administrative group (fydibohf23spdlt)/cn=recipients/cn=6857e7b89b5f46e3b6aed2352ac8d5ac-carlos albe;</t>
  </si>
  <si>
    <t>/o=exchangelabs/ou=exchange administrative group (fydibohf23spdlt)/cn=recipients/cn=6857e7b89b5f46e3b6aed2352ac8d5ac-carlos albe</t>
  </si>
  <si>
    <t>10.200.39.51</t>
  </si>
  <si>
    <t>90-CD-B6-A4-0E-63</t>
  </si>
  <si>
    <t>NB-BRUNOCR</t>
  </si>
  <si>
    <t>hewertontr</t>
  </si>
  <si>
    <t>Hewerton Teixeira Ramos</t>
  </si>
  <si>
    <t>/o=exchangelabs/ou=exchange administrative group (fydibohf23spdlt)/cn=recipients/cn=122c3ad8b401472e84885d44a2466b4c-jair de pau;</t>
  </si>
  <si>
    <t>/o=exchangelabs/ou=exchange administrative group (fydibohf23spdlt)/cn=recipients/cn=122c3ad8b401472e84885d44a2466b4c-jair de pau</t>
  </si>
  <si>
    <t>/o=exchangelabs/ou=exchange administrative group (fydibohf23spdlt)/cn=recipients/cn=690534bfcd7340c7beff9dafbdbfc25f-paulo henri;</t>
  </si>
  <si>
    <t>/o=exchangelabs/ou=exchange administrative group (fydibohf23spdlt)/cn=recipients/cn=690534bfcd7340c7beff9dafbdbfc25f-paulo henri</t>
  </si>
  <si>
    <t>D8-9C-67-01-5F-31</t>
  </si>
  <si>
    <t>10.200.58.19</t>
  </si>
  <si>
    <t>Plan Precificacao C017 B017.xlsb</t>
  </si>
  <si>
    <t>10.200.58.56</t>
  </si>
  <si>
    <t>FC-01-7C-C0-96-B1</t>
  </si>
  <si>
    <t>NB-RENATOFOL</t>
  </si>
  <si>
    <t>renatofol</t>
  </si>
  <si>
    <t>Datacenter_Maringá e Curitiba - BANCO SICOOB BRASIL - Move para Cloud.xlsx</t>
  </si>
  <si>
    <t>10.200.60.212</t>
  </si>
  <si>
    <t>/o=exchangelabs/ou=exchange administrative group (fydibohf23spdlt)/cn=recipients/cn=2504d5028b6b4fb89d14a5df6031358d-jane carla;</t>
  </si>
  <si>
    <t>/o=exchangelabs/ou=exchange administrative group (fydibohf23spdlt)/cn=recipients/cn=2504d5028b6b4fb89d14a5df6031358d-jane carla</t>
  </si>
  <si>
    <t>54-BF-64-F5-7F-DC</t>
  </si>
  <si>
    <t>NB-DIEGOBG</t>
  </si>
  <si>
    <t>diegobg</t>
  </si>
  <si>
    <t>Diego Bardauil Gomes</t>
  </si>
  <si>
    <t>/o=exchangelabs/ou=exchange administrative group (fydibohf23spdlt)/cn=recipients/cn=287c26b08a0f48578479a15a452f025d-edilson rod;</t>
  </si>
  <si>
    <t>/o=exchangelabs/ou=exchange administrative group (fydibohf23spdlt)/cn=recipients/cn=287c26b08a0f48578479a15a452f025d-edilson rod</t>
  </si>
  <si>
    <t>10.200.57.101</t>
  </si>
  <si>
    <t>Cópia de Template Orçamentário Pessoal - 2020_Simone Eloi.xlsx</t>
  </si>
  <si>
    <t>Pasta3.xlsx</t>
  </si>
  <si>
    <t>10.250.255.88</t>
  </si>
  <si>
    <t>NB-MICHELLEAV</t>
  </si>
  <si>
    <t>douglassp</t>
  </si>
  <si>
    <t>C:\Users\douglassp\Desktop\</t>
  </si>
  <si>
    <t>Douglas Silverio Pinto</t>
  </si>
  <si>
    <t>/o=exchangelabs/ou=exchange administrative group (fydibohf23spdlt)/cn=recipients/cn=ed2578a7fad746b59b0f586e2ee82bbd-heliel de f;</t>
  </si>
  <si>
    <t>/o=exchangelabs/ou=exchange administrative group (fydibohf23spdlt)/cn=recipients/cn=ed2578a7fad746b59b0f586e2ee82bbd-heliel de f</t>
  </si>
  <si>
    <t>Report Transformação_RE9 GRC.xlsx</t>
  </si>
  <si>
    <t>/o=exchangelabs/ou=exchange administrative group (fydibohf23spdlt)/cn=recipients/cn=5ab64dc5178e4d66aadc5f660807b2c3-andre gomes;</t>
  </si>
  <si>
    <t>/o=exchangelabs/ou=exchange administrative group (fydibohf23spdlt)/cn=recipients/cn=5ab64dc5178e4d66aadc5f660807b2c3-andre gomes</t>
  </si>
  <si>
    <t>10.200.57.151</t>
  </si>
  <si>
    <t>14-2D-27-CD-04-97</t>
  </si>
  <si>
    <t>NB-YURIIFD</t>
  </si>
  <si>
    <t>yuriifd</t>
  </si>
  <si>
    <t>YURI IAN FREIRE DINIZ</t>
  </si>
  <si>
    <t>10.200.57.88</t>
  </si>
  <si>
    <t>64-1C-67-9C-54-27</t>
  </si>
  <si>
    <t>Marianna Costa Silva Mota</t>
  </si>
  <si>
    <t>B8-76-3F-82-C6-5F</t>
  </si>
  <si>
    <t>NB-MILENPF</t>
  </si>
  <si>
    <t>milenepf</t>
  </si>
  <si>
    <t>Milene Patricia Fernandes</t>
  </si>
  <si>
    <t>Preco Final V2.xlsb</t>
  </si>
  <si>
    <t>10.250.254.86</t>
  </si>
  <si>
    <t>FC-01-7C-B3-8D-89</t>
  </si>
  <si>
    <t>C:\Users\filemoncmj\OneDrive - Grupo Algar\01. Algar Tech\01. Projetos de Clientes\47. Prudential\15. Análises de Capacidade\Consulta Disponibilidade de Ativos - Prudential.eml\</t>
  </si>
  <si>
    <t>Classificação de Itens ISD (1)_RETORNO DISPONIBILIDADE.x lsx.xlsx</t>
  </si>
  <si>
    <t>Template_Materiais_Escritorio_Informatica_RETORNO DISPONIBILIDADE.xlsx</t>
  </si>
  <si>
    <t>COORDENACAO GEXP - BIG DATA</t>
  </si>
  <si>
    <t>10.200.68.126</t>
  </si>
  <si>
    <t>9C-30-5B-F7-E1-75</t>
  </si>
  <si>
    <t>NB-MARCOTB</t>
  </si>
  <si>
    <t>marcotb</t>
  </si>
  <si>
    <t>/o=exchangelabs/ou=exchange administrative group (fydibohf23spdlt)/cn=recipients/cn=f6cbd0513564419dbd829242338a05f3-wilsiane ma;</t>
  </si>
  <si>
    <t>Gamification - Gerentes.xlsm</t>
  </si>
  <si>
    <t>/o=exchangelabs/ou=exchange administrative group (fydibohf23spdlt)/cn=recipients/cn=f6cbd0513564419dbd829242338a05f3-wilsiane ma</t>
  </si>
  <si>
    <t>C:\Users\filemoncmj\OneDrive - Grupo Algar\01. Algar Tech\01. Projetos de Clientes\47. Prudential\15. Análises de Capacidade\</t>
  </si>
  <si>
    <t>Classificação de Itens ISD (1)_RETORNO DISPONIBILIDADE.xlsx</t>
  </si>
  <si>
    <t>10.200.32.194</t>
  </si>
  <si>
    <t>C:\Users\leonoraat\OneDrive - Grupo Algar\Área de Trabalho\</t>
  </si>
  <si>
    <t>Operação Leonora_04-09.xls</t>
  </si>
  <si>
    <t>Tempo Improdutivo.xlsm</t>
  </si>
  <si>
    <t>SERVICOS ESPECIALISTAS BPO</t>
  </si>
  <si>
    <t>10.200.58.117</t>
  </si>
  <si>
    <t>20-04-0F-FD-A4-04</t>
  </si>
  <si>
    <t>NB-ALESSANDROAM</t>
  </si>
  <si>
    <t>alessandroam</t>
  </si>
  <si>
    <t>C:\Users\alessandroam\OneDrive\OneDrive - Grupo Algar\01 - Historico\02 - Seg Informação\00 - TH Seg Inf\</t>
  </si>
  <si>
    <t>MARINA SOARES FONSECA</t>
  </si>
  <si>
    <t>DCO CML MERCADO GOVERNO</t>
  </si>
  <si>
    <t>10.200.60.76</t>
  </si>
  <si>
    <t>D8-9C-67-4D-6A-95</t>
  </si>
  <si>
    <t>NB-JEFERSONFO</t>
  </si>
  <si>
    <t>jefersonfo</t>
  </si>
  <si>
    <t>10.200.35.147</t>
  </si>
  <si>
    <t>2C-FD-A1-93-79-02</t>
  </si>
  <si>
    <t>SI-D028P</t>
  </si>
  <si>
    <t>josemfs</t>
  </si>
  <si>
    <t>54-BF-64-F5-7F-74</t>
  </si>
  <si>
    <t>NB-WALESKAMM</t>
  </si>
  <si>
    <t>waleskamms</t>
  </si>
  <si>
    <t>C:\Users\waleskamms\OneDrive - Grupo Algar\</t>
  </si>
  <si>
    <t>10.200.61.187</t>
  </si>
  <si>
    <t>20-04-0F-FE-46-EE</t>
  </si>
  <si>
    <t>NB-GUSTAVOHDSI</t>
  </si>
  <si>
    <t>higorbp</t>
  </si>
  <si>
    <t>HIGOR BARCELOS PEREIRA</t>
  </si>
  <si>
    <t>https://cscatende.algarnet.com.br/html/hd/hdscriptresposta/request/uploadincidentattachment.php?cdclassificacao=&amp;action=1&amp;lastpositionattachement=undefined&amp;cdquestao=8334&amp;idmaisanexos=t</t>
  </si>
  <si>
    <t>36050;</t>
  </si>
  <si>
    <t>VALOR Setembro.19 OFFICE 365.xlsx</t>
  </si>
  <si>
    <t>https://36050</t>
  </si>
  <si>
    <t>ENC: Clientes Fechado x Internalizados - Reajustes - 2019</t>
  </si>
  <si>
    <t>Fechados de JAN -SET-19.xlsx</t>
  </si>
  <si>
    <t>10.200.57.122</t>
  </si>
  <si>
    <t>D8-9C-67-6F-33-9D</t>
  </si>
  <si>
    <t>Gestão de Reajustes 2019 v8.1.xlsx</t>
  </si>
  <si>
    <t>\\acsfs\DEPTOS\Controladoria\Planejamento\Reuniões Mensais\2017\Controle de CR's\Templates\Criação\</t>
  </si>
  <si>
    <t>54-BF-64-F6-7C-90</t>
  </si>
  <si>
    <t>NB-PAULOCRUZ</t>
  </si>
  <si>
    <t>pauloscr</t>
  </si>
  <si>
    <t>Paulo Sergio da Cruz</t>
  </si>
  <si>
    <t>/o=exchangelabs/ou=exchange administrative group (fydibohf23spdlt)/cn=recipients/cn=518109802f95454588121e2ff09bd792-marcio roge;</t>
  </si>
  <si>
    <t>/o=exchangelabs/ou=exchange administrative group (fydibohf23spdlt)/cn=recipients/cn=518109802f95454588121e2ff09bd792-marcio roge</t>
  </si>
  <si>
    <t>CONS JUSTICA FEDERAL CJF-PROFESSIONAL SERVICE</t>
  </si>
  <si>
    <t>c:\users\flavia\documents\1608\solicitação férias irregulares\</t>
  </si>
  <si>
    <t>/o=exchangelabs/ou=exchange administrative group (fydibohf23spdlt)/cn=recipients/cn=f0ff087361a245daa16e71ac77ecc3f0-ivan costa;</t>
  </si>
  <si>
    <t>/o=exchangelabs/ou=exchange administrative group (fydibohf23spdlt)/cn=recipients/cn=f0ff087361a245daa16e71ac77ecc3f0-ivan costa</t>
  </si>
  <si>
    <t>64-1C-67-9C-32-25</t>
  </si>
  <si>
    <t>NB-GUSTAVOFB</t>
  </si>
  <si>
    <t>gustavofbo</t>
  </si>
  <si>
    <t>C:\Users\gustavofbo\OneDrive - Grupo Algar\DAC\AVAYA\</t>
  </si>
  <si>
    <t>Servidores.xls</t>
  </si>
  <si>
    <t>C:\Users\elainemdlp\OD\_Projetos\Em andamento\Relacionamento Cartoes BV\</t>
  </si>
  <si>
    <t>Dados do Projeto.xlsx</t>
  </si>
  <si>
    <t>10.200.57.135</t>
  </si>
  <si>
    <t>10.200.58.0</t>
  </si>
  <si>
    <t>5C-EA-1D-CF-BF-69</t>
  </si>
  <si>
    <t>10.200.61.47</t>
  </si>
  <si>
    <t>54-BF-64-F5-84-9E</t>
  </si>
  <si>
    <t>RES: 3003 - impactos</t>
  </si>
  <si>
    <t>maurojmdo@algartech.com</t>
  </si>
  <si>
    <t>REVENDA INTEGRACAO</t>
  </si>
  <si>
    <t>10.207.12.66</t>
  </si>
  <si>
    <t>D8-9C-67-86-36-5B</t>
  </si>
  <si>
    <t>NB-SHERLEYCE</t>
  </si>
  <si>
    <t>sherleyce</t>
  </si>
  <si>
    <t>SHERLEY CRISTINA ESTETER</t>
  </si>
  <si>
    <t>DIRETO ARNOLDO OP 0000</t>
  </si>
  <si>
    <t>D4-6A-6A-F9-D4-83</t>
  </si>
  <si>
    <t>NB-SUELENMM</t>
  </si>
  <si>
    <t>suelenmm</t>
  </si>
  <si>
    <t>SUELEN MOREIRA MARQUES</t>
  </si>
  <si>
    <t>BP Preço C017 B017-Renault Latam LOT5 (insite) v1.7 - 26%MC (fechamento pós BAFO) - Suelen.xlsb</t>
  </si>
  <si>
    <t>10.200.57.192</t>
  </si>
  <si>
    <t>5C-EA-1D-D8-3B-55</t>
  </si>
  <si>
    <t>10.200.61.111</t>
  </si>
  <si>
    <t>54-BF-64-F5-7F-8C</t>
  </si>
  <si>
    <t>NB-LEANDROJBE</t>
  </si>
  <si>
    <t>leandrojbe</t>
  </si>
  <si>
    <t>Leandro Jose Beicker</t>
  </si>
  <si>
    <t>COORD GERAL TI</t>
  </si>
  <si>
    <t>10.201.30.68</t>
  </si>
  <si>
    <t>AC-7B-A1-A2-52-24</t>
  </si>
  <si>
    <t>NB-GABRIELJST</t>
  </si>
  <si>
    <t>gabrieljst</t>
  </si>
  <si>
    <t>Gabriel Jose Storti</t>
  </si>
  <si>
    <t>/o=exchangelabs/ou=exchange administrative group (fydibohf23spdlt)/cn=recipients/cn=356687541e6d4dba87a6d07b3c4b9c4a-paulinia av;isabelaaf@algartech.com.br;</t>
  </si>
  <si>
    <t>/o=exchangelabs/ou=exchange administrative group (fydibohf23spdlt)/cn=recipients/cn=356687541e6d4dba87a6d07b3c4b9c4a-paulinia av,isabelaaf@algartech.com.br</t>
  </si>
  <si>
    <t>/o=exchangelabs/ou=exchange administrative group (fydibohf23spdlt)/cn=recipients/cn=00cbfeb21b7f4227913dbc3d5802a114-celso tadeu;</t>
  </si>
  <si>
    <t>/o=exchangelabs/ou=exchange administrative group (fydibohf23spdlt)/cn=recipients/cn=00cbfeb21b7f4227913dbc3d5802a114-celso tadeu</t>
  </si>
  <si>
    <t>10.200.66.185</t>
  </si>
  <si>
    <t>10.200.61.51</t>
  </si>
  <si>
    <t>48-5F-99-DE-BE-A9</t>
  </si>
  <si>
    <t>NB-RODRIGODCP</t>
  </si>
  <si>
    <t>rodrigodcp</t>
  </si>
  <si>
    <t>/o=exchangelabs/ou=exchange administrative group (fydibohf23spdlt)/cn=recipients/cn=71d61cf74988455d8586a88b31233851-pablo mathe;</t>
  </si>
  <si>
    <t>/o=exchangelabs/ou=exchange administrative group (fydibohf23spdlt)/cn=recipients/cn=71d61cf74988455d8586a88b31233851-pablo mathe</t>
  </si>
  <si>
    <t>64-1C-67-9C-32-2C</t>
  </si>
  <si>
    <t>NB-RUIDRT</t>
  </si>
  <si>
    <t>ruidrt</t>
  </si>
  <si>
    <t>D:\Users\josemfs\OneDrive - Grupo Algar\Área de Trabalho\</t>
  </si>
  <si>
    <t>FC-01-7C-B3-BC-C7</t>
  </si>
  <si>
    <t>D8-9C-67-6F-2A-01</t>
  </si>
  <si>
    <t>10.200.60.135</t>
  </si>
  <si>
    <t>D8-9C-67-01-54-99</t>
  </si>
  <si>
    <t>micheless@algartech.com;</t>
  </si>
  <si>
    <t>micheless@algartech.com</t>
  </si>
  <si>
    <t>/o=exchangelabs/ou=exchange administrative group (fydibohf23spdlt)/cn=recipients/cn=fe134ce6f7124ebfa00395a14326bd71-luciana ber;</t>
  </si>
  <si>
    <t>/o=exchangelabs/ou=exchange administrative group (fydibohf23spdlt)/cn=recipients/cn=fe134ce6f7124ebfa00395a14326bd71-luciana ber</t>
  </si>
  <si>
    <t>RetencaoV2.csv</t>
  </si>
  <si>
    <t>10.207.12.82</t>
  </si>
  <si>
    <t>64-1C-67-A0-39-20</t>
  </si>
  <si>
    <t>NB-ANDRESSATAL</t>
  </si>
  <si>
    <t>andressatal</t>
  </si>
  <si>
    <t>C:\Users\andressatal\Desktop\</t>
  </si>
  <si>
    <t>TRANSACIONAIS AGR.xlsx</t>
  </si>
  <si>
    <t>10.200.58.14</t>
  </si>
  <si>
    <t>54-BF-64-F5-7E-60</t>
  </si>
  <si>
    <t>roldineism</t>
  </si>
  <si>
    <t>20-04-0F-FD-B0-C6</t>
  </si>
  <si>
    <t>NB-LEANDROLDS</t>
  </si>
  <si>
    <t>leandrolds</t>
  </si>
  <si>
    <t>LEANDRO LOPES DOS SANTOS</t>
  </si>
  <si>
    <t>CTIC SERVICOS GERENCIADOS - FIELD SERVICE</t>
  </si>
  <si>
    <t>10.200.58.194</t>
  </si>
  <si>
    <t>9C-B7-0D-79-FA-94</t>
  </si>
  <si>
    <t>NB-GUSTAVOHDSA</t>
  </si>
  <si>
    <t>gustavohdsa</t>
  </si>
  <si>
    <t>10.200.35.218</t>
  </si>
  <si>
    <t>54-BF-64-F5-7E-46</t>
  </si>
  <si>
    <t>NB-ALEFL</t>
  </si>
  <si>
    <t>alefl</t>
  </si>
  <si>
    <t>alefl@algartech.com</t>
  </si>
  <si>
    <t>C:\Users\filemoncmj\OneDrive - Grupo Algar\01. Algar Tech\02. Projetos Corporativos\06. PPE\Intuitive Service Desk\12. FTE\2019\09. Setembro\</t>
  </si>
  <si>
    <t>010919 - Registro de FTE Realizado ISD.xlsb</t>
  </si>
  <si>
    <t>64-1C-67-9C-32-DC</t>
  </si>
  <si>
    <t>/o=exchangelabs/ou=exchange administrative group (fydibohf23spdlt)/cn=recipients/cn=1e212ef08dab4f26b88cba944f2ab7cb-pmo.governa;/o=exchangelabs/ou=exchange administrative group (fydibohf23spdlt)/cn=recipients/cn=65d35bc38c6743d7a55b3ae9726a5893-diego ribei;</t>
  </si>
  <si>
    <t>/o=exchangelabs/ou=exchange administrative group (fydibohf23spdlt)/cn=recipients/cn=1e212ef08dab4f26b88cba944f2ab7cb-pmo.governa,/o=exchangelabs/ou=exchange administrative group (fydibohf23spdlt)/cn=recipients/cn=65d35bc38c6743d7a55b3ae9726a5893-diego ribei</t>
  </si>
  <si>
    <t>9C-30-5B-FC-2D-FB</t>
  </si>
  <si>
    <t>NB-ADRIANOMS</t>
  </si>
  <si>
    <t>adrianoms</t>
  </si>
  <si>
    <t>Adriano Monteiro de Souza</t>
  </si>
  <si>
    <t>gustavoplo@algartech.com</t>
  </si>
  <si>
    <t>C:\Users\gustavoplo\Documents\Telecom\1- TELEVENDAS\7- Book de Qualidade\</t>
  </si>
  <si>
    <t>C:\Users\filemoncmj\OneDrive - Grupo Algar\01. Algar Tech\02. Projetos Corporativos\06. PPE\Intuitive Service Desk\12. FTE\2019\10. Outubro\</t>
  </si>
  <si>
    <t>151019 - Registro de FTE Realizado ISD.xlsb</t>
  </si>
  <si>
    <t>C:\Users\filemoncmj\OneDrive - Grupo Algar\01. Algar Tech\02. Projetos Corporativos\06. PPE\GIAT\09. FTE\2019\10. Outubro\</t>
  </si>
  <si>
    <t>151019 - Registro de FTE Realizado GIAT.xlsb</t>
  </si>
  <si>
    <t>C:\Users\alessandroam\OneDrive\OneDrive - Grupo Algar\01 - Historico\02 - Seg Informação\02 - Entregas e Desafios\</t>
  </si>
  <si>
    <t>64-1C-67-9C-32-11</t>
  </si>
  <si>
    <t>NB-CLAIDSONE</t>
  </si>
  <si>
    <t>claidsones</t>
  </si>
  <si>
    <t>outlook.live.com/owa/service.svc/CreateAttachmentFromLocalFile</t>
  </si>
  <si>
    <t>C:\OneDrive\OneDrive - Grupo Algar\ONEDRIVE_SegInfo\PROJETOS\Inventarios_10102019\</t>
  </si>
  <si>
    <t>10.200.61.39</t>
  </si>
  <si>
    <t>D8-9C-67-6F-30-1D</t>
  </si>
  <si>
    <t>NB-MARCOSPR</t>
  </si>
  <si>
    <t>marcospr</t>
  </si>
  <si>
    <t>Removable Storage</t>
  </si>
  <si>
    <t>NB-JOSEMTR</t>
  </si>
  <si>
    <t>alinens</t>
  </si>
  <si>
    <t>C:\Users\alinens\Documents\DOCS PARA PUBLICAR\</t>
  </si>
  <si>
    <t>C:\Users\marcopaulolr\OneDrive - Grupo Algar\09 STAFF DIGITAL\</t>
  </si>
  <si>
    <t>10.207.12.97</t>
  </si>
  <si>
    <t>64-1C-67-9D-35-07</t>
  </si>
  <si>
    <t>10.200.57.143</t>
  </si>
  <si>
    <t>EC-F4-BB-F7-2C-4E</t>
  </si>
  <si>
    <t>NB-HELIELDFS</t>
  </si>
  <si>
    <t>helieldfs</t>
  </si>
  <si>
    <t>HELIEL DE FREITAS SILVA</t>
  </si>
  <si>
    <t>10.200.58.231</t>
  </si>
  <si>
    <t>F8-16-54-BA-67-1F</t>
  </si>
  <si>
    <t>daniloma@algartech.com</t>
  </si>
  <si>
    <t>DAF OP LOGISTICA</t>
  </si>
  <si>
    <t>58-20-B1-0D-DC-3A</t>
  </si>
  <si>
    <t>NBHE-FERNANDOOR</t>
  </si>
  <si>
    <t>lucashdsi</t>
  </si>
  <si>
    <t>LUCAS HENRIQUE DA SILVA</t>
  </si>
  <si>
    <t>10.200.36.29</t>
  </si>
  <si>
    <t>64-1C-67-9D-34-3F</t>
  </si>
  <si>
    <t>NB-DANILOAS</t>
  </si>
  <si>
    <t>daniloasb</t>
  </si>
  <si>
    <t>daniloasb@algartech.com</t>
  </si>
  <si>
    <t>Andressa Tuler de Almeida Castilho</t>
  </si>
  <si>
    <t>Pipeline Latam</t>
  </si>
  <si>
    <t>/o=exchangelabs/ou=exchange administrative group (fydibohf23spdlt)/cn=recipients/cn=372a4aee70df4061aed129651510b96b-raul montei;/o=exchangelabs/ou=exchange administrative group (fydibohf23spdlt)/cn=recipients/cn=bd4a6c1d532c4ca6b437020e0da70310-leonardo ar;/o=exchangelabs/ou=exchange administrative group (fydibohf23spdlt)/cn=recipients/cn=f81170438a4f41149eaff593d363a163-alejandro l;</t>
  </si>
  <si>
    <t>Pipeline Argentina</t>
  </si>
  <si>
    <t>/o=exchangelabs/ou=exchange administrative group (fydibohf23spdlt)/cn=recipients/cn=372a4aee70df4061aed129651510b96b-raul montei,/o=exchangelabs/ou=exchange administrative group (fydibohf23spdlt)/cn=recipients/cn=bd4a6c1d532c4ca6b437020e0da70310-leonardo ar,/o=exchangelabs/ou=exchange administrative group (fydibohf23spdlt)/cn=recipients/cn=f81170438a4f41149eaff593d363a163-alejandro l</t>
  </si>
  <si>
    <t>Outubro_ Formalização.xlsm</t>
  </si>
  <si>
    <t>/o=exchangelabs/ou=exchange administrative group (fydibohf23spdlt)/cn=recipients/cn=1a891a11d41b4f2490d38c4920393403-hernan edua;/o=exchangelabs/ou=exchange administrative group (fydibohf23spdlt)/cn=recipients/cn=31530e847059489c86826d7f6601733b-yuly alejan;/o=exchangelabs/ou=exchange administrative group (fydibohf23spdlt)/cn=recipients/cn=372a4aee70df4061aed129651510b96b-raul montei;/o=exchangelabs/ou=exchange administrative group (fydibohf23spdlt)/cn=recipients/cn=88cfe72c15cd402bb9c857655af0f1c2-mauricio mo;/o=exchangelabs/ou=exchange administrative group (fydibohf23spdlt)/cn=recipients/cn=cd2f6a42331c43af8f518d787df888b8-diana milei;/o=exchangelabs/ou=exchange administrative group (fydibohf23spdlt)/cn=recipients/cn=dc2c5efff31d437e832479c059a1cb66-gonzalo art;/o=exchangelabs/ou=exchange administrative group (fydibohf23spdlt)/cn=recipients/cn=f7ce32d4dd56453fa44b9dcb07f56da4-daniela alv;</t>
  </si>
  <si>
    <t>Pipeline Colombia</t>
  </si>
  <si>
    <t>/o=exchangelabs/ou=exchange administrative group (fydibohf23spdlt)/cn=recipients/cn=1a891a11d41b4f2490d38c4920393403-hernan edua,/o=exchangelabs/ou=exchange administrative group (fydibohf23spdlt)/cn=recipients/cn=31530e847059489c86826d7f6601733b-yuly alejan,/o=exchangelabs/ou=exchange administrative group (fydibohf23spdlt)/cn=recipients/cn=372a4aee70df4061aed129651510b96b-raul montei,/o=exchangelabs/ou=exchange administrative group (fydibohf23spdlt)/cn=recipients/cn=88cfe72c15cd402bb9c857655af0f1c2-mauricio mo,/o=exchangelabs/ou=exchange administrative group (fydibohf23spdlt)/cn=recipients/cn=cd2f6a42331c43af8f518d787df888b8-diana milei,/o=exchangelabs/ou=exchange administrative group (fydibohf23spdlt)/cn=recipients/cn=dc2c5efff31d437e832479c059a1cb66-gonzalo art,/o=exchangelabs/ou=exchange administrative group (fydibohf23spdlt)/cn=recipients/cn=f7ce32d4dd56453fa44b9dcb07f56da4-daniela alv</t>
  </si>
  <si>
    <t>Pipeline Mexico</t>
  </si>
  <si>
    <t>janecsa@algartech.com</t>
  </si>
  <si>
    <t>Classificacao_de_Itens_GIAT Classificado.xlsx</t>
  </si>
  <si>
    <t>Classificacao_de_Itens_ISD Classificado.xlsx</t>
  </si>
  <si>
    <t>C:\Users\filemoncmj\OneDrive - Grupo Algar\01. Algar Tech\01. Projetos de Clientes\47. Prudential\07. Aquisições\01. Planilha de Classificação\</t>
  </si>
  <si>
    <t>D:\OneDrive\AlgarTech\Pré-Vendas\Cliente\2019\Algar Telecom\214360 - BASIS - Santa Helena\</t>
  </si>
  <si>
    <t>214360_Preco_rev04.xlsb</t>
  </si>
  <si>
    <t>alessandroam@algartech.com</t>
  </si>
  <si>
    <t>64-1C-67-9B-A1-92</t>
  </si>
  <si>
    <t>NB-RAPHAELAPM</t>
  </si>
  <si>
    <t>raphaelapm</t>
  </si>
  <si>
    <t>C:\Users\raphaelapm\Desktop\</t>
  </si>
  <si>
    <t>EC-F4-BB-F7-2C-F8</t>
  </si>
  <si>
    <t>C:\Users\rodrigormc\AppData\Local\Temp\</t>
  </si>
  <si>
    <t>64-1C-67-9B-A2-1A</t>
  </si>
  <si>
    <t>NB-LAUANECCA</t>
  </si>
  <si>
    <t>lauanecca</t>
  </si>
  <si>
    <t>Lauane Cristina Cardoso</t>
  </si>
  <si>
    <t>C:\Users\gustavoplo\Documents\Telecom\2- RETENÇÃO\7- Book de Qualidade\</t>
  </si>
  <si>
    <t>10.200.59.253</t>
  </si>
  <si>
    <t>20-04-0F-FE-47-44</t>
  </si>
  <si>
    <t>NB-MARCOTVO</t>
  </si>
  <si>
    <t>marcotvo</t>
  </si>
  <si>
    <t>D4-6A-6A-F9-D4-25</t>
  </si>
  <si>
    <t>NB-CARLOSFN</t>
  </si>
  <si>
    <t>carlosfn</t>
  </si>
  <si>
    <t>C:\TEMP - Carlos Facioli\</t>
  </si>
  <si>
    <t>2C-6F-C9-66-3C-25</t>
  </si>
  <si>
    <t>FC-01-7C-B3-BA-E7</t>
  </si>
  <si>
    <t>/o=exchangelabs/ou=exchange administrative group (fydibohf23spdlt)/cn=recipients/cn=3a10c1d788234688b257ab253389ec06-mateus mala;</t>
  </si>
  <si>
    <t>/o=exchangelabs/ou=exchange administrative group (fydibohf23spdlt)/cn=recipients/cn=3a10c1d788234688b257ab253389ec06-mateus mala</t>
  </si>
  <si>
    <t>\\acsfs\QLD\Gestão por Processos\Oficiais\Indicadores\Automação de Processos\01 - APLICAÇÕES\02 - QLIKVIEW\01 - INPUTS\24 - ANALISE FINANCEIRA MENSAL\ARQUIVOS\AUXILIAR\</t>
  </si>
  <si>
    <t>TB_CONSOLIDACAO.xlsx</t>
  </si>
  <si>
    <t>/o=exchangelabs/ou=exchange administrative group (fydibohf23spdlt)/cn=recipients/cn=8a0784ccebb14202a66b1b8f3a285b61-thais de al;</t>
  </si>
  <si>
    <t>/o=exchangelabs/ou=exchange administrative group (fydibohf23spdlt)/cn=recipients/cn=8a0784ccebb14202a66b1b8f3a285b61-thais de al</t>
  </si>
  <si>
    <t>10.200.58.107</t>
  </si>
  <si>
    <t>D8-9C-67-6F-2A-E9</t>
  </si>
  <si>
    <t>/o=exchangelabs/ou=exchange administrative group (fydibohf23spdlt)/cn=recipients/cn=55f846c335d7437f892f0b0d49c89e92-celma ribei;</t>
  </si>
  <si>
    <t>/o=exchangelabs/ou=exchange administrative group (fydibohf23spdlt)/cn=recipients/cn=55f846c335d7437f892f0b0d49c89e92-celma ribei</t>
  </si>
  <si>
    <t>10.250.255.61</t>
  </si>
  <si>
    <t>Cost Driver 2019-2 Algar Tech.xlsx</t>
  </si>
  <si>
    <t>10.250.255.80</t>
  </si>
  <si>
    <t>cristianecsa@algartech.com;</t>
  </si>
  <si>
    <t>cristianecsa@algartech.com</t>
  </si>
  <si>
    <t>ASSESSORIA DE SEGURANCA</t>
  </si>
  <si>
    <t>10.200.57.59</t>
  </si>
  <si>
    <t>DC-A2-66-40-EA-AF</t>
  </si>
  <si>
    <t>NB-MARCELODD</t>
  </si>
  <si>
    <t>marcelodds</t>
  </si>
  <si>
    <t>C:\Users\filemoncmj\OneDrive - Grupo Algar\01. Algar Tech\01. Projetos de Clientes\47. Prudential\07. Aquisições\08. Ramais e Headphones\Atualização de Cotação.eml\</t>
  </si>
  <si>
    <t>Aligera - Planilha de Preços Algar - 07.10.19.xlsx</t>
  </si>
  <si>
    <t>C:\Users\filemoncmj\OneDrive - Grupo Algar\01. Algar Tech\01. Projetos de Clientes\47. Prudential\07. Aquisições\08. Ramais e Headphones\</t>
  </si>
  <si>
    <t>Aligera - Planilha de Preços Algar - 260219 rev01.xlsx</t>
  </si>
  <si>
    <t>10.200.35.184</t>
  </si>
  <si>
    <t>64-1C-67-9C-32-F9</t>
  </si>
  <si>
    <t>NB-AGUINALDOAS</t>
  </si>
  <si>
    <t>aguinaldoasj</t>
  </si>
  <si>
    <t>aguinaldoasj@algartech.com</t>
  </si>
  <si>
    <t>C:\OneDrive\OneDrive - Grupo Algar\ONEDRIVE_SegInfo\ITO\Diversos\</t>
  </si>
  <si>
    <t>Microsoft_Excel_Binary_Worksheet.xlsb</t>
  </si>
  <si>
    <t>C:\Users\filemoncmj\OneDrive - Grupo Algar\01. Algar Tech\02. Projetos Corporativos\06. PPE\Comum GIAT x ISD\05. FTE\Plataforma API\GAT\</t>
  </si>
  <si>
    <t>151019 - Registro de FTE Realizado Plataforma API GAT GIAT.xlsb</t>
  </si>
  <si>
    <t>151019 - Registro de FTE Realizado Plataforma API GAT ISD.xlsb</t>
  </si>
  <si>
    <t>C:\Users\filemoncmj\OneDrive - Grupo Algar\01. Algar Tech\02. Projetos Corporativos\06. PPE\Comum GIAT x ISD\05. FTE\Plataforma DW\GAT\</t>
  </si>
  <si>
    <t>151019 - Registro de FTE Realizado Plataforma DW GAT GIAT.xlsb</t>
  </si>
  <si>
    <t>010919 - Registro de FTE Realizado Plataforma DW GAT ISD.xlsb</t>
  </si>
  <si>
    <t>10.200.58.147</t>
  </si>
  <si>
    <t>Metas 2019 - v2.xlsx</t>
  </si>
  <si>
    <t>C:\Users\gabrielar\Desktop\</t>
  </si>
  <si>
    <t>10.200.61.27</t>
  </si>
  <si>
    <t>D8-9C-67-6F-2A-DD</t>
  </si>
  <si>
    <t>C:\Users\raphaelapm\Downloads\</t>
  </si>
  <si>
    <t>10.200.58.86</t>
  </si>
  <si>
    <t>80-86-F2-FD-54-80</t>
  </si>
  <si>
    <t>NB-RAFAELBDT</t>
  </si>
  <si>
    <t>rafaelbdt</t>
  </si>
  <si>
    <t>FC-01-7C-B3-C0-23</t>
  </si>
  <si>
    <t>NB-NADIAG</t>
  </si>
  <si>
    <t>nadiagds</t>
  </si>
  <si>
    <t>C:\Users\nadiagds\OneDrive - Grupo Algar\Mesa Digital\ISD_Curadoria\</t>
  </si>
  <si>
    <t>C:\Users\nadiagds\OneDrive - Grupo Algar\Mesa Digital\ISD_Gerência de Projetos\ISD_HOMOLOGAÇÃO\BMG\</t>
  </si>
  <si>
    <t>BMG_ISD_TEMPLATE DE TESTES COM AS OPERAÇÕES.xlsx</t>
  </si>
  <si>
    <t>C:\Users\nadiagds\OneDrive - Grupo Algar\Mesa Digital\ISD_Análise\Projeto ISD - Banco BMG\01. Fluxos\</t>
  </si>
  <si>
    <t>Projeto_ISD_Banco_BMG - Consolidado.xlsx</t>
  </si>
  <si>
    <t>10.207.12.67</t>
  </si>
  <si>
    <t>C:\Users\douglasxm\OneDrive\Documentos - Algar Tech\</t>
  </si>
  <si>
    <t>Cópia de HORA EXTRAS_JUNHO_2019_01A30_DOUGLAS.xlsm</t>
  </si>
  <si>
    <t>Cópia de HORA EXTRAS_JUNHO_2019_01A30.xlsm</t>
  </si>
  <si>
    <t>Cópia de Anexo I_Lista de Preços Unitários.xlsx</t>
  </si>
  <si>
    <t>Cópia de AGOSTO _ FECHAMENTO 01A31.08.xlsx</t>
  </si>
  <si>
    <t>BP Homologação DataCom rev1.xlsb</t>
  </si>
  <si>
    <t>C:\Users\douglasxm\OneDrive\Documentos - Algar Tech\BP Homologação DataCom rev1.xlsb\</t>
  </si>
  <si>
    <t>Anexo I_Lista de Preços Unitários.xlsx</t>
  </si>
  <si>
    <t>200256 - Pedido Transacional-B2B_ATIVAÇÃO.xls</t>
  </si>
  <si>
    <t>C:\Users\douglasxm\OneDrive\Documentos - Algar Tech\174261-INGRAM-Homologação APs HP.msg\s1\</t>
  </si>
  <si>
    <t>174261-Projeto PPA.xlsx</t>
  </si>
  <si>
    <t>AtividadesHomologacao_v1.xlsx</t>
  </si>
  <si>
    <t>16b6052fe2a94aaf8c92bda867136ffc.csv</t>
  </si>
  <si>
    <t>000714012_RELRB20_20190911112505.CSV</t>
  </si>
  <si>
    <t>C:\Users\douglasxm\OneDrive\Documentos - Algar Tech\Itens Somar_ativos e inativos_03.07\</t>
  </si>
  <si>
    <t>Itens Somar_ativos e inativos_03.07.xlsb</t>
  </si>
  <si>
    <t>Engeset para TI.xlsx</t>
  </si>
  <si>
    <t>Template_folha_retificadora_LUCAS.xlsx</t>
  </si>
  <si>
    <t>Template_folha_retificadora_ISAURA.xlsx</t>
  </si>
  <si>
    <t>Template_folha_retificadora_DANILO.xlsx</t>
  </si>
  <si>
    <t>Template_folha_retificadora_CLAYTON.xlsx</t>
  </si>
  <si>
    <t>Template_folha_retificadora_(1).xlsx</t>
  </si>
  <si>
    <t>Template_folha_retificadora_(1)..xlsx</t>
  </si>
  <si>
    <t>Template_-_Comprovante_de_Pagamento_OLAVO.xlsx</t>
  </si>
  <si>
    <t>Template Recuperação de Custos_JUNHO_19.xlsx</t>
  </si>
  <si>
    <t>C:\Users\douglasxm\OneDrive\Documentos - Algar Tech\Resumo Final - 174252-AlgarTelecom-Serviços GPON - Passagem de Pasta.msg\s1\</t>
  </si>
  <si>
    <t>174252-Projeto PPA_150119.xlsx</t>
  </si>
  <si>
    <t>renovacoes.xlsx</t>
  </si>
  <si>
    <t>Racional OC´s.xlsx</t>
  </si>
  <si>
    <t>Racional GPON.xlsx</t>
  </si>
  <si>
    <t>Programação férias_GAT_MG_DOUGLAS.xlsx</t>
  </si>
  <si>
    <t>PROGRAMAÇÃO FERIAS ORÇADA - GAT.xlsx</t>
  </si>
  <si>
    <t>LISTA_DOUGLAS_ASSOCIADOS.csv</t>
  </si>
  <si>
    <t>LISTA_DOUGLAS.csv</t>
  </si>
  <si>
    <t>C:\Users\douglasxm\OneDrive\Documentos - Algar Tech\Itens Somar_ativos e inativos_03.07.zip\</t>
  </si>
  <si>
    <t>gkww4qth.cp1.csv</t>
  </si>
  <si>
    <t>Gamification - Supervisores.xlsm</t>
  </si>
  <si>
    <t>FORMULARIO_DE_CADASTRO_DE_FORNECEDOR_ENGESET.xls</t>
  </si>
  <si>
    <t>Dados_Completos.csv</t>
  </si>
  <si>
    <t>Cópia de KAWE SILVA - Template_folha_retificadora_(1.) (4).xlsx</t>
  </si>
  <si>
    <t>Cópia de Indicadores SLA 2019 Abril - Daniel Magalhães.xlsx</t>
  </si>
  <si>
    <t>Cópia de HORA EXTRAS_JUNHO_2019_01A30_RACIONAL_DOUGLAS.xlsm</t>
  </si>
  <si>
    <t>ENGESET06122016#57463#124839 - DMAE-Serviço revitalização do DATA CENTER.xlsx</t>
  </si>
  <si>
    <t>Catalogo de produtos.xlsx</t>
  </si>
  <si>
    <t>AcompanhamentoOnlineCategorizacoes DIA - Categoria 2.xlsm</t>
  </si>
  <si>
    <t>New_CONTROLE DE CLIENTES_PAGSEGURO.xlsx</t>
  </si>
  <si>
    <t>Skils Sinergia - 19-06-19.xls</t>
  </si>
  <si>
    <t>mail.google.com/_/upload?authuser=2&amp;dcp=asu-n</t>
  </si>
  <si>
    <t>/o=exchangelabs/ou=exchange administrative group (fydibohf23spdlt)/cn=recipients/cn=6bc6ced03b1b4fafa41bb5c70c178940-antonio per;</t>
  </si>
  <si>
    <t>/o=exchangelabs/ou=exchange administrative group (fydibohf23spdlt)/cn=recipients/cn=6bc6ced03b1b4fafa41bb5c70c178940-antonio per</t>
  </si>
  <si>
    <t>9C-30-5B-FC-8A-6B</t>
  </si>
  <si>
    <t>NB-FABRICIOVS</t>
  </si>
  <si>
    <t>fabriciovs</t>
  </si>
  <si>
    <t>fabriciovs@algartech.com</t>
  </si>
  <si>
    <t>64-1C-67-9C-56-43</t>
  </si>
  <si>
    <t>NB-MIRIANTOF</t>
  </si>
  <si>
    <t>miriantof</t>
  </si>
  <si>
    <t>Mirian Toshimi Ozawa Ferracioli</t>
  </si>
  <si>
    <t>/o=exchangelabs/ou=exchange administrative group (fydibohf23spdlt)/cn=recipients/cn=f7a4290a46314a3cbb0d392508a7b5c5-luciana sil;</t>
  </si>
  <si>
    <t>/o=exchangelabs/ou=exchange administrative group (fydibohf23spdlt)/cn=recipients/cn=f7a4290a46314a3cbb0d392508a7b5c5-luciana sil</t>
  </si>
  <si>
    <t>/o=exchangelabs/ou=exchange administrative group (fydibohf23spdlt)/cn=recipients/cn=08eb5fa051c848a6a179972669456920-algar tech;</t>
  </si>
  <si>
    <t>/o=exchangelabs/ou=exchange administrative group (fydibohf23spdlt)/cn=recipients/cn=08eb5fa051c848a6a179972669456920-algar tech</t>
  </si>
  <si>
    <t>lauravx@algartech.com</t>
  </si>
  <si>
    <t>Formulário de Dúvidas Tributárias ISS.xlsx</t>
  </si>
  <si>
    <t>20-04-0F-FE-47-9E</t>
  </si>
  <si>
    <t>/o=exchangelabs/ou=exchange administrative group (fydibohf23spdlt)/cn=recipients/cn=7010366a38334f4ea93ff55da14a3fd0-supervisore;</t>
  </si>
  <si>
    <t>/o=exchangelabs/ou=exchange administrative group (fydibohf23spdlt)/cn=recipients/cn=7010366a38334f4ea93ff55da14a3fd0-supervisore</t>
  </si>
  <si>
    <t>C:\Users\nadiagds\OneDrive - Grupo Algar\Mesa Digital\ISD_Curadoria\Planilhas atualizadas de curadoria\</t>
  </si>
  <si>
    <t>Cópia de Curadoria_estela_Renault 2019.xlsx</t>
  </si>
  <si>
    <t>10.200.60.145</t>
  </si>
  <si>
    <t>D4-6A-6A-FD-A6-B3</t>
  </si>
  <si>
    <t>NB-JULLIANFARIA</t>
  </si>
  <si>
    <t>jullian.faria</t>
  </si>
  <si>
    <t>Jullian Pacheco de Faria</t>
  </si>
  <si>
    <t>D:\Users\josemfs\OneDrive - Grupo Algar\Documentos\</t>
  </si>
  <si>
    <t>/o=exchangelabs/ou=exchange administrative group (fydibohf23spdlt)/cn=recipients/cn=03b4604449d14f37b9ab39dcd5f90edd-algar tech;</t>
  </si>
  <si>
    <t>/o=exchangelabs/ou=exchange administrative group (fydibohf23spdlt)/cn=recipients/cn=03b4604449d14f37b9ab39dcd5f90edd-algar tech</t>
  </si>
  <si>
    <t>raphaelapm@algartech.com</t>
  </si>
  <si>
    <t>10.200.60.18</t>
  </si>
  <si>
    <t>10.250.255.72</t>
  </si>
  <si>
    <t>C:\Users\alessandroam\Desktop\</t>
  </si>
  <si>
    <t>C:\Users\brunop\Desktop\Docs Visão Receptivo\Cadastro Skill BI GO\</t>
  </si>
  <si>
    <t>Cloud Storage (Google Drive)</t>
  </si>
  <si>
    <t>Google Drive</t>
  </si>
  <si>
    <t>10.200.58.175</t>
  </si>
  <si>
    <t>18-66-DA-FE-9E-3C</t>
  </si>
  <si>
    <t>Demandas - 11-10.xlsx</t>
  </si>
  <si>
    <t>/o=exchangelabs/ou=exchange administrative group (fydibohf23spdlt)/cn=recipients/cn=8ab5e44d485043d59eb4f21463e63e6a-tays dos sa;</t>
  </si>
  <si>
    <t>/o=exchangelabs/ou=exchange administrative group (fydibohf23spdlt)/cn=recipients/cn=8ab5e44d485043d59eb4f21463e63e6a-tays dos sa</t>
  </si>
  <si>
    <t>/o=exchangelabs/ou=exchange administrative group (fydibohf23spdlt)/cn=recipients/cn=b36412a54b154c07b0a876537a78fce8-jheniffer g;</t>
  </si>
  <si>
    <t>/o=exchangelabs/ou=exchange administrative group (fydibohf23spdlt)/cn=recipients/cn=b36412a54b154c07b0a876537a78fce8-jheniffer g</t>
  </si>
  <si>
    <t>/o=exchangelabs/ou=exchange administrative group (fydibohf23spdlt)/cn=recipients/cn=0bafe1ed27024338be4e911e19871cd1-william rob;/o=exchangelabs/ou=exchange administrative group (fydibohf23spdlt)/cn=recipients/cn=1262e099c0f24b3489b19e6494cd5fca-rayssa da c;/o=exchangelabs/ou=exchange administrative group (fydibohf23spdlt)/cn=recipients/cn=161c8ab454bb4f4ebde8223bf694a34b-pedro felip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32b20a28d31f440a8435af323365cdb0-wesley doug;/o=exchangelabs/ou=exchange administrative group (fydibohf23spdlt)/cn=recipients/cn=34a28d636a1b4c86b1ec79baed4b846a-marco anton;/o=exchangelabs/ou=exchange administrative group (fydibohf23spdlt)/cn=recipients/cn=5cdc4a7b917a447c993600ca829a0a39-elis</t>
  </si>
  <si>
    <t>/o=exchangelabs/ou=exchange administrative group (fydibohf23spdlt)/cn=recipients/cn=0bafe1ed27024338be4e911e19871cd1-william rob,/o=exchangelabs/ou=exchange administrative group (fydibohf23spdlt)/cn=recipients/cn=1262e099c0f24b3489b19e6494cd5fca-rayssa da c,/o=exchangelabs/ou=exchange administrative group (fydibohf23spdlt)/cn=recipients/cn=161c8ab454bb4f4ebde8223bf694a34b-pedro felip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32b20a28d31f440a8435af323365cdb0-wesley doug,/o=exchangelabs/ou=exchange administrative group (fydibohf23spdlt)/cn=recipients/cn=34a28d636a1b4c86b1ec79baed4b846a-marco anton,/o=exchangelabs/ou=exchange administrative group (fydibohf23spdlt)/cn=recipients/cn=5cdc4a7b917a447c993600ca829a0a39-elis</t>
  </si>
  <si>
    <t>10.200.58.195</t>
  </si>
  <si>
    <t>D8-9C-67-6F-2F-F9</t>
  </si>
  <si>
    <t>SD TRICARD</t>
  </si>
  <si>
    <t>10.200.200.62</t>
  </si>
  <si>
    <t>90-B1-1C-F5-49-EE</t>
  </si>
  <si>
    <t>NB-ALINEAREI</t>
  </si>
  <si>
    <t>paulohdoc</t>
  </si>
  <si>
    <t>PAULO HENRIQUE DE OLIVEIRA CASSIANO</t>
  </si>
  <si>
    <t>64-1C-67-A0-2A-D6</t>
  </si>
  <si>
    <t>Pesquisa de Satisfação - ENVIO.xlsx</t>
  </si>
  <si>
    <t>10.250.254.75</t>
  </si>
  <si>
    <t>/o=exchangelabs/ou=exchange administrative group (fydibohf23spdlt)/cn=recipients/cn=81f72ed6e9d042e3bed0cec08d488854-vinicius go;</t>
  </si>
  <si>
    <t>/o=exchangelabs/ou=exchange administrative group (fydibohf23spdlt)/cn=recipients/cn=81f72ed6e9d042e3bed0cec08d488854-vinicius go</t>
  </si>
  <si>
    <t>adalbertoms</t>
  </si>
  <si>
    <t>10.250.254.56</t>
  </si>
  <si>
    <t>NB-LEANDROM</t>
  </si>
  <si>
    <t>leandrom</t>
  </si>
  <si>
    <t>leandrom@algartech.com</t>
  </si>
  <si>
    <t>C:\Users\leandrom\Desktop\</t>
  </si>
  <si>
    <t>54-BF-64-F4-AD-AA</t>
  </si>
  <si>
    <t>LPU_DataCenter_Comercial_V8_Maio-2019.xlsm</t>
  </si>
  <si>
    <t>102019 - CADASTRO GERAL.xlsx</t>
  </si>
  <si>
    <t>10.200.59.25</t>
  </si>
  <si>
    <t>DC-A2-66-41-0D-71</t>
  </si>
  <si>
    <t>NB-JOSEASN</t>
  </si>
  <si>
    <t>joseasn</t>
  </si>
  <si>
    <t>Jose Afonso Da Silva Neto</t>
  </si>
  <si>
    <t>10.200.61.217</t>
  </si>
  <si>
    <t>9C-30-5B-FC-2E-01</t>
  </si>
  <si>
    <t>NB-LUANAAOLI</t>
  </si>
  <si>
    <t>luanaaoli</t>
  </si>
  <si>
    <t>C:\Users\luanaaoli\Desktop\</t>
  </si>
  <si>
    <t>20-04-0F-FD-A4-1C</t>
  </si>
  <si>
    <t>54-BF-64-F4-4C-3A</t>
  </si>
  <si>
    <t>nventário de Routing Switching Wireles e Firewall - v2.xlsx</t>
  </si>
  <si>
    <t>C:\Users\nadiagds\OneDrive - Grupo Algar\Mesa Digital\ISD_Análise\Projeto ISD - Banco Toyota\01.Fluxos\</t>
  </si>
  <si>
    <t>Projeto_ISD_BancoToyota_V1.1.xlsx</t>
  </si>
  <si>
    <t>78-2B-CB-C0-F7-43</t>
  </si>
  <si>
    <t>CPNB-LARISSACO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</t>
  </si>
  <si>
    <t>5561;</t>
  </si>
  <si>
    <t>C:\Users\mateusms\Desktop\</t>
  </si>
  <si>
    <t>22037 - UDI - WHIRLPOOL - SERV TLV CC RECEPTIVO.xlsx</t>
  </si>
  <si>
    <t>http://5561</t>
  </si>
  <si>
    <t>20-04-0F-FE-46-90</t>
  </si>
  <si>
    <t>C:\Users\gustavoplo\Desktop\</t>
  </si>
  <si>
    <t>/o=exchangelabs/ou=exchange administrative group (fydibohf23spdlt)/cn=recipients/cn=9bb376e8b4c74d45963b1165e99fb0ea-fernando ro;</t>
  </si>
  <si>
    <t>/o=exchangelabs/ou=exchange administrative group (fydibohf23spdlt)/cn=recipients/cn=9bb376e8b4c74d45963b1165e99fb0ea-fernando ro</t>
  </si>
  <si>
    <t>7;</t>
  </si>
  <si>
    <t>C:\Users\lucianarba\Desktop\</t>
  </si>
  <si>
    <t>https://7</t>
  </si>
  <si>
    <t>C:\Users\daniloasb\Downloads\</t>
  </si>
  <si>
    <t>NB-PAULOHSS</t>
  </si>
  <si>
    <t>fellypcsj</t>
  </si>
  <si>
    <t>C:\Users\fellypcsj\OneDrive - Grupo Algar\Engeset\CONTROLE BFF\</t>
  </si>
  <si>
    <t>BFF - Controle.xlsx</t>
  </si>
  <si>
    <t>C:\Users\fellypcsj\OneDrive - Grupo Algar\Fellyp\Desenvolvimento Pessoal e Financeiro\</t>
  </si>
  <si>
    <t>Planejamento Financeiro Domestico V1.xlsx</t>
  </si>
  <si>
    <t>C:\Users\fellypcsj\OneDrive - Grupo Algar\Engeset\ASSOCIADOS\</t>
  </si>
  <si>
    <t>092019 - CADASTRO GERAL.xlsx</t>
  </si>
  <si>
    <t>Fellyp Crosgnac Santos de Jesus</t>
  </si>
  <si>
    <t>C:\Users\fellypcsj\OneDrive - Grupo Algar\Engeset\ADMINISTRATIVO FINANCEIRO\GEO GOVERNANÇA\LOGISTÍCA\ESTOQUE TERCEIRO\</t>
  </si>
  <si>
    <t>2019 - ATUALIZAÇÃO PATRICIA TIM.xlsx</t>
  </si>
  <si>
    <t>RptEstoqueSerial.csv</t>
  </si>
  <si>
    <t>RptRequisicaoMaterial.csv</t>
  </si>
  <si>
    <t>C:\Users\fellypcsj\OneDrive - Grupo Algar\Engeset\ARQUIVOS DIVERSOS\</t>
  </si>
  <si>
    <t>Planilha de Apoio.xlsx</t>
  </si>
  <si>
    <t>C:\Users\fellypcsj\OneDrive - Grupo Algar\Engeset\ARQUIVOS DIVERSOS\Compras Engeset\</t>
  </si>
  <si>
    <t>032019 - ITENS OEBS.xlsb</t>
  </si>
  <si>
    <t>C:\Users\fellypcsj\OneDrive - Grupo Algar\Engeset\MEDIÇÕES TERCEIROS\</t>
  </si>
  <si>
    <t>Inviolavel Palmas - Monitoramento Palmas v.1.xlsx</t>
  </si>
  <si>
    <t>ENC: Dados para apuração de RV</t>
  </si>
  <si>
    <t>RV Para apuração v4.xlsx</t>
  </si>
  <si>
    <t>Controle_Compras_Caixa.xlsx</t>
  </si>
  <si>
    <t>ruidrt@algartech.com</t>
  </si>
  <si>
    <t>10/14/2019 07:32:07</t>
  </si>
  <si>
    <t>mail.google.com/_/upload?authuser=1&amp;dcp=asu-n&amp;upload_id=AEnB2UpJAP4Dy0OoAc_dIDDqXfyHptu3XBIeZBUHxT17t5C15jEpN5ts5f5nKJOCNUNcSdTMkGyXjhah_Jpz5kWALv0D79t5PnWMPMocyx115fSUAz6GTZk&amp;upload_protocol=resumable</t>
  </si>
  <si>
    <t>C:\Users\raphaelapm\Desktop\AD_IMPRENSA_FREELANCE\SERVIÇOS FREELANCE\</t>
  </si>
  <si>
    <t>64-1C-67-9D-34-D2</t>
  </si>
  <si>
    <t>C:\Users\yuriifd\Downloads\</t>
  </si>
  <si>
    <t>Budget 2019.20 v3.xlsx</t>
  </si>
  <si>
    <t>DI - ATEC-2019-0024-013.xlsx</t>
  </si>
  <si>
    <t>AMEX HELP DESK CORPORATIVO</t>
  </si>
  <si>
    <t>10.200.32.168</t>
  </si>
  <si>
    <t>64-1C-67-A0-2A-F4</t>
  </si>
  <si>
    <t>NB-AILTONBDS</t>
  </si>
  <si>
    <t>ailtonbs</t>
  </si>
  <si>
    <t>Ailton Bueno Da Silva</t>
  </si>
  <si>
    <t>C:\Users\marinasf\OneDrive - Grupo Algar\DOCS\RH\CADASTRO ASSOCIADOS\</t>
  </si>
  <si>
    <t>CADASTRO GERAL ENVIADO VANIA.xlsx</t>
  </si>
  <si>
    <t>D:\OneDrive\AlgarTech\Pré-Vendas\Processo Transacional\2017\Transacional - Comercial\</t>
  </si>
  <si>
    <t>Template_Proposta_Transacional.xls</t>
  </si>
  <si>
    <t>Ricardo Soares Assuncao</t>
  </si>
  <si>
    <t>/o=exchangelabs/ou=exchange administrative group (fydibohf23spdlt)/cn=recipients/cn=8c89829ad534498fa4c85b5ac11174f1-suelen more;</t>
  </si>
  <si>
    <t>/o=exchangelabs/ou=exchange administrative group (fydibohf23spdlt)/cn=recipients/cn=8c89829ad534498fa4c85b5ac11174f1-suelen more</t>
  </si>
  <si>
    <t>10.200.57.109</t>
  </si>
  <si>
    <t>FC-01-7C-B3-BA-47</t>
  </si>
  <si>
    <t>NB-MARCELOBSA</t>
  </si>
  <si>
    <t>marcelobsa</t>
  </si>
  <si>
    <t>Marcelo Buzato Sanches</t>
  </si>
  <si>
    <t>cronograma.xlsx</t>
  </si>
  <si>
    <t>10.200.57.60</t>
  </si>
  <si>
    <t>64-1C-67-9C-32-42</t>
  </si>
  <si>
    <t>NB-PEDROHMA</t>
  </si>
  <si>
    <t>pedrohma</t>
  </si>
  <si>
    <t>Pedro Henrique Miranda Araujo</t>
  </si>
  <si>
    <t>/o=exchangelabs/ou=exchange administrative group (fydibohf23spdlt)/cn=recipients/cn=ab46a8675a184bef8d8f2440330cff44-daise jesus;</t>
  </si>
  <si>
    <t>/o=exchangelabs/ou=exchange administrative group (fydibohf23spdlt)/cn=recipients/cn=ab46a8675a184bef8d8f2440330cff44-daise jesus</t>
  </si>
  <si>
    <t>10.200.99.90</t>
  </si>
  <si>
    <t>74-86-7A-F7-9E-52</t>
  </si>
  <si>
    <t>C:\Users\wanessabds\OneDrive - Grupo Algar\</t>
  </si>
  <si>
    <t>Controle de Ponto.xlsx</t>
  </si>
  <si>
    <t>10.200.57.110</t>
  </si>
  <si>
    <t>18-66-DA-FE-99-D8</t>
  </si>
  <si>
    <t>NB-LUCIANOCLE</t>
  </si>
  <si>
    <t>lucianocle</t>
  </si>
  <si>
    <t>C:\Users\lucianocle\OneDrive\Algar\Business Performance - Onedrive\Apresentação Comite\</t>
  </si>
  <si>
    <t>/o=exchangelabs/ou=exchange administrative group (fydibohf23spdlt)/cn=recipients/cn=7a5ceaeaef9041b49ad4d0d90f19ee70-marianna co;</t>
  </si>
  <si>
    <t>/o=exchangelabs/ou=exchange administrative group (fydibohf23spdlt)/cn=recipients/cn=7a5ceaeaef9041b49ad4d0d90f19ee70-marianna co</t>
  </si>
  <si>
    <t>10.200.59.43</t>
  </si>
  <si>
    <t>78-2B-CB-C0-F9-86</t>
  </si>
  <si>
    <t>NB-TULLYOLS</t>
  </si>
  <si>
    <t>tullyols</t>
  </si>
  <si>
    <t>\\acsfs\deptos\cei - coordenação de engenharia e infraestrutura\cei – manutenção\48 - pcm\manutenção\10. controle\</t>
  </si>
  <si>
    <t>preventivas.xlsm</t>
  </si>
  <si>
    <t>10.200.60.51</t>
  </si>
  <si>
    <t>D8-9C-67-4D-A1-1D</t>
  </si>
  <si>
    <t>10.200.57.12</t>
  </si>
  <si>
    <t>80-86-F2-FD-40-A8</t>
  </si>
  <si>
    <t>NB-JOAONSM</t>
  </si>
  <si>
    <t>/o=exchangelabs/ou=exchange administrative group (fydibohf23spdlt)/cn=recipients/cn=65d35bc38c6743d7a55b3ae9726a5893-diego ribei;</t>
  </si>
  <si>
    <t>/o=exchangelabs/ou=exchange administrative group (fydibohf23spdlt)/cn=recipients/cn=65d35bc38c6743d7a55b3ae9726a5893-diego ribei</t>
  </si>
  <si>
    <t>Resultado parcial Outubro</t>
  </si>
  <si>
    <t>10.200.32.59</t>
  </si>
  <si>
    <t>/o=exchangelabs/ou=exchange administrative group (fydibohf23spdlt)/cn=recipients/cn=168e05cabbf14ae289464a0c09955b31-sara ferrei;</t>
  </si>
  <si>
    <t>/o=exchangelabs/ou=exchange administrative group (fydibohf23spdlt)/cn=recipients/cn=168e05cabbf14ae289464a0c09955b31-sara ferrei</t>
  </si>
  <si>
    <t>10.200.57.33</t>
  </si>
  <si>
    <t>D8-9C-67-6F-2A-11</t>
  </si>
  <si>
    <t>ENC Cruzamento Base de OS Desinstalação Whirlpool x Base E-center Ecohouse.msg\s1\</t>
  </si>
  <si>
    <t>Acompanhamento Desinstalação.xlsx</t>
  </si>
  <si>
    <t>9C-30-5B-FC-30-51</t>
  </si>
  <si>
    <t>Microsoft Graph Chart.dat</t>
  </si>
  <si>
    <t>Microsoft Graph Chart1.dat</t>
  </si>
  <si>
    <t>Microsoft Graph Chart10.dat</t>
  </si>
  <si>
    <t>Microsoft Graph Chart11.dat</t>
  </si>
  <si>
    <t>Microsoft Graph Chart12.dat</t>
  </si>
  <si>
    <t>Microsoft Graph Chart13.dat</t>
  </si>
  <si>
    <t>Microsoft Graph Chart14.dat</t>
  </si>
  <si>
    <t>Microsoft Graph Chart15.dat</t>
  </si>
  <si>
    <t>Microsoft Graph Chart16.dat</t>
  </si>
  <si>
    <t>Microsoft Graph Chart17.dat</t>
  </si>
  <si>
    <t>Microsoft Graph Chart18.dat</t>
  </si>
  <si>
    <t>Microsoft Graph Chart19.dat</t>
  </si>
  <si>
    <t>Microsoft Graph Chart2.dat</t>
  </si>
  <si>
    <t>Microsoft Graph Chart20.dat</t>
  </si>
  <si>
    <t>Microsoft Graph Chart21.dat</t>
  </si>
  <si>
    <t>Microsoft Graph Chart22.dat</t>
  </si>
  <si>
    <t>Microsoft Graph Chart23.dat</t>
  </si>
  <si>
    <t>Microsoft Graph Chart3.dat</t>
  </si>
  <si>
    <t>Microsoft Graph Chart4.dat</t>
  </si>
  <si>
    <t>think-cell Slide5.dat</t>
  </si>
  <si>
    <t>think-cell Slide6.dat</t>
  </si>
  <si>
    <t>think-cell Slide7.dat</t>
  </si>
  <si>
    <t>think-cell Slide8.dat</t>
  </si>
  <si>
    <t>think-cell Slide9.dat</t>
  </si>
  <si>
    <t>Microsoft Excel Chart.dat</t>
  </si>
  <si>
    <t>Microsoft Excel Chart1.dat</t>
  </si>
  <si>
    <t>Slide do think-cell2.dat</t>
  </si>
  <si>
    <t>think-cell Slide11.dat</t>
  </si>
  <si>
    <t>think-cell Slide12.dat</t>
  </si>
  <si>
    <t>think-cell Slide13.dat</t>
  </si>
  <si>
    <t>/o=exchangelabs/ou=exchange administrative group (fydibohf23spdlt)/cn=recipients/cn=user776b6484;</t>
  </si>
  <si>
    <t>/o=exchangelabs/ou=exchange administrative group (fydibohf23spdlt)/cn=recipients/cn=user776b6484</t>
  </si>
  <si>
    <t>milenepf@algartech.com</t>
  </si>
  <si>
    <t>10.16.72.52</t>
  </si>
  <si>
    <t>/o=exchangelabs/ou=exchange administrative group (fydibohf23spdlt)/cn=recipients/cn=69cc68072bd74472a6fed235e590fc65-cassia alve;</t>
  </si>
  <si>
    <t>/o=exchangelabs/ou=exchange administrative group (fydibohf23spdlt)/cn=recipients/cn=69cc68072bd74472a6fed235e590fc65-cassia alve</t>
  </si>
  <si>
    <t>10/14/2019 11:00:10</t>
  </si>
  <si>
    <t>10.200.58.155</t>
  </si>
  <si>
    <t>18-66-DA-FF-08-9D</t>
  </si>
  <si>
    <t>NB-RAFAELGF</t>
  </si>
  <si>
    <t>viniciussg</t>
  </si>
  <si>
    <t>C:\Users\viniciussg\Desktop\</t>
  </si>
  <si>
    <t>C:\Users\viniciussg\OneDrive\Backup Mac\Transferências\</t>
  </si>
  <si>
    <t>Casa Gigabloco.xlsx</t>
  </si>
  <si>
    <t>/o=exchangelabs/ou=exchange administrative group (fydibohf23spdlt)/cn=recipients/cn=f701196445cc4cd494c258b6fe596d27-pamela cris;</t>
  </si>
  <si>
    <t>/o=exchangelabs/ou=exchange administrative group (fydibohf23spdlt)/cn=recipients/cn=f701196445cc4cd494c258b6fe596d27-pamela cris</t>
  </si>
  <si>
    <t>64-1C-67-9D-34-87</t>
  </si>
  <si>
    <t>NB-LUCIANASSA</t>
  </si>
  <si>
    <t>lucianassa</t>
  </si>
  <si>
    <t>LUCIANA SILVA SAVI</t>
  </si>
  <si>
    <t>c:\users\adrianamac\desktop\</t>
  </si>
  <si>
    <t>malote 2017.xlsx</t>
  </si>
  <si>
    <t>10.200.58.239</t>
  </si>
  <si>
    <t>64-1C-67-9C-32-2B</t>
  </si>
  <si>
    <t>NB-ERICSONNS</t>
  </si>
  <si>
    <t>ericsonns</t>
  </si>
  <si>
    <t>ericsonns@algartech.com</t>
  </si>
  <si>
    <t>C:\Users\ericsonns\Desktop\</t>
  </si>
  <si>
    <t>10.200.58.81</t>
  </si>
  <si>
    <t>54-BF-64-F5-7E-4A</t>
  </si>
  <si>
    <t>C:\Users\elainemdlp\OD\_Projetos\Em andamento\Expansao Caixa\FTE\</t>
  </si>
  <si>
    <t>10.250.255.10</t>
  </si>
  <si>
    <t>NB-DENYSGDS</t>
  </si>
  <si>
    <t>denysgds</t>
  </si>
  <si>
    <t>DENYS GUIDIO DA SILVA</t>
  </si>
  <si>
    <t>FC-01-7C-B3-B9-FF</t>
  </si>
  <si>
    <t>NB-FABIANACSC</t>
  </si>
  <si>
    <t>fabianacscg</t>
  </si>
  <si>
    <t>fabianacscg@algartech.com</t>
  </si>
  <si>
    <t>C:\Users\fabianacscg\Desktop\</t>
  </si>
  <si>
    <t>10.200.58.242</t>
  </si>
  <si>
    <t>80-00-0B-BD-E7-BE</t>
  </si>
  <si>
    <t>NB-CELMARS</t>
  </si>
  <si>
    <t>celmars</t>
  </si>
  <si>
    <t>CELMA RIBEIRO DE SOUZA</t>
  </si>
  <si>
    <t>NB-GISELECLSS</t>
  </si>
  <si>
    <t>giseleclss</t>
  </si>
  <si>
    <t>\\acsfs\deptos\seguranca do trabalho\7 - treinamentos nrs - geral\7.4 - escalas - agendamentos nr17, integração staff e cipa\treinamentos 2019\</t>
  </si>
  <si>
    <t>lista de presença em branco (atualizada).xlsx</t>
  </si>
  <si>
    <t>gabrielaog@algartech.com.br;</t>
  </si>
  <si>
    <t>gabrielaog@algartech.com.br</t>
  </si>
  <si>
    <t>ORÇADO X REAL 2019 - OPERAÇÕES - KARIN1.xlsb</t>
  </si>
  <si>
    <t>10.200.57.253</t>
  </si>
  <si>
    <t>D8-9C-67-6F-33-01</t>
  </si>
  <si>
    <t>NB-NATALIAMAM</t>
  </si>
  <si>
    <t>nataliamam</t>
  </si>
  <si>
    <t>HSM para Whatsapp.xlsx</t>
  </si>
  <si>
    <t>C4-D9-87-E5-35-BC</t>
  </si>
  <si>
    <t>Abertura DRE final.xlsx</t>
  </si>
  <si>
    <t>/o=exchangelabs/ou=exchange administrative group (fydibohf23spdlt)/cn=recipients/cn=7c9714031c1e4f2f8f0bbfa85f6645fa-algar tech;</t>
  </si>
  <si>
    <t>/o=exchangelabs/ou=exchange administrative group (fydibohf23spdlt)/cn=recipients/cn=7c9714031c1e4f2f8f0bbfa85f6645fa-algar tech</t>
  </si>
  <si>
    <t>ENC: COMITÊ DE INVESTIMENTOS * ELECTROLUX *</t>
  </si>
  <si>
    <t>SUBSTITUIÇÃO SERVIDORES ASPECT+HARDWARE TELECOM UMS - (UBERLÂNDIA).xlsx</t>
  </si>
  <si>
    <t>/o=exchangelabs/ou=exchange administrative group (fydibohf23spdlt)/cn=recipients/cn=830ba83a6b9b441ab3f8d8b3a47d0ffe-angelica ma;</t>
  </si>
  <si>
    <t>/o=exchangelabs/ou=exchange administrative group (fydibohf23spdlt)/cn=recipients/cn=830ba83a6b9b441ab3f8d8b3a47d0ffe-angelica ma</t>
  </si>
  <si>
    <t>/o=exchangelabs/ou=exchange administrative group (fydibohf23spdlt)/cn=recipients/cn=usere11ed38c;</t>
  </si>
  <si>
    <t>/o=exchangelabs/ou=exchange administrative group (fydibohf23spdlt)/cn=recipients/cn=usere11ed38c</t>
  </si>
  <si>
    <t>/o=exchangelabs/ou=exchange administrative group (fydibohf23spdlt)/cn=recipients/cn=97d172c8919b4efe9c4a5cda6727a6c7-walter robe;</t>
  </si>
  <si>
    <t>/o=exchangelabs/ou=exchange administrative group (fydibohf23spdlt)/cn=recipients/cn=97d172c8919b4efe9c4a5cda6727a6c7-walter robe</t>
  </si>
  <si>
    <t>10.200.32.94</t>
  </si>
  <si>
    <t>54-BF-64-F5-7F-28</t>
  </si>
  <si>
    <t>C:\Users\gustavoplo\Documents\Telecom\Variados\</t>
  </si>
  <si>
    <t>elton.costa@quilleconsultoria.com.br;</t>
  </si>
  <si>
    <t>elton.costa@quilleconsultoria.com.br</t>
  </si>
  <si>
    <t>20-04-0F-FE-48-02</t>
  </si>
  <si>
    <t>/o=exchangelabs/ou=exchange administrative group (fydibohf23spdlt)/cn=recipients/cn=18538d61f6f342f7a3d2db08df47d617-vanusa prec;</t>
  </si>
  <si>
    <t>/o=exchangelabs/ou=exchange administrative group (fydibohf23spdlt)/cn=recipients/cn=18538d61f6f342f7a3d2db08df47d617-vanusa prec</t>
  </si>
  <si>
    <t>C:\Downloads\</t>
  </si>
  <si>
    <t>ADM ASSESSORIA JURIDICA</t>
  </si>
  <si>
    <t>10.200.58.2</t>
  </si>
  <si>
    <t>FC-01-7C-B3-D1-B7</t>
  </si>
  <si>
    <t>NB-LEONARDOEFO</t>
  </si>
  <si>
    <t>leonardoefo</t>
  </si>
  <si>
    <t>10.200.58.186</t>
  </si>
  <si>
    <t>FC-01-7C-B3-BD-F1</t>
  </si>
  <si>
    <t>NB-LUCASFB</t>
  </si>
  <si>
    <t>lucasfbr</t>
  </si>
  <si>
    <t>\\acsfs\DSTI\CIT- Coordenação de Inteligência de Tecnologia\17 - Gerenciamento da Configuração\02 - DO (EXECUTAR)\01 - CONTROLE DE LIC\00 - FORNECEDORES\01 - MICROSOFT\18 - EAS\TRUE-UP 2019\</t>
  </si>
  <si>
    <t>/o=exchangelabs/ou=exchange administrative group (fydibohf23spdlt)/cn=recipients/cn=d5130784dc81436d9511788de4df376c-jeciene gom;</t>
  </si>
  <si>
    <t>/o=exchangelabs/ou=exchange administrative group (fydibohf23spdlt)/cn=recipients/cn=d5130784dc81436d9511788de4df376c-jeciene gom</t>
  </si>
  <si>
    <t>C:\Users\rodrigombu\OneDrive - Grupo Algar\Pasta Rede - Rodrigo Buso\Rodrigo Buso\</t>
  </si>
  <si>
    <t>TURBOTAB.xls</t>
  </si>
  <si>
    <t>C:\Users\rafaelaas\Desktop\Apresentação - Relacionamento com o cliente Outubro 2019.pptx\</t>
  </si>
  <si>
    <t>C:\Users\elainemdlp\OD\_Projetos\Em andamento\Relacionamento Cartoes BV\04 - Controle\FTE\</t>
  </si>
  <si>
    <t>C:\Users\yuriifd\Desktop\</t>
  </si>
  <si>
    <t>C:\Users\elainemdlp\OD\_Projetos\Em andamento\EDP\04 - Controle\Capitalização\</t>
  </si>
  <si>
    <t>COMPOSIÇÃO FATURAMENTO - WHP 4015MM.xlsx</t>
  </si>
  <si>
    <t>bruna.vernalha@bradesco.com.br;daiane.alves@bradesco.com.br;denisev.carvalho@bradesco.com.br;tatiana.bueno@bradesco.com.br;vanessa.crisan.santos@bradesco.com.br;</t>
  </si>
  <si>
    <t>bruna.vernalha@bradesco.com.br,daiane.alves@bradesco.com.br,denisev.carvalho@bradesco.com.br,tatiana.bueno@bradesco.com.br,vanessa.crisan.santos@bradesco.com.br</t>
  </si>
  <si>
    <t>\\acsfs\ACS\Suporte à Operações\02 - Faturamento\2019\11 - Novembro\BRADESCO\</t>
  </si>
  <si>
    <t>C:\Users\nadiagds\OneDrive - Grupo Algar\Mesa Digital\ISD_Análise\Projeto ISD - T-systems\01. Fluxos\</t>
  </si>
  <si>
    <t>Projeto_ISD_T-Systems - Editável.xlsx</t>
  </si>
  <si>
    <t>10.200.60.252</t>
  </si>
  <si>
    <t>5C-EA-1D-CF-A4-79</t>
  </si>
  <si>
    <t>ATEC-2017-0019-002_-_TRANSFORMACAO_DIGITAL_GRC_(1)_Classificacao V2.xlsx</t>
  </si>
  <si>
    <t>\\acsfs\Deptos\Controladoria\2 - Business Performance\2019\1 - Precificacao\6 - Revisao da Metodologia\Consultoria Teros\02 - Quick Wins\Fase 1\Abertura da Meta\GAT\</t>
  </si>
  <si>
    <t>Abertura por Produto.xlsx</t>
  </si>
  <si>
    <t>10.200.32.202</t>
  </si>
  <si>
    <t>54-BF-64-F5-7E-74</t>
  </si>
  <si>
    <t>C:\Users\lucasfbr\OneDrive - Grupo Algar\Área de Trabalho\</t>
  </si>
  <si>
    <t>lucasfbr@algartech.com</t>
  </si>
  <si>
    <t>Horas 2019- agosto.xlsx</t>
  </si>
  <si>
    <t>Base Bacen Procedente 2019.xlsx</t>
  </si>
  <si>
    <t>MIS ILHA ESPECIALISTA.xlsm</t>
  </si>
  <si>
    <t>10.207.12.34</t>
  </si>
  <si>
    <t>C:\Users\lauravx\Desktop\AREA DE TRABALHO\FINANCEIRO\</t>
  </si>
  <si>
    <t>Controle Financeiro - Laura.xls</t>
  </si>
  <si>
    <t>D:\OneDrive\Pessoal\Contas\</t>
  </si>
  <si>
    <t>C:\Users\douglassp\OneDrive - Grupo Algar\Pacote Terceiros\Orçamento 2019\</t>
  </si>
  <si>
    <t>Pacote_Terceiros_Avaliação_v5.xlsb</t>
  </si>
  <si>
    <t>Servidores_Algar_Avaya_SAL_V2.xls</t>
  </si>
  <si>
    <t>CBB COORD FIELD SERVICE</t>
  </si>
  <si>
    <t>10.16.76.51</t>
  </si>
  <si>
    <t>10-1F-74-EC-0F-EB</t>
  </si>
  <si>
    <t>NB-MARCOSPEREIR</t>
  </si>
  <si>
    <t>marcos.pereira</t>
  </si>
  <si>
    <t>Marcos Pereira dos Santos</t>
  </si>
  <si>
    <t>/o=exchangelabs/ou=exchange administrative group (fydibohf23spdlt)/cn=recipients/cn=4097402e2d3e4073b597d33928140586-paulo sergi;</t>
  </si>
  <si>
    <t>/o=exchangelabs/ou=exchange administrative group (fydibohf23spdlt)/cn=recipients/cn=4097402e2d3e4073b597d33928140586-paulo sergi</t>
  </si>
  <si>
    <t>iramildass@algartech.com;</t>
  </si>
  <si>
    <t>iramildass@algartech.com</t>
  </si>
  <si>
    <t>Modelo Balancete Algar.xlsx</t>
  </si>
  <si>
    <t>STAFF OPERACOES TI BRASILIA</t>
  </si>
  <si>
    <t>NB-ACACIORS</t>
  </si>
  <si>
    <t>acaciors</t>
  </si>
  <si>
    <t>10.200.60.190</t>
  </si>
  <si>
    <t>54-BF-64-F5-7F-7C</t>
  </si>
  <si>
    <t>C:\Users\lucasfbr\Downloads\</t>
  </si>
  <si>
    <t>Dimensionamento_GP.xlsx</t>
  </si>
  <si>
    <t>marcosvsoa</t>
  </si>
  <si>
    <t>C:\Users\marcosvsoa\Desktop\</t>
  </si>
  <si>
    <t>/o=exchangelabs/ou=exchange administrative group (fydibohf23spdlt)/cn=recipients/cn=88c76f56ba274d40bc5ef03a7197e5b9-marcos pere;</t>
  </si>
  <si>
    <t>/o=exchangelabs/ou=exchange administrative group (fydibohf23spdlt)/cn=recipients/cn=88c76f56ba274d40bc5ef03a7197e5b9-marcos pere</t>
  </si>
  <si>
    <t>suzanasb@algartech.com.br;</t>
  </si>
  <si>
    <t>suzanasb@algartech.com.br</t>
  </si>
  <si>
    <t>Microanálise - Consolidado</t>
  </si>
  <si>
    <t>C8-3D-D4-7F-90-F1</t>
  </si>
  <si>
    <t>64-1C-67-A0-2A-E7</t>
  </si>
  <si>
    <t>NB-SUZIDARLENGA</t>
  </si>
  <si>
    <t>suzidarlengarf</t>
  </si>
  <si>
    <t>Suzidarleng Aparecida R Fernandes</t>
  </si>
  <si>
    <t>/o=exchangelabs/ou=exchange administrative group (fydibohf23spdlt)/cn=recipients/cn=979453e75354416d993c97ac8951bad3-william nob;</t>
  </si>
  <si>
    <t>/o=exchangelabs/ou=exchange administrative group (fydibohf23spdlt)/cn=recipients/cn=979453e75354416d993c97ac8951bad3-william nob</t>
  </si>
  <si>
    <t>/o=exchangelabs/ou=exchange administrative group (fydibohf23spdlt)/cn=recipients/cn=bf5c8ee8081a4a4cbf005372e2697869-tassiane ci;</t>
  </si>
  <si>
    <t>/o=exchangelabs/ou=exchange administrative group (fydibohf23spdlt)/cn=recipients/cn=bf5c8ee8081a4a4cbf005372e2697869-tassiane ci</t>
  </si>
  <si>
    <t>10.200.61.248</t>
  </si>
  <si>
    <t>20-04-0F-FE-4B-82</t>
  </si>
  <si>
    <t>NB-IZABELLACFB</t>
  </si>
  <si>
    <t>sarahro</t>
  </si>
  <si>
    <t>Sarah Rodrigues de Oliveira</t>
  </si>
  <si>
    <t>/o=exchangelabs/ou=exchange administrative group (fydibohf23spdlt)/cn=recipients/cn=flavia rodrigues soares;</t>
  </si>
  <si>
    <t>/o=exchangelabs/ou=exchange administrative group (fydibohf23spdlt)/cn=recipients/cn=flavia rodrigues soares</t>
  </si>
  <si>
    <t>C:\Users\douglasxm\OneDrive\Algar\</t>
  </si>
  <si>
    <t>Cópia de PROGRAMAÇÃO FERIAS ORÇADA - GAT.xlsx</t>
  </si>
  <si>
    <t>10.200.39.116</t>
  </si>
  <si>
    <t>C:\Users\alessandroam\OneDrive\OneDrive - Grupo Algar\01 - Historico\02 - Seg Informação\04 - ISO - Normas\LGPD - KPMG\</t>
  </si>
  <si>
    <t>elisangelamol@algartech.com;</t>
  </si>
  <si>
    <t>elisangelamol@algartech.com</t>
  </si>
  <si>
    <t>Plan Precificacao C017 B017_v12082018 v6.xlsb</t>
  </si>
  <si>
    <t>/o=exchangelabs/ou=exchange administrative group (fydibohf23spdlt)/cn=recipients/cn=c514dbe8b91547adb4618232d1a650ba-afonso domi;</t>
  </si>
  <si>
    <t>/o=exchangelabs/ou=exchange administrative group (fydibohf23spdlt)/cn=recipients/cn=c514dbe8b91547adb4618232d1a650ba-afonso domi</t>
  </si>
  <si>
    <t>camiladps@algartech.com;</t>
  </si>
  <si>
    <t>camiladps@algartech.com</t>
  </si>
  <si>
    <t>09 - Faturamento Toyota CRC.xlsx</t>
  </si>
  <si>
    <t>6552;</t>
  </si>
  <si>
    <t>http://6552</t>
  </si>
  <si>
    <t>10.200.58.178</t>
  </si>
  <si>
    <t>EC-F4-BB-F7-26-24</t>
  </si>
  <si>
    <t>Gamification - Coordenadores.xlsm</t>
  </si>
  <si>
    <t>/o=exchangelabs/ou=exchange administrative group (fydibohf23spdlt)/cn=recipients/cn=5eb8447f1992416c986b6f95f45fc7f7-jose paixao;</t>
  </si>
  <si>
    <t>/o=exchangelabs/ou=exchange administrative group (fydibohf23spdlt)/cn=recipients/cn=5eb8447f1992416c986b6f95f45fc7f7-jose paixao</t>
  </si>
  <si>
    <t>\\acsfs\deptos\asyst\comercial\02 - faturamento\base gat\gat - documentos diversos clientes\contrato fujitsu\</t>
  </si>
  <si>
    <t>/o=exchangelabs/ou=exchange administrative group (fydibohf23spdlt)/cn=recipients/cn=b3ad8a638fcc4c57bf8c7953dd4b3cb8-augusto ces;</t>
  </si>
  <si>
    <t>/o=exchangelabs/ou=exchange administrative group (fydibohf23spdlt)/cn=recipients/cn=b3ad8a638fcc4c57bf8c7953dd4b3cb8-augusto ces</t>
  </si>
  <si>
    <t>215370 - Plan Precificacao C018 B018 - Somente GRC.xlsb</t>
  </si>
  <si>
    <t>082018 - CADASTRO GERAL ASSOCIADOS .xlsx</t>
  </si>
  <si>
    <t>/o=exchangelabs/ou=exchange administrative group (fydibohf23spdlt)/cn=recipients/cn=aff8c3b9538840fe9b9778861292fbea-everton pau;</t>
  </si>
  <si>
    <t>/o=exchangelabs/ou=exchange administrative group (fydibohf23spdlt)/cn=recipients/cn=aff8c3b9538840fe9b9778861292fbea-everton pau</t>
  </si>
  <si>
    <t>10.213.2.39</t>
  </si>
  <si>
    <t>EC-F4-BB-FA-D0-FF</t>
  </si>
  <si>
    <t>vcoelho_act@timbrasil.com.br;</t>
  </si>
  <si>
    <t>vcoelho_act@timbrasil.com.br</t>
  </si>
  <si>
    <t>/o=exchangelabs/ou=exchange administrative group (fydibohf23spdlt)/cn=recipients/cn=f00c439d0d474c0586a503a0209ed1f2-bruno wande;</t>
  </si>
  <si>
    <t>/o=exchangelabs/ou=exchange administrative group (fydibohf23spdlt)/cn=recipients/cn=f00c439d0d474c0586a503a0209ed1f2-bruno wande</t>
  </si>
  <si>
    <t>CR 340800022 TECH - CSC.xlsx</t>
  </si>
  <si>
    <t>10.219.100.23</t>
  </si>
  <si>
    <t>54-BF-64-F6-7C-8E</t>
  </si>
  <si>
    <t>NB-AKASSIABLC</t>
  </si>
  <si>
    <t>akassiablc</t>
  </si>
  <si>
    <t>C:\Users\akassiablc.ACS\Documents\</t>
  </si>
  <si>
    <t>Contrato FMM.xlsx</t>
  </si>
  <si>
    <t>https://cscatende.algarnet.com.br/html/hd/hdscriptresposta/request/uploadincidentattachment.php?cdclassificacao=7&amp;action=1&amp;lastpositionattachement=undefined&amp;cdquestao=10755&amp;idmaisanexos=t</t>
  </si>
  <si>
    <t>C:\04.orçamento DAF e PRE\orçamento 2020\Privado\</t>
  </si>
  <si>
    <t>C:\Users\tullyols\Desktop\</t>
  </si>
  <si>
    <t>Rosana Peixoto da Cunha Cacao Botta</t>
  </si>
  <si>
    <t>AMEX MR BRAND</t>
  </si>
  <si>
    <t>20-04-0F-FE-49-32</t>
  </si>
  <si>
    <t>NB-PATRICIAARS</t>
  </si>
  <si>
    <t>patriciaars</t>
  </si>
  <si>
    <t>Patricia Araujo Silva</t>
  </si>
  <si>
    <t>/o=exchangelabs/ou=exchange administrative group (fydibohf23spdlt)/cn=recipients/cn=56c2af2d07fd48c0aebfc00ddc006494-alessio rod;</t>
  </si>
  <si>
    <t>/o=exchangelabs/ou=exchange administrative group (fydibohf23spdlt)/cn=recipients/cn=56c2af2d07fd48c0aebfc00ddc006494-alessio rod</t>
  </si>
  <si>
    <t>/o=exchangelabs/ou=exchange administrative group (fydibohf23spdlt)/cn=recipients/cn=feb3ce92cf2241e2acdd354ac87520ed-carlos edua;</t>
  </si>
  <si>
    <t>/o=exchangelabs/ou=exchange administrative group (fydibohf23spdlt)/cn=recipients/cn=feb3ce92cf2241e2acdd354ac87520ed-carlos edua</t>
  </si>
  <si>
    <t>filemon@algartech.com</t>
  </si>
  <si>
    <t>54-BF-64-F5-7F-36</t>
  </si>
  <si>
    <t>NB-LUANASDSA</t>
  </si>
  <si>
    <t>luanasdsa</t>
  </si>
  <si>
    <t>LUANA SOUZA DOS SANTOS</t>
  </si>
  <si>
    <t>C:\Users\iramildass\Desktop\Iramilda\Gente e Gestão\Folha e Ponto\</t>
  </si>
  <si>
    <t>/o=exchangelabs/ou=exchange administrative group (fydibohf23spdlt)/cn=recipients/cn=6123ad995eff4f77aafea5ab16f18aa3-renata beze;</t>
  </si>
  <si>
    <t>intra</t>
  </si>
  <si>
    <t>/o=exchangelabs/ou=exchange administrative group (fydibohf23spdlt)/cn=recipients/cn=6123ad995eff4f77aafea5ab16f18aa3-renata beze</t>
  </si>
  <si>
    <t>10.200.57.213</t>
  </si>
  <si>
    <t>54-BF-64-F5-7E-66</t>
  </si>
  <si>
    <t>/o=exchangelabs/ou=exchange administrative group (fydibohf23spdlt)/cn=recipients/cn=2144abc9537143519f505fcb8550b74c-juliana emi;</t>
  </si>
  <si>
    <t>/o=exchangelabs/ou=exchange administrative group (fydibohf23spdlt)/cn=recipients/cn=2144abc9537143519f505fcb8550b74c-juliana emi</t>
  </si>
  <si>
    <t>ccm_gestao_pospo@timbrasil.com.br;fdsalves@timbrasil.com.br;</t>
  </si>
  <si>
    <t>ccm_gestao_pospo@timbrasil.com.br,fdsalves@timbrasil.com.br</t>
  </si>
  <si>
    <t>RES: Cenário UCB</t>
  </si>
  <si>
    <t>/o=exchangelabs/ou=exchange administrative group (fydibohf23spdlt)/cn=recipients/cn=356687541e6d4dba87a6d07b3c4b9c4a-paulinia av;</t>
  </si>
  <si>
    <t>/o=exchangelabs/ou=exchange administrative group (fydibohf23spdlt)/cn=recipients/cn=356687541e6d4dba87a6d07b3c4b9c4a-paulinia av</t>
  </si>
  <si>
    <t>C:\Users\rodrigombu\OneDrive - Grupo Algar\Whirlpool\2019\10 - Outubro\Arquivo\NPS\</t>
  </si>
  <si>
    <t>leandrolds@algartech.com;</t>
  </si>
  <si>
    <t>leandrolds@algartech.com</t>
  </si>
  <si>
    <t>C:\Users\filemoncmj\OneDrive - Grupo Algar\01. Algar Tech\01. Projetos de Clientes\13. Yahsat\2019\04. Aquisições\</t>
  </si>
  <si>
    <t>Classificação de Itens - Aumento PAs.xlsx</t>
  </si>
  <si>
    <t>Registros de Ponto 2019.xlsx</t>
  </si>
  <si>
    <t>DCO DIRETORIA COMERCIAL</t>
  </si>
  <si>
    <t>20-04-0F-FD-B4-7A</t>
  </si>
  <si>
    <t>NB-POLATI</t>
  </si>
  <si>
    <t>polati</t>
  </si>
  <si>
    <t>C:\Users\polati\OneDrive\empresas\agrotech\</t>
  </si>
  <si>
    <t>Budget V1.0.xlsb</t>
  </si>
  <si>
    <t>C:\Users\polati\OneDrive\</t>
  </si>
  <si>
    <t>FINANCAS oficial dez18.xlsx</t>
  </si>
  <si>
    <t>C:\Users\yuriifd\Desktop\BV\</t>
  </si>
  <si>
    <t>/o=exchangelabs/ou=exchange administrative group (fydibohf23spdlt)/cn=recipients/cn=161c8ab454bb4f4ebde8223bf694a34b-pedro felip;</t>
  </si>
  <si>
    <t>EQUIPE GAT ATUAL _ SETEMBRO.xlsm</t>
  </si>
  <si>
    <t>/o=exchangelabs/ou=exchange administrative group (fydibohf23spdlt)/cn=recipients/cn=161c8ab454bb4f4ebde8223bf694a34b-pedro felip</t>
  </si>
  <si>
    <t>ENC:</t>
  </si>
  <si>
    <t>Criação_Alteração Conteúdo.xlsx</t>
  </si>
  <si>
    <t>/o=exchangelabs/ou=exchange administrative group (fydibohf23spdlt)/cn=recipients/cn=741ddf52d7254566b58abdfaef6b9055-geison jose;</t>
  </si>
  <si>
    <t>/o=exchangelabs/ou=exchange administrative group (fydibohf23spdlt)/cn=recipients/cn=741ddf52d7254566b58abdfaef6b9055-geison jose</t>
  </si>
  <si>
    <t>guia_aws.xlsx</t>
  </si>
  <si>
    <t>D:\OneDrive\Pessoal\Carros\Virtus\</t>
  </si>
  <si>
    <t>/o=exchangelabs/ou=exchange administrative group (fydibohf23spdlt)/cn=recipients/cn=60faf2b5b04b4809ba6e5fa8b0b884a6-evelise tri;</t>
  </si>
  <si>
    <t>/o=exchangelabs/ou=exchange administrative group (fydibohf23spdlt)/cn=recipients/cn=60faf2b5b04b4809ba6e5fa8b0b884a6-evelise tri</t>
  </si>
  <si>
    <t>Webmail(YahooMail)</t>
  </si>
  <si>
    <t>/o=exchangelabs/ou=exchange administrative group (fydibohf23spdlt)/cn=recipients/cn=1e2e97da71ef410ba6f7bc3d1bfa9175-antonio car;/o=exchangelabs/ou=exchange administrative group (fydibohf23spdlt)/cn=recipients/cn=c29ec9dae022497281c840087cccddec-patricia ar;</t>
  </si>
  <si>
    <t>/o=exchangelabs/ou=exchange administrative group (fydibohf23spdlt)/cn=recipients/cn=1e2e97da71ef410ba6f7bc3d1bfa9175-antonio car,/o=exchangelabs/ou=exchange administrative group (fydibohf23spdlt)/cn=recipients/cn=c29ec9dae022497281c840087cccddec-patricia ar</t>
  </si>
  <si>
    <t>10.200.57.120</t>
  </si>
  <si>
    <t>FC-01-7C-FE-34-BB</t>
  </si>
  <si>
    <t>D:\LOTUS\</t>
  </si>
  <si>
    <t>Controle de Serviços.xlsx</t>
  </si>
  <si>
    <t>D:\LOTUS\Controle de Serviços.xlsx</t>
  </si>
  <si>
    <t>/o=exchangelabs/ou=exchange administrative group (fydibohf23spdlt)/cn=recipients/cn=a8f05db2744643a38d71c36d72eacc9b-karla steph;</t>
  </si>
  <si>
    <t>/o=exchangelabs/ou=exchange administrative group (fydibohf23spdlt)/cn=recipients/cn=a8f05db2744643a38d71c36d72eacc9b-karla steph</t>
  </si>
  <si>
    <t>C:\Users\akassiablc.ACS\Downloads\</t>
  </si>
  <si>
    <t>C:\Users\suelenmm\OneDrive - Grupo Algar\Gestão PVs\Orçamento\2020\</t>
  </si>
  <si>
    <t>PTH 1.xlsx</t>
  </si>
  <si>
    <t>PTH REVISADO.xlsx</t>
  </si>
  <si>
    <t>/o=exchangelabs/ou=exchange administrative group (fydibohf23spdlt)/cn=recipients/cn=1e45e12566d4418ba0325de92fea64a4-akassia bez;/o=exchangelabs/ou=exchange administrative group (fydibohf23spdlt)/cn=recipients/cn=9e20ba3b6afd447db98f75fb7bdc7037-francisco e;</t>
  </si>
  <si>
    <t>/o=exchangelabs/ou=exchange administrative group (fydibohf23spdlt)/cn=recipients/cn=1e45e12566d4418ba0325de92fea64a4-akassia bez,/o=exchangelabs/ou=exchange administrative group (fydibohf23spdlt)/cn=recipients/cn=9e20ba3b6afd447db98f75fb7bdc7037-francisco e</t>
  </si>
  <si>
    <t>C:\Users\mariannacsm\OneDrive - Grupo Algar\0- PMO-POOL\PMO\CAPEX\CAPEX PROJETOS CSC\</t>
  </si>
  <si>
    <t>erica@quilleconsultoria.com.br;</t>
  </si>
  <si>
    <t>erica@quilleconsultoria.com.br</t>
  </si>
  <si>
    <t>iaraadss@algartech.com;</t>
  </si>
  <si>
    <t>iaraadss@algartech.com</t>
  </si>
  <si>
    <t>/o=exchangelabs/ou=exchange administrative group (fydibohf23spdlt)/cn=recipients/cn=8f4e3aa524514f919832da77d1e13730-giselle nar;</t>
  </si>
  <si>
    <t>/o=exchangelabs/ou=exchange administrative group (fydibohf23spdlt)/cn=recipients/cn=8f4e3aa524514f919832da77d1e13730-giselle nar</t>
  </si>
  <si>
    <t>10.200.35.87</t>
  </si>
  <si>
    <t>64-1C-67-A0-39-2C</t>
  </si>
  <si>
    <t>NB-CAMILAT</t>
  </si>
  <si>
    <t>camilat</t>
  </si>
  <si>
    <t>2C-6F-C9-66-2F-1F</t>
  </si>
  <si>
    <t>C:\Users\douglassp\OneDrive - Grupo Algar\S&amp;OP\2019\</t>
  </si>
  <si>
    <t>Package.xlsx</t>
  </si>
  <si>
    <t>D:\Projetos\ACS\One_drive\OneDrive - Grupo Algar\Projetos\2019 Eletrolux_-_Indicadores\2 - Documentação Indicadores\4 - Específicos\DE-Electrolux-Dashboards-v1.2 Especificos.doc\</t>
  </si>
  <si>
    <t>Package1.xls</t>
  </si>
  <si>
    <t>10.200.67.59</t>
  </si>
  <si>
    <t>Faturamento Consultoria Algar - Novembro 2019.xlsm</t>
  </si>
  <si>
    <t>10.200.60.235</t>
  </si>
  <si>
    <t>FC-01-7C-B3-BE-F9</t>
  </si>
  <si>
    <t>joaonsm</t>
  </si>
  <si>
    <t>joaonsm@algartech.com</t>
  </si>
  <si>
    <t>Turma 28-10 MANHÃ.xlsx</t>
  </si>
  <si>
    <t>Cargos.xlsx</t>
  </si>
  <si>
    <t>10.200.60.183</t>
  </si>
  <si>
    <t>FC-01-7C-FE-64-89</t>
  </si>
  <si>
    <t>NB-GILMARASS</t>
  </si>
  <si>
    <t>victorvgar</t>
  </si>
  <si>
    <t>10.200.58.63</t>
  </si>
  <si>
    <t>D8-9C-67-6F-2A-D3</t>
  </si>
  <si>
    <t>/o=exchangelabs/ou=exchange administrative group (fydibohf23spdlt)/cn=recipients/cn=65f2464c9a2e4d2981cae7124572133d-cristiane c;</t>
  </si>
  <si>
    <t>/o=exchangelabs/ou=exchange administrative group (fydibohf23spdlt)/cn=recipients/cn=65f2464c9a2e4d2981cae7124572133d-cristiane c</t>
  </si>
  <si>
    <t>/o=exchangelabs/ou=exchange administrative group (fydibohf23spdlt)/cn=recipients/cn=a4d22dd1d15f4af6859c78a97c862082-pedro henri;</t>
  </si>
  <si>
    <t>/o=exchangelabs/ou=exchange administrative group (fydibohf23spdlt)/cn=recipients/cn=a4d22dd1d15f4af6859c78a97c862082-pedro henri</t>
  </si>
  <si>
    <t>C:\Users\joaonsm\Desktop\</t>
  </si>
  <si>
    <t>Acompanhamento - Gr. Config.xlsx</t>
  </si>
  <si>
    <t>Cópia de Forecast de Receita Oficial_2019 - 16-10.xlsx</t>
  </si>
  <si>
    <t>10.200.60.215</t>
  </si>
  <si>
    <t>54-BF-64-F5-81-98</t>
  </si>
  <si>
    <t>NB-LAUANEDJS</t>
  </si>
  <si>
    <t>lauanedjs</t>
  </si>
  <si>
    <t>outlook.office365.com/owa/service.svc/createattachmentfromlocalfile</t>
  </si>
  <si>
    <t>C:\Users\lauanedjs\Desktop\</t>
  </si>
  <si>
    <t>claidsones@algartech.com</t>
  </si>
  <si>
    <t>Proposta Suélen - 3TRI2019.xlsx</t>
  </si>
  <si>
    <t>Financeiro.xlsx</t>
  </si>
  <si>
    <t>Template Suélen - 2020.xlsb</t>
  </si>
  <si>
    <t>C:\Users\lauravx\Downloads\</t>
  </si>
  <si>
    <t>Lista de Sistemas - Consolidado_v7 072018.xlsx</t>
  </si>
  <si>
    <t>c:\users\marinasf\desktop\controles financeiros\pgtos relizados\rpa limpeza\modelos rpa vigente\</t>
  </si>
  <si>
    <t>modelo rpa sandra.xls</t>
  </si>
  <si>
    <t>Tipos de alertas.xlsx</t>
  </si>
  <si>
    <t>Clientes da Base_GAT.xlsx</t>
  </si>
  <si>
    <t>lucasm@algartech.com;</t>
  </si>
  <si>
    <t>lucasm@algartech.com</t>
  </si>
  <si>
    <t>64-1C-67-9D-34-80</t>
  </si>
  <si>
    <t>XXXXX - Pedido Transacional_GPON13 PROFISSIONAIS.xls</t>
  </si>
  <si>
    <t>10.200.62.9</t>
  </si>
  <si>
    <t>FC-01-7C-C0-33-D1</t>
  </si>
  <si>
    <t>NB-RODRIGOATE</t>
  </si>
  <si>
    <t>rodrigoate</t>
  </si>
  <si>
    <t>C:\Users\renatofol\OneDrive - Grupo Algar\ALGAR - ATIVIDADES E PROJETOS\</t>
  </si>
  <si>
    <t>Atividade_Projetos_Transformacao_Digital_2019.xls</t>
  </si>
  <si>
    <t>10.200.57.161</t>
  </si>
  <si>
    <t>c:\users\gildaepma\appdata\local\temp\</t>
  </si>
  <si>
    <t>10.200.59.244</t>
  </si>
  <si>
    <t>5C-EA-1D-CF-A4-4F</t>
  </si>
  <si>
    <t>10.200.60.174</t>
  </si>
  <si>
    <t>FC-01-7C-B3-BA-ED</t>
  </si>
  <si>
    <t>68-A3-C4-5A-84-D8</t>
  </si>
  <si>
    <t>/o=exchangelabs/ou=exchange administrative group (fydibohf23spdlt)/cn=recipients/cn=0a343ab60c904ee9b25c54f941bc50a2-elincon pis;/o=exchangelabs/ou=exchange administrative group (fydibohf23spdlt)/cn=recipients/cn=3bff4ffb267e4ea2a4a3347f6a4c5cf8-tatiane mag;</t>
  </si>
  <si>
    <t>/o=exchangelabs/ou=exchange administrative group (fydibohf23spdlt)/cn=recipients/cn=0a343ab60c904ee9b25c54f941bc50a2-elincon pis,/o=exchangelabs/ou=exchange administrative group (fydibohf23spdlt)/cn=recipients/cn=3bff4ffb267e4ea2a4a3347f6a4c5cf8-tatiane mag</t>
  </si>
  <si>
    <t>AMEX SERVIÇOS PJ - VIAGENS/VM</t>
  </si>
  <si>
    <t>10.200.32.196</t>
  </si>
  <si>
    <t>64-1C-67-9B-9D-2D</t>
  </si>
  <si>
    <t>NB-LUCASFR</t>
  </si>
  <si>
    <t>lucasfra</t>
  </si>
  <si>
    <t>lucasfra@algartech.com</t>
  </si>
  <si>
    <t>C:\Users\filemoncmj\OneDrive - Grupo Algar\01. Algar Tech\01. Projetos de Clientes\13. Yahsat\2019\03. TAP\ATEC-2019-0024-015 - Aumento 7 PA’s Yahsat.msg\s135\</t>
  </si>
  <si>
    <t>DI - ATEC-2019-0024-015.xlsx</t>
  </si>
  <si>
    <t>2C-6F-C9-66-2D-A5</t>
  </si>
  <si>
    <t>camilat@algartech.com;saramfg@algartech.com;vivianercu@algartech.com;</t>
  </si>
  <si>
    <t>camilat@algartech.com,saramfg@algartech.com,vivianercu@algartech.com</t>
  </si>
  <si>
    <t>10.200.60.91</t>
  </si>
  <si>
    <t>10.12.241.119</t>
  </si>
  <si>
    <t>CDI_MANUAL_(2).xlsx</t>
  </si>
  <si>
    <t>/o=exchangelabs/ou=exchange administrative group (fydibohf23spdlt)/cn=recipients/cn=42003965c773486991517108e51c3776-paula dayan;</t>
  </si>
  <si>
    <t>/o=exchangelabs/ou=exchange administrative group (fydibohf23spdlt)/cn=recipients/cn=42003965c773486991517108e51c3776-paula dayan</t>
  </si>
  <si>
    <t>C:\Users\lauanecca\Desktop\</t>
  </si>
  <si>
    <t>SERVICE DESK CARTÕES/MOBILE - UBERLÂNDIA</t>
  </si>
  <si>
    <t>10.200.60.239</t>
  </si>
  <si>
    <t>54-BF-64-F5-81-6A</t>
  </si>
  <si>
    <t>NB-ALINESF</t>
  </si>
  <si>
    <t>alinesf</t>
  </si>
  <si>
    <t>C:\Users\alinesf\Downloads\</t>
  </si>
  <si>
    <t>Formulario_Ferias_Irregulares_-_Algar_Tech.xls</t>
  </si>
  <si>
    <t>C:\Users\alinesf\Desktop\</t>
  </si>
  <si>
    <t>10.201.28.77</t>
  </si>
  <si>
    <t>patriciaac@algartech.com;</t>
  </si>
  <si>
    <t>patriciaac@algartech.com</t>
  </si>
  <si>
    <t>C:\Users\rodrigormc\Desktop\Memoria de Calculo\</t>
  </si>
  <si>
    <t>10.207.12.69</t>
  </si>
  <si>
    <t>/o=exchangelabs/ou=exchange administrative group (fydibohf23spdlt)/cn=recipients/cn=504f2cfc403f495ebf675fe1e3d6931c-flavia ceci;</t>
  </si>
  <si>
    <t>/o=exchangelabs/ou=exchange administrative group (fydibohf23spdlt)/cn=recipients/cn=504f2cfc403f495ebf675fe1e3d6931c-flavia ceci</t>
  </si>
  <si>
    <t>/o=exchangelabs/ou=exchange administrative group (fydibohf23spdlt)/cn=recipients/cn=35600680776041e0b2e3612c7a4448ea-laura venan;</t>
  </si>
  <si>
    <t>/o=exchangelabs/ou=exchange administrative group (fydibohf23spdlt)/cn=recipients/cn=35600680776041e0b2e3612c7a4448ea-laura venan</t>
  </si>
  <si>
    <t>diegoodz@algartech.com;</t>
  </si>
  <si>
    <t>diegoodz@algartech.com</t>
  </si>
  <si>
    <t>/o=exchangelabs/ou=exchange administrative group (fydibohf23spdlt)/cn=recipients/cn=443a648e2bd247c69659ca2ac6a18582-adriele fer;</t>
  </si>
  <si>
    <t>/o=exchangelabs/ou=exchange administrative group (fydibohf23spdlt)/cn=recipients/cn=443a648e2bd247c69659ca2ac6a18582-adriele fer</t>
  </si>
  <si>
    <t>Luciano Cortes Lemos</t>
  </si>
  <si>
    <t>/o=exchangelabs/ou=exchange administrative group (fydibohf23spdlt)/cn=recipients/cn=8c89829ad534498fa4c85b5ac11174f1-suelen more;/o=exchangelabs/ou=exchange administrative group (fydibohf23spdlt)/cn=recipients/cn=b194f014572c4c36b52132f9199df1aa-jairo junio;marcelom@algartech.com;</t>
  </si>
  <si>
    <t>/o=exchangelabs/ou=exchange administrative group (fydibohf23spdlt)/cn=recipients/cn=8c89829ad534498fa4c85b5ac11174f1-suelen more,/o=exchangelabs/ou=exchange administrative group (fydibohf23spdlt)/cn=recipients/cn=b194f014572c4c36b52132f9199df1aa-jairo junio,marcelom@algartech.com</t>
  </si>
  <si>
    <t>10.200.60.15</t>
  </si>
  <si>
    <t>48-51-B7-89-8F-C8</t>
  </si>
  <si>
    <t>NB-GUILHERMEDSF</t>
  </si>
  <si>
    <t>guilhermedsf</t>
  </si>
  <si>
    <t>54-BF-64-F5-7E-E2</t>
  </si>
  <si>
    <t>NB-ANDREMG</t>
  </si>
  <si>
    <t>andremg</t>
  </si>
  <si>
    <t>C:\Users\andremg\Desktop\</t>
  </si>
  <si>
    <t>10.200.62.0</t>
  </si>
  <si>
    <t>D8-9C-67-6F-10-71</t>
  </si>
  <si>
    <t>10.200.61.151</t>
  </si>
  <si>
    <t>C:\Users\marcotvo\Desktop\</t>
  </si>
  <si>
    <t>10.200.58.85</t>
  </si>
  <si>
    <t>FC-01-7C-B3-54-A1</t>
  </si>
  <si>
    <t>C:\Users\lauanedjs\Desktop\Lauane Cristina\NR17\01. Farol\</t>
  </si>
  <si>
    <t>gabrielbc@algartech.com</t>
  </si>
  <si>
    <t>R:\OneDrive - Grupo Algar\Advanced Collection\BP e Rampa de Cobrança\</t>
  </si>
  <si>
    <t>10.200.61.208</t>
  </si>
  <si>
    <t>80-86-F2-FD-76-F9</t>
  </si>
  <si>
    <t>PROJEÇÃO LP GAT PPE + AS IS - Outubro 2019_V3.xlsx</t>
  </si>
  <si>
    <t>C:\Users\ericsonns\Documents\</t>
  </si>
  <si>
    <t>leonoraat@algartech.com.br</t>
  </si>
  <si>
    <t>Regua Acionamento BP_Aprovada Vila.xlsx</t>
  </si>
  <si>
    <t>Microsoft_Excel_Binary_Worksheet1.xlsb</t>
  </si>
  <si>
    <t>Microsoft_Excel_Binary_Worksheet2.xlsb</t>
  </si>
  <si>
    <t>Microsoft_Excel_Binary_Worksheet3.xlsb</t>
  </si>
  <si>
    <t>Microsoft_Excel_Binary_Worksheet4.xlsb</t>
  </si>
  <si>
    <t>Microsoft_Excel_Binary_Worksheet5.xlsb</t>
  </si>
  <si>
    <t>Levantamento CR 340004014.xlsx</t>
  </si>
  <si>
    <t>/o=exchangelabs/ou=exchange administrative group (fydibohf23spdlt)/cn=recipients/cn=bcc9538754d3496ea31a487e560f8214-silvio mart;</t>
  </si>
  <si>
    <t>/o=exchangelabs/ou=exchange administrative group (fydibohf23spdlt)/cn=recipients/cn=bcc9538754d3496ea31a487e560f8214-silvio mart</t>
  </si>
  <si>
    <t>luceliabs@algartech.com.br;</t>
  </si>
  <si>
    <t>luceliabs@algartech.com.br</t>
  </si>
  <si>
    <t>gabiialvessampaio@gmail.com</t>
  </si>
  <si>
    <t>/o=exchangelabs/ou=exchange administrative group (fydibohf23spdlt)/cn=recipients/cn=valeria de mello lima;</t>
  </si>
  <si>
    <t>Carteira Consultores 2019_2020 Hunters.xlsx</t>
  </si>
  <si>
    <t>/o=exchangelabs/ou=exchange administrative group (fydibohf23spdlt)/cn=recipients/cn=valeria de mello lima</t>
  </si>
  <si>
    <t>10.200.36.3</t>
  </si>
  <si>
    <t>54-BF-64-F5-50-11</t>
  </si>
  <si>
    <t>NB-MARCELODSD</t>
  </si>
  <si>
    <t>marcelodsd</t>
  </si>
  <si>
    <t>Fraseologia Electrolux.xlsx</t>
  </si>
  <si>
    <t>10.200.60.192</t>
  </si>
  <si>
    <t>C:\Users\iramildass\Downloads\</t>
  </si>
  <si>
    <t>10.211.2.84</t>
  </si>
  <si>
    <t>adrianofo@algartech.com.br;ueniargl@algartech.com.br;</t>
  </si>
  <si>
    <t>adrianofo@algartech.com.br,ueniargl@algartech.com.br</t>
  </si>
  <si>
    <t>C:\Users\fellypcsj\OneDrive - Grupo Algar\Fellyp\Desenvolvimento Pessoal e Financeiro\Metas 2019\</t>
  </si>
  <si>
    <t>Tabelas Metas 2019 v1.xlsx</t>
  </si>
  <si>
    <t>C:\Users\marcelacpe\Desktop\</t>
  </si>
  <si>
    <t>Painel Financeiro.xlsb</t>
  </si>
  <si>
    <t>/o=exchangelabs/ou=exchange administrative group (fydibohf23spdlt)/cn=recipients/cn=3fb6ab7b213844aaa9f4b7b177d40270-diogo rober;</t>
  </si>
  <si>
    <t>/o=exchangelabs/ou=exchange administrative group (fydibohf23spdlt)/cn=recipients/cn=3fb6ab7b213844aaa9f4b7b177d40270-diogo rober</t>
  </si>
  <si>
    <t>/o=exchangelabs/ou=exchange administrative group (fydibohf23spdlt)/cn=recipients/cn=61af722dd06149089cf1c867d796b8bc-delso estre;</t>
  </si>
  <si>
    <t>/o=exchangelabs/ou=exchange administrative group (fydibohf23spdlt)/cn=recipients/cn=61af722dd06149089cf1c867d796b8bc-delso estre</t>
  </si>
  <si>
    <t>EL-LM-DE-001_R00.xls</t>
  </si>
  <si>
    <t>10.16.72.57</t>
  </si>
  <si>
    <t>Ajuste de Ponto - Iramilda.xlsx</t>
  </si>
  <si>
    <t>10.200.60.169</t>
  </si>
  <si>
    <t>Template_Materiais_Escritorio_Informatica.xlsx</t>
  </si>
  <si>
    <t>angicleiamen@algartech.com;caiocsc@algartech.com;camilaammm@algartech.com;felipeaferr@algartech.com;</t>
  </si>
  <si>
    <t>angicleiamen@algartech.com,caiocsc@algartech.com,camilaammm@algartech.com,felipeaferr@algartech.com</t>
  </si>
  <si>
    <t>Microsoft_Excel_Worksheet37.xlsx</t>
  </si>
  <si>
    <t>Microsoft_Excel_Worksheet38.xlsx</t>
  </si>
  <si>
    <t>Microsoft_Excel_Worksheet39.xlsx</t>
  </si>
  <si>
    <t>Microsoft_Excel_Worksheet40.xlsx</t>
  </si>
  <si>
    <t>Microsoft_Excel_Worksheet41.xlsx</t>
  </si>
  <si>
    <t>Microsoft_Excel_Worksheet42.xlsx</t>
  </si>
  <si>
    <t>Microsoft_Excel_Worksheet43.xlsx</t>
  </si>
  <si>
    <t>Microsoft_Excel_Worksheet44.xlsx</t>
  </si>
  <si>
    <t>Microsoft_Excel_Worksheet45.xlsx</t>
  </si>
  <si>
    <t>Microsoft_Excel_Worksheet46.xlsx</t>
  </si>
  <si>
    <t>Microsoft_Excel_Worksheet47.xlsx</t>
  </si>
  <si>
    <t>Microsoft_Excel_Worksheet48.xlsx</t>
  </si>
  <si>
    <t>Microsoft_Excel_Worksheet49.xlsx</t>
  </si>
  <si>
    <t>Microsoft_Excel_Worksheet50.xlsx</t>
  </si>
  <si>
    <t>Microsoft_Excel_Worksheet51.xlsx</t>
  </si>
  <si>
    <t>Microsoft_Excel_Worksheet52.xlsx</t>
  </si>
  <si>
    <t>1 Nome dos funcionários para criação da requisição.xlsx</t>
  </si>
  <si>
    <t>FLEXFIELDS - Códigos de Contabilização OEBS - Algar Tech .xlsx</t>
  </si>
  <si>
    <t>Auditoria PPRA 2019-2020 (Em andamento).xlsx</t>
  </si>
  <si>
    <t>Régua BackOffice Agências</t>
  </si>
  <si>
    <t>Bo Agências.xlsx</t>
  </si>
  <si>
    <t>/o=exchangelabs/ou=exchange administrative group (fydibohf23spdlt)/cn=recipients/cn=0bafe1ed27024338be4e911e19871cd1-william rob;/o=exchangelabs/ou=exchange administrative group (fydibohf23spdlt)/cn=recipients/cn=287c26b08a0f48578479a15a452f025d-edilson rod;/o=exchangelabs/ou=exchange administrative group (fydibohf23spdlt)/cn=recipients/cn=2d3379e2d04c40db810b4b1f41dd2aea-erica carol;/o=exchangelabs/ou=exchange administrative group (fydibohf23spdlt)/cn=recipients/cn=372a4aee70df4061aed129651510b96b-raul montei;/o=exchangelabs/ou=exchange administrative group (fydibohf23spdlt)/cn=recipients/cn=3b76b3dd02a14d289cc323d3c8d12b81-waleska mar;/o=exchangelabs/ou=exchange administrative group (fydibohf23spdlt)/cn=recipients/cn=3bff4ffb267e4ea2a4a3347f6a4c5cf8-tatiane mag;/o=exchangelabs/ou=exchange administrative group (fydibohf23spdlt)/cn=recipients/cn=44f0a666541444e787f23979b24aa3bd-reginaldo r;/o=exchangelabs/ou=exchange administrative group (fydibohf23spdlt)/cn=recipients/cn=55f846c335d7437f892f0b0d49c89e92-celm</t>
  </si>
  <si>
    <t>Olha o Ranking aí gente....</t>
  </si>
  <si>
    <t>/o=exchangelabs/ou=exchange administrative group (fydibohf23spdlt)/cn=recipients/cn=0bafe1ed27024338be4e911e19871cd1-william rob,/o=exchangelabs/ou=exchange administrative group (fydibohf23spdlt)/cn=recipients/cn=287c26b08a0f48578479a15a452f025d-edilson rod,/o=exchangelabs/ou=exchange administrative group (fydibohf23spdlt)/cn=recipients/cn=2d3379e2d04c40db810b4b1f41dd2aea-erica carol,/o=exchangelabs/ou=exchange administrative group (fydibohf23spdlt)/cn=recipients/cn=372a4aee70df4061aed129651510b96b-raul montei,/o=exchangelabs/ou=exchange administrative group (fydibohf23spdlt)/cn=recipients/cn=3b76b3dd02a14d289cc323d3c8d12b81-waleska mar,/o=exchangelabs/ou=exchange administrative group (fydibohf23spdlt)/cn=recipients/cn=3bff4ffb267e4ea2a4a3347f6a4c5cf8-tatiane mag,/o=exchangelabs/ou=exchange administrative group (fydibohf23spdlt)/cn=recipients/cn=44f0a666541444e787f23979b24aa3bd-reginaldo r,/o=exchangelabs/ou=exchange administrative group (fydibohf23spdlt)/cn=recipients/cn=55f846c335d7437f892f0b0d49c89e92-celm</t>
  </si>
  <si>
    <t>/o=exchangelabs/ou=exchange administrative group (fydibohf23spdlt)/cn=recipients/cn=002ec1cd4de64cd68f3e33ca3518cc0b-fernando ro;/o=exchangelabs/ou=exchange administrative group (fydibohf23spdlt)/cn=recipients/cn=092327d7955f47e78ad4a60dc2ac8d69-joaquim eli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1698f5af44b14116ad2d0b751d584c7d-danilo rafa;/o=exchangelabs/ou=exchange administrative group (fydibohf23spdlt)/cn=recipients/cn=240fafdb21074ab9a87c95d3265e411c-rodrigo rod;/o=exchangelabs/ou=exchange administrative group (fydibohf23spdlt)/cn=recipients/cn=249f643ba1e044588b45a020c76dadde-daniel de o;/o=exchangelabs/ou=exchange administrative group (fydibohf23spdlt)/cn=recipients/cn=2946605dcf554cb389220dec598b84fa-adri</t>
  </si>
  <si>
    <t>/o=exchangelabs/ou=exchange administrative group (fydibohf23spdlt)/cn=recipients/cn=002ec1cd4de64cd68f3e33ca3518cc0b-fernando ro,/o=exchangelabs/ou=exchange administrative group (fydibohf23spdlt)/cn=recipients/cn=092327d7955f47e78ad4a60dc2ac8d69-joaquim eli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1698f5af44b14116ad2d0b751d584c7d-danilo rafa,/o=exchangelabs/ou=exchange administrative group (fydibohf23spdlt)/cn=recipients/cn=240fafdb21074ab9a87c95d3265e411c-rodrigo rod,/o=exchangelabs/ou=exchange administrative group (fydibohf23spdlt)/cn=recipients/cn=249f643ba1e044588b45a020c76dadde-daniel de o,/o=exchangelabs/ou=exchange administrative group (fydibohf23spdlt)/cn=recipients/cn=2946605dcf554cb389220dec598b84fa-adri</t>
  </si>
  <si>
    <t>C:\Users\guilhermedsf\Documents\</t>
  </si>
  <si>
    <t>/o=exchangelabs/ou=exchange administrative group (fydibohf23spdlt)/cn=recipients/cn=1e212ef08dab4f26b88cba944f2ab7cb-pmo.governa;</t>
  </si>
  <si>
    <t>/o=exchangelabs/ou=exchange administrative group (fydibohf23spdlt)/cn=recipients/cn=1e212ef08dab4f26b88cba944f2ab7cb-pmo.governa</t>
  </si>
  <si>
    <t>/o=exchangelabs/ou=exchange administrative group (fydibohf23spdlt)/cn=recipients/cn=0addf5d63aa844c7a80c4c80b8d6351e-edson barbo;/o=exchangelabs/ou=exchange administrative group (fydibohf23spdlt)/cn=recipients/cn=1698f5af44b14116ad2d0b751d584c7d-danilo rafa;contato@energiaon-line.com;</t>
  </si>
  <si>
    <t>/o=exchangelabs/ou=exchange administrative group (fydibohf23spdlt)/cn=recipients/cn=0addf5d63aa844c7a80c4c80b8d6351e-edson barbo,/o=exchangelabs/ou=exchange administrative group (fydibohf23spdlt)/cn=recipients/cn=1698f5af44b14116ad2d0b751d584c7d-danilo rafa,contato@energiaon-line.com</t>
  </si>
  <si>
    <t>Ficha do Risco - Segurança da Informação - set19 08102019.xlsx</t>
  </si>
  <si>
    <t>/o=exchangelabs/ou=exchange administrative group (fydibohf23spdlt)/cn=recipients/cn=9a3ba6096e184fb5837abcf6a6214283-daniel henr;</t>
  </si>
  <si>
    <t>/o=exchangelabs/ou=exchange administrative group (fydibohf23spdlt)/cn=recipients/cn=9a3ba6096e184fb5837abcf6a6214283-daniel henr</t>
  </si>
  <si>
    <t>10.200.58.17</t>
  </si>
  <si>
    <t>C:\Users\rafaelbdt\Downloads\</t>
  </si>
  <si>
    <t>Política Backup SAGE(OPENSTACK).xlsx</t>
  </si>
  <si>
    <t>Política Backup SAGE.xlsx</t>
  </si>
  <si>
    <t>DRE</t>
  </si>
  <si>
    <t>amandafdcs@algartech.com;</t>
  </si>
  <si>
    <t>amandafdcs@algartech.com</t>
  </si>
  <si>
    <t>Saving_EPO2020.xlsx</t>
  </si>
  <si>
    <t>C:\Users\mariannacsm\OneDrive - Grupo Algar\0- PMO-POOL\Projetos Compras\Simplificação do Processo de Compras\ID24\</t>
  </si>
  <si>
    <t>Matriz de Risco - ID24.xls</t>
  </si>
  <si>
    <t>PLANILHA SGS.xlsx</t>
  </si>
  <si>
    <t>RES: Divergência - SGS (Algar)</t>
  </si>
  <si>
    <t>SP350002373</t>
  </si>
  <si>
    <t>edsonbc</t>
  </si>
  <si>
    <t>EDSON BARBOSA CAETANO</t>
  </si>
  <si>
    <t>10.200.99.2</t>
  </si>
  <si>
    <t>/o=exchangelabs/ou=exchange administrative group (fydibohf23spdlt)/cn=recipients/cn=5cdf7c02d3784fda99b7b159b2a127b2-rudney leme;</t>
  </si>
  <si>
    <t>/o=exchangelabs/ou=exchange administrative group (fydibohf23spdlt)/cn=recipients/cn=5cdf7c02d3784fda99b7b159b2a127b2-rudney leme</t>
  </si>
  <si>
    <t>C:\Users\elainemdlp\OD\_Projetos\Em andamento\Relacionamento Cartoes BV\02 - Planejamento\Compras\</t>
  </si>
  <si>
    <t>Controle_Compras_BV.xlsx</t>
  </si>
  <si>
    <t>10.250.254.68</t>
  </si>
  <si>
    <t>CR's BRADESCO - Licenças de e-mail.xlsx</t>
  </si>
  <si>
    <t>julianarcda@algartech.com</t>
  </si>
  <si>
    <t>Controle de Penalidades de Stembro 2019 (002).xlsx</t>
  </si>
  <si>
    <t>Amex - Termo de Responsabilidade.xlsm</t>
  </si>
  <si>
    <t>RPA's.xlsx</t>
  </si>
  <si>
    <t>/o=exchangelabs/ou=exchange administrative group (fydibohf23spdlt)/cn=recipients/cn=32fe8a14424941da83c2bf35a8a5709e-fabiana car;</t>
  </si>
  <si>
    <t>/o=exchangelabs/ou=exchange administrative group (fydibohf23spdlt)/cn=recipients/cn=32fe8a14424941da83c2bf35a8a5709e-fabiana car</t>
  </si>
  <si>
    <t>D4-6A-6A-FD-A6-AF</t>
  </si>
  <si>
    <t>NB-FABIANOWO</t>
  </si>
  <si>
    <t>fabianowo</t>
  </si>
  <si>
    <t>C:\Users\fabianowo.ACS\OneDrive - Grupo Algar\</t>
  </si>
  <si>
    <t>Demandas.xlsx</t>
  </si>
  <si>
    <t>Perfil Rede Algar.xlsx</t>
  </si>
  <si>
    <t>10.200.61.216</t>
  </si>
  <si>
    <t>20-04-0F-FE-46-7C</t>
  </si>
  <si>
    <t>10.200.57.30</t>
  </si>
  <si>
    <t>18-66-DA-FE-9D-3C</t>
  </si>
  <si>
    <t>10.200.58.22</t>
  </si>
  <si>
    <t>10.200.60.218</t>
  </si>
  <si>
    <t>NB-EDUARDOST</t>
  </si>
  <si>
    <t>eduardost</t>
  </si>
  <si>
    <t>C:\Users\filemoncmj\OneDrive - Grupo Algar\Documentos\</t>
  </si>
  <si>
    <t>Classificação de Itens - Aumento PAs - Headphones.xlsx</t>
  </si>
  <si>
    <t>Classificação de Itens - Sotreq.xlsx</t>
  </si>
  <si>
    <t>C:\Users\lucasfbr\Grupo Algar\Gerenciamento da Configuração - Documentos\Licenciamento\PROJETO GOOGLE G SUITE\IMPLANTAÇÃO\GSUITE\Arquivos Enviados\</t>
  </si>
  <si>
    <t>A4-1F-72-FA-78-9D</t>
  </si>
  <si>
    <t>/o=exchangelabs/ou=exchange administrative group (fydibohf23spdlt)/cn=recipients/cn=cac18c5388b04f6d979d1bc87a08825a-marcopaulo;</t>
  </si>
  <si>
    <t>/o=exchangelabs/ou=exchange administrative group (fydibohf23spdlt)/cn=recipients/cn=cac18c5388b04f6d979d1bc87a08825a-marcopaulo</t>
  </si>
  <si>
    <t>C:\Users\marcotb\Desktop\Xperience\</t>
  </si>
  <si>
    <t>/o=exchangelabs/ou=exchange administrative group (fydibohf23spdlt)/cn=recipients/cn=a5f3c22313d74f5cbd68347bb02489b8-lilian lima;</t>
  </si>
  <si>
    <t>/o=exchangelabs/ou=exchange administrative group (fydibohf23spdlt)/cn=recipients/cn=a5f3c22313d74f5cbd68347bb02489b8-lilian lima</t>
  </si>
  <si>
    <t>/o=exchangelabs/ou=exchange administrative group (fydibohf23spdlt)/cn=recipients/cn=822f65115a2046059fff20a916dd90e9-thais marti;/o=exchangelabs/ou=exchange administrative group (fydibohf23spdlt)/cn=recipients/cn=b1a72fc2d0234efca84c7771ea70c7ee-roberta cri;</t>
  </si>
  <si>
    <t>/o=exchangelabs/ou=exchange administrative group (fydibohf23spdlt)/cn=recipients/cn=822f65115a2046059fff20a916dd90e9-thais marti,/o=exchangelabs/ou=exchange administrative group (fydibohf23spdlt)/cn=recipients/cn=b1a72fc2d0234efca84c7771ea70c7ee-roberta cri</t>
  </si>
  <si>
    <t>/o=exchangelabs/ou=exchange administrative group (fydibohf23spdlt)/cn=recipients/cn=6da98ab9b2254d688a75ce822637acbf-ricardo de;</t>
  </si>
  <si>
    <t>/o=exchangelabs/ou=exchange administrative group (fydibohf23spdlt)/cn=recipients/cn=6da98ab9b2254d688a75ce822637acbf-ricardo de</t>
  </si>
  <si>
    <t>luanaaoli@algartech.com</t>
  </si>
  <si>
    <t>10.200.57.35</t>
  </si>
  <si>
    <t>9C-30-5B-F7-E1-95</t>
  </si>
  <si>
    <t>C:\Users\gustavohdsa\Desktop\</t>
  </si>
  <si>
    <t>/o=exchangelabs/ou=exchange administrative group (fydibohf23spdlt)/cn=recipients/cn=thiago oliveira reis;</t>
  </si>
  <si>
    <t>/o=exchangelabs/ou=exchange administrative group (fydibohf23spdlt)/cn=recipients/cn=thiago oliveira reis</t>
  </si>
  <si>
    <t>\\acsfs\DEPTOS\Controladoria\32.Tesouraria\4 - Endividamento\8 - Mútuos_AFAC\Mútuos\4 - Asyst Argentina\4º Mútuo\3º Aditivo Fev19\</t>
  </si>
  <si>
    <t>brunocss@algartech.com;wasleylc@algartech.com;</t>
  </si>
  <si>
    <t>brunocss@algartech.com,wasleylc@algartech.com</t>
  </si>
  <si>
    <t>eliane.martins@bv.com.br;</t>
  </si>
  <si>
    <t>eliane.martins@bv.com.br</t>
  </si>
  <si>
    <t>viniciussg@algartech.com;</t>
  </si>
  <si>
    <t>viniciussg@algartech.com</t>
  </si>
  <si>
    <t>BASE CRs e Contatos_GAT.xlsx</t>
  </si>
  <si>
    <t>FC-01-7C-B3-5C-63</t>
  </si>
  <si>
    <t>\\acsfs\DEPTOS\Controladoria\23.Faturamento\5.CANCELAMENTOS - PLANILHAS DENTRO E FORA MES COMPETENCIA\2019\8. CANCELAMENTOS\</t>
  </si>
  <si>
    <t>C:\Users\nataliamam\Desktop\</t>
  </si>
  <si>
    <t>/o=exchangelabs/ou=exchange administrative group (fydibohf23spdlt)/cn=recipients/cn=a6ba306bde72439c8d608df7df1957f9-larice nasc;</t>
  </si>
  <si>
    <t>/o=exchangelabs/ou=exchange administrative group (fydibohf23spdlt)/cn=recipients/cn=a6ba306bde72439c8d608df7df1957f9-larice nasc</t>
  </si>
  <si>
    <t>10.200.57.100</t>
  </si>
  <si>
    <t>20-04-0F-FD-A4-B2</t>
  </si>
  <si>
    <t>NB-LUCIAHF</t>
  </si>
  <si>
    <t>t-luciahf</t>
  </si>
  <si>
    <t>Microsoft_Excel_Macro-Enabled_Worksheet.xlsm</t>
  </si>
  <si>
    <t>FC-01-7C-B3-58-E3</t>
  </si>
  <si>
    <t>Orçamento 2020</t>
  </si>
  <si>
    <t>D8-9C-67-86-34-F9</t>
  </si>
  <si>
    <t>C:\Users\robertacmf\Downloads\</t>
  </si>
  <si>
    <t>Action 03-10.xlsx</t>
  </si>
  <si>
    <t>/o=exchangelabs/ou=exchange administrative group (fydibohf23spdlt)/cn=recipients/cn=2b69c7de1a3641269a7eed0596e1ddc2-wayner oliv;</t>
  </si>
  <si>
    <t>/o=exchangelabs/ou=exchange administrative group (fydibohf23spdlt)/cn=recipients/cn=2b69c7de1a3641269a7eed0596e1ddc2-wayner oliv</t>
  </si>
  <si>
    <t>fpolati@gmail.com</t>
  </si>
  <si>
    <t>/o=exchangelabs/ou=exchange administrative group (fydibohf23spdlt)/cn=recipients/cn=d54ee4de981948cf993ae0c9e1a3aecc-andrea regi;</t>
  </si>
  <si>
    <t>/o=exchangelabs/ou=exchange administrative group (fydibohf23spdlt)/cn=recipients/cn=d54ee4de981948cf993ae0c9e1a3aecc-andrea regi</t>
  </si>
  <si>
    <t>E:\INVESTIMENTOS\</t>
  </si>
  <si>
    <t>10.200.33.14</t>
  </si>
  <si>
    <t>64-1C-67-9C-32-06</t>
  </si>
  <si>
    <t>NB-HUGONM</t>
  </si>
  <si>
    <t>hugonmo</t>
  </si>
  <si>
    <t>AlgarTech_LevantamentoSistemas_PG.xlsx</t>
  </si>
  <si>
    <t>/o=exchangelabs/ou=exchange administrative group (fydibohf23spdlt)/cn=recipients/cn=d6cce5a70d504cc2ad89cee834cd59a9-luciana rib;</t>
  </si>
  <si>
    <t>ENC: Daily Report Suporte Unica</t>
  </si>
  <si>
    <t>/o=exchangelabs/ou=exchange administrative group (fydibohf23spdlt)/cn=recipients/cn=d6cce5a70d504cc2ad89cee834cd59a9-luciana rib</t>
  </si>
  <si>
    <t>marcosvas@algartech.com;</t>
  </si>
  <si>
    <t>marcosvas@algartech.com</t>
  </si>
  <si>
    <t>Extrato Conta Corrente-181020191320.xls</t>
  </si>
  <si>
    <t>E:\INVESTIMENTOS\Extrato Conta Corrente-181020191320.xls</t>
  </si>
  <si>
    <t>Catálogo de Produtos</t>
  </si>
  <si>
    <t>Product Catalog (New).xlsx</t>
  </si>
  <si>
    <t>Proposta Recorrente - 06-09.xlsx</t>
  </si>
  <si>
    <t>ganunes@tripag.com.br;</t>
  </si>
  <si>
    <t>ganunes@tripag.com.br</t>
  </si>
  <si>
    <t>/o=exchangelabs/ou=exchange administrative group (fydibohf23spdlt)/cn=recipients/cn=546d63420d554c4d858776a48a93ef0f-gustavo de;/o=exchangelabs/ou=exchange administrative group (fydibohf23spdlt)/cn=recipients/cn=c29ec9dae022497281c840087cccddec-patricia ar;</t>
  </si>
  <si>
    <t>/o=exchangelabs/ou=exchange administrative group (fydibohf23spdlt)/cn=recipients/cn=546d63420d554c4d858776a48a93ef0f-gustavo de,/o=exchangelabs/ou=exchange administrative group (fydibohf23spdlt)/cn=recipients/cn=c29ec9dae022497281c840087cccddec-patricia ar</t>
  </si>
  <si>
    <t>/o=exchangelabs/ou=exchange administrative group (fydibohf23spdlt)/cn=recipients/cn=c29ec9dae022497281c840087cccddec-patricia ar;/o=exchangelabs/ou=exchange administrative group (fydibohf23spdlt)/cn=recipients/cn=f00c439d0d474c0586a503a0209ed1f2-bruno wande;</t>
  </si>
  <si>
    <t>/o=exchangelabs/ou=exchange administrative group (fydibohf23spdlt)/cn=recipients/cn=c29ec9dae022497281c840087cccddec-patricia ar,/o=exchangelabs/ou=exchange administrative group (fydibohf23spdlt)/cn=recipients/cn=f00c439d0d474c0586a503a0209ed1f2-bruno wande</t>
  </si>
  <si>
    <t>ABONO Sarah.xlsx</t>
  </si>
  <si>
    <t>64-1C-67-9C-55-E3</t>
  </si>
  <si>
    <t>NB-RANIELLAR</t>
  </si>
  <si>
    <t>raniellarl</t>
  </si>
  <si>
    <t>Raniella Rubian Domingues Lima</t>
  </si>
  <si>
    <t>/o=exchangelabs/ou=exchange administrative group (fydibohf23spdlt)/cn=recipients/cn=a75579a499254c2291e852b70c4d70d1-eunice apar;</t>
  </si>
  <si>
    <t>/o=exchangelabs/ou=exchange administrative group (fydibohf23spdlt)/cn=recipients/cn=a75579a499254c2291e852b70c4d70d1-eunice apar</t>
  </si>
  <si>
    <t>10.200.57.56</t>
  </si>
  <si>
    <t>64-1C-67-9C-32-46</t>
  </si>
  <si>
    <t>NB-DENISEVC</t>
  </si>
  <si>
    <t>denisevca</t>
  </si>
  <si>
    <t>C:\Users\denisevca\Desktop\IMPLANTAÇÃO\</t>
  </si>
  <si>
    <t>marcos.pereira@algartech.com</t>
  </si>
  <si>
    <t>10.200.32.211</t>
  </si>
  <si>
    <t>64-1C-67-9B-A1-85</t>
  </si>
  <si>
    <t>NB-GUILHERMEASO</t>
  </si>
  <si>
    <t>guilhermeaso</t>
  </si>
  <si>
    <t>10.200.35.248</t>
  </si>
  <si>
    <t>FC-01-7C-B3-BA-DF</t>
  </si>
  <si>
    <t>FABIANO WILSON DE OLIVEIRA</t>
  </si>
  <si>
    <t>8C-DC-D4-CA-CC-ED</t>
  </si>
  <si>
    <t>NB-SENILDAPDO</t>
  </si>
  <si>
    <t>senildapdo</t>
  </si>
  <si>
    <t>Senilda Pereira de Oliveira</t>
  </si>
  <si>
    <t>/o=exchangelabs/ou=exchange administrative group (fydibohf23spdlt)/cn=recipients/cn=80fb880d4e904fd9990f1ffec561717a-avon - supe;</t>
  </si>
  <si>
    <t>/o=exchangelabs/ou=exchange administrative group (fydibohf23spdlt)/cn=recipients/cn=80fb880d4e904fd9990f1ffec561717a-avon - supe</t>
  </si>
  <si>
    <t>SOU O DONO V2.xlsx</t>
  </si>
  <si>
    <t>64-1C-67-9C-32-33</t>
  </si>
  <si>
    <t>Controle de Demandas Whirlpool.xlsx</t>
  </si>
  <si>
    <t>marciags@algartech.com.br;</t>
  </si>
  <si>
    <t>marciags@algartech.com.br</t>
  </si>
  <si>
    <t>C:\Users\lucasfra\Downloads\</t>
  </si>
  <si>
    <t>Formulário de Implementação.xlsx</t>
  </si>
  <si>
    <t>10.200.39.127</t>
  </si>
  <si>
    <t>54-BF-64-F4-AD-B6</t>
  </si>
  <si>
    <t>NB-RODRIGOFRS</t>
  </si>
  <si>
    <t>rodrigofrs</t>
  </si>
  <si>
    <t>C:\Users\rodrigofrs\Google Drive\</t>
  </si>
  <si>
    <t>Informações_Contas_AWS.xlsx</t>
  </si>
  <si>
    <t>C:\Users\elainemdlp\OD\_Projetos\Em andamento\Expansao Next\01 - Iniciacao\</t>
  </si>
  <si>
    <t>Investimentos v2.xls</t>
  </si>
  <si>
    <t>Investimentos.xls</t>
  </si>
  <si>
    <t>INDICADORES_DESENVOLVIMENTO TREINAMENTOS TI.xlsx</t>
  </si>
  <si>
    <t>/o=exchangelabs/ou=exchange administrative group (fydibohf23spdlt)/cn=recipients/cn=027c2da1ea5a42378a892f895ed29947-andressa tu;</t>
  </si>
  <si>
    <t>/o=exchangelabs/ou=exchange administrative group (fydibohf23spdlt)/cn=recipients/cn=027c2da1ea5a42378a892f895ed29947-andressa tu</t>
  </si>
  <si>
    <t>10.211.2.93</t>
  </si>
  <si>
    <t>64-1C-67-A0-39-2F</t>
  </si>
  <si>
    <t>celmars@algartech.com;</t>
  </si>
  <si>
    <t>celmars@algartech.com</t>
  </si>
  <si>
    <t>/o=exchangelabs/ou=exchange administrative group (fydibohf23spdlt)/cn=recipients/cn=570802ee0d7e42cba7189b1affb39b89-rafael liza;</t>
  </si>
  <si>
    <t>/o=exchangelabs/ou=exchange administrative group (fydibohf23spdlt)/cn=recipients/cn=570802ee0d7e42cba7189b1affb39b89-rafael liza</t>
  </si>
  <si>
    <t>/o=exchangelabs/ou=exchange administrative group (fydibohf23spdlt)/cn=recipients/cn=f71035a74a95411c8b0276261ec8a527-rafael barr;</t>
  </si>
  <si>
    <t>/o=exchangelabs/ou=exchange administrative group (fydibohf23spdlt)/cn=recipients/cn=f71035a74a95411c8b0276261ec8a527-rafael barr</t>
  </si>
  <si>
    <t>D-1 Produtividade CRC Amex e CRC VMC - Outubro .xlsb</t>
  </si>
  <si>
    <t>Rodrigo Agner Teixeira</t>
  </si>
  <si>
    <t>NOC - NETWORK OPERATION CENTER SP</t>
  </si>
  <si>
    <t>10.200.32.57</t>
  </si>
  <si>
    <t>8C-DC-D4-9F-F1-CA</t>
  </si>
  <si>
    <t>NB-FABIONA</t>
  </si>
  <si>
    <t>luismarrb</t>
  </si>
  <si>
    <t>luismarrb@algartech.com</t>
  </si>
  <si>
    <t>C:\temp\</t>
  </si>
  <si>
    <t>RES:</t>
  </si>
  <si>
    <t>/o=exchangelabs/ou=exchange administrative group (fydibohf23spdlt)/cn=recipients/cn=56f1ed18d0b4438e8484a989403b0f53-ana paula c;</t>
  </si>
  <si>
    <t>/o=exchangelabs/ou=exchange administrative group (fydibohf23spdlt)/cn=recipients/cn=56f1ed18d0b4438e8484a989403b0f53-ana paula c</t>
  </si>
  <si>
    <t>/o=exchangelabs/ou=exchange administrative group (fydibohf23spdlt)/cn=recipients/cn=32fe8a14424941da83c2bf35a8a5709e-fabiana car;/o=exchangelabs/ou=exchange administrative group (fydibohf23spdlt)/cn=recipients/cn=545f738e0fe740ba856f4eb6ef0135e0-vinicius si;</t>
  </si>
  <si>
    <t>/o=exchangelabs/ou=exchange administrative group (fydibohf23spdlt)/cn=recipients/cn=32fe8a14424941da83c2bf35a8a5709e-fabiana car,/o=exchangelabs/ou=exchange administrative group (fydibohf23spdlt)/cn=recipients/cn=545f738e0fe740ba856f4eb6ef0135e0-vinicius si</t>
  </si>
  <si>
    <t>Relatório Status Acordos - Tech 09.09.xlsx</t>
  </si>
  <si>
    <t>DENISE VIEIRA CARDOSO</t>
  </si>
  <si>
    <t>C:\Users\danubiacsm\Desktop\Demandas Whirlpool\</t>
  </si>
  <si>
    <t>10.200.200.28</t>
  </si>
  <si>
    <t>10.207.12.70</t>
  </si>
  <si>
    <t>C:\Users\iramildass\Desktop\Iramilda\Voluntariado\reembolso\</t>
  </si>
  <si>
    <t>Cadastro Pessoa Física 2019.xls</t>
  </si>
  <si>
    <t>Vale - Apresentacao - Business Performance_ VF3 18_10_2019.zip\Vale - Apresentacao - Business Performance_ VF3 18_10_2019.pptx\</t>
  </si>
  <si>
    <t>Grupos.csv</t>
  </si>
  <si>
    <t>akassiablc@algartech.com</t>
  </si>
  <si>
    <t>10.200.35.100</t>
  </si>
  <si>
    <t>192.168.1.103</t>
  </si>
  <si>
    <t>58-20-B1-0D-EC-80</t>
  </si>
  <si>
    <t>NBBHE-MARCELOF</t>
  </si>
  <si>
    <t>marcelof</t>
  </si>
  <si>
    <t>C:\Users\marcelof\Desktop\</t>
  </si>
  <si>
    <t>151019 - Registro de FTE Realizado Plataforma DW GAT ISD.xlsb</t>
  </si>
  <si>
    <t>C:\Users\filemoncmj\OneDrive - Grupo Algar\01. Algar Tech\01. Projetos de Clientes\13. Yahsat\2019\04. Aquisições\MATERIAL RECEBIDO NF 1443709 OC 43974 _ 43975 DELL.eml\</t>
  </si>
  <si>
    <t>Formulário RETIRADA DE ATIVO YASAT FILEMON.xlsx</t>
  </si>
  <si>
    <t>10.200.61.168</t>
  </si>
  <si>
    <t>D:\ALGAR TECH\004 - Projetos Cloud\03 - CCoE\documentation\03-Informações das Contas\</t>
  </si>
  <si>
    <t>10.200.32.14</t>
  </si>
  <si>
    <t>54-BF-64-F5-80-3E</t>
  </si>
  <si>
    <t>NB-MAUROJMDO</t>
  </si>
  <si>
    <t>maurojmdo</t>
  </si>
  <si>
    <t>ORC_2020_FINANCEIRO_ERICA CARVALHO_V4.xlsx</t>
  </si>
  <si>
    <t>C:\Users\gildaepma\Desktop\</t>
  </si>
  <si>
    <t>C:\Users\camilaammm\Desktop\</t>
  </si>
  <si>
    <t>10.200.35.241</t>
  </si>
  <si>
    <t>54-BF-64-F5-7E-62</t>
  </si>
  <si>
    <t>NB-BRENOCFM</t>
  </si>
  <si>
    <t>brenocfm</t>
  </si>
  <si>
    <t>C:\Users\luismarrb\Downloads\</t>
  </si>
  <si>
    <t>/o=exchangelabs/ou=exchange administrative group (fydibohf23spdlt)/cn=recipients/cn=ddbbc013641646d08f8ffec122e83ef5-sandy yumi;</t>
  </si>
  <si>
    <t>/o=exchangelabs/ou=exchange administrative group (fydibohf23spdlt)/cn=recipients/cn=ddbbc013641646d08f8ffec122e83ef5-sandy yumi</t>
  </si>
  <si>
    <t>C:\Users\douglasxm\OneDrive\Download\</t>
  </si>
  <si>
    <t>dd315d30fe7e4917b1afc4a971d133d1.csv</t>
  </si>
  <si>
    <t>78518db0572a4e7fb28d77d57123f984.csv</t>
  </si>
  <si>
    <t>/o=exchangelabs/ou=exchange administrative group (fydibohf23spdlt)/cn=recipients/cn=49457acaa5584c6d8daec8f0ad186be2-carlos maur;/o=exchangelabs/ou=exchange administrative group (fydibohf23spdlt)/cn=recipients/cn=54abac0a4fdc4ad1bec39bb51d85eab1-victor hugo;</t>
  </si>
  <si>
    <t>/o=exchangelabs/ou=exchange administrative group (fydibohf23spdlt)/cn=recipients/cn=49457acaa5584c6d8daec8f0ad186be2-carlos maur,/o=exchangelabs/ou=exchange administrative group (fydibohf23spdlt)/cn=recipients/cn=54abac0a4fdc4ad1bec39bb51d85eab1-victor hugo</t>
  </si>
  <si>
    <t>/o=exchangelabs/ou=exchange administrative group (fydibohf23spdlt)/cn=recipients/cn=65d35bc38c6743d7a55b3ae9726a5893-diego ribei;/o=exchangelabs/ou=exchange administrative group (fydibohf23spdlt)/cn=recipients/cn=a208dc8cbe6e49ba9e1a5ae0804f17ec-ana.rugai;/o=exchangelabs/ou=exchange administrative group (fydibohf23spdlt)/cn=recipients/cn=fc0c3c31150d437b934e665b69661b8f-poliana.ass;</t>
  </si>
  <si>
    <t>RES: Fornecedores Engeset</t>
  </si>
  <si>
    <t>/o=exchangelabs/ou=exchange administrative group (fydibohf23spdlt)/cn=recipients/cn=65d35bc38c6743d7a55b3ae9726a5893-diego ribei,/o=exchangelabs/ou=exchange administrative group (fydibohf23spdlt)/cn=recipients/cn=a208dc8cbe6e49ba9e1a5ae0804f17ec-ana.rugai,/o=exchangelabs/ou=exchange administrative group (fydibohf23spdlt)/cn=recipients/cn=fc0c3c31150d437b934e665b69661b8f-poliana.ass</t>
  </si>
  <si>
    <t>ACC_-_Modelo_-_Sugestao_Nova_ACC_2016_v_final (1).xls</t>
  </si>
  <si>
    <t>Guilherme Andrade Sollero</t>
  </si>
  <si>
    <t>10.201.30.74</t>
  </si>
  <si>
    <t>FC-01-7C-B3-D1-B3</t>
  </si>
  <si>
    <t>Abas da planilha e funcionalidade.xlsx</t>
  </si>
  <si>
    <t>marceloat@algartech.com;</t>
  </si>
  <si>
    <t>marceloat@algartech.com</t>
  </si>
  <si>
    <t>/o=exchangelabs/ou=exchange administrative group (fydibohf23spdlt)/cn=recipients/cn=8c01e71056fe4e1a8ecc4e24420bd9ef-fellyp cros;logisticatimopm@grupotpc.com;</t>
  </si>
  <si>
    <t>/o=exchangelabs/ou=exchange administrative group (fydibohf23spdlt)/cn=recipients/cn=8c01e71056fe4e1a8ecc4e24420bd9ef-fellyp cros,logisticatimopm@grupotpc.com</t>
  </si>
  <si>
    <t>/o=exchangelabs/ou=exchange administrative group (fydibohf23spdlt)/cn=recipients/cn=54abac0a4fdc4ad1bec39bb51d85eab1-victor hugo;/o=exchangelabs/ou=exchange administrative group (fydibohf23spdlt)/cn=recipients/cn=651324bc204a42f6bbcdf62273ebdc5c-aluisio ant;/o=exchangelabs/ou=exchange administrative group (fydibohf23spdlt)/cn=recipients/cn=user78f7a52d;</t>
  </si>
  <si>
    <t>/o=exchangelabs/ou=exchange administrative group (fydibohf23spdlt)/cn=recipients/cn=54abac0a4fdc4ad1bec39bb51d85eab1-victor hugo,/o=exchangelabs/ou=exchange administrative group (fydibohf23spdlt)/cn=recipients/cn=651324bc204a42f6bbcdf62273ebdc5c-aluisio ant,/o=exchangelabs/ou=exchange administrative group (fydibohf23spdlt)/cn=recipients/cn=user78f7a52d</t>
  </si>
  <si>
    <t>C:\Users\lucasfbr\Grupo Algar\Gerenciamento da Configuração - Documentos\Licenciamento\PROJETO GOOGLE G SUITE\IMPLANTAÇÃO\GSUITE\Coleta de Informações\</t>
  </si>
  <si>
    <t>78-2B-CB-BE-E8-96</t>
  </si>
  <si>
    <t>ACOMPANHAMENTO-AGENTE-LUAN.xlsx</t>
  </si>
  <si>
    <t>alinedsdi@algartech.com;</t>
  </si>
  <si>
    <t>alinedsdi@algartech.com</t>
  </si>
  <si>
    <t>C:\Users\nataliamam\Downloads\</t>
  </si>
  <si>
    <t>Check List BP.xlsx</t>
  </si>
  <si>
    <t>10.207.12.59</t>
  </si>
  <si>
    <t>/o=exchangelabs/ou=exchange administrative group (fydibohf23spdlt)/cn=recipients/cn=b5ef1f826e364d2aa99a0df5d1906feb-liliane apa;</t>
  </si>
  <si>
    <t>/o=exchangelabs/ou=exchange administrative group (fydibohf23spdlt)/cn=recipients/cn=b5ef1f826e364d2aa99a0df5d1906feb-liliane apa</t>
  </si>
  <si>
    <t>10.200.60.153</t>
  </si>
  <si>
    <t>D8-9C-67-6F-29-7D</t>
  </si>
  <si>
    <t>10.200.68.5</t>
  </si>
  <si>
    <t>ENC: Laboratório Supervisores - Segunda MANHÃ</t>
  </si>
  <si>
    <t>10 - Faturamento Toyota Mobility.xlsb</t>
  </si>
  <si>
    <t>ALGAR 20191009.xlsx</t>
  </si>
  <si>
    <t>/o=exchangelabs/ou=exchange administrative group (fydibohf23spdlt)/cn=recipients/cn=e8a8131dc3334dc38d81db3d2a41a3fe-denise viei;</t>
  </si>
  <si>
    <t>/o=exchangelabs/ou=exchange administrative group (fydibohf23spdlt)/cn=recipients/cn=e8a8131dc3334dc38d81db3d2a41a3fe-denise viei</t>
  </si>
  <si>
    <t>Peça Oficial 2020 - Projetos - Grupo Tech.xlsx</t>
  </si>
  <si>
    <t>C:\Users\camilat\OneDrive - Grupo Algar\CONTROLE HORAS\Pgto Horas Cliente\</t>
  </si>
  <si>
    <t>camilat@algartech.com</t>
  </si>
  <si>
    <t>C:\Users\camilat\OneDrive - Grupo Algar\TALENTOS HUMANOS - DOCS\</t>
  </si>
  <si>
    <t>Planilha de Rateio INFRA Novembro 2019.xlsx</t>
  </si>
  <si>
    <t>Levantamento.xlsx</t>
  </si>
  <si>
    <t>C:\Users\camilat\OneDrive - Grupo Algar\GERENCIAL\Departamental\</t>
  </si>
  <si>
    <t>Departamental - SETEMBRO 2019.xlsx</t>
  </si>
  <si>
    <t>C:\Users\camilat\Downloads\</t>
  </si>
  <si>
    <t>00_Template Recuperação de Custos_Modelo.xlsx</t>
  </si>
  <si>
    <t>10.200.67.135</t>
  </si>
  <si>
    <t>20-04-0F-FD-A4-AE</t>
  </si>
  <si>
    <t>NB-ANDRELPSA</t>
  </si>
  <si>
    <t>andrelpsa</t>
  </si>
  <si>
    <t>Andre Luis Pereira Sampaio</t>
  </si>
  <si>
    <t>10.200.61.123</t>
  </si>
  <si>
    <t>10.200.35.179</t>
  </si>
  <si>
    <t>10-1F-74-EC-4F-34</t>
  </si>
  <si>
    <t>NB-JULIANA</t>
  </si>
  <si>
    <t>julianarcda</t>
  </si>
  <si>
    <t>C:\Users\Julianarcda\Desktop\</t>
  </si>
  <si>
    <t>Parcial Intradiária.xlsm</t>
  </si>
  <si>
    <t>C:\Users\fellypcsj\OneDrive - Grupo Algar\Engeset\CADASTRO FORNECEDOR\NOVO FORMULARIO\</t>
  </si>
  <si>
    <t>Protocolo V.1.xlsx</t>
  </si>
  <si>
    <t>Atividades_Relacionamento Cartoes BV.xlsx</t>
  </si>
  <si>
    <t>levantamento_prestadores de serviço_integração_2019_engeset.xlsx</t>
  </si>
  <si>
    <t>10_Mesa Digital_LEONARDO_CAETANO_341.xls</t>
  </si>
  <si>
    <t>henriqueac@algartech.com;</t>
  </si>
  <si>
    <t>henriqueac@algartech.com</t>
  </si>
  <si>
    <t>Planilha</t>
  </si>
  <si>
    <t>Formulário TTV - Criação de Agente.xlsx</t>
  </si>
  <si>
    <t>Breakdown AMS 365.xlsx</t>
  </si>
  <si>
    <t>/o=exchangelabs/ou=exchange administrative group (fydibohf23spdlt)/cn=recipients/cn=515d9b808d0f4fa9afcf67b343194fe8-victor edua;</t>
  </si>
  <si>
    <t>/o=exchangelabs/ou=exchange administrative group (fydibohf23spdlt)/cn=recipients/cn=515d9b808d0f4fa9afcf67b343194fe8-victor edua</t>
  </si>
  <si>
    <t>10.200.60.151</t>
  </si>
  <si>
    <t>FC-01-7C-B3-BA-03</t>
  </si>
  <si>
    <t>C:\Users\fabianowo.ACS\Desktop\</t>
  </si>
  <si>
    <t>ENC: Modelo planilha cálculo IOF s/Mútuo</t>
  </si>
  <si>
    <t>Modelo calculo IOF s_Mútuo.xlsx</t>
  </si>
  <si>
    <t>/o=exchangelabs/ou=exchange administrative group (fydibohf23spdlt)/cn=recipients/cn=a7d54e15e3a94d53b0b5014d75c8d080-wanessa bor;</t>
  </si>
  <si>
    <t>/o=exchangelabs/ou=exchange administrative group (fydibohf23spdlt)/cn=recipients/cn=a7d54e15e3a94d53b0b5014d75c8d080-wanessa bor</t>
  </si>
  <si>
    <t>Aceitação de Site setembro_outubro- 2019.xlsx</t>
  </si>
  <si>
    <t>MATRIZ DE TRIBUTACAO - Algar Tech - Ago-2019 Revisada.xlsx</t>
  </si>
  <si>
    <t>10.207.12.63</t>
  </si>
  <si>
    <t>Aceitações-Sites aprovadas AGO-2019 -TNE.xlsx</t>
  </si>
  <si>
    <t>/o=exchangelabs/ou=exchange administrative group (fydibohf23spdlt)/cn=recipients/cn=19e1a2319fff47b59c502f41cebee6af-marcio pere;</t>
  </si>
  <si>
    <t>/o=exchangelabs/ou=exchange administrative group (fydibohf23spdlt)/cn=recipients/cn=19e1a2319fff47b59c502f41cebee6af-marcio pere</t>
  </si>
  <si>
    <t>/o=exchangelabs/ou=exchange administrative group (fydibohf23spdlt)/cn=recipients/cn=97028c61ebe04c3ca84c604712943944-fabiano wil;</t>
  </si>
  <si>
    <t>/o=exchangelabs/ou=exchange administrative group (fydibohf23spdlt)/cn=recipients/cn=97028c61ebe04c3ca84c604712943944-fabiano wil</t>
  </si>
  <si>
    <t>eduardost@algartech.com</t>
  </si>
  <si>
    <t>C:\Users\eduardost\OneDrive - Grupo Algar\2019\BRADESCO\Fatura SMART\</t>
  </si>
  <si>
    <t>Aceitação de Site - Agosto_setembro_outubro 2019- CONSOLIDADO.xlsx</t>
  </si>
  <si>
    <t>20-04-0F-FD-A5-22</t>
  </si>
  <si>
    <t>/o=exchangelabs/ou=exchange administrative group (fydibohf23spdlt)/cn=recipients/cn=d052f9c9a4404e849e00b751758229a8-carlos dos;</t>
  </si>
  <si>
    <t>/o=exchangelabs/ou=exchange administrative group (fydibohf23spdlt)/cn=recipients/cn=d052f9c9a4404e849e00b751758229a8-carlos dos</t>
  </si>
  <si>
    <t>C:\Users\joaonsm\Downloads\</t>
  </si>
  <si>
    <t>/o=exchangelabs/ou=exchange administrative group (fydibohf23spdlt)/cn=recipients/cn=2abd653b249741f0aaab575ad2f855a3-tayse ianda;</t>
  </si>
  <si>
    <t>/o=exchangelabs/ou=exchange administrative group (fydibohf23spdlt)/cn=recipients/cn=2abd653b249741f0aaab575ad2f855a3-tayse ianda</t>
  </si>
  <si>
    <t>Assiduidade.xls</t>
  </si>
  <si>
    <t>/o=exchangelabs/ou=exchange administrative group (fydibohf23spdlt)/cn=recipients/cn=89e58c8da071492dbdcb4fee4156b705-gustavo alm;</t>
  </si>
  <si>
    <t>/o=exchangelabs/ou=exchange administrative group (fydibohf23spdlt)/cn=recipients/cn=89e58c8da071492dbdcb4fee4156b705-gustavo alm</t>
  </si>
  <si>
    <t>10.200.36.79</t>
  </si>
  <si>
    <t>64-1C-67-9C-54-29</t>
  </si>
  <si>
    <t>NB-HUMBERTOECJ</t>
  </si>
  <si>
    <t>humbertoecj</t>
  </si>
  <si>
    <t>humbertoecj@algartech.com</t>
  </si>
  <si>
    <t>deboralddg@algartech.com.br;</t>
  </si>
  <si>
    <t>deboralddg@algartech.com.br</t>
  </si>
  <si>
    <t>francisco.gouveia@temposervicos.com.br;vanusaos@algartech.com.br;</t>
  </si>
  <si>
    <t>francisco.gouveia@temposervicos.com.br,vanusaos@algartech.com.br</t>
  </si>
  <si>
    <t>/o=exchangelabs/ou=exchange administrative group (fydibohf23spdlt)/cn=recipients/cn=userd3ef8196;</t>
  </si>
  <si>
    <t>Simulação Faturamento Livia.xlsx</t>
  </si>
  <si>
    <t>/o=exchangelabs/ou=exchange administrative group (fydibohf23spdlt)/cn=recipients/cn=userd3ef8196</t>
  </si>
  <si>
    <t>Fluxo Cartão.xlsx</t>
  </si>
  <si>
    <t>C:\Users\paulohdoc\Downloads\</t>
  </si>
  <si>
    <t>/o=exchangelabs/ou=exchange administrative group (fydibohf23spdlt)/cn=recipients/cn=8c89829ad534498fa4c85b5ac11174f1-suelen more;/o=exchangelabs/ou=exchange administrative group (fydibohf23spdlt)/cn=recipients/cn=97028c61ebe04c3ca84c604712943944-fabiano wil;</t>
  </si>
  <si>
    <t>/o=exchangelabs/ou=exchange administrative group (fydibohf23spdlt)/cn=recipients/cn=8c89829ad534498fa4c85b5ac11174f1-suelen more,/o=exchangelabs/ou=exchange administrative group (fydibohf23spdlt)/cn=recipients/cn=97028c61ebe04c3ca84c604712943944-fabiano wil</t>
  </si>
  <si>
    <t>ENC: Aceitação de sites 2019</t>
  </si>
  <si>
    <t>C:\Users\yuriifd\Desktop\Squad Competividade - Atendimento\DREs de Clientes\</t>
  </si>
  <si>
    <t>/o=exchangelabs/ou=exchange administrative group (fydibohf23spdlt)/cn=recipients/cn=1fbcd60c36f14b1cae70e747a3f94b5d-catiana lou;</t>
  </si>
  <si>
    <t>/o=exchangelabs/ou=exchange administrative group (fydibohf23spdlt)/cn=recipients/cn=1fbcd60c36f14b1cae70e747a3f94b5d-catiana lou</t>
  </si>
  <si>
    <t>/o=exchangelabs/ou=exchange administrative group (fydibohf23spdlt)/cn=recipients/cn=e894bfa401c848dc9e25ced4ad1f3dd7-luciana fer;</t>
  </si>
  <si>
    <t>/o=exchangelabs/ou=exchange administrative group (fydibohf23spdlt)/cn=recipients/cn=e894bfa401c848dc9e25ced4ad1f3dd7-luciana fer</t>
  </si>
  <si>
    <t>/o=exchangelabs/ou=exchange administrative group (fydibohf23spdlt)/cn=recipients/cn=651324bc204a42f6bbcdf62273ebdc5c-aluisio ant;/o=exchangelabs/ou=exchange administrative group (fydibohf23spdlt)/cn=recipients/cn=user78f7a52d;</t>
  </si>
  <si>
    <t>PROJEÇÃO LP GAT PPE + AS IS - Outubro 2019_V5.xlsx</t>
  </si>
  <si>
    <t>/o=exchangelabs/ou=exchange administrative group (fydibohf23spdlt)/cn=recipients/cn=651324bc204a42f6bbcdf62273ebdc5c-aluisio ant,/o=exchangelabs/ou=exchange administrative group (fydibohf23spdlt)/cn=recipients/cn=user78f7a52d</t>
  </si>
  <si>
    <t>10.207.12.88</t>
  </si>
  <si>
    <t>VALE</t>
  </si>
  <si>
    <t>lista.xlsx</t>
  </si>
  <si>
    <t>/o=exchangelabs/ou=exchange administrative group (fydibohf23spdlt)/cn=recipients/cn=00dbcea0702d4358b7c66d1d0dd7b863-juliana tei;</t>
  </si>
  <si>
    <t>/o=exchangelabs/ou=exchange administrative group (fydibohf23spdlt)/cn=recipients/cn=00dbcea0702d4358b7c66d1d0dd7b863-juliana tei</t>
  </si>
  <si>
    <t>C:\Users\mariannacsm\OneDrive - Grupo Algar\0- PMO-POOL\PMO\</t>
  </si>
  <si>
    <t>Cópia de CRs MKT - Rateio.xlsx</t>
  </si>
  <si>
    <t>Consolidado.xlsx</t>
  </si>
  <si>
    <t>FTE.xlsx</t>
  </si>
  <si>
    <t>robertacmf@algartech.com</t>
  </si>
  <si>
    <t>/o=exchangelabs/ou=exchange administrative group (fydibohf23spdlt)/cn=recipients/cn=06b756ed7b9b4c61bdbcfb21cdf93e9f-lucas ferna;/o=exchangelabs/ou=exchange administrative group (fydibohf23spdlt)/cn=recipients/cn=48174377d7f445188f464324757ff605-luiz felipe;</t>
  </si>
  <si>
    <t>/o=exchangelabs/ou=exchange administrative group (fydibohf23spdlt)/cn=recipients/cn=06b756ed7b9b4c61bdbcfb21cdf93e9f-lucas ferna,/o=exchangelabs/ou=exchange administrative group (fydibohf23spdlt)/cn=recipients/cn=48174377d7f445188f464324757ff605-luiz felipe</t>
  </si>
  <si>
    <t>10.211.2.90</t>
  </si>
  <si>
    <t>Catalogo de produtos GAT.xlsx</t>
  </si>
  <si>
    <t>ENC: Estudo PLR - CCT Sindados MG</t>
  </si>
  <si>
    <t>Análise - Sindados MG.xlsx</t>
  </si>
  <si>
    <t>financeiro@proaco.ind.br;jordana.borin@bradesco.com.br;</t>
  </si>
  <si>
    <t>Contato - PROACO INDUSTRUA METALURGICA</t>
  </si>
  <si>
    <t>BVK3 ATUAL.xlsx</t>
  </si>
  <si>
    <t>financeiro@proaco.ind.br,jordana.borin@bradesco.com.br</t>
  </si>
  <si>
    <t>/o=exchangelabs/ou=exchange administrative group (fydibohf23spdlt)/cn=recipients/cn=61f3e9c700bf4e9a929fa8786482772a-igor vinici;</t>
  </si>
  <si>
    <t>/o=exchangelabs/ou=exchange administrative group (fydibohf23spdlt)/cn=recipients/cn=61f3e9c700bf4e9a929fa8786482772a-igor vinici</t>
  </si>
  <si>
    <t>C:\Users\hugonmo\Downloads\</t>
  </si>
  <si>
    <t>Indicadores.xlsx</t>
  </si>
  <si>
    <t>Macros Ativas - Oficial.xlsx</t>
  </si>
  <si>
    <t>04-05-2018 a 04-06-2018.xlsx</t>
  </si>
  <si>
    <t>Cópia de Cópia de Macros PJ VME1.xlsx</t>
  </si>
  <si>
    <t>2019-10_A100 Billing Detail Summary - ANTICIPATION.xlsx</t>
  </si>
  <si>
    <t>rafaelaas@algartech.com</t>
  </si>
  <si>
    <t>leonardoefo@algartech.com</t>
  </si>
  <si>
    <t>adrielefc@algartech.com;</t>
  </si>
  <si>
    <t>adrielefc@algartech.com</t>
  </si>
  <si>
    <t>/o=exchangelabs/ou=exchange administrative group (fydibohf23spdlt)/cn=recipients/cn=696f712aa5c841708a095699a50884db-luan kevem;</t>
  </si>
  <si>
    <t>Base Vendas.xlsx</t>
  </si>
  <si>
    <t>/o=exchangelabs/ou=exchange administrative group (fydibohf23spdlt)/cn=recipients/cn=696f712aa5c841708a095699a50884db-luan kevem</t>
  </si>
  <si>
    <t>C:\Users\eduardost\OneDrive - Grupo Algar\2019\BRADESCO\DRC\</t>
  </si>
  <si>
    <t>/o=exchangelabs/ou=exchange administrative group (fydibohf23spdlt)/cn=recipients/cn=168e05cabbf14ae289464a0c09955b31-sara ferrei;/o=exchangelabs/ou=exchange administrative group (fydibohf23spdlt)/cn=recipients/cn=9e7c445894a4474a86a42a5f271a0d12-viviane res;</t>
  </si>
  <si>
    <t>/o=exchangelabs/ou=exchange administrative group (fydibohf23spdlt)/cn=recipients/cn=168e05cabbf14ae289464a0c09955b31-sara ferrei,/o=exchangelabs/ou=exchange administrative group (fydibohf23spdlt)/cn=recipients/cn=9e7c445894a4474a86a42a5f271a0d12-viviane res</t>
  </si>
  <si>
    <t>/o=exchangelabs/ou=exchange administrative group (fydibohf23spdlt)/cn=recipients/cn=9e7c445894a4474a86a42a5f271a0d12-viviane res;</t>
  </si>
  <si>
    <t>GRU-2 Energy Consumption.xlsx</t>
  </si>
  <si>
    <t>/o=exchangelabs/ou=exchange administrative group (fydibohf23spdlt)/cn=recipients/cn=9e7c445894a4474a86a42a5f271a0d12-viviane res</t>
  </si>
  <si>
    <t>/o=exchangelabs/ou=exchange administrative group (fydibohf23spdlt)/cn=recipients/cn=93fbfc821dab48cf91184b5c6c1bf60c-ianny raiss;</t>
  </si>
  <si>
    <t>/o=exchangelabs/ou=exchange administrative group (fydibohf23spdlt)/cn=recipients/cn=93fbfc821dab48cf91184b5c6c1bf60c-ianny raiss</t>
  </si>
  <si>
    <t>Report_CM.xlsx</t>
  </si>
  <si>
    <t>PLANILHA DE PARAMETRIZAÇÃO Hotel e MCC B2B.xlsm</t>
  </si>
  <si>
    <t>lucasldsa@algartech.com.br;</t>
  </si>
  <si>
    <t>lucasldsa@algartech.com.br</t>
  </si>
  <si>
    <t>/o=exchangelabs/ou=exchange administrative group (fydibohf23spdlt)/cn=recipients/cn=03b4604449d14f37b9ab39dcd5f90edd-algar tech;/o=exchangelabs/ou=exchange administrative group (fydibohf23spdlt)/cn=recipients/cn=08eb5fa051c848a6a179972669456920-algar tech;/o=exchangelabs/ou=exchange administrative group (fydibohf23spdlt)/cn=recipients/cn=7c9714031c1e4f2f8f0bbfa85f6645fa-algar tech;</t>
  </si>
  <si>
    <t>/o=exchangelabs/ou=exchange administrative group (fydibohf23spdlt)/cn=recipients/cn=03b4604449d14f37b9ab39dcd5f90edd-algar tech,/o=exchangelabs/ou=exchange administrative group (fydibohf23spdlt)/cn=recipients/cn=08eb5fa051c848a6a179972669456920-algar tech,/o=exchangelabs/ou=exchange administrative group (fydibohf23spdlt)/cn=recipients/cn=7c9714031c1e4f2f8f0bbfa85f6645fa-algar tech</t>
  </si>
  <si>
    <t>mihapasilva@gmail.com;</t>
  </si>
  <si>
    <t>mihapasilva@gmail.com</t>
  </si>
  <si>
    <t>C:\Users\suelenmm\OneDrive - Grupo Algar\Suélen\Investimentos\</t>
  </si>
  <si>
    <t>Apuração de IR em branco.xlsx</t>
  </si>
  <si>
    <t>10.200.58.94</t>
  </si>
  <si>
    <t>D8-9C-67-4D-7C-3D</t>
  </si>
  <si>
    <t>RES: Preços - EH.xlsx</t>
  </si>
  <si>
    <t>ENC: Orçamento pendentes faturamento</t>
  </si>
  <si>
    <t>/o=exchangelabs/ou=exchange administrative group (fydibohf23spdlt)/cn=recipients/cn=18106b2c2b164f0f859ac301d85fc885-luis carlos;</t>
  </si>
  <si>
    <t>/o=exchangelabs/ou=exchange administrative group (fydibohf23spdlt)/cn=recipients/cn=18106b2c2b164f0f859ac301d85fc885-luis carlos</t>
  </si>
  <si>
    <t>10.200.32.16</t>
  </si>
  <si>
    <t>10.200.68.136</t>
  </si>
  <si>
    <t>Metas 2019 - v2-NB-SUELENMM.xlsx</t>
  </si>
  <si>
    <t>10.203.31.110</t>
  </si>
  <si>
    <t>ENC: Jeito Tech de Gestão - Treinamento para os Supervisores na próxima segunda feira - Importante Engajar os associados a participarem</t>
  </si>
  <si>
    <t>Turmas Laboratório - Uberlândia.xlsx</t>
  </si>
  <si>
    <t>Diferença Prévia PF.xlsx</t>
  </si>
  <si>
    <t>10.203.30.108</t>
  </si>
  <si>
    <t>c:\users\pedrohma\downloads\</t>
  </si>
  <si>
    <t>algar_tech_-_formulario_solicitacoes_de_ferias_irregulares -pedro henrique.xls</t>
  </si>
  <si>
    <t>10.200.32.107</t>
  </si>
  <si>
    <t>54-BF-64-F5-84-6A</t>
  </si>
  <si>
    <t>NB-MARCIOLS</t>
  </si>
  <si>
    <t>marciols</t>
  </si>
  <si>
    <t>C:\Users\angelinegn\Downloads\</t>
  </si>
  <si>
    <t>Squad DC - Demandas.xlsx</t>
  </si>
  <si>
    <t>CTIC COORDENACAO ARQUITETURA DE TI</t>
  </si>
  <si>
    <t>54-BF-64-F5-51-79</t>
  </si>
  <si>
    <t>NB-JOAOBAB</t>
  </si>
  <si>
    <t>joaobab</t>
  </si>
  <si>
    <t>CRS BRADESCO ATUAL.xlsx</t>
  </si>
  <si>
    <t>marianesg@algartech.com;</t>
  </si>
  <si>
    <t>marianesg@algartech.com</t>
  </si>
  <si>
    <t>10.200.60.199</t>
  </si>
  <si>
    <t>D8-9C-67-6F-10-75</t>
  </si>
  <si>
    <t>NB-EDIENEL</t>
  </si>
  <si>
    <t>edienelnpi</t>
  </si>
  <si>
    <t>edienelnpi@algartech.com</t>
  </si>
  <si>
    <t>andreldc@algartech.com;edsoncdcj@algartech.com;guilherme_andrade@whirlpool.com;thiagosc@algartech.com;</t>
  </si>
  <si>
    <t>C:\Users\edienelnpi\Desktop\</t>
  </si>
  <si>
    <t>andreldc@algartech.com,edsoncdcj@algartech.com,guilherme_andrade@whirlpool.com,thiagosc@algartech.com</t>
  </si>
  <si>
    <t>Aceitações-Sites FEV 2019 CONSOLIDADO.xlsx</t>
  </si>
  <si>
    <t>10.200.57.111</t>
  </si>
  <si>
    <t>10.200.60.8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3231d815809d4256b0da40dff50c3bbc-thiago sora;/o=exchangelabs/ou=exchange administrative group (fydibohf23spdlt)/cn=recipients/cn=3a10c1d788234688b257ab253389ec06-mateus mala;/o=exchangelabs/ou=exchange administrative group (fydibohf23spdlt)/cn=recipients/cn=545f738e0fe740ba856f4eb6ef0135e0-vinicius si;/o=exchangelabs/ou=exchange administrative group (fydibohf23spdlt)/cn=recipients/cn=5f818969ff3f4716af75e27647ee664b-kaio henriq;/o=exchangelabs/ou=exchange administrative group (fydibohf23spdlt)/cn=recipients/cn=7903c13fa0504ff0bc7dd2644020b0e8-mirna prado;/o=exchangelabs/ou=exchange administrative group (fydibohf23spdlt)/cn=recipients/cn=81f72ed6e9d042e3bed0cec08d488854-vini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3231d815809d4256b0da40dff50c3bbc-thiago sora,/o=exchangelabs/ou=exchange administrative group (fydibohf23spdlt)/cn=recipients/cn=3a10c1d788234688b257ab253389ec06-mateus mala,/o=exchangelabs/ou=exchange administrative group (fydibohf23spdlt)/cn=recipients/cn=545f738e0fe740ba856f4eb6ef0135e0-vinicius si,/o=exchangelabs/ou=exchange administrative group (fydibohf23spdlt)/cn=recipients/cn=5f818969ff3f4716af75e27647ee664b-kaio henriq,/o=exchangelabs/ou=exchange administrative group (fydibohf23spdlt)/cn=recipients/cn=7903c13fa0504ff0bc7dd2644020b0e8-mirna prado,/o=exchangelabs/ou=exchange administrative group (fydibohf23spdlt)/cn=recipients/cn=81f72ed6e9d042e3bed0cec08d488854-vini</t>
  </si>
  <si>
    <t>/o=exchangelabs/ou=exchange administrative group (fydibohf23spdlt)/cn=recipients/cn=b79663656cc44aa3bf06617d1695ae51-carlos faci;</t>
  </si>
  <si>
    <t>/o=exchangelabs/ou=exchange administrative group (fydibohf23spdlt)/cn=recipients/cn=b79663656cc44aa3bf06617d1695ae51-carlos faci</t>
  </si>
  <si>
    <t>/o=exchangelabs/ou=exchange administrative group (fydibohf23spdlt)/cn=recipients/cn=214987ca45394b93a473a4e901f49d56-valmirian d;</t>
  </si>
  <si>
    <t>/o=exchangelabs/ou=exchange administrative group (fydibohf23spdlt)/cn=recipients/cn=214987ca45394b93a473a4e901f49d56-valmirian d</t>
  </si>
  <si>
    <t>Mapeamento de Telas e Campos (Atualizado).xlsx</t>
  </si>
  <si>
    <t>C:\Users\renatofol\OneDrive - Grupo Algar\Particular\Particular\</t>
  </si>
  <si>
    <t>Home Office PROJETOS - Novembro.xlsx</t>
  </si>
  <si>
    <t>10.200.35.85</t>
  </si>
  <si>
    <t>54-BF-64-F5-7F-46</t>
  </si>
  <si>
    <t>NB-IGORTFC</t>
  </si>
  <si>
    <t>igortfc</t>
  </si>
  <si>
    <t>C:\Users\igortfc\Desktop\</t>
  </si>
  <si>
    <t>\\acsfs\DEPTOS\Controladoria\3. CSC\CONTROLES CSC\3-Pre closing 2018 e orçamento 2019\</t>
  </si>
  <si>
    <t>189257 Command Center NOC+PS LDC Precificacao C017 B017_v10 com WIT.xlsb</t>
  </si>
  <si>
    <t>Formulário RETIRADA DE ATIVO YASAT FILEMON 02MAQ.xlsx</t>
  </si>
  <si>
    <t>C:\Users\filemoncmj\OneDrive - Grupo Algar\01. Algar Tech\01. Projetos de Clientes\13. Yahsat\2019\04. Aquisições\Troca dos 7 Computadores Yahsat - Ticket 803506.eml\</t>
  </si>
  <si>
    <t>Detalhamento de Itens - Tags SSL.xlsx</t>
  </si>
  <si>
    <t>C:\Users\lauanedjs\Desktop\Lauane Cristina\Periódico\Algar Tech\</t>
  </si>
  <si>
    <t>C:\Users\filemoncmj\OneDrive - Grupo Algar\01. Algar Tech\03. Documentos da Área\Escalas de Home Office\</t>
  </si>
  <si>
    <t>10.200.67.186</t>
  </si>
  <si>
    <t>54-BF-64-F5-7F-42</t>
  </si>
  <si>
    <t>C:\Users\sherleyce\Desktop\</t>
  </si>
  <si>
    <t>Controle CAPEX.xlsx</t>
  </si>
  <si>
    <t>10_2019_Template Recuperação de Custos_Mesa Digital.xlsx</t>
  </si>
  <si>
    <t>akassiablc@algartech.com;</t>
  </si>
  <si>
    <t>Planejador de projetos URA TELECOM.xlsx</t>
  </si>
  <si>
    <t>MONITORIA GOV - Algar.xlsm</t>
  </si>
  <si>
    <t>MONITORIA GOV.xlsm</t>
  </si>
  <si>
    <t>10.200.60.180</t>
  </si>
  <si>
    <t>64-1C-67-9C-32-E2</t>
  </si>
  <si>
    <t>C:\Users\filemoncmj\OneDrive - Grupo Algar\01. Algar Tech\02. Projetos Corporativos\06. PPE\GIAT\08. Status Report\2019\05. Maio\PMO - Status PPE's - GIAT - 31.05.2019.pptx\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6189712535ea4b50a3625910837af2c9-larissa bra;hugo_cesar_rodrigues_dos_santos_algar@whirlpool.com;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6189712535ea4b50a3625910837af2c9-larissa bra,hugo_cesar_rodrigues_dos_santos_algar@whirlpool.com</t>
  </si>
  <si>
    <t>/o=exchangelabs/ou=exchange administrative group (fydibohf23spdlt)/cn=recipients/cn=c29ec9dae022497281c840087cccddec-patricia ar;/o=exchangelabs/ou=exchange administrative group (fydibohf23spdlt)/cn=recipients/cn=f167860e3f1940cc81730e5f24d2f0bb-alexandre f;</t>
  </si>
  <si>
    <t>/o=exchangelabs/ou=exchange administrative group (fydibohf23spdlt)/cn=recipients/cn=c29ec9dae022497281c840087cccddec-patricia ar,/o=exchangelabs/ou=exchange administrative group (fydibohf23spdlt)/cn=recipients/cn=f167860e3f1940cc81730e5f24d2f0bb-alexandre f</t>
  </si>
  <si>
    <t>Evolução de Portifólio - PPE GAT - Outubro 2019_v6.pptx\</t>
  </si>
  <si>
    <t>\\acsfs\engeset\COORDENAÇÃO CENTRO OESTE\Marcio\Fatura B\Akassia\</t>
  </si>
  <si>
    <t>/o=exchangelabs/ou=exchange administrative group (fydibohf23spdlt)/cn=recipients/cn=54abac0a4fdc4ad1bec39bb51d85eab1-victor hugo;</t>
  </si>
  <si>
    <t>/o=exchangelabs/ou=exchange administrative group (fydibohf23spdlt)/cn=recipients/cn=54abac0a4fdc4ad1bec39bb51d85eab1-victor hugo</t>
  </si>
  <si>
    <t>10.200.58.72</t>
  </si>
  <si>
    <t>lucianaas@algartech.com.br;</t>
  </si>
  <si>
    <t>lucianaas@algartech.com.br</t>
  </si>
  <si>
    <t>Cópia de Aceitação de Site - Agosto_setembro_outubro 2019- CONSOLIDADO.xlsx</t>
  </si>
  <si>
    <t>C:\Users\maurojmdo\Downloads\</t>
  </si>
  <si>
    <t>Mapa de Performance (Target, Conversão, Ticket Médio e Improdutividade).xlsx</t>
  </si>
  <si>
    <t>01 - Controle de Frentes de Relatórios.xlsx</t>
  </si>
  <si>
    <t>22044 - UDI - WHIRLPOOL - SERV CONSUMIDOR DA GENTE.xlsx</t>
  </si>
  <si>
    <t>22042 - UDI - WHIRLPOOL - SAR N1.xlsx</t>
  </si>
  <si>
    <t>22040 - UDI - WHIRLPOOL - SERV TLV CC ATIVO.xlsx</t>
  </si>
  <si>
    <t>10.200.39.125</t>
  </si>
  <si>
    <t>24-B6-FD-28-3D-CD</t>
  </si>
  <si>
    <t>NB-ADEVILSONFA</t>
  </si>
  <si>
    <t>adevilsonfa</t>
  </si>
  <si>
    <t>C:\Users\adevilsonfa.ACS\Desktop\SAGE\</t>
  </si>
  <si>
    <t>HistoricoBackupTransacionalSAGE.xlsx</t>
  </si>
  <si>
    <t>22041 - UDI - WHIRLPOOL - SERV TLV CC CHAT.xlsx</t>
  </si>
  <si>
    <t>C:\Users\nadiagds\OneDrive - Grupo Algar\Mesa Digital\ISD_Análise\Projeto ISD - Assai\01. Fluxos\</t>
  </si>
  <si>
    <t>Projeto_ISD_ASSAI.xlsx</t>
  </si>
  <si>
    <t>22043 - UDI - WHIRLPOOL - SAR N2.xlsx</t>
  </si>
  <si>
    <t>Brightstar.xls</t>
  </si>
  <si>
    <t>Germed.xls</t>
  </si>
  <si>
    <t>GM.xls</t>
  </si>
  <si>
    <t>Madrecor.xls</t>
  </si>
  <si>
    <t>Next.xls</t>
  </si>
  <si>
    <t>Sodexo.xls</t>
  </si>
  <si>
    <t>C:\Users\elainemdlp\OD\Home Office\</t>
  </si>
  <si>
    <t>192.168.1.109</t>
  </si>
  <si>
    <t>10.200.32.13</t>
  </si>
  <si>
    <t>D0-94-66-A2-59-FD</t>
  </si>
  <si>
    <t>TI-D16P</t>
  </si>
  <si>
    <t>leandroal</t>
  </si>
  <si>
    <t>Diário de Bordo - RCV-HD (1).xlsx</t>
  </si>
  <si>
    <t>D8-9C-67-6F-31-4D</t>
  </si>
  <si>
    <t>SPTI-340009450</t>
  </si>
  <si>
    <t>leonardo.caetano</t>
  </si>
  <si>
    <t>MIS Auditoria Ilha Especialistas.xlsx</t>
  </si>
  <si>
    <t>C:\Users\filemoncmj\OneDrive - Grupo Algar\01. Algar Tech\02. Projetos Corporativos\06. PPE\GIAT\05. Cronograma\</t>
  </si>
  <si>
    <t>Burndown GIAT.xlsx</t>
  </si>
  <si>
    <t>Tabela de valores e Horas extras.xlsx</t>
  </si>
  <si>
    <t>Data Center_Produto Formatado_ 28-08-2018.xlsb</t>
  </si>
  <si>
    <t>188270_v3 - PAN FINAL.xlsb</t>
  </si>
  <si>
    <t>Proposta Layout.xlsx</t>
  </si>
  <si>
    <t>10.211.2.109</t>
  </si>
  <si>
    <t>C:\Users\gustavoplo\Documents\Telecom\Planilha de Qualidade\</t>
  </si>
  <si>
    <t>2019_11_01_Planilha_Retenção.xlsb</t>
  </si>
  <si>
    <t>C:\Users\Flavia\Downloads\</t>
  </si>
  <si>
    <t>Bases</t>
  </si>
  <si>
    <t>RES: Clientes Fechado x Internalizados - Reajustes - 2019</t>
  </si>
  <si>
    <t>Fornecedores Engeset 2810.xlsx</t>
  </si>
  <si>
    <t>10.200.57.71</t>
  </si>
  <si>
    <t>/o=exchangelabs/ou=exchange administrative group (fydibohf23spdlt)/cn=recipients/cn=0163bfef0e474630bdcf0a3698e9ffd4-amanda ferr;/o=exchangelabs/ou=exchange administrative group (fydibohf23spdlt)/cn=recipients/cn=56dc126fba5b4a5f8fb1cd7e4f10477d-thais olive;/o=exchangelabs/ou=exchange administrative group (fydibohf23spdlt)/cn=recipients/cn=8b5b63d67af648d081a40c45cc800804-fabiana per;aurio.nogueira@bradesco.com.br;jackson.diniz@bradesco.com.br;jhonatan.ventino@temposervicos.com.br;ligiagb@algartech.com.br;liliane.carole@temposervicos.com.br;marcia.freitas@bradesco.com.br;marciohpr@algartech.com.br;marta.m.oliveira@bradesco.com.br;poliane.amaral@bradesco.com.br;ricardo.v.hostert@temposervicos.com.br;suportepjvme@algartech.com.br;suzanasb@algartech.com.br;suzane.b.rodrigues@bradesco.com.br;suzane.rodrigues@temposervicos.com.br;vivianega@algartech.com.br;</t>
  </si>
  <si>
    <t>/o=exchangelabs/ou=exchange administrative group (fydibohf23spdlt)/cn=recipients/cn=0163bfef0e474630bdcf0a3698e9ffd4-amanda ferr,/o=exchangelabs/ou=exchange administrative group (fydibohf23spdlt)/cn=recipients/cn=56dc126fba5b4a5f8fb1cd7e4f10477d-thais olive,/o=exchangelabs/ou=exchange administrative group (fydibohf23spdlt)/cn=recipients/cn=8b5b63d67af648d081a40c45cc800804-fabiana per,aurio.nogueira@bradesco.com.br,jackson.diniz@bradesco.com.br,jhonatan.ventino@temposervicos.com.br,ligiagb@algartech.com.br,liliane.carole@temposervicos.com.br,marcia.freitas@bradesco.com.br,marciohpr@algartech.com.br,marta.m.oliveira@bradesco.com.br,poliane.amaral@bradesco.com.br,ricardo.v.hostert@temposervicos.com.br,suportepjvme@algartech.com.br,suzanasb@algartech.com.br,suzane.b.rodrigues@bradesco.com.br,suzane.rodrigues@temposervicos.com.br,vivianega@algartech.com.br</t>
  </si>
  <si>
    <t>C:\Users\filemoncmj\OneDrive - Grupo Algar\01. Algar Tech\11. Contrato Automatos (Suelen)\</t>
  </si>
  <si>
    <t>/o=exchangelabs/ou=exchange administrative group (fydibohf23spdlt)/cn=recipients/cn=9c71bc5f5a3648bbbb5f6bedb86e15a6-marcelo buz;</t>
  </si>
  <si>
    <t>/o=exchangelabs/ou=exchange administrative group (fydibohf23spdlt)/cn=recipients/cn=9c71bc5f5a3648bbbb5f6bedb86e15a6-marcelo buz</t>
  </si>
  <si>
    <t>NB-MARCELOA</t>
  </si>
  <si>
    <t>marceloaa</t>
  </si>
  <si>
    <t>ENC: Modelo de atuação PA's novas ações</t>
  </si>
  <si>
    <t>Modelo Atuação Pilotos_PA's por ação vs3.xlsx</t>
  </si>
  <si>
    <t>Formulário de Avaliação de Contratação - Automatos.xlsx</t>
  </si>
  <si>
    <t>Novo(a) Planilha do Microsoft Excel.xlsx</t>
  </si>
  <si>
    <t>10.200.57.90</t>
  </si>
  <si>
    <t>D8-9C-67-6F-2A-E3</t>
  </si>
  <si>
    <t>gabrielar@algartech.com</t>
  </si>
  <si>
    <t>C:\Users\gabrielar\Documents\</t>
  </si>
  <si>
    <t>Orcamento.xlsx</t>
  </si>
  <si>
    <t>10.200.57.99</t>
  </si>
  <si>
    <t>c:\users\marinasf\desktop\</t>
  </si>
  <si>
    <t>C:\Users\guilhermedsf\Downloads\</t>
  </si>
  <si>
    <t>C:\Users\suelenmm\OneDrive - Grupo Algar\Gestão PVs\</t>
  </si>
  <si>
    <t>Especificidades Pre Vendas.xlsx</t>
  </si>
  <si>
    <t>Consolidado -FERIAS_ORÇADO E NÃO ORÇADO_Programação férias_GAT 310719_REVISÃO V8_3008_INCLUSAO_0110.xlsm</t>
  </si>
  <si>
    <t>A0-88-69-CF-66-BF</t>
  </si>
  <si>
    <t>/o=exchangelabs/ou=exchange administrative group (fydibohf23spdlt)/cn=recipients/cn=002ec1cd4de64cd68f3e33ca3518cc0b-fernando ro;/o=exchangelabs/ou=exchange administrative group (fydibohf23spdlt)/cn=recipients/cn=092327d7955f47e78ad4a60dc2ac8d69-joaquim eli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1698f5af44b14116ad2d0b751d584c7d-danilo rafa;/o=exchangelabs/ou=exchange administrative group (fydibohf23spdlt)/cn=recipients/cn=2144abc9537143519f505fcb8550b74c-juliana emi;/o=exchangelabs/ou=exchange administrative group (fydibohf23spdlt)/cn=recipients/cn=240fafdb21074ab9a87c95d3265e411c-rodrigo rod;/o=exchangelabs/ou=exchange administrative group (fydibohf23spdlt)/cn=recipients/cn=249f643ba1e044588b45a020c76dadde-dani</t>
  </si>
  <si>
    <t>/o=exchangelabs/ou=exchange administrative group (fydibohf23spdlt)/cn=recipients/cn=002ec1cd4de64cd68f3e33ca3518cc0b-fernando ro,/o=exchangelabs/ou=exchange administrative group (fydibohf23spdlt)/cn=recipients/cn=092327d7955f47e78ad4a60dc2ac8d69-joaquim eli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1698f5af44b14116ad2d0b751d584c7d-danilo rafa,/o=exchangelabs/ou=exchange administrative group (fydibohf23spdlt)/cn=recipients/cn=2144abc9537143519f505fcb8550b74c-juliana emi,/o=exchangelabs/ou=exchange administrative group (fydibohf23spdlt)/cn=recipients/cn=240fafdb21074ab9a87c95d3265e411c-rodrigo rod,/o=exchangelabs/ou=exchange administrative group (fydibohf23spdlt)/cn=recipients/cn=249f643ba1e044588b45a020c76dadde-dani</t>
  </si>
  <si>
    <t>/o=exchangelabs/ou=exchange administrative group (fydibohf23spdlt)/cn=recipients/cn=0bafe1ed27024338be4e911e19871cd1-william rob;/o=exchangelabs/ou=exchange administrative group (fydibohf23spdlt)/cn=recipients/cn=2144abc9537143519f505fcb8550b74c-juliana emi;/o=exchangelabs/ou=exchange administrative group (fydibohf23spdlt)/cn=recipients/cn=287c26b08a0f48578479a15a452f025d-edilson rod;/o=exchangelabs/ou=exchange administrative group (fydibohf23spdlt)/cn=recipients/cn=2d3379e2d04c40db810b4b1f41dd2aea-erica carol;/o=exchangelabs/ou=exchange administrative group (fydibohf23spdlt)/cn=recipients/cn=372a4aee70df4061aed129651510b96b-raul montei;/o=exchangelabs/ou=exchange administrative group (fydibohf23spdlt)/cn=recipients/cn=3b76b3dd02a14d289cc323d3c8d12b81-waleska mar;/o=exchangelabs/ou=exchange administrative group (fydibohf23spdlt)/cn=recipients/cn=3bff4ffb267e4ea2a4a3347f6a4c5cf8-tatiane mag;/o=exchangelabs/ou=exchange administrative group (fydibohf23spdlt)/cn=recipients/cn=44f0a666541444e787f23979b24aa3bd-regi</t>
  </si>
  <si>
    <t>/o=exchangelabs/ou=exchange administrative group (fydibohf23spdlt)/cn=recipients/cn=0bafe1ed27024338be4e911e19871cd1-william rob,/o=exchangelabs/ou=exchange administrative group (fydibohf23spdlt)/cn=recipients/cn=2144abc9537143519f505fcb8550b74c-juliana emi,/o=exchangelabs/ou=exchange administrative group (fydibohf23spdlt)/cn=recipients/cn=287c26b08a0f48578479a15a452f025d-edilson rod,/o=exchangelabs/ou=exchange administrative group (fydibohf23spdlt)/cn=recipients/cn=2d3379e2d04c40db810b4b1f41dd2aea-erica carol,/o=exchangelabs/ou=exchange administrative group (fydibohf23spdlt)/cn=recipients/cn=372a4aee70df4061aed129651510b96b-raul montei,/o=exchangelabs/ou=exchange administrative group (fydibohf23spdlt)/cn=recipients/cn=3b76b3dd02a14d289cc323d3c8d12b81-waleska mar,/o=exchangelabs/ou=exchange administrative group (fydibohf23spdlt)/cn=recipients/cn=3bff4ffb267e4ea2a4a3347f6a4c5cf8-tatiane mag,/o=exchangelabs/ou=exchange administrative group (fydibohf23spdlt)/cn=recipients/cn=44f0a666541444e787f23979b24aa3bd-regi</t>
  </si>
  <si>
    <t>Clientes e Praticas_Cadastro GRC.xlsb</t>
  </si>
  <si>
    <t>think-cell Slide4.dat</t>
  </si>
  <si>
    <t>Planilha acompanhamento - INFRA.xls</t>
  </si>
  <si>
    <t>Pendências #SouAlgar - Operações.xlsx</t>
  </si>
  <si>
    <t>22050 - UDI - WHIRLPOOL - SERV N2 SPEAKING.xlsx</t>
  </si>
  <si>
    <t>10.200.57.164</t>
  </si>
  <si>
    <t>/o=exchangelabs/ou=exchange administrative group (fydibohf23spdlt)/cn=recipients/cn=309572221fe14ce3af445b3983aaac9f-alizenete m;</t>
  </si>
  <si>
    <t>/o=exchangelabs/ou=exchange administrative group (fydibohf23spdlt)/cn=recipients/cn=309572221fe14ce3af445b3983aaac9f-alizenete m</t>
  </si>
  <si>
    <t>Gráfico do Microsoft Excel.dat</t>
  </si>
  <si>
    <t>think-cell Slide3.dat</t>
  </si>
  <si>
    <t>Microsoft Graph Chart24.dat</t>
  </si>
  <si>
    <t>Microsoft Graph Chart25.dat</t>
  </si>
  <si>
    <t>think-cell Slide14.dat</t>
  </si>
  <si>
    <t>Microsoft Graph Chart26.dat</t>
  </si>
  <si>
    <t>Microsoft Graph Chart27.dat</t>
  </si>
  <si>
    <t>Microsoft Graph Chart28.dat</t>
  </si>
  <si>
    <t>Microsoft Graph Chart29.dat</t>
  </si>
  <si>
    <t>Microsoft Graph Chart30.dat</t>
  </si>
  <si>
    <t>Microsoft Graph Chart31.dat</t>
  </si>
  <si>
    <t>Microsoft Graph Chart32.dat</t>
  </si>
  <si>
    <t>Microsoft Graph Chart33.dat</t>
  </si>
  <si>
    <t>Microsoft Graph Chart34.dat</t>
  </si>
  <si>
    <t>Microsoft Graph Chart35.dat</t>
  </si>
  <si>
    <t>Microsoft Graph Chart36.dat</t>
  </si>
  <si>
    <t>Microsoft Graph Chart37.dat</t>
  </si>
  <si>
    <t>Microsoft Graph Chart38.dat</t>
  </si>
  <si>
    <t>Microsoft Graph Chart39.dat</t>
  </si>
  <si>
    <t>Microsoft Graph Chart40.dat</t>
  </si>
  <si>
    <t>Microsoft Graph Chart41.dat</t>
  </si>
  <si>
    <t>Microsoft Graph Chart42.dat</t>
  </si>
  <si>
    <t>Microsoft Graph Chart43.dat</t>
  </si>
  <si>
    <t>Microsoft Graph Chart44.dat</t>
  </si>
  <si>
    <t>Microsoft Graph Chart45.dat</t>
  </si>
  <si>
    <t>Microsoft Graph Chart46.dat</t>
  </si>
  <si>
    <t>Microsoft Graph Chart47.dat</t>
  </si>
  <si>
    <t>Microsoft Graph Chart48.dat</t>
  </si>
  <si>
    <t>FORMULARIO_DE_CADASTRO_DE_FORNECEDOR_-_R12_e_SOMAR_-_Socios_ATUALIZADO.xls</t>
  </si>
  <si>
    <t>10.211.2.172</t>
  </si>
  <si>
    <t>/o=exchangelabs/ou=exchange administrative group (fydibohf23spdlt)/cn=recipients/cn=a78f7dae304e472e9f75bd537683f6e5-hugo de oli;</t>
  </si>
  <si>
    <t>ENC: Relação CR's Bradesco</t>
  </si>
  <si>
    <t>/o=exchangelabs/ou=exchange administrative group (fydibohf23spdlt)/cn=recipients/cn=a78f7dae304e472e9f75bd537683f6e5-hugo de oli</t>
  </si>
  <si>
    <t>Classificacao_de_itens_-_Crescimento_Classificado_PI-1005372-19.xlsx</t>
  </si>
  <si>
    <t>C:\Users\elainemdlp\OD\_Projetos\Em andamento\Relacionamento Cartoes BV\01 - Iniciação\Detalhamento de Itens\</t>
  </si>
  <si>
    <t>PMO_Algar_Tech_-__DETALHAMENTO_DE_ITENS_DE_AQUISICOES_-_BV_3227492_classificado - V2.xlsx</t>
  </si>
  <si>
    <t>C:\Users\camilat\OneDrive - Grupo Algar\UTEIS\</t>
  </si>
  <si>
    <t>Termo_Responsabilidade_-_Cartao_Corporativo.xlsm</t>
  </si>
  <si>
    <t>C:\Users\elainemdlp\OD\</t>
  </si>
  <si>
    <t>Controle de Horas.xlsx</t>
  </si>
  <si>
    <t>/o=exchangelabs/ou=exchange administrative group (fydibohf23spdlt)/cn=recipients/cn=2d3379e2d04c40db810b4b1f41dd2aea-erica carol;/o=exchangelabs/ou=exchange administrative group (fydibohf23spdlt)/cn=recipients/cn=a4d4dbc88c434f8ba2bceed730d83878-marcellus r;</t>
  </si>
  <si>
    <t>/o=exchangelabs/ou=exchange administrative group (fydibohf23spdlt)/cn=recipients/cn=2d3379e2d04c40db810b4b1f41dd2aea-erica carol,/o=exchangelabs/ou=exchange administrative group (fydibohf23spdlt)/cn=recipients/cn=a4d4dbc88c434f8ba2bceed730d83878-marcellus r</t>
  </si>
  <si>
    <t>10.250.254.78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6189712535ea4b50a3625910837af2c9-larissa bra;/o=exchangelabs/ou=exchange administrative group (fydibohf23spdlt)/cn=recipients/cn=be8766b4a96d48b483378f7babe180b8-thais coimb;hugo_cesar_rodrigues_dos_santos_algar@whirlpool.com;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6189712535ea4b50a3625910837af2c9-larissa bra,/o=exchangelabs/ou=exchange administrative group (fydibohf23spdlt)/cn=recipients/cn=be8766b4a96d48b483378f7babe180b8-thais coimb,hugo_cesar_rodrigues_dos_santos_algar@whirlpool.com</t>
  </si>
  <si>
    <t>/o=exchangelabs/ou=exchange administrative group (fydibohf23spdlt)/cn=recipients/cn=a72a765de829420582b78941417073ac-karina rodr;</t>
  </si>
  <si>
    <t>/o=exchangelabs/ou=exchange administrative group (fydibohf23spdlt)/cn=recipients/cn=a72a765de829420582b78941417073ac-karina rodr</t>
  </si>
  <si>
    <t>D:\Projetos\ACS\One_drive\OneDrive - Grupo Algar\Projetos\</t>
  </si>
  <si>
    <t>/o=exchangelabs/ou=exchange administrative group (fydibohf23spdlt)/cn=recipients/cn=e5dfe65308934e02acfffcb2185133f4-daniel bier;</t>
  </si>
  <si>
    <t>/o=exchangelabs/ou=exchange administrative group (fydibohf23spdlt)/cn=recipients/cn=e5dfe65308934e02acfffcb2185133f4-daniel bier</t>
  </si>
  <si>
    <t>/o=exchangelabs/ou=exchange administrative group (fydibohf23spdlt)/cn=recipients/cn=1981433b28a2405b86112019a8b25d8f-rodinei per;</t>
  </si>
  <si>
    <t>/o=exchangelabs/ou=exchange administrative group (fydibohf23spdlt)/cn=recipients/cn=1981433b28a2405b86112019a8b25d8f-rodinei per</t>
  </si>
  <si>
    <t>C:\Users\filemoncmj\OneDrive - Grupo Algar\01. Algar Tech\01. Projetos de Clientes\47. Prudential\16. Infraestrutura\</t>
  </si>
  <si>
    <t>Contratos Engeset.xlsx</t>
  </si>
  <si>
    <t>Hierarquia_Pesquisa de Clima_GAT - Suélen.xlsx</t>
  </si>
  <si>
    <t>/o=exchangelabs/ou=exchange administrative group (fydibohf23spdlt)/cn=recipients/cn=1fbcd60c36f14b1cae70e747a3f94b5d-catiana lou;/o=exchangelabs/ou=exchange administrative group (fydibohf23spdlt)/cn=recipients/cn=2abd653b249741f0aaab575ad2f855a3-tayse ianda;/o=exchangelabs/ou=exchange administrative group (fydibohf23spdlt)/cn=recipients/cn=e6e28e2646d74f638943c02afdaa6d1e-luciana rod;</t>
  </si>
  <si>
    <t>/o=exchangelabs/ou=exchange administrative group (fydibohf23spdlt)/cn=recipients/cn=1fbcd60c36f14b1cae70e747a3f94b5d-catiana lou,/o=exchangelabs/ou=exchange administrative group (fydibohf23spdlt)/cn=recipients/cn=2abd653b249741f0aaab575ad2f855a3-tayse ianda,/o=exchangelabs/ou=exchange administrative group (fydibohf23spdlt)/cn=recipients/cn=e6e28e2646d74f638943c02afdaa6d1e-luciana rod</t>
  </si>
  <si>
    <t>Departamental_ALGARTI.csv</t>
  </si>
  <si>
    <t>Departamental_ENGESET.csv</t>
  </si>
  <si>
    <t>10.200.60.188</t>
  </si>
  <si>
    <t>340002017_SD_Reajustado_V2.xlsm</t>
  </si>
  <si>
    <t>D:\Projetos\ACS\One_drive\OneDrive - Grupo Algar\Projetos\Yahsat\</t>
  </si>
  <si>
    <t>relatorio_atendimento_analitico__exportacao_5dbadd3e6e4ec.csv</t>
  </si>
  <si>
    <t>22031 - UDI - WHIRLPOOL - SERV SEG N1 ASSURANT.xlsx</t>
  </si>
  <si>
    <t>22032 - UDI - WHIRLPOOL - SERV SEG N2 ASSURANT.xlsx</t>
  </si>
  <si>
    <t>22033 - UDI - WHIRLPOOL - SERV SEG N1 CARDIF.xlsx</t>
  </si>
  <si>
    <t>22034 - UDI - WHIRLPOOL - SERV SEG N2 CARDIF.xlsx</t>
  </si>
  <si>
    <t>22035 - UDI - WHIRLPOOL - SERV SEG N1 ZURICH.xlsx</t>
  </si>
  <si>
    <t>22036 - UDI - WHIRLPOOL - SERV SEG N2 ZURICH.xlsx</t>
  </si>
  <si>
    <t>Painel UPC.xlsx</t>
  </si>
  <si>
    <t>Relatório de AVOS - OFICIAL - SETEMBRO.xls</t>
  </si>
  <si>
    <t>188270_v3 - PAN FINAL - 31_10_2019 rMaluf r1.xlsb</t>
  </si>
  <si>
    <t>ENC: Oportunidade 216422 - Migração PJ</t>
  </si>
  <si>
    <t>D8-9C-67-4D-6A-63</t>
  </si>
  <si>
    <t>/o=exchangelabs/ou=exchange administrative group (fydibohf23spdlt)/cn=recipients/cn=3bff4ffb267e4ea2a4a3347f6a4c5cf8-tatiane mag;/o=exchangelabs/ou=exchange administrative group (fydibohf23spdlt)/cn=recipients/cn=9e20ba3b6afd447db98f75fb7bdc7037-francisco e;</t>
  </si>
  <si>
    <t>/o=exchangelabs/ou=exchange administrative group (fydibohf23spdlt)/cn=recipients/cn=3bff4ffb267e4ea2a4a3347f6a4c5cf8-tatiane mag,/o=exchangelabs/ou=exchange administrative group (fydibohf23spdlt)/cn=recipients/cn=9e20ba3b6afd447db98f75fb7bdc7037-francisco e</t>
  </si>
  <si>
    <t>Racional Reajuste 2019.xlsx</t>
  </si>
  <si>
    <t>EVIDENCIA_ULTIMO_BACKUP_FULL_SAGEWDBSQL.xlsx</t>
  </si>
  <si>
    <t>c:\users\marinasf\desktop\controles financeiros\pgtos relizados\rpa limpeza\modelos rpa vigente\rpa maria de fatima costa\</t>
  </si>
  <si>
    <t>modelo rpa m fÁtima da costa id 618785.xls</t>
  </si>
  <si>
    <t>C:\Users\filemoncmj\OneDrive - Grupo Algar\01. Algar Tech\01. Projetos de Clientes\47. Prudential\02. BP\</t>
  </si>
  <si>
    <t>Prudential - BP ISD - Versão Outubro 2019 v2.xlsb</t>
  </si>
  <si>
    <t>Prudential - BP GIAT - Versão Outubro 2019 v2.xlsb</t>
  </si>
  <si>
    <t>10.211.2.126</t>
  </si>
  <si>
    <t>D8-9C-67-86-36-1F</t>
  </si>
  <si>
    <t>22015 - UDI - WHIRLPOOL - SAC SINERGIA ECOHOUSE POS.xlsx</t>
  </si>
  <si>
    <t>22010 - UDI - WHIRLPOOL - N3.xlsx</t>
  </si>
  <si>
    <t>C:\Users\filemoncmj\OneDrive - Grupo Algar\01. Algar Tech\02. Projetos Corporativos\06. PPE\Intuitive Service Desk\12. FTE\2019\11. Novembro\</t>
  </si>
  <si>
    <t>151119 - Registro de FTE Realizado ISD.xlsb</t>
  </si>
  <si>
    <t>\\acsfs\ACS\Suporte à Operações\02 - Faturamento\2019\10 - Outubro\BRADESCO\Termos de aceite\</t>
  </si>
  <si>
    <t>TA - Claudia Siqueira PF.xlsx</t>
  </si>
  <si>
    <t>/o=exchangelabs/ou=exchange administrative group (fydibohf23spdlt)/cn=recipients/cn=10d9bf2715304872bd0e6f8b03de50d1-projetos -;/o=exchangelabs/ou=exchange administrative group (fydibohf23spdlt)/cn=recipients/cn=66edf19ebc2742d0aad16b8a34a09b10-andre luiz;</t>
  </si>
  <si>
    <t>/o=exchangelabs/ou=exchange administrative group (fydibohf23spdlt)/cn=recipients/cn=10d9bf2715304872bd0e6f8b03de50d1-projetos -,/o=exchangelabs/ou=exchange administrative group (fydibohf23spdlt)/cn=recipients/cn=66edf19ebc2742d0aad16b8a34a09b10-andre luiz</t>
  </si>
  <si>
    <t>22011 - UDI - WHIRLPOOL - NPS DETRATORES.xlsx</t>
  </si>
  <si>
    <t>22017 - UDI - WHIRLPOOL - AUDITORIA DE VENDAS.xlsx</t>
  </si>
  <si>
    <t>Formulário</t>
  </si>
  <si>
    <t>10.200.57.14</t>
  </si>
  <si>
    <t>D8-9C-67-01-52-3B</t>
  </si>
  <si>
    <t>10.200.61.72</t>
  </si>
  <si>
    <t>RELATÓRIO FATURAMENTO 01.10.2019 A 31.10.2019.xlsx</t>
  </si>
  <si>
    <t>BP SOC MRE 12 Profissionais.xlsb</t>
  </si>
  <si>
    <t>C:\Users\elainemdlp\OD\_Projetos\Em andamento\Expansao Caixa\01 - Iniciacao\</t>
  </si>
  <si>
    <t>10.200.61.179</t>
  </si>
  <si>
    <t>FC-01-7C-FE-64-85</t>
  </si>
  <si>
    <t>NB-RENATAALVES</t>
  </si>
  <si>
    <t>renataalves</t>
  </si>
  <si>
    <t>10.200.60.65</t>
  </si>
  <si>
    <t>54-BF-64-F5-81-7C</t>
  </si>
  <si>
    <t>\\acsfs\deptos\CEI - Coordenação de Engenharia e Infraestrutura\CEI - Campinas\Documentação Contrato A100\Relatório de Operação\10B - Peças Reservas\</t>
  </si>
  <si>
    <t>GRU2 - Spare Part List.xls</t>
  </si>
  <si>
    <t>C:\Users\filemoncmj\OneDrive - Grupo Algar\01. Algar Tech\01. Projetos de Clientes\47. Prudential\03. Proposta Técnica e Comercial\Resumo Executivo\Prudential - Resumo Executivo_Outubro.pptx\</t>
  </si>
  <si>
    <t>Carteira Investimentos.xlsx</t>
  </si>
  <si>
    <t>\\acsfs.acs.com.br\engeset\CISALGAR\Gestão de Projetos\Torre Professional Services\</t>
  </si>
  <si>
    <t>C:\Users\elainemdlp\OD\_Projetos\Em andamento\Expansao Caixa\02 - Planejamento\Compras\</t>
  </si>
  <si>
    <t>C:\Users\hugonmo\OneDrive\Documents\Exportações Mobills\</t>
  </si>
  <si>
    <t>Controle - Gastos 2019.xlsx</t>
  </si>
  <si>
    <t>MINISTERIO DAS RELACOES EXTERIORES</t>
  </si>
  <si>
    <t>74-E6-E2-D2-3C-3C</t>
  </si>
  <si>
    <t>NB-KAMILA-STAFF</t>
  </si>
  <si>
    <t>kamiladsv</t>
  </si>
  <si>
    <t>C:\Users\kamiladsv\Desktop\</t>
  </si>
  <si>
    <t>C:\Users\elainemdlp\OD\Templates\</t>
  </si>
  <si>
    <t>Classificação de Ativos - Novo Template.xlsx</t>
  </si>
  <si>
    <t>PMO__-__Detalhamento_de_Itens__-__Aquisicao_de_Microondas CON-3395870.xlsx</t>
  </si>
  <si>
    <t>/o=exchangelabs/ou=exchange administrative group (fydibohf23spdlt)/cn=recipients/cn=8fd99aed0dcd4cc881e5e5966c425c41-gabriel bor;</t>
  </si>
  <si>
    <t>/o=exchangelabs/ou=exchange administrative group (fydibohf23spdlt)/cn=recipients/cn=8fd99aed0dcd4cc881e5e5966c425c41-gabriel bor</t>
  </si>
  <si>
    <t>PRESIDENCIA / DIR. FINANCEIRA</t>
  </si>
  <si>
    <t>D0-94-66-A2-57-F0</t>
  </si>
  <si>
    <t>ATDIRETORIA-02</t>
  </si>
  <si>
    <t>virginiamb</t>
  </si>
  <si>
    <t>C:\Users\rodrigombu\OneDrive - Grupo Algar\Operações\CPC\</t>
  </si>
  <si>
    <t>Equipe Vinicius Grevy.xlsx</t>
  </si>
  <si>
    <t>vanusaos@algartech.com.br;</t>
  </si>
  <si>
    <t>Cópia de NS VALE.xlsx</t>
  </si>
  <si>
    <t>vanusaos@algartech.com.br</t>
  </si>
  <si>
    <t>suporte.vmc@bradescocartoes.com.br;</t>
  </si>
  <si>
    <t>suporte.vmc@bradescocartoes.com.br</t>
  </si>
  <si>
    <t>/o=exchangelabs/ou=exchange administrative group (fydibohf23spdlt)/cn=recipients/cn=c08089b92f0643f18c949cb099a06593-tamara luis;</t>
  </si>
  <si>
    <t>/o=exchangelabs/ou=exchange administrative group (fydibohf23spdlt)/cn=recipients/cn=c08089b92f0643f18c949cb099a06593-tamara luis</t>
  </si>
  <si>
    <t>C:\Users\rodrigombu\OneDrive - Grupo Algar\Whirlpool\2019\11 - Novembro\Arquivo\RAF\</t>
  </si>
  <si>
    <t>Acompanhamento NPS - Out-2019 - Fechamento - 10-2019.xlsm</t>
  </si>
  <si>
    <t>ENC: Portal Synergy ** Urgente**</t>
  </si>
  <si>
    <t>Consolidado Synergy.xlsx</t>
  </si>
  <si>
    <t>C:\Users\filemoncmj\OneDrive - Grupo Algar\01. Algar Tech\01. Projetos de Clientes\47. Prudential\08. TH\</t>
  </si>
  <si>
    <t>Cargos ISD e GIAT - TH e Operação - Revisão Outubro.xlsx</t>
  </si>
  <si>
    <t>/o=exchangelabs/ou=exchange administrative group (fydibohf23spdlt)/cn=recipients/cn=d1d015f213f648abbf348b5ccdf8e9d9-senilda per;</t>
  </si>
  <si>
    <t>/o=exchangelabs/ou=exchange administrative group (fydibohf23spdlt)/cn=recipients/cn=d1d015f213f648abbf348b5ccdf8e9d9-senilda per</t>
  </si>
  <si>
    <t>2C-6F-C9-66-33-17</t>
  </si>
  <si>
    <t>10.200.57.249</t>
  </si>
  <si>
    <t>D8-9C-67-6F-2A-EF</t>
  </si>
  <si>
    <t>Gráfico do Microsoft Excel1.dat</t>
  </si>
  <si>
    <t>Slide do think-cell.dat</t>
  </si>
  <si>
    <t>10.200.36.139</t>
  </si>
  <si>
    <t>D0-94-66-A2-59-E6</t>
  </si>
  <si>
    <t>ATDIRETORIA-03</t>
  </si>
  <si>
    <t>gabriellycc</t>
  </si>
  <si>
    <t>\\acsfs\deptos\secretarias diretoria\assessoras\contratos - algar tech\2019\protocolos - devoluções\protocolos\</t>
  </si>
  <si>
    <t>10.250.254.38</t>
  </si>
  <si>
    <t>C:\Temporarios\</t>
  </si>
  <si>
    <t>Produtividade RAF - Out-2019 - Fechamento.xlsm</t>
  </si>
  <si>
    <t>C:\Users\diegobg\OneDrive - Grupo Algar\01 - Toyota\1 - Diego Bardauil\1.2 - Financeiro\09 - Setembro\</t>
  </si>
  <si>
    <t>9C-30-5B-FC-8A-67</t>
  </si>
  <si>
    <t>D:\ALGAR TECH\001 - Cloud MSP\Treinamentos\AWS\</t>
  </si>
  <si>
    <t>C:\Users\rodrigombu\OneDrive - Grupo Algar\Whirlpool\2019\11 - Novembro\Arquivo\NPS\5 Star\</t>
  </si>
  <si>
    <t>10.200.61.189</t>
  </si>
  <si>
    <t>20-04-0F-FE-46-E8</t>
  </si>
  <si>
    <t>C:\Users\daniloma\Downloads\</t>
  </si>
  <si>
    <t>/o=exchangelabs/ou=exchange administrative group (fydibohf23spdlt)/cn=recipients/cn=carlos henrique vilarinho_db6c0fb3df;</t>
  </si>
  <si>
    <t>/o=exchangelabs/ou=exchange administrative group (fydibohf23spdlt)/cn=recipients/cn=carlos henrique vilarinho_db6c0fb3df</t>
  </si>
  <si>
    <t>/o=exchangelabs/ou=exchange administrative group (fydibohf23spdlt)/cn=recipients/cn=3188323005a04a70962871b2b980355d-humberto pi;/o=exchangelabs/ou=exchange administrative group (fydibohf23spdlt)/cn=recipients/cn=8fc182d8ec964190abd5d149ac41ad8b-fabricio de;/o=exchangelabs/ou=exchange administrative group (fydibohf23spdlt)/cn=recipients/cn=user78fc8d63;</t>
  </si>
  <si>
    <t>/o=exchangelabs/ou=exchange administrative group (fydibohf23spdlt)/cn=recipients/cn=3188323005a04a70962871b2b980355d-humberto pi,/o=exchangelabs/ou=exchange administrative group (fydibohf23spdlt)/cn=recipients/cn=8fc182d8ec964190abd5d149ac41ad8b-fabricio de,/o=exchangelabs/ou=exchange administrative group (fydibohf23spdlt)/cn=recipients/cn=user78fc8d63</t>
  </si>
  <si>
    <t>Volumetria URA.xlsx</t>
  </si>
  <si>
    <t>C:\Users\hugooc\OneDrive - Grupo Algar\FABRICA\</t>
  </si>
  <si>
    <t>1 - Controle de Frentes de Relatórios.xlsx</t>
  </si>
  <si>
    <t>5C-EA-1D-CF-BF-01</t>
  </si>
  <si>
    <t>10.200.57.195</t>
  </si>
  <si>
    <t>54-BF-64-F5-84-1E</t>
  </si>
  <si>
    <t>NB-TIAGORPF</t>
  </si>
  <si>
    <t>tiagorpf</t>
  </si>
  <si>
    <t>Apresentação PMO 2910.pptx\</t>
  </si>
  <si>
    <t>10.200.57.229</t>
  </si>
  <si>
    <t>64-1C-67-9C-32-E5</t>
  </si>
  <si>
    <t>10.200.200.81</t>
  </si>
  <si>
    <t>Contas_2019.xlsx</t>
  </si>
  <si>
    <t>C:\Users\filemoncmj\OneDrive - Grupo Algar\01. Algar Tech\01. Projetos de Clientes\47. Prudential\03. Proposta Técnica e Comercial\Resumo Executivo\Prudential - Resumo Executivo_Outubro v2.pptx\</t>
  </si>
  <si>
    <t>192.168.1.100</t>
  </si>
  <si>
    <t>Plano Financeiro PGE2 Versão Final.xlsx</t>
  </si>
  <si>
    <t>C:\Users\hugooc\OneDrive - Grupo Algar\FABRICA\FABRICA DESENVOLVEDORES\</t>
  </si>
  <si>
    <t>Classificação de Itens GIAT.xlsx</t>
  </si>
  <si>
    <t>Lista de presença 2019.xlsx vertical fevereiro.xlsx</t>
  </si>
  <si>
    <t>Lista de presença 2019.xlsx VERTICAL.xlsx</t>
  </si>
  <si>
    <t>Lista final do ônibus.xlsx</t>
  </si>
  <si>
    <t>pedido_detalhado_269_1000066261.xls</t>
  </si>
  <si>
    <t>Lista de presença 2019.xlsx AADL.xlsx</t>
  </si>
  <si>
    <t>Lista de presença 2019.xlsx AADL.xlsx Março.xlsx</t>
  </si>
  <si>
    <t>Lista de presença 2019.xlsx Fevereiro.xlsx</t>
  </si>
  <si>
    <t>64-1C-67-9C-32-15</t>
  </si>
  <si>
    <t>C:\Users\leonardo.caetano\Desktop\</t>
  </si>
  <si>
    <t>10.200.58.21</t>
  </si>
  <si>
    <t>10.211.10.112</t>
  </si>
  <si>
    <t>C:\Users\nadiagds\OneDrive - Grupo Algar\Mesa Digital\ISD_Gerência de Projetos\ISD_KICK OFF_STATUS REPORT\BANCO BMG\Status Report ISD Clientes GAT - BANCO BMGvOut_2019.pptx\</t>
  </si>
  <si>
    <t>10.200.57.96</t>
  </si>
  <si>
    <t>10.200.61.88</t>
  </si>
  <si>
    <t>54-BF-64-F5-57-6F</t>
  </si>
  <si>
    <t>C:\Users\filemoncmj\OneDrive - Grupo Algar\01. Algar Tech\01. Projetos de Clientes\47. Prudential\07. Aquisições\04. Desktops e Notebooks\</t>
  </si>
  <si>
    <t>Resumo para Wexley.xlsx</t>
  </si>
  <si>
    <t>/o=exchangelabs/ou=exchange administrative group (fydibohf23spdlt)/cn=recipients/cn=1698f5af44b14116ad2d0b751d584c7d-danilo rafa;/o=exchangelabs/ou=exchange administrative group (fydibohf23spdlt)/cn=recipients/cn=19563ef64edf42e7841a8719ae7bfe65-ythia karla;</t>
  </si>
  <si>
    <t>/o=exchangelabs/ou=exchange administrative group (fydibohf23spdlt)/cn=recipients/cn=1698f5af44b14116ad2d0b751d584c7d-danilo rafa,/o=exchangelabs/ou=exchange administrative group (fydibohf23spdlt)/cn=recipients/cn=19563ef64edf42e7841a8719ae7bfe65-ythia karla</t>
  </si>
  <si>
    <t>Agenda de Treinamento Novembro - Levantamento de Necessidades de TRN</t>
  </si>
  <si>
    <t>LNT Novembro 2019 Televendas, Digital e Retenção.xlsx</t>
  </si>
  <si>
    <t>C:\Users\lucianafaa\OneDrive - Grupo Algar\2019\PROJETOS\URR\ACTION\</t>
  </si>
  <si>
    <t>10.200.58.162</t>
  </si>
  <si>
    <t>54-BF-64-F5-7E-B2</t>
  </si>
  <si>
    <t>/o=exchangelabs/ou=exchange administrative group (fydibohf23spdlt)/cn=recipients/cn=f50351055a2944cebcbdc18a918945d6-gustavo res;</t>
  </si>
  <si>
    <t>/o=exchangelabs/ou=exchange administrative group (fydibohf23spdlt)/cn=recipients/cn=f50351055a2944cebcbdc18a918945d6-gustavo res</t>
  </si>
  <si>
    <t>D:\ALGAR TECH\004 - Projetos Cloud\03 - CCoE\documentation\01-Projetos\AlgarTech-IniciativaReduçãoCustos\Report\</t>
  </si>
  <si>
    <t>Redução de Custos AWS.xlsx</t>
  </si>
  <si>
    <t>/o=exchangelabs/ou=exchange administrative group (fydibohf23spdlt)/cn=recipients/cn=95d6b80d0c3d44d6aee9bc955f10af3e-aparecida m;</t>
  </si>
  <si>
    <t>/o=exchangelabs/ou=exchange administrative group (fydibohf23spdlt)/cn=recipients/cn=95d6b80d0c3d44d6aee9bc955f10af3e-aparecida m</t>
  </si>
  <si>
    <t>10.200.32.112</t>
  </si>
  <si>
    <t>C:\Users\fabriciovs\Desktop\LPU Servidores Qradar\</t>
  </si>
  <si>
    <t>54-BF-64-F5-7F-56</t>
  </si>
  <si>
    <t>C:\Users\tiagorpf\OneDrive - Grupo Algar\Ecohouse\CAC\02 - PAGADORES VISITA MENSAL\EMPRESAS\</t>
  </si>
  <si>
    <t>PagadoresEsporadicos.xlsx</t>
  </si>
  <si>
    <t>Relatório de OSs Executadas com Sucesso.xlsm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adriana.oliveira@avon.com;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,adriana.oliveira@avon.com</t>
  </si>
  <si>
    <t>ENC: Relatório de Vendas NOV.2019 - Financeira</t>
  </si>
  <si>
    <t>Relatório vendas Financeira - Nov.19.zip\</t>
  </si>
  <si>
    <t>Relat¢rio vendas Financeira - Nov.19.xlsm</t>
  </si>
  <si>
    <t>patriciaac@algartech.com;paulohm@algartech.com;vivianeppe@algartech.com;</t>
  </si>
  <si>
    <t>Daily Unificado Correntista_201911.xlsx</t>
  </si>
  <si>
    <t>patriciaac@algartech.com,paulohm@algartech.com,vivianeppe@algartech.com</t>
  </si>
  <si>
    <t>Abrir Chamado_Template HE GAT.xlsx</t>
  </si>
  <si>
    <t>ENC: Mailing para enriquecimento - Toyota</t>
  </si>
  <si>
    <t>D:\OneDrive\AlgarTech\Pré-Vendas\Cliente\2019\Coty\216454 - Licenciamento Microsoft\</t>
  </si>
  <si>
    <t>C:\Users\renataalves\Desktop\</t>
  </si>
  <si>
    <t>OPPS.xlsx</t>
  </si>
  <si>
    <t>Escopo_Análise_Segurança - Rafael Ramos.xlsx</t>
  </si>
  <si>
    <t>/o=exchangelabs/ou=exchange administrative group (fydibohf23spdlt)/cn=recipients/cn=3daf2f0b162f40c696c00f9ecbb7d69a-ana laura t;helidafp@algartech.com.br;</t>
  </si>
  <si>
    <t>/o=exchangelabs/ou=exchange administrative group (fydibohf23spdlt)/cn=recipients/cn=3daf2f0b162f40c696c00f9ecbb7d69a-ana laura t,helidafp@algartech.com.br</t>
  </si>
  <si>
    <t>/o=exchangelabs/ou=exchange administrative group (fydibohf23spdlt)/cn=recipients/cn=user3949317b;</t>
  </si>
  <si>
    <t>/o=exchangelabs/ou=exchange administrative group (fydibohf23spdlt)/cn=recipients/cn=user3949317b</t>
  </si>
  <si>
    <t>Visão Executiva Receita Infra TI 2019.xls</t>
  </si>
  <si>
    <t>C:\Users\tiagorpf\OneDrive - Grupo Algar\Desenvolvimento\INTRADIARIOS\</t>
  </si>
  <si>
    <t>/o=exchangelabs/ou=exchange administrative group (fydibohf23spdlt)/cn=recipients/cn=0163bfef0e474630bdcf0a3698e9ffd4-amanda ferr;/o=exchangelabs/ou=exchange administrative group (fydibohf23spdlt)/cn=recipients/cn=26a18e4ace4f4981b19d4efc5cccf985-uenia ribei;/o=exchangelabs/ou=exchange administrative group (fydibohf23spdlt)/cn=recipients/cn=356687541e6d4dba87a6d07b3c4b9c4a-paulinia av;/o=exchangelabs/ou=exchange administrative group (fydibohf23spdlt)/cn=recipients/cn=56dc126fba5b4a5f8fb1cd7e4f10477d-thais olive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93a9a0598b8d4b6ab10f3b1e2184d2e4-leonardo al;/o=exchangelabs/ou=exchange administrative group (fydibohf23spdlt)/cn=recipients/cn=aff8c3b9538840fe9b9778861292fbea-ever</t>
  </si>
  <si>
    <t>Casos Especiais - Novembro.xlsm</t>
  </si>
  <si>
    <t>/o=exchangelabs/ou=exchange administrative group (fydibohf23spdlt)/cn=recipients/cn=0163bfef0e474630bdcf0a3698e9ffd4-amanda ferr,/o=exchangelabs/ou=exchange administrative group (fydibohf23spdlt)/cn=recipients/cn=26a18e4ace4f4981b19d4efc5cccf985-uenia ribei,/o=exchangelabs/ou=exchange administrative group (fydibohf23spdlt)/cn=recipients/cn=356687541e6d4dba87a6d07b3c4b9c4a-paulinia av,/o=exchangelabs/ou=exchange administrative group (fydibohf23spdlt)/cn=recipients/cn=56dc126fba5b4a5f8fb1cd7e4f10477d-thais olive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93a9a0598b8d4b6ab10f3b1e2184d2e4-leonardo al,/o=exchangelabs/ou=exchange administrative group (fydibohf23spdlt)/cn=recipients/cn=aff8c3b9538840fe9b9778861292fbea-ever</t>
  </si>
  <si>
    <t>Casos Especiais Amex - Parcial Novembro</t>
  </si>
  <si>
    <t>C:\Users\gildaepma\Downloads\</t>
  </si>
  <si>
    <t>/o=exchangelabs/ou=exchange administrative group (fydibohf23spdlt)/cn=recipients/cn=0163bfef0e474630bdcf0a3698e9ffd4-amanda ferr;/o=exchangelabs/ou=exchange administrative group (fydibohf23spdlt)/cn=recipients/cn=356687541e6d4dba87a6d07b3c4b9c4a-paulinia av;/o=exchangelabs/ou=exchange administrative group (fydibohf23spdlt)/cn=recipients/cn=56dc126fba5b4a5f8fb1cd7e4f10477d-thais olive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a6ba306bde72439c8d608df7df1957f9-larice nasc;/o=exchangelabs/ou=exchange administrative group (fydibohf23spdlt)/cn=recipients/cn=aff8c3b9538840fe9b9778861292fbea-everton pau;brunosr@algartech.com.br;jackson.diniz@bradesco.com.br;jhonatan.ventino@temposervicos.com.br;liliane.carole@temposervicos</t>
  </si>
  <si>
    <t>Painel UNE - Parcial Novembro</t>
  </si>
  <si>
    <t>UNE Novembro.xlsm</t>
  </si>
  <si>
    <t>/o=exchangelabs/ou=exchange administrative group (fydibohf23spdlt)/cn=recipients/cn=0163bfef0e474630bdcf0a3698e9ffd4-amanda ferr,/o=exchangelabs/ou=exchange administrative group (fydibohf23spdlt)/cn=recipients/cn=356687541e6d4dba87a6d07b3c4b9c4a-paulinia av,/o=exchangelabs/ou=exchange administrative group (fydibohf23spdlt)/cn=recipients/cn=56dc126fba5b4a5f8fb1cd7e4f10477d-thais olive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a6ba306bde72439c8d608df7df1957f9-larice nasc,/o=exchangelabs/ou=exchange administrative group (fydibohf23spdlt)/cn=recipients/cn=aff8c3b9538840fe9b9778861292fbea-everton pau,brunosr@algartech.com.br,jackson.diniz@bradesco.com.br,jhonatan.ventino@temposervicos.com.br,liliane.carole@temposervicos</t>
  </si>
  <si>
    <t>MC.xlsx</t>
  </si>
  <si>
    <t>10.200.32.203</t>
  </si>
  <si>
    <t>64-1C-67-9C-32-03</t>
  </si>
  <si>
    <t>10.200.58.222</t>
  </si>
  <si>
    <t>54-BF-64-F5-7C-DA</t>
  </si>
  <si>
    <t>drive.google.com/upload/drive?key=AIzaSyAy9VVXHSpS2IJpptzYtGbLP3-3_l0aBk4</t>
  </si>
  <si>
    <t>https://isd2.algar.tech/bot/upload-intencao/</t>
  </si>
  <si>
    <t>Planejamento V DT Weekv2.xlsx</t>
  </si>
  <si>
    <t>/o=exchangelabs/ou=exchange administrative group (fydibohf23spdlt)/cn=recipients/cn=usera699e94b;</t>
  </si>
  <si>
    <t>Departamental Operações Marília - Out.19.xlsx</t>
  </si>
  <si>
    <t>/o=exchangelabs/ou=exchange administrative group (fydibohf23spdlt)/cn=recipients/cn=usera699e94b</t>
  </si>
  <si>
    <t>Departamental Whirlpool - Out.19.xlsx</t>
  </si>
  <si>
    <t>10.200.60.232</t>
  </si>
  <si>
    <t>Produtividade CRC Amex e CRC VMC - Novembro.xlsb</t>
  </si>
  <si>
    <t>Reporte ID ÚNICO_04.11.xlsx</t>
  </si>
  <si>
    <t>Controle de Jornada.xlsx</t>
  </si>
  <si>
    <t>/o=exchangelabs/ou=exchange administrative group (fydibohf23spdlt)/cn=recipients/cn=47dd31b5ac1847959bdefc467c1b7402-ferlem marl;</t>
  </si>
  <si>
    <t>/o=exchangelabs/ou=exchange administrative group (fydibohf23spdlt)/cn=recipients/cn=47dd31b5ac1847959bdefc467c1b7402-ferlem marl</t>
  </si>
  <si>
    <t>10.201.30.66</t>
  </si>
  <si>
    <t>Tiago Dos Reis De Paula Ferreira</t>
  </si>
  <si>
    <t>Acompanhamento Intradiário TSC CORP.xlsm</t>
  </si>
  <si>
    <t>Microsoft_Excel_Worksheet64.xlsx</t>
  </si>
  <si>
    <t>Microsoft_Excel_Worksheet65.xlsx</t>
  </si>
  <si>
    <t>Microsoft_Excel_Worksheet66.xlsx</t>
  </si>
  <si>
    <t>Microsoft_Excel_Worksheet67.xlsx</t>
  </si>
  <si>
    <t>Microsoft_Excel_Worksheet68.xlsx</t>
  </si>
  <si>
    <t>Microsoft_Excel_Worksheet69.xlsx</t>
  </si>
  <si>
    <t>Microsoft_Excel_Worksheet53.xlsx</t>
  </si>
  <si>
    <t>Microsoft_Excel_Worksheet54.xlsx</t>
  </si>
  <si>
    <t>Microsoft_Excel_Worksheet55.xlsx</t>
  </si>
  <si>
    <t>Microsoft_Excel_Worksheet56.xlsx</t>
  </si>
  <si>
    <t>Microsoft_Excel_Worksheet57.xlsx</t>
  </si>
  <si>
    <t>Microsoft_Excel_Worksheet58.xlsx</t>
  </si>
  <si>
    <t>Microsoft_Excel_Worksheet59.xlsx</t>
  </si>
  <si>
    <t>Microsoft_Excel_Worksheet60.xlsx</t>
  </si>
  <si>
    <t>Microsoft_Excel_Worksheet61.xlsx</t>
  </si>
  <si>
    <t>Microsoft_Excel_Worksheet62.xlsx</t>
  </si>
  <si>
    <t>Microsoft_Excel_Worksheet63.xlsx</t>
  </si>
  <si>
    <t>Acompanhamento NPS - TRACK SALES e 5 STAR - Nov/2019</t>
  </si>
  <si>
    <t>C:\Users\rafaelbdt\Documents\</t>
  </si>
  <si>
    <t>BP_Cenário_3.xlsx</t>
  </si>
  <si>
    <t>C:\Users\tiagorpf\OneDrive - Grupo Algar\CAC\BASES ATUAIS\</t>
  </si>
  <si>
    <t>Distribuição Carteiras.xlsx</t>
  </si>
  <si>
    <t>xxx-Projeto PPA-v16p.xlsx</t>
  </si>
  <si>
    <t>174252-BP Preço C015 B014 Desonerada_v3_Final_150119.xlsb</t>
  </si>
  <si>
    <t>6561;</t>
  </si>
  <si>
    <t>http://6561</t>
  </si>
  <si>
    <t>C:\Users\lauravx\Documents\</t>
  </si>
  <si>
    <t>RES: Apresentação</t>
  </si>
  <si>
    <t>Visão Final Orçamento Nespresso.xls</t>
  </si>
  <si>
    <t>/o=exchangelabs/ou=exchange administrative group (fydibohf23spdlt)/cn=recipients/cn=545f738e0fe740ba856f4eb6ef0135e0-vinicius si;/o=exchangelabs/ou=exchange administrative group (fydibohf23spdlt)/cn=recipients/cn=80fb880d4e904fd9990f1ffec561717a-avon - supe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/o=exchangelabs/ou=exchange administrative group (fydibohf23spdlt)/cn=recipients/cn=545f738e0fe740ba856f4eb6ef0135e0-vinicius si,/o=exchangelabs/ou=exchange administrative group (fydibohf23spdlt)/cn=recipients/cn=80fb880d4e904fd9990f1ffec561717a-avon - supe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/o=exchangelabs/ou=exchange administrative group (fydibohf23spdlt)/cn=recipients/cn=249f643ba1e044588b45a020c76dadde-daniel de o;/o=exchangelabs/ou=exchange administrative group (fydibohf23spdlt)/cn=recipients/cn=8c89829ad534498fa4c85b5ac11174f1-suelen more;/o=exchangelabs/ou=exchange administrative group (fydibohf23spdlt)/cn=recipients/cn=e5dfe65308934e02acfffcb2185133f4-daniel bier;/o=exchangelabs/ou=exchange administrative group (fydibohf23spdlt)/cn=recipients/cn=userdc05fc7c;</t>
  </si>
  <si>
    <t>/o=exchangelabs/ou=exchange administrative group (fydibohf23spdlt)/cn=recipients/cn=249f643ba1e044588b45a020c76dadde-daniel de o,/o=exchangelabs/ou=exchange administrative group (fydibohf23spdlt)/cn=recipients/cn=8c89829ad534498fa4c85b5ac11174f1-suelen more,/o=exchangelabs/ou=exchange administrative group (fydibohf23spdlt)/cn=recipients/cn=e5dfe65308934e02acfffcb2185133f4-daniel bier,/o=exchangelabs/ou=exchange administrative group (fydibohf23spdlt)/cn=recipients/cn=userdc05fc7c</t>
  </si>
  <si>
    <t>EBIT.xls</t>
  </si>
  <si>
    <t>robertacmf@algartech.com;</t>
  </si>
  <si>
    <t>10.200.61.2</t>
  </si>
  <si>
    <t>Atualização Endereço.v5.csv</t>
  </si>
  <si>
    <t>Formulario-Correcao_PO.v5.xlsx</t>
  </si>
  <si>
    <t>/o=exchangelabs/ou=exchange administrative group (fydibohf23spdlt)/cn=recipients/cn=b0dffb7bae8b4669bf2555c821ef7035-daniela vie;</t>
  </si>
  <si>
    <t>/o=exchangelabs/ou=exchange administrative group (fydibohf23spdlt)/cn=recipients/cn=b0dffb7bae8b4669bf2555c821ef7035-daniela vie</t>
  </si>
  <si>
    <t>Cruzamento Base Dados Frente Inter.xlsx</t>
  </si>
  <si>
    <t>carlosfn@algartech.com</t>
  </si>
  <si>
    <t>Classificação de riscos para atividades contratadas.xlsx</t>
  </si>
  <si>
    <t>victorgar@algartech.com</t>
  </si>
  <si>
    <t>C:\Users\victorvgar\Downloads\</t>
  </si>
  <si>
    <t>Squad DC - OKRs v1.xlsx</t>
  </si>
  <si>
    <t>ligiamss@algartech.com;</t>
  </si>
  <si>
    <t>ligiamss@algartech.com</t>
  </si>
  <si>
    <t>10.200.60.60</t>
  </si>
  <si>
    <t>FC-01-7C-C0-96-6D</t>
  </si>
  <si>
    <t>10.200.60.81</t>
  </si>
  <si>
    <t>/o=exchangelabs/ou=exchange administrative group (fydibohf23spdlt)/cn=recipients/cn=0ca6cc8d100949a7866a928f62ef5778-rosilene de;/o=exchangelabs/ou=exchange administrative group (fydibohf23spdlt)/cn=recipients/cn=a75579a499254c2291e852b70c4d70d1-eunice apar;/o=exchangelabs/ou=exchange administrative group (fydibohf23spdlt)/cn=recipients/cn=d1d015f213f648abbf348b5ccdf8e9d9-senilda per;/o=exchangelabs/ou=exchange administrative group (fydibohf23spdlt)/cn=recipients/cn=userd3ef8196;</t>
  </si>
  <si>
    <t>/o=exchangelabs/ou=exchange administrative group (fydibohf23spdlt)/cn=recipients/cn=0ca6cc8d100949a7866a928f62ef5778-rosilene de,/o=exchangelabs/ou=exchange administrative group (fydibohf23spdlt)/cn=recipients/cn=a75579a499254c2291e852b70c4d70d1-eunice apar,/o=exchangelabs/ou=exchange administrative group (fydibohf23spdlt)/cn=recipients/cn=d1d015f213f648abbf348b5ccdf8e9d9-senilda per,/o=exchangelabs/ou=exchange administrative group (fydibohf23spdlt)/cn=recipients/cn=userd3ef8196</t>
  </si>
  <si>
    <t>Capilaridade Field Service GAT v2.xlsx</t>
  </si>
  <si>
    <t>/o=exchangelabs/ou=exchange administrative group (fydibohf23spdlt)/cn=recipients/cn=9c85290e8238419a823a4b55320e99cb-andre luis;/o=exchangelabs/ou=exchange administrative group (fydibohf23spdlt)/cn=recipients/cn=d9644ee8967f497e8a9f5314ba4500b5-gabriel jos;</t>
  </si>
  <si>
    <t>/o=exchangelabs/ou=exchange administrative group (fydibohf23spdlt)/cn=recipients/cn=9c85290e8238419a823a4b55320e99cb-andre luis,/o=exchangelabs/ou=exchange administrative group (fydibohf23spdlt)/cn=recipients/cn=d9644ee8967f497e8a9f5314ba4500b5-gabriel jos</t>
  </si>
  <si>
    <t>Medium</t>
  </si>
  <si>
    <t>GOODYEAR</t>
  </si>
  <si>
    <t>CPPTRENDAV01</t>
  </si>
  <si>
    <t>70-71-BC-36-D5-9C</t>
  </si>
  <si>
    <t>CPNESPA-50778</t>
  </si>
  <si>
    <t>jessicaphar</t>
  </si>
  <si>
    <t>https://mail.terra.com.br/ws/index.php?r=message/saveattachmentsajax2</t>
  </si>
  <si>
    <t>\\cppfs\cpdeptos\Operacao\Nespresso\Atendimento\NESPRESSO COBRANÇA B2B\Jéssica Rodrigues\Boletos\</t>
  </si>
  <si>
    <t>DLP_NESPRESSO</t>
  </si>
  <si>
    <t>US: PCI-DSS</t>
  </si>
  <si>
    <t>C:\Users\filemoncmj\OneDrive - Grupo Algar\01. Algar Tech\01. Projetos de Clientes\47. Prudential\06. TAP\PMO Algar Tech - TAP - Implantação ISD e GIAT Prudential.pptx\</t>
  </si>
  <si>
    <t>C:\Users\filemoncmj\OneDrive - Grupo Algar\01. Algar Tech\01. Projetos de Clientes\47. Prudential\06. TAP\PMO Algar Tech - TAP - Implantação ISD e GIAT Prudential.pptx\Consulta Disponibilidade de Ativos - Prudential.eml\</t>
  </si>
  <si>
    <t>https://s1.ariba.com/sourcing/main/aw</t>
  </si>
  <si>
    <t>C:\Users\rodrigombu\OneDrive - Grupo Algar\Whirlpool\2019\11 - Novembro\Arquivo\NPS\</t>
  </si>
  <si>
    <t>/o=exchangelabs/ou=exchange administrative group (fydibohf23spdlt)/cn=recipients/cn=90878932db2a45bb924c0e3aac6d5da2-jonatas lem;</t>
  </si>
  <si>
    <t>/o=exchangelabs/ou=exchange administrative group (fydibohf23spdlt)/cn=recipients/cn=90878932db2a45bb924c0e3aac6d5da2-jonatas lem</t>
  </si>
  <si>
    <t>10.200.60.162</t>
  </si>
  <si>
    <t>DRE_Depreciação_Final.xlsx</t>
  </si>
  <si>
    <t>/o=exchangelabs/ou=exchange administrative group (fydibohf23spdlt)/cn=recipients/cn=5fc1879e1f014f199391214849626ab4-ana paula c;/o=exchangelabs/ou=exchange administrative group (fydibohf23spdlt)/cn=recipients/cn=8ffcdd39b62f4308b2f876f9624fa69a-wasley luiz;/o=exchangelabs/ou=exchange administrative group (fydibohf23spdlt)/cn=recipients/cn=edc736cbd2a041a6acd73cfd7a4435bd-leticia sou;/o=exchangelabs/ou=exchange administrative group (fydibohf23spdlt)/cn=recipients/cn=edson santos de oliveira;</t>
  </si>
  <si>
    <t>FDS.xlsx</t>
  </si>
  <si>
    <t>/o=exchangelabs/ou=exchange administrative group (fydibohf23spdlt)/cn=recipients/cn=5fc1879e1f014f199391214849626ab4-ana paula c,/o=exchangelabs/ou=exchange administrative group (fydibohf23spdlt)/cn=recipients/cn=8ffcdd39b62f4308b2f876f9624fa69a-wasley luiz,/o=exchangelabs/ou=exchange administrative group (fydibohf23spdlt)/cn=recipients/cn=edc736cbd2a041a6acd73cfd7a4435bd-leticia sou,/o=exchangelabs/ou=exchange administrative group (fydibohf23spdlt)/cn=recipients/cn=edson santos de oliveira</t>
  </si>
  <si>
    <t>Proposta Suélen - 3TRI2019 - v2.xlsx</t>
  </si>
  <si>
    <t>C:\Users\lucianocle\OneDrive\Pessoal\Investimentos\Aplicações\Carteira\</t>
  </si>
  <si>
    <t>Guia Melhores Fundos.xlsm.xlsx</t>
  </si>
  <si>
    <t>Controle Diario_Janeiro a Outubro_2019.xls</t>
  </si>
  <si>
    <t>Departamental_ALGAR_TECNOOGIA.csv</t>
  </si>
  <si>
    <t>/o=exchangelabs/ou=exchange administrative group (fydibohf23spdlt)/cn=recipients/cn=8ab5e44d485043d59eb4f21463e63e6a-tays dos sa;/o=exchangelabs/ou=exchange administrative group (fydibohf23spdlt)/cn=recipients/cn=f50351055a2944cebcbdc18a918945d6-gustavo res;</t>
  </si>
  <si>
    <t>/o=exchangelabs/ou=exchange administrative group (fydibohf23spdlt)/cn=recipients/cn=8ab5e44d485043d59eb4f21463e63e6a-tays dos sa,/o=exchangelabs/ou=exchange administrative group (fydibohf23spdlt)/cn=recipients/cn=f50351055a2944cebcbdc18a918945d6-gustavo res</t>
  </si>
  <si>
    <t>DEPARMENTAL_TEC.csv</t>
  </si>
  <si>
    <t>Precificação Ruff - 141239_V6.xlsb</t>
  </si>
  <si>
    <t>C:\Users\lucianabo\Desktop\2019\11 - Novembro\</t>
  </si>
  <si>
    <t>NOV &amp; DEZ _ Alinhado lider.xlsx</t>
  </si>
  <si>
    <t>10.200.57.42</t>
  </si>
  <si>
    <t>54-BF-64-F5-83-A0</t>
  </si>
  <si>
    <t>Gisele Cristina Luiz Dos Santos Souza</t>
  </si>
  <si>
    <t>TI.xlsx</t>
  </si>
  <si>
    <t>C:\Users\iramildass\Desktop\Iramilda\Voluntariado\</t>
  </si>
  <si>
    <t>C:\Users\elainemdlp\OD\_Projetos\Em andamento\Migracao PJ\01 - Iniciacao\</t>
  </si>
  <si>
    <t>Preço.xlsb</t>
  </si>
  <si>
    <t>Produtividade UNE_UCB_Formalização e Casos Especiais.xlsb</t>
  </si>
  <si>
    <t>CDV.xlsx</t>
  </si>
  <si>
    <t>data.xlsx</t>
  </si>
  <si>
    <t>Calculadora.xls</t>
  </si>
  <si>
    <t>/o=exchangelabs/ou=exchange administrative group (fydibohf23spdlt)/cn=recipients/cn=00dbcea0702d4358b7c66d1d0dd7b863-juliana tei;/o=exchangelabs/ou=exchange administrative group (fydibohf23spdlt)/cn=recipients/cn=010c9ad8a2ca4b90b7642d039dda856e-karolyne ca;/o=exchangelabs/ou=exchange administrative group (fydibohf23spdlt)/cn=recipients/cn=01dd947fa5e64c6cb9bbbb6c6ff21082-amanda silv;/o=exchangelabs/ou=exchange administrative group (fydibohf23spdlt)/cn=recipients/cn=022f9be39d034221ac81aa3656cce40a-ana paula s;/o=exchangelabs/ou=exchange administrative group (fydibohf23spdlt)/cn=recipients/cn=0397d0473d5f42a78f4b9ffd0e537f3a-paula garci;/o=exchangelabs/ou=exchange administrative group (fydibohf23spdlt)/cn=recipients/cn=04ff9975af994627902477cd10e5d09d-fabricio vi;/o=exchangelabs/ou=exchange administrative group (fydibohf23spdlt)/cn=recipients/cn=0673cd34d1b2417c834ebe2a895edd43-maicon mora;/o=exchangelabs/ou=exchange administrative group (fydibohf23spdlt)/cn=recipients/cn=06c212ca7d9b400c9209ba4b0d93851d-ziln</t>
  </si>
  <si>
    <t>Gamification - Supervisores GRC.xlsm</t>
  </si>
  <si>
    <t>/o=exchangelabs/ou=exchange administrative group (fydibohf23spdlt)/cn=recipients/cn=00dbcea0702d4358b7c66d1d0dd7b863-juliana tei,/o=exchangelabs/ou=exchange administrative group (fydibohf23spdlt)/cn=recipients/cn=010c9ad8a2ca4b90b7642d039dda856e-karolyne ca,/o=exchangelabs/ou=exchange administrative group (fydibohf23spdlt)/cn=recipients/cn=01dd947fa5e64c6cb9bbbb6c6ff21082-amanda silv,/o=exchangelabs/ou=exchange administrative group (fydibohf23spdlt)/cn=recipients/cn=022f9be39d034221ac81aa3656cce40a-ana paula s,/o=exchangelabs/ou=exchange administrative group (fydibohf23spdlt)/cn=recipients/cn=0397d0473d5f42a78f4b9ffd0e537f3a-paula garci,/o=exchangelabs/ou=exchange administrative group (fydibohf23spdlt)/cn=recipients/cn=04ff9975af994627902477cd10e5d09d-fabricio vi,/o=exchangelabs/ou=exchange administrative group (fydibohf23spdlt)/cn=recipients/cn=0673cd34d1b2417c834ebe2a895edd43-maicon mora,/o=exchangelabs/ou=exchange administrative group (fydibohf23spdlt)/cn=recipients/cn=06c212ca7d9b400c9209ba4b0d93851d-ziln</t>
  </si>
  <si>
    <t>/o=exchangelabs/ou=exchange administrative group (fydibohf23spdlt)/cn=recipients/cn=096be01f3be1448b9e04fb22996909f1-michele sil;/o=exchangelabs/ou=exchange administrative group (fydibohf23spdlt)/cn=recipients/cn=0c06a001a2ed4bd2a2d61ee9aa26d72f-suemes de s;/o=exchangelabs/ou=exchange administrative group (fydibohf23spdlt)/cn=recipients/cn=0fb0c89521ca4e3ea59ebb5875735cbc-luiz guilhe;/o=exchangelabs/ou=exchange administrative group (fydibohf23spdlt)/cn=recipients/cn=12c9806c72044cac8cfb68c969625747-maiune roch;/o=exchangelabs/ou=exchange administrative group (fydibohf23spdlt)/cn=recipients/cn=1f768671263b4da2a71af24ade1a7225-ligia gonca;/o=exchangelabs/ou=exchange administrative group (fydibohf23spdlt)/cn=recipients/cn=28f37dff89954cf7971d37d7a8e29e6f-laiane pere;/o=exchangelabs/ou=exchange administrative group (fydibohf23spdlt)/cn=recipients/cn=2c5963a64a2748ae92b1721badad94a4-cristiana d;/o=exchangelabs/ou=exchange administrative group (fydibohf23spdlt)/cn=recipients/cn=2cb7e4b90b4549118932fae0224d4434-luci</t>
  </si>
  <si>
    <t>/o=exchangelabs/ou=exchange administrative group (fydibohf23spdlt)/cn=recipients/cn=096be01f3be1448b9e04fb22996909f1-michele sil,/o=exchangelabs/ou=exchange administrative group (fydibohf23spdlt)/cn=recipients/cn=0c06a001a2ed4bd2a2d61ee9aa26d72f-suemes de s,/o=exchangelabs/ou=exchange administrative group (fydibohf23spdlt)/cn=recipients/cn=0fb0c89521ca4e3ea59ebb5875735cbc-luiz guilhe,/o=exchangelabs/ou=exchange administrative group (fydibohf23spdlt)/cn=recipients/cn=12c9806c72044cac8cfb68c969625747-maiune roch,/o=exchangelabs/ou=exchange administrative group (fydibohf23spdlt)/cn=recipients/cn=1f768671263b4da2a71af24ade1a7225-ligia gonca,/o=exchangelabs/ou=exchange administrative group (fydibohf23spdlt)/cn=recipients/cn=28f37dff89954cf7971d37d7a8e29e6f-laiane pere,/o=exchangelabs/ou=exchange administrative group (fydibohf23spdlt)/cn=recipients/cn=2c5963a64a2748ae92b1721badad94a4-cristiana d,/o=exchangelabs/ou=exchange administrative group (fydibohf23spdlt)/cn=recipients/cn=2cb7e4b90b4549118932fae0224d4434-luci</t>
  </si>
  <si>
    <t>Gamificação Supervisores GAT-GST-IND.xlsx</t>
  </si>
  <si>
    <t>10 - Faturamento Toyota CRC.xlsx</t>
  </si>
  <si>
    <t>/o=exchangelabs/ou=exchange administrative group (fydibohf23spdlt)/cn=recipients/cn=545f738e0fe740ba856f4eb6ef0135e0-vinicius si;/o=exchangelabs/ou=exchange administrative group (fydibohf23spdlt)/cn=recipients/cn=f878ae58590e41cbabba2fa1ee2ae905-izadora nas;</t>
  </si>
  <si>
    <t>/o=exchangelabs/ou=exchange administrative group (fydibohf23spdlt)/cn=recipients/cn=545f738e0fe740ba856f4eb6ef0135e0-vinicius si,/o=exchangelabs/ou=exchange administrative group (fydibohf23spdlt)/cn=recipients/cn=f878ae58590e41cbabba2fa1ee2ae905-izadora nas</t>
  </si>
  <si>
    <t>EXTRATOR_TRANSFERIDAS_REALIZADAS_ATENDIDAS_OPERADOR_SKILL.xls</t>
  </si>
  <si>
    <t>EXTRATOR_ECH_POR_SKILL_TRANSFERENCIAS.xls</t>
  </si>
  <si>
    <t>ACHADOR DE CHAMADAS_QLD.xls</t>
  </si>
  <si>
    <t>/o=exchangelabs/ou=exchange administrative group (fydibohf23spdlt)/cn=recipients/cn=804f4398b96748e7962c1608bfe4071a-hewerson go;</t>
  </si>
  <si>
    <t>/o=exchangelabs/ou=exchange administrative group (fydibohf23spdlt)/cn=recipients/cn=804f4398b96748e7962c1608bfe4071a-hewerson go</t>
  </si>
  <si>
    <t>RATEIO 340001102.xls</t>
  </si>
  <si>
    <t>C:\Users\diegobg\OneDrive - Grupo Algar\01 - Toyota\1 - Diego Bardauil\</t>
  </si>
  <si>
    <t>Ação RAV4.xlsx</t>
  </si>
  <si>
    <t>C:\Users\diegobg\OneDrive - Grupo Algar\01 - Toyota\1 - Diego Bardauil\1.2 - Financeiro\10 - Outubro\</t>
  </si>
  <si>
    <t>/o=exchangelabs/ou=exchange administrative group (fydibohf23spdlt)/cn=recipients/cn=06b756ed7b9b4c61bdbcfb21cdf93e9f-lucas ferna;/o=exchangelabs/ou=exchange administrative group (fydibohf23spdlt)/cn=recipients/cn=3d85af75e9a44da5bad9ced68d6c53ed-rosana peix;/o=exchangelabs/ou=exchange administrative group (fydibohf23spdlt)/cn=recipients/cn=48174377d7f445188f464324757ff605-luiz felipe;/o=exchangelabs/ou=exchange administrative group (fydibohf23spdlt)/cn=recipients/cn=9a65d8734c444cbc8372a614d17d98e1-lucia maalo;doris_godoy@cotyinc.com;flavio_moreira@cotyinc.com;</t>
  </si>
  <si>
    <t>11. COTY- SAVOY ( FATURAMENTO OUTUBRO).xlsx</t>
  </si>
  <si>
    <t>/o=exchangelabs/ou=exchange administrative group (fydibohf23spdlt)/cn=recipients/cn=06b756ed7b9b4c61bdbcfb21cdf93e9f-lucas ferna,/o=exchangelabs/ou=exchange administrative group (fydibohf23spdlt)/cn=recipients/cn=3d85af75e9a44da5bad9ced68d6c53ed-rosana peix,/o=exchangelabs/ou=exchange administrative group (fydibohf23spdlt)/cn=recipients/cn=48174377d7f445188f464324757ff605-luiz felipe,/o=exchangelabs/ou=exchange administrative group (fydibohf23spdlt)/cn=recipients/cn=9a65d8734c444cbc8372a614d17d98e1-lucia maalo,doris_godoy@cotyinc.com,flavio_moreira@cotyinc.com</t>
  </si>
  <si>
    <t>ENC: Fechamento Outubro - CRC</t>
  </si>
  <si>
    <t>C:\Users\adrianamac\Downloads\</t>
  </si>
  <si>
    <t>/o=exchangelabs/ou=exchange administrative group (fydibohf23spdlt)/cn=recipients/cn=c29ec9dae022497281c840087cccddec-patricia ar;</t>
  </si>
  <si>
    <t>/o=exchangelabs/ou=exchange administrative group (fydibohf23spdlt)/cn=recipients/cn=c29ec9dae022497281c840087cccddec-patricia ar</t>
  </si>
  <si>
    <t>formulario_ferias_irregulares_-_algar_tech.xls</t>
  </si>
  <si>
    <t>\\acsfs\DEPTOS\Controladoria\3. CSC\CONTROLES CSC\7-Orçamento 2020\DRE para subir qlikview\</t>
  </si>
  <si>
    <t>Planilha telefone padrão acompanhamento desligamentos mês.xlsx</t>
  </si>
  <si>
    <t>EXTRATOR_ECH_SKILL.xls</t>
  </si>
  <si>
    <t>C:\Users\luizavs\OneDrive - Grupo Algar\Backup PC Luiz\06-11-2019\LUIZ ALFREDO\00 - WHIRLPOOL\02 - COMPRA CERTA\2019\</t>
  </si>
  <si>
    <t>Histórico de indicadores Compra Certa.xlsx</t>
  </si>
  <si>
    <t>EXTRATOR_LOGIN_LOGOUT_AGENTE.xls</t>
  </si>
  <si>
    <t>Auxiliar.xlsx</t>
  </si>
  <si>
    <t>EXTRATOR_ECH_POR_SKILL_DESCONEXÃO.xls</t>
  </si>
  <si>
    <t>D:\OneDrive\AlgarTech\Pré-Vendas\Reports\Vendas Carreira PV\</t>
  </si>
  <si>
    <t>VendasTOTAL_CarreiraPV.xlsx</t>
  </si>
  <si>
    <t>10.200.61.19</t>
  </si>
  <si>
    <t>10.200.61.211</t>
  </si>
  <si>
    <t>/o=exchangelabs/ou=exchange administrative group (fydibohf23spdlt)/cn=recipients/cn=56dc126fba5b4a5f8fb1cd7e4f10477d-thais olive;/o=exchangelabs/ou=exchange administrative group (fydibohf23spdlt)/cn=recipients/cn=dd910368577c476fa125a61033b7deb1-gean carlos;</t>
  </si>
  <si>
    <t>/o=exchangelabs/ou=exchange administrative group (fydibohf23spdlt)/cn=recipients/cn=56dc126fba5b4a5f8fb1cd7e4f10477d-thais olive,/o=exchangelabs/ou=exchange administrative group (fydibohf23spdlt)/cn=recipients/cn=dd910368577c476fa125a61033b7deb1-gean carlos</t>
  </si>
  <si>
    <t>10.200.60.31</t>
  </si>
  <si>
    <t>C:\Users\fabianowo.ACS\OneDrive - Grupo Algar\Util\</t>
  </si>
  <si>
    <t>EXTRATOR_ECH_RECHAMADAS.xls</t>
  </si>
  <si>
    <t>Chamadas por dia_muitas linhas DAC 2.xls</t>
  </si>
  <si>
    <t>EXTRATOR_PAUSAS_GRUPO_AGENTE.xls</t>
  </si>
  <si>
    <t>EXTRATOR_MEDIA_PAS.xls</t>
  </si>
  <si>
    <t>EXTRATOR_LOGIN_LOGOUT_SKILL.xls</t>
  </si>
  <si>
    <t>EXTRATOR_JEAN.xls</t>
  </si>
  <si>
    <t>EXTRATOR_INTERVALO_TEMPOS.xls</t>
  </si>
  <si>
    <t>EXTRATOR_INTERVALO_AMEX_OCC_ACS.xls</t>
  </si>
  <si>
    <t>EXTRATOR_ECH_POR_ID.xls</t>
  </si>
  <si>
    <t>EXTRATOR_DIEGOHG_TME_TMD.xls</t>
  </si>
  <si>
    <t>EXTRATOR_DIARIO_CE_AHT_MESPERA_NS.xls</t>
  </si>
  <si>
    <t>EXTRATOR_claro meia em meia hora.xls</t>
  </si>
  <si>
    <t>EXTRATOR_AMEX.xls</t>
  </si>
  <si>
    <t>EXTRATOR_AGENTE_TEMPO LOGADO.xls</t>
  </si>
  <si>
    <t>EXTRATOR_AGENTE_INTERVALO.xls</t>
  </si>
  <si>
    <t>EXTRATOR_AGENTE.xls</t>
  </si>
  <si>
    <t>EXTRATOR_ACS_PRODUÇÃO_DIARIO.xls</t>
  </si>
  <si>
    <t>EXTRATOR AHT.xls</t>
  </si>
  <si>
    <t>poliane.amaral@bradesco.com.br;</t>
  </si>
  <si>
    <t>poliane.amaral@bradesco.com.br</t>
  </si>
  <si>
    <t>RELATÓRIO FATURAMENTO 01.07.2019 a 30.09.2019.xlsx</t>
  </si>
  <si>
    <t>/o=exchangelabs/ou=exchange administrative group (fydibohf23spdlt)/cn=recipients/cn=a72fa73d2e1a464ba879e7629d58ef97-luana erlen;</t>
  </si>
  <si>
    <t>/o=exchangelabs/ou=exchange administrative group (fydibohf23spdlt)/cn=recipients/cn=a72fa73d2e1a464ba879e7629d58ef97-luana erlen</t>
  </si>
  <si>
    <t>10.200.60.170</t>
  </si>
  <si>
    <t>D8-9C-67-6F-2A-83</t>
  </si>
  <si>
    <t>C:\Users\leonardoefo\Grupo Algar\Waleska Maria Miranda Storti - Bradesco\Bloqueios_Algar\</t>
  </si>
  <si>
    <t>Controle de treinamento - NEXT.xlsx</t>
  </si>
  <si>
    <t>10.200.57.248</t>
  </si>
  <si>
    <t>D8-9C-67-4D-99-3B</t>
  </si>
  <si>
    <t>NB-ALEXSANDRODM</t>
  </si>
  <si>
    <t>alexsandrodmju</t>
  </si>
  <si>
    <t>C:\Users\alexsandrodmju\Downloads\</t>
  </si>
  <si>
    <t>C:\Users\luanaaoli\Desktop\INICIATIVAS\3. Apresentações\</t>
  </si>
  <si>
    <t>RES: Impactos - Mudança de GH</t>
  </si>
  <si>
    <t>Faltas Amanda e Kleber.xlsx</t>
  </si>
  <si>
    <t>Planilha de Cartão de presente.xlsx</t>
  </si>
  <si>
    <t>MIS Análise do Bacen Entrante</t>
  </si>
  <si>
    <t>MIS - ANALISE CASOS BACEN ENTRANTE - ENVIO.xlsx</t>
  </si>
  <si>
    <t>10.200.36.27</t>
  </si>
  <si>
    <t>/o=exchangelabs/ou=exchange administrative group (fydibohf23spdlt)/cn=recipients/cn=696f712aa5c841708a095699a50884db-luan kevem;/o=exchangelabs/ou=exchange administrative group (fydibohf23spdlt)/cn=recipients/cn=6fbc44b6d6b549208175d5a27201bd13-cintia nune;/o=exchangelabs/ou=exchange administrative group (fydibohf23spdlt)/cn=recipients/cn=b284454839e94314a90d49e7ec00864f-antonio car;/o=exchangelabs/ou=exchange administrative group (fydibohf23spdlt)/cn=recipients/cn=d1ca1bbb859d4bb997649640237ba7cd-paulla rena;/o=exchangelabs/ou=exchange administrative group (fydibohf23spdlt)/cn=recipients/cn=d73974a6e555442cafd74cda95746e86-denia alves;elismael.menino@sicoob.com.br;rogerio.nascimento@sicoob.com.br;</t>
  </si>
  <si>
    <t>/o=exchangelabs/ou=exchange administrative group (fydibohf23spdlt)/cn=recipients/cn=696f712aa5c841708a095699a50884db-luan kevem,/o=exchangelabs/ou=exchange administrative group (fydibohf23spdlt)/cn=recipients/cn=6fbc44b6d6b549208175d5a27201bd13-cintia nune,/o=exchangelabs/ou=exchange administrative group (fydibohf23spdlt)/cn=recipients/cn=b284454839e94314a90d49e7ec00864f-antonio car,/o=exchangelabs/ou=exchange administrative group (fydibohf23spdlt)/cn=recipients/cn=d1ca1bbb859d4bb997649640237ba7cd-paulla rena,/o=exchangelabs/ou=exchange administrative group (fydibohf23spdlt)/cn=recipients/cn=d73974a6e555442cafd74cda95746e86-denia alves,elismael.menino@sicoob.com.br,rogerio.nascimento@sicoob.com.br</t>
  </si>
  <si>
    <t>/o=exchangelabs/ou=exchange administrative group (fydibohf23spdlt)/cn=recipients/cn=c22b2d8de1594760baec681322c0933f-fernanda ma;</t>
  </si>
  <si>
    <t>/o=exchangelabs/ou=exchange administrative group (fydibohf23spdlt)/cn=recipients/cn=c22b2d8de1594760baec681322c0933f-fernanda ma</t>
  </si>
  <si>
    <t>External Algar Tech.xlsx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</t>
  </si>
  <si>
    <t>C:\Users\amandafdcs\Desktop\</t>
  </si>
  <si>
    <t>Template_folha_retificadora.xlsx</t>
  </si>
  <si>
    <t>/o=exchangelabs/ou=exchange administrative group (fydibohf23spdlt)/cn=recipients/cn=f79c3843912c401e867ceee3058b584b-lucio monte;</t>
  </si>
  <si>
    <t>Categorias_A100 Row_rev4.xlsx</t>
  </si>
  <si>
    <t>/o=exchangelabs/ou=exchange administrative group (fydibohf23spdlt)/cn=recipients/cn=f79c3843912c401e867ceee3058b584b-lucio monte</t>
  </si>
  <si>
    <t>C:\Users\alefl\OneDrive - Grupo Algar\BV\</t>
  </si>
  <si>
    <t>/o=exchangelabs/ou=exchange administrative group (fydibohf23spdlt)/cn=recipients/cn=6bc6ced03b1b4fafa41bb5c70c178940-antonio per;/o=exchangelabs/ou=exchange administrative group (fydibohf23spdlt)/cn=recipients/cn=b1a72fc2d0234efca84c7771ea70c7ee-roberta cri;</t>
  </si>
  <si>
    <t>/o=exchangelabs/ou=exchange administrative group (fydibohf23spdlt)/cn=recipients/cn=6bc6ced03b1b4fafa41bb5c70c178940-antonio per,/o=exchangelabs/ou=exchange administrative group (fydibohf23spdlt)/cn=recipients/cn=b1a72fc2d0234efca84c7771ea70c7ee-roberta cri</t>
  </si>
  <si>
    <t>REC sem FUP e FUP em O.S..xlsx</t>
  </si>
  <si>
    <t>10.16.72.110</t>
  </si>
  <si>
    <t>10.211.2.98</t>
  </si>
  <si>
    <t>/o=exchangelabs/ou=exchange administrative group (fydibohf23spdlt)/cn=recipients/cn=1635ed1077024674b65c52767dacde9a-jullian pac;/o=exchangelabs/ou=exchange administrative group (fydibohf23spdlt)/cn=recipients/cn=2361e4251bf74fc4a50ab766b8d95847-algar tech;/o=exchangelabs/ou=exchange administrative group (fydibohf23spdlt)/cn=recipients/cn=249f643ba1e044588b45a020c76dadde-daniel de o;/o=exchangelabs/ou=exchange administrative group (fydibohf23spdlt)/cn=recipients/cn=8c89829ad534498fa4c85b5ac11174f1-suelen more;/o=exchangelabs/ou=exchange administrative group (fydibohf23spdlt)/cn=recipients/cn=userdc05fc7c;</t>
  </si>
  <si>
    <t>/o=exchangelabs/ou=exchange administrative group (fydibohf23spdlt)/cn=recipients/cn=1635ed1077024674b65c52767dacde9a-jullian pac,/o=exchangelabs/ou=exchange administrative group (fydibohf23spdlt)/cn=recipients/cn=2361e4251bf74fc4a50ab766b8d95847-algar tech,/o=exchangelabs/ou=exchange administrative group (fydibohf23spdlt)/cn=recipients/cn=249f643ba1e044588b45a020c76dadde-daniel de o,/o=exchangelabs/ou=exchange administrative group (fydibohf23spdlt)/cn=recipients/cn=8c89829ad534498fa4c85b5ac11174f1-suelen more,/o=exchangelabs/ou=exchange administrative group (fydibohf23spdlt)/cn=recipients/cn=userdc05fc7c</t>
  </si>
  <si>
    <t>10.200.61.112</t>
  </si>
  <si>
    <t>c:\users\camilat\onedrive - grupo algar\talentos humanos - docs\</t>
  </si>
  <si>
    <t>C:\Users\diegobg\Desktop\</t>
  </si>
  <si>
    <t>C:\Users\lucianafaa\OneDrive - Grupo Algar\2019\CONTROLE HORAS\</t>
  </si>
  <si>
    <t>ENC: Template CFV 3º Tri/19 Equipe PRÉ-VENDAS PATRÍCIA</t>
  </si>
  <si>
    <t>Dashboard Formalização PJ VISA/PJ AMEX - Novembro/2019</t>
  </si>
  <si>
    <t>FORMALIZAÇÃO VISA_AMEX_ Novembro.xlsm</t>
  </si>
  <si>
    <t>C:\Users\amandafdcs\Downloads\</t>
  </si>
  <si>
    <t>C:\Users\acaciors\Desktop\Call Center sob demanda\Financeiro\Faturarmento\11 - NOV - 2019\</t>
  </si>
  <si>
    <t>/o=exchangelabs/ou=exchange administrative group (fydibohf23spdlt)/cn=recipients/cn=8d66bf0fd9334a81b7c67eda8652a948-guilherme c;</t>
  </si>
  <si>
    <t>/o=exchangelabs/ou=exchange administrative group (fydibohf23spdlt)/cn=recipients/cn=8d66bf0fd9334a81b7c67eda8652a948-guilherme c</t>
  </si>
  <si>
    <t>Mapeamento Dados.xlsx</t>
  </si>
  <si>
    <t>C:\Users\lucianafaa\OneDrive - Grupo Algar\2019\PROJETOS\WFM\CONTROLE\STATUS REPORT\2019\NOVEMBRO\PMO - STAFF DIGITAL 0711.pptx\</t>
  </si>
  <si>
    <t>/o=exchangelabs/ou=exchange administrative group (fydibohf23spdlt)/cn=recipients/cn=ad5f87512b71413284449e85e2fe100f-giovanne gu;</t>
  </si>
  <si>
    <t>/o=exchangelabs/ou=exchange administrative group (fydibohf23spdlt)/cn=recipients/cn=ad5f87512b71413284449e85e2fe100f-giovanne gu</t>
  </si>
  <si>
    <t>/o=exchangelabs/ou=exchange administrative group (fydibohf23spdlt)/cn=recipients/cn=2d3379e2d04c40db810b4b1f41dd2aea-erica carol;</t>
  </si>
  <si>
    <t>/o=exchangelabs/ou=exchange administrative group (fydibohf23spdlt)/cn=recipients/cn=2d3379e2d04c40db810b4b1f41dd2aea-erica carol</t>
  </si>
  <si>
    <t>10.16.72.111</t>
  </si>
  <si>
    <t>78-E3-B5-E7-AE-28</t>
  </si>
  <si>
    <t>BHE-STAFF52</t>
  </si>
  <si>
    <t>cleitongp</t>
  </si>
  <si>
    <t>C:\Users\cleitongp\Desktop\</t>
  </si>
  <si>
    <t>\\acsfs\dsti\CIT- Coordenação de Inteligência de Tecnologia\06 - Gerenciamento de Fornecedores\3. Requisições\ASC\Requisições\2019\11. Novembro\</t>
  </si>
  <si>
    <t>RATEIO ref Out.19 ASC PARTE FIXA_Mensalidades.xlsx</t>
  </si>
  <si>
    <t>adriana.oliveira@avon.com;</t>
  </si>
  <si>
    <t>adriana.oliveira@avon.com</t>
  </si>
  <si>
    <t>Volumetria.xlsx</t>
  </si>
  <si>
    <t>ENC: Rateio OUTUBRO/2019</t>
  </si>
  <si>
    <t>C:\Users\filemoncmj\OneDrive - Grupo Algar\01. Algar Tech\01. Projetos de Clientes\47. Prudential\06. TAP\PMO Algar Tech - TAP - Implantação ISD e GIAT Prudential.eml\</t>
  </si>
  <si>
    <t>C:\Users\filemoncmj\OneDrive - Grupo Algar\01. Algar Tech\01. Projetos de Clientes\47. Prudential\06. TAP\PMO Algar Tech - TAP - Implantação ISD e GIAT Prudential.eml\Prudential - BP GIAT - Versão Outubro 2019 v2.xlsb\</t>
  </si>
  <si>
    <t>C:\Users\filemoncmj\OneDrive - Grupo Algar\01. Algar Tech\01. Projetos de Clientes\47. Prudential\06. TAP\PMO Algar Tech - TAP - Implantação ISD e GIAT Prudential.eml\Prudential - BP ISD - Versão Outubro 2019 v2.xlsb\</t>
  </si>
  <si>
    <t>Acompanhamento Produtividade BKO - Fechamento - Out-2019.xlsx</t>
  </si>
  <si>
    <t>/o=exchangelabs/ou=exchange administrative group (fydibohf23spdlt)/cn=recipients/cn=bcc9538754d3496ea31a487e560f8214-silvio mart;/o=exchangelabs/ou=exchange administrative group (fydibohf23spdlt)/cn=recipients/cn=c29ec9dae022497281c840087cccddec-patricia ar;</t>
  </si>
  <si>
    <t>/o=exchangelabs/ou=exchange administrative group (fydibohf23spdlt)/cn=recipients/cn=bcc9538754d3496ea31a487e560f8214-silvio mart,/o=exchangelabs/ou=exchange administrative group (fydibohf23spdlt)/cn=recipients/cn=c29ec9dae022497281c840087cccddec-patricia ar</t>
  </si>
  <si>
    <t>lucianasavi@hotmail.com;</t>
  </si>
  <si>
    <t>Cash Flow Luciana Savi 07-11.xls</t>
  </si>
  <si>
    <t>lucianasavi@hotmail.com</t>
  </si>
  <si>
    <t>\\udpimgap01\Base de Conhecimento Data Center\02 - Arquivos Comuns\2.4 - Suporte Backup e Restore\Equipe Backup Restore\2.4.1 - Documentacao\2.5.6 Políticas de Backup\SAGE\</t>
  </si>
  <si>
    <t>DMAE_PN.xlsx</t>
  </si>
  <si>
    <t>C:\Users\iramildass\Desktop\Cartinha Papai Noel\</t>
  </si>
  <si>
    <t>Gabrielly da Cruz Coelho</t>
  </si>
  <si>
    <t>Fusion 2018 a 102019.xlsx</t>
  </si>
  <si>
    <t>/o=exchangelabs/ou=exchange administrative group (fydibohf23spdlt)/cn=recipients/cn=group9683382c;</t>
  </si>
  <si>
    <t>/o=exchangelabs/ou=exchange administrative group (fydibohf23spdlt)/cn=recipients/cn=group9683382c</t>
  </si>
  <si>
    <t>C:\Users\gabriellycc\Desktop\</t>
  </si>
  <si>
    <t>Aprovações Expense.xlsx</t>
  </si>
  <si>
    <t>Relacao Instancias SQL SERVER.xlsx</t>
  </si>
  <si>
    <t>Orçamento CSC 2019 - v2.xlsx</t>
  </si>
  <si>
    <t>NB-PABLOCB</t>
  </si>
  <si>
    <t>pablocb</t>
  </si>
  <si>
    <t>/o=exchangelabs/ou=exchange administrative group (fydibohf23spdlt)/cn=recipients/cn=46839392c4904906893683e927ab62e2-carlos edua;</t>
  </si>
  <si>
    <t>/o=exchangelabs/ou=exchange administrative group (fydibohf23spdlt)/cn=recipients/cn=46839392c4904906893683e927ab62e2-carlos edua</t>
  </si>
  <si>
    <t>Associados MG.xlsx</t>
  </si>
  <si>
    <t>10.200.67.172</t>
  </si>
  <si>
    <t>adrielefc</t>
  </si>
  <si>
    <t>Dashboard PA Digital - Ecohouse.xlsb</t>
  </si>
  <si>
    <t>RES: Status - Comportamental</t>
  </si>
  <si>
    <t>DF_2020_OFICIAL_CONSOLIDADO_SEM_IFRS.xlsx</t>
  </si>
  <si>
    <t>C:\Users\elainemdlp\OD\_Projetos\Em andamento\EDP\02 - Planejamento\01 - Compras\</t>
  </si>
  <si>
    <t>Controle_Compras_EDP.xlsx</t>
  </si>
  <si>
    <t>Modelo Custos Fixos.xlsx</t>
  </si>
  <si>
    <t>5C-C9-D3-33-32-61</t>
  </si>
  <si>
    <t>Processos Trabalhistas Concili..xlsx</t>
  </si>
  <si>
    <t>Cartinhas do Papai Noel atualizada.xlsx</t>
  </si>
  <si>
    <t>ENC: Ebit 2° Semestre</t>
  </si>
  <si>
    <t>EBIT 04-11.xls</t>
  </si>
  <si>
    <t>C:\Users\rodrigombu\OneDrive - Grupo Algar\Whirlpool\2019\11 - Novembro\Arquivo\PA DIGITAL\</t>
  </si>
  <si>
    <t>Regras de Salas.xlsx</t>
  </si>
  <si>
    <t>\\acsfs\dsti\CITIM - Coordenação de Infra TI Implantação\Projetos\EM IMPLANTAÇÃO\COMFRIO\</t>
  </si>
  <si>
    <t>\\acsfs\dsti\DNSG - Gerencia Service Desk\2 - Operações\2.4 - Bradesco\2.4.1 - Gestão da Área\1.1 - Administrativo\Contábil\</t>
  </si>
  <si>
    <t>/o=exchangelabs/ou=exchange administrative group (fydibohf23spdlt)/cn=recipients/cn=7f100576a0d642769861fae5d58c2022-diego barda;</t>
  </si>
  <si>
    <t>ENC: Detalhamento para faturamento</t>
  </si>
  <si>
    <t>consumidor-web-exportar-dados (4).csv</t>
  </si>
  <si>
    <t>/o=exchangelabs/ou=exchange administrative group (fydibohf23spdlt)/cn=recipients/cn=7f100576a0d642769861fae5d58c2022-diego barda</t>
  </si>
  <si>
    <t>ENC: ==Errata == Filas inativas</t>
  </si>
  <si>
    <t>Folha_jan a out 2019.xlsx</t>
  </si>
  <si>
    <t>Consolidado Não Faturado Outubro - Operações.xlsx</t>
  </si>
  <si>
    <t>Meta e Real 3º Tri v2 - Inclusao PV na base.xlsx</t>
  </si>
  <si>
    <t>ENC: Relatório de Cadastro Geral - IMPORTANTE - Realizar as transferências até o dia 14/11</t>
  </si>
  <si>
    <t>Hierarquia_Semana do dia 04 de novembro.xlsx</t>
  </si>
  <si>
    <t>/o=exchangelabs/ou=exchange administrative group (fydibohf23spdlt)/cn=recipients/cn=fbce7bdb4f0842fe9ae90e7d2c75f8a3-camila vasc;</t>
  </si>
  <si>
    <t>/o=exchangelabs/ou=exchange administrative group (fydibohf23spdlt)/cn=recipients/cn=fbce7bdb4f0842fe9ae90e7d2c75f8a3-camila vasc</t>
  </si>
  <si>
    <t>C:\Users\rodrigombu\OneDrive - Grupo Algar\Whirlpool\2019\11 - Novembro\Arquivo\</t>
  </si>
  <si>
    <t>4080.celulah@bradesco.com.br;thiagos.cardoso@bradesco.com.br;</t>
  </si>
  <si>
    <t>4080.celulah@bradesco.com.br,thiagos.cardoso@bradesco.com.br</t>
  </si>
  <si>
    <t>\\acsfs\ACS\Suporte à Operações\01 - Prévias\2019\</t>
  </si>
  <si>
    <t>11_19- Acompanhamento Faturamento.xlsb</t>
  </si>
  <si>
    <t>\\acsfs\engeset\financeiro_ula\FATURAMENTO\22. Controle TIM\1. Acompanhamento de Faturamento\2019\11. Novembro\</t>
  </si>
  <si>
    <t>C:\Users\filemoncmj\OneDrive - Grupo Algar\01. Algar Tech\01. Projetos de Clientes\47. Prudential\05. CR\</t>
  </si>
  <si>
    <t>Criação CR - Frente GIAT.xlsx</t>
  </si>
  <si>
    <t>Classificação de Ativos - SPOF Diesel.xlsx</t>
  </si>
  <si>
    <t>Projeto Sicoob - Paraná</t>
  </si>
  <si>
    <t>10.200.57.186</t>
  </si>
  <si>
    <t>helidafp@algartech.com.br;</t>
  </si>
  <si>
    <t>helidafp@algartech.com.br</t>
  </si>
  <si>
    <t>\\udpimgap01\Base de Conhecimento Data Center\02 - Arquivos Comuns\2.4 - Suporte Backup e Restore\Equipe Backup Restore\2.4.1 - Documentacao\2.5.6 Políticas de Backup\SUPERFRIO\</t>
  </si>
  <si>
    <t>Política Backup SUPERFRIO.xlsx</t>
  </si>
  <si>
    <t>10.200.57.207</t>
  </si>
  <si>
    <t>64-1C-67-9C-56-46</t>
  </si>
  <si>
    <t>NB-ALMIRS</t>
  </si>
  <si>
    <t>almirsn</t>
  </si>
  <si>
    <t>ALMIR SILVA NUNES</t>
  </si>
  <si>
    <t>Histórico Transformação - Jan-2017 a Out-2019 - Fechamento.xlsx</t>
  </si>
  <si>
    <t>Cargos e Salários.xlsx</t>
  </si>
  <si>
    <t>andrelpsa@algartech.com;</t>
  </si>
  <si>
    <t>andrelpsa@algartech.com</t>
  </si>
  <si>
    <t>ENC: Transformação: resultados projetos out/2019</t>
  </si>
  <si>
    <t>/o=exchangelabs/ou=exchange administrative group (fydibohf23spdlt)/cn=recipients/cn=cee041e3afc5419faa2273808d5b57ff-priscila de;</t>
  </si>
  <si>
    <t>/o=exchangelabs/ou=exchange administrative group (fydibohf23spdlt)/cn=recipients/cn=cee041e3afc5419faa2273808d5b57ff-priscila de</t>
  </si>
  <si>
    <t>NPS CRBV.xlsb</t>
  </si>
  <si>
    <t>10.200.36.74</t>
  </si>
  <si>
    <t>D0-94-66-A2-5A-56</t>
  </si>
  <si>
    <t>ATDIRETORIA-01</t>
  </si>
  <si>
    <t>nubiafrsp</t>
  </si>
  <si>
    <t>/o=exchangelabs/ou=exchange administrative group (fydibohf23spdlt)/cn=recipients/cn=ca7d1b1aa98d482ca2c948b11f486f8b-cynnara pim;</t>
  </si>
  <si>
    <t>/o=exchangelabs/ou=exchange administrative group (fydibohf23spdlt)/cn=recipients/cn=ca7d1b1aa98d482ca2c948b11f486f8b-cynnara pim</t>
  </si>
  <si>
    <t>Template_Sobreaviso.xlsx</t>
  </si>
  <si>
    <t>10.200.68.130</t>
  </si>
  <si>
    <t>C:\Users\rodrigombu\OneDrive - Grupo Algar\Whirlpool\2019\11 - Novembro\Arquivo\FAROL CHURN\</t>
  </si>
  <si>
    <t>Novembro_ UCB e VALE.xlsm</t>
  </si>
  <si>
    <t>log.csv</t>
  </si>
  <si>
    <t>/o=exchangelabs/ou=exchange administrative group (fydibohf23spdlt)/cn=recipients/cn=de9f854a14d9435dad27cd6ba8926e87-cinthia mot;</t>
  </si>
  <si>
    <t>/o=exchangelabs/ou=exchange administrative group (fydibohf23spdlt)/cn=recipients/cn=de9f854a14d9435dad27cd6ba8926e87-cinthia mot</t>
  </si>
  <si>
    <t>marcotvo@algartech.com;</t>
  </si>
  <si>
    <t>Qualidade-2019 OF.xlsx</t>
  </si>
  <si>
    <t>marcotvo@algartech.com</t>
  </si>
  <si>
    <t>10.200.67.160</t>
  </si>
  <si>
    <t>termo_responsabilidade_-_cartao_corporativo.xlsx</t>
  </si>
  <si>
    <t>D8-9C-67-6F-31-9B</t>
  </si>
  <si>
    <t>C:\Users\rosanapccb\Desktop\</t>
  </si>
  <si>
    <t>alexsandrodmju@algartech.com</t>
  </si>
  <si>
    <t>ENC: Painel BO Contas Novas AEB - Fechamento Outubro/19.</t>
  </si>
  <si>
    <t>BO Contas Novas AEB - Outubro 2019.zip\</t>
  </si>
  <si>
    <t>BO Contas Novas AEB - Outubro 2019.xlsx</t>
  </si>
  <si>
    <t>NB-HEITORFET</t>
  </si>
  <si>
    <t>heitorfet</t>
  </si>
  <si>
    <t>C:\Users\heitorfet\Desktop\</t>
  </si>
  <si>
    <t>Sobreaviso_Redes.xlsx</t>
  </si>
  <si>
    <t>Status Report Semanal - Projeto Precificação - RESUMO GERAL V1.pptx\</t>
  </si>
  <si>
    <t>Análise Vol. Whats - Máscara Dash URA Digital Out-2019 - Fechamento.xlsx</t>
  </si>
  <si>
    <t>RES: Repasse demandas Whirlpool - Via Conferência por Telefone</t>
  </si>
  <si>
    <t>Prudential Site 01.xlsx</t>
  </si>
  <si>
    <t>C:\Users\filemoncmj\OneDrive - Grupo Algar\01. Algar Tech\01. Projetos de Clientes\47. Prudential\16. Infraestrutura\Layout Service Desk Prudential.eml\</t>
  </si>
  <si>
    <t>C:\Users\lucasfbr\OneDrive - Grupo Algar\LUCAS\3 - Demandas\Licenciamento Microsoft\Fase 2\7 - SAM\Resultados\ALGAR EMPRESAS\1 TECH\</t>
  </si>
  <si>
    <t>MLS_TECH_20170503_2.xlsx</t>
  </si>
  <si>
    <t>C:\Users\filemoncmj\OneDrive - Grupo Algar\01. Algar Tech\01. Projetos de Clientes\47. Prudential\12. Mapeamento de Processos\</t>
  </si>
  <si>
    <t>Cronograma Processos.xlsx</t>
  </si>
  <si>
    <t>Orçamento.xlsx</t>
  </si>
  <si>
    <t>anapscl@algartech.com;hyonarafs@algartech.com;micheless@algartech.com;thaisaol@algartech.com.br;</t>
  </si>
  <si>
    <t>anapscl@algartech.com,hyonarafs@algartech.com,micheless@algartech.com,thaisaol@algartech.com.br</t>
  </si>
  <si>
    <t>10.200.60.44</t>
  </si>
  <si>
    <t>Peça Oficial 2020 - Projetos_Retorno 2510_Adeq TechCSC0811.xlsx</t>
  </si>
  <si>
    <t>\\acsfs\DEPTOS\Engenharia\2 - Service Desk\2.19 - Help Desk Corporate\2.19.9 - Outros\SUPERVISORES\Lucas Rabboni\001 - Equipes\2.UPC\Controle de entregas\10 Painel Outubro\</t>
  </si>
  <si>
    <t>Outubro _ UNE.xlsm</t>
  </si>
  <si>
    <t>LISTA ASSOCIADOS - DC.xlsx</t>
  </si>
  <si>
    <t>https://cscatende.algarnet.com.br/framework/qupload/request/uploadfile.php?name=anexoschamado&amp;classname=hdanexochamado&amp;streamfield=dsanexo&amp;contentfield=&amp;namefield=nmanexo&amp;keys=cdchamado&amp;uploadtype=attachment&amp;insertkeys=&amp;optionalkeys=cdsituacao,cdclassificacao&amp;arrayname=anexoschamado[]&amp;idcheckbeforeaddattachment=n&amp;idcheckafteraddattachment=n</t>
  </si>
  <si>
    <t>C:\Users\douglasxm\Documents\</t>
  </si>
  <si>
    <t>C:\Users\karlosgc\Dropbox\NB-AlgarTech\Whirlpool\Massivos Whirlpool\_nova_implementacao\</t>
  </si>
  <si>
    <t>mailing_lembrete_cartao_massivos_whp.csv:com.dropbox.attrs</t>
  </si>
  <si>
    <t>C:\Users\karlosgc\Dropbox\NB-AlgarTech\Whirlpool\Massivos Whirlpool\</t>
  </si>
  <si>
    <t>WHIRLPOOL SMS_15092017140924.csv:com.dropbox.attrs</t>
  </si>
  <si>
    <t>C:\Users\karlosgc\Dropbox\NB-AlgarTech\Whirlpool\Massivos Whirlpool\teste_massivos\xplace\</t>
  </si>
  <si>
    <t>WHIRLPOOL COBRANCA_SMS_08092017.csv:com.dropbox.attrs</t>
  </si>
  <si>
    <t>WHIRLPOOL COBRANCA_SMS NOSSO NUMERO_10092017.csv:com.dropbox.attrs</t>
  </si>
  <si>
    <t>WHIRLPOOL COBRANCA_SMS LEMBRETE_11092017.csv:com.dropbox.attrs</t>
  </si>
  <si>
    <t>WHIRLPOOL COBRANCA_EMAIL_08092017.csv:com.dropbox.attrs</t>
  </si>
  <si>
    <t>WHIRLPOOL COBRANCA_EMAIL NOSSO NUMERO_10092017.csv:com.dropbox.attrs</t>
  </si>
  <si>
    <t>WHIRLPOOL COBRANCA_EMAIL LEMBRETE_18072017.csv:com.dropbox.attrs</t>
  </si>
  <si>
    <t>C:\Users\karlosgc\Dropbox\NB-AlgarTech\Whirlpool\Massivos Whirlpool\teste_massivos\new2\</t>
  </si>
  <si>
    <t>WHIRLPOOL SMS_11092017171429.csv:com.dropbox.attrs</t>
  </si>
  <si>
    <t>WHIRLPOOL EMAIL_11092017171548.csv:com.dropbox.attrs</t>
  </si>
  <si>
    <t>C:\Users\karlosgc\Dropbox\NB-AlgarTech\Whirlpool\Massivos Whirlpool\teste_massivos\new\</t>
  </si>
  <si>
    <t>WHIRLPOOL SMS_08092017_8.csv:com.dropbox.attrs</t>
  </si>
  <si>
    <t>WHIRLPOOL SMS_08092017_7.csv:com.dropbox.attrs</t>
  </si>
  <si>
    <t>WHIRLPOOL SMS_08092017_6.csv:com.dropbox.attrs</t>
  </si>
  <si>
    <t>WHIRLPOOL SMS_08092017_5.csv:com.dropbox.attrs</t>
  </si>
  <si>
    <t>WHIRLPOOL SMS_08092017_4.csv:com.dropbox.attrs</t>
  </si>
  <si>
    <t>WHIRLPOOL SMS_08092017_3.csv:com.dropbox.attrs</t>
  </si>
  <si>
    <t>WHIRLPOOL SMS_08092017_2.csv:com.dropbox.attrs</t>
  </si>
  <si>
    <t>WHIRLPOOL SMS_08092017_1.csv:com.dropbox.attrs</t>
  </si>
  <si>
    <t>WHIRLPOOL EMAIL_11092017_5.csv:com.dropbox.attrs</t>
  </si>
  <si>
    <t>WHIRLPOOL EMAIL_11092017_4.csv:com.dropbox.attrs</t>
  </si>
  <si>
    <t>WHIRLPOOL EMAIL_11092017_3.csv:com.dropbox.attrs</t>
  </si>
  <si>
    <t>WHIRLPOOL EMAIL_11092017_2.csv:com.dropbox.attrs</t>
  </si>
  <si>
    <t>WHIRLPOOL EMAIL_11092017_1.csv:com.dropbox.attrs</t>
  </si>
  <si>
    <t>WHIRLPOOL EMAIL_11092017112013.csv:com.dropbox.attrs</t>
  </si>
  <si>
    <t>WHIRLPOOL EMAIL_08092017_8.csv:com.dropbox.attrs</t>
  </si>
  <si>
    <t>WHIRLPOOL EMAIL_08092017_7.csv:com.dropbox.attrs</t>
  </si>
  <si>
    <t>WHIRLPOOL EMAIL_08092017_6.csv:com.dropbox.attrs</t>
  </si>
  <si>
    <t>WHIRLPOOL EMAIL_08092017_5.csv:com.dropbox.attrs</t>
  </si>
  <si>
    <t>WHIRLPOOL EMAIL_08092017_4.csv:com.dropbox.attrs</t>
  </si>
  <si>
    <t>WHIRLPOOL EMAIL_08092017_3.csv:com.dropbox.attrs</t>
  </si>
  <si>
    <t>WHIRLPOOL EMAIL_08092017_2.csv:com.dropbox.attrs</t>
  </si>
  <si>
    <t>WHIRLPOOL EMAIL_08092017_1.csv:com.dropbox.attrs</t>
  </si>
  <si>
    <t>C:\Users\karlosgc\Dropbox\NB-AlgarTech\Whirlpool\Massivos Whirlpool\SMS-EMAIL-PG\</t>
  </si>
  <si>
    <t>WHIRLPOOL COBRANCA_SMS_TEMPLATE.csv:com.dropbox.attrs</t>
  </si>
  <si>
    <t>WHIRLPOOL COBRANCA_SMS_25082017.csv:com.dropbox.attrs</t>
  </si>
  <si>
    <t>WHIRLPOOL COBRANCA_SMS_24082017.csv:com.dropbox.attrs</t>
  </si>
  <si>
    <t>WHIRLPOOL COBRANCA_SMS_23082017.csv:com.dropbox.attrs</t>
  </si>
  <si>
    <t>WHIRLPOOL COBRANCA_SMS_22082017.csv:com.dropbox.attrs</t>
  </si>
  <si>
    <t>WHIRLPOOL COBRANCA_SMS_21082017.csv:com.dropbox.attrs</t>
  </si>
  <si>
    <t>WHIRLPOOL COBRANCA_SMS LEMBRETE_25082017.csv:com.dropbox.attrs</t>
  </si>
  <si>
    <t>WHIRLPOOL COBRANCA_SMS LEMBRETE_24082017.csv:com.dropbox.attrs</t>
  </si>
  <si>
    <t>WHIRLPOOL COBRANCA_EMAIL_TEMPLATE.csv:com.dropbox.attrs</t>
  </si>
  <si>
    <t>WHIRLPOOL COBRANCA_EMAIL_25082017.csv:com.dropbox.attrs</t>
  </si>
  <si>
    <t>WHIRLPOOL COBRANCA_EMAIL_24082017.csv:com.dropbox.attrs</t>
  </si>
  <si>
    <t>WHIRLPOOL COBRANCA_EMAIL_23082017.csv:com.dropbox.attrs</t>
  </si>
  <si>
    <t>WHIRLPOOL COBRANCA_EMAIL_22082017.csv:com.dropbox.attrs</t>
  </si>
  <si>
    <t>WHIRLPOOL COBRANCA_EMAIL_21082017.csv:com.dropbox.attrs</t>
  </si>
  <si>
    <t>C:\Users\karlosgc\Dropbox\NB-AlgarTech\Whirlpool\Massivos Whirlpool\SMS-EMAIL-PG\nosso_numero\</t>
  </si>
  <si>
    <t>WHIRLPOOL COBRANCA_SMS NOSSO NUMERO_TEMPLATE.csv:com.dropbox.attrs</t>
  </si>
  <si>
    <t>WHIRLPOOL COBRANCA_SMS NOSSO NUMERO_20082017.csv:com.dropbox.attrs</t>
  </si>
  <si>
    <t>WHIRLPOOL COBRANCA_SMS NOSSO NUMERO_10082017.csv:com.dropbox.attrs</t>
  </si>
  <si>
    <t>WHIRLPOOL COBRANCA_EMAIL NOSSO NUMERO_TEMPLATE.csv:com.dropbox.attrs</t>
  </si>
  <si>
    <t>WHIRLPOOL COBRANCA_EMAIL NOSSO NUMERO_20082017.csv:com.dropbox.attrs</t>
  </si>
  <si>
    <t>WHIRLPOOL COBRANCA_EMAIL NOSSO NUMERO_10082017.csv:com.dropbox.attrs</t>
  </si>
  <si>
    <t>C:\Users\karlosgc\Dropbox\NB-AlgarTech\Whirlpool\Massivos Whirlpool\SMS-EMAIL-PG\lembrete\</t>
  </si>
  <si>
    <t>WHIRLPOOL COBRANCA_SMS LEMBRETE_TEMPLATE.csv:com.dropbox.attrs</t>
  </si>
  <si>
    <t>WHIRLPOOL COBRANCA_EMAIL LEMBRETE_TEMPLATE.csv:com.dropbox.attrs</t>
  </si>
  <si>
    <t>WHIRLPOOL COBRANCA_EMAIL LEMBRETE_14072017.csv:com.dropbox.attrs</t>
  </si>
  <si>
    <t>C:\Users\karlosgc\Dropbox\NB-AlgarTech\Whirlpool\Massivos Whirlpool\retorno_massivos\</t>
  </si>
  <si>
    <t>WHIRLPOOL SMS_30102017130513_result.csv:com.dropbox.attrs</t>
  </si>
  <si>
    <t>WHIRLPOOL SMS_30102017130242_result.csv:com.dropbox.attrs</t>
  </si>
  <si>
    <t>WHIRLPOOL SMS_25102017135441_result.csv:com.dropbox.attrs</t>
  </si>
  <si>
    <t>WHIRLPOOL SMS_24102017135519_result.csv:com.dropbox.attrs</t>
  </si>
  <si>
    <t>WHIRLPOOL SMS_23102017134443_result.csv:com.dropbox.attrs</t>
  </si>
  <si>
    <t>WHIRLPOOL SMS_18102017140743_result.csv:com.dropbox.attrs</t>
  </si>
  <si>
    <t>WHIRLPOOL SMS_18102017140304_result.csv:com.dropbox.attrs</t>
  </si>
  <si>
    <t>WHIRLPOOL SMS_17102017090951_result.csv:com.dropbox.attrs</t>
  </si>
  <si>
    <t>WHIRLPOOL SMS_17102017090232_result.csv:com.dropbox.attrs</t>
  </si>
  <si>
    <t>WHIRLPOOL SMS_09112017153441_result.csv:com.dropbox.attrs</t>
  </si>
  <si>
    <t>WHIRLPOOL SMS_09112017153206_result.csv:com.dropbox.attrs</t>
  </si>
  <si>
    <t>WHIRLPOOL SMS_08112017151449_result.csv:com.dropbox.attrs</t>
  </si>
  <si>
    <t>WHIRLPOOL SMS_08112017150850_result.csv:com.dropbox.attrs</t>
  </si>
  <si>
    <t>WHIRLPOOL SMS_07112017104940_result.csv:com.dropbox.attrs</t>
  </si>
  <si>
    <t>WHIRLPOOL SMS_07112017104725_result.csv:com.dropbox.attrs</t>
  </si>
  <si>
    <t>WHIRLPOOL SMS_06112017141055-4_result.csv:com.dropbox.attrs</t>
  </si>
  <si>
    <t>WHIRLPOOL SMS_06112017104237_result.csv:com.dropbox.attrs</t>
  </si>
  <si>
    <t>WHIRLPOOL EMAIL_30102017130527_result.csv:com.dropbox.attrs</t>
  </si>
  <si>
    <t>WHIRLPOOL EMAIL_30102017130446_result.csv:com.dropbox.attrs</t>
  </si>
  <si>
    <t>WHIRLPOOL EMAIL_25102017135759_result.csv:com.dropbox.attrs</t>
  </si>
  <si>
    <t>WHIRLPOOL EMAIL_25102017135644_result.csv:com.dropbox.attrs</t>
  </si>
  <si>
    <t>WHIRLPOOL EMAIL_24102017135738_result.csv:com.dropbox.attrs</t>
  </si>
  <si>
    <t>WHIRLPOOL EMAIL_24102017135656_result.csv:com.dropbox.attrs</t>
  </si>
  <si>
    <t>WHIRLPOOL EMAIL_23102017134620_result.csv:com.dropbox.attrs</t>
  </si>
  <si>
    <t>WHIRLPOOL EMAIL_18102017140749_result.csv:com.dropbox.attrs</t>
  </si>
  <si>
    <t>WHIRLPOOL EMAIL_18102017140539_result.csv:com.dropbox.attrs</t>
  </si>
  <si>
    <t>WHIRLPOOL EMAIL_17102017091000_result.csv:com.dropbox.attrs</t>
  </si>
  <si>
    <t>WHIRLPOOL EMAIL_17102017090647_result.csv:com.dropbox.attrs</t>
  </si>
  <si>
    <t>WHIRLPOOL EMAIL_09112017153624_result.csv:com.dropbox.attrs</t>
  </si>
  <si>
    <t>WHIRLPOOL EMAIL_09112017153333_result.csv:com.dropbox.attrs</t>
  </si>
  <si>
    <t>WHIRLPOOL EMAIL_08112017151507_result.csv:com.dropbox.attrs</t>
  </si>
  <si>
    <t>WHIRLPOOL EMAIL_08112017151322_result.csv:com.dropbox.attrs</t>
  </si>
  <si>
    <t>WHIRLPOOL EMAIL_07112017104955_result.csv:com.dropbox.attrs</t>
  </si>
  <si>
    <t>WHIRLPOOL EMAIL_07112017104851_result.csv:com.dropbox.attrs</t>
  </si>
  <si>
    <t>C:\Users\karlosgc\Dropbox\NB-AlgarTech\PPE\reducao_aws\</t>
  </si>
  <si>
    <t>reportaws.csv:com.dropbox.attrs</t>
  </si>
  <si>
    <t>C:\Users\karlosgc\Dropbox\NB-AlgarTech\ISD\docs\</t>
  </si>
  <si>
    <t>ResultadoView.csv:com.dropbox.attrs</t>
  </si>
  <si>
    <t>C:\Users\karlosgc\Dropbox\NB-AlgarTech\ISD\aws\</t>
  </si>
  <si>
    <t>credentials_isd.csv:com.dropbox.attrs</t>
  </si>
  <si>
    <t>C:\Users\karlosgc\Dropbox\NB-AlgarTech\ISD\analytics\</t>
  </si>
  <si>
    <t>victor_zappts_credentials.csv:com.dropbox.attrs</t>
  </si>
  <si>
    <t>rodrigo_zappts_credentials.csv:com.dropbox.attrs</t>
  </si>
  <si>
    <t>karlos_algar_credentials.csv:com.dropbox.attrs</t>
  </si>
  <si>
    <t>alexandre_zappts_credentials.csv:com.dropbox.attrs</t>
  </si>
  <si>
    <t>C:\Users\karlosgc\Dropbox\NB-AlgarTech\Desenvolvimento\Java\</t>
  </si>
  <si>
    <t>usersInMainframe.csv:com.dropbox.attrs</t>
  </si>
  <si>
    <t>C:\Users\karlosgc\Dropbox\NB-AlgarTech\CDI\</t>
  </si>
  <si>
    <t>credentials_dw.csv:com.dropbox.attrs</t>
  </si>
  <si>
    <t>credentials_cdi.csv:com.dropbox.attrs</t>
  </si>
  <si>
    <t>C:\Users\karlosgc\Dropbox\NB-AlgarTech\Bradescard\Portal de Negociação Bradescard\ibi_1_2\</t>
  </si>
  <si>
    <t>Recuperacoes_IBI_teste1.csv:com.dropbox.attrs</t>
  </si>
  <si>
    <t>Recuperacoes_IBI_primeiro.csv:com.dropbox.attrs</t>
  </si>
  <si>
    <t>C:\Users\karlosgc\Dropbox\NB-AlgarTech\Bradescard\Carteira IBI Orion - Canais Digitais\</t>
  </si>
  <si>
    <t>orion_email_marketing_exemplo.csv:com.dropbox.attrs</t>
  </si>
  <si>
    <t>Orion_email_marketing_3env.csv:com.dropbox.attrs</t>
  </si>
  <si>
    <t>Orion_email_marketing_2env.csv:com.dropbox.attrs</t>
  </si>
  <si>
    <t>base_orion_email_marketing_2.csv:com.dropbox.attrs</t>
  </si>
  <si>
    <t>orion_clientes_sem_token.csv:com.dropbox.attrs</t>
  </si>
  <si>
    <t>base_orion_email_marketing.csv:com.dropbox.attrs</t>
  </si>
  <si>
    <t>C:\Users\karlosgc\Dropbox\NB-AlgarTech\Bradescard\Carteira IBI Orion\posicao_carteira\</t>
  </si>
  <si>
    <t>posicao_carteira_ibi_21082017.csv:com.dropbox.attrs</t>
  </si>
  <si>
    <t>C:\Users\karlosgc\Dropbox\NB-AlgarTech\Bradescard\Carteira IBI Orion\carga_telefones\</t>
  </si>
  <si>
    <t>telefones_orion_v2.csv:com.dropbox.attrs</t>
  </si>
  <si>
    <t>C:\Users\karlosgc\Dropbox\NB-AlgarTech\Algar Telecom\Portal de Negociação Telecom\Integracao VCOm\_mailing_telecom\</t>
  </si>
  <si>
    <t>MAILING_PORTAL_20171226.csv:com.dropbox.attrs</t>
  </si>
  <si>
    <t>C:\Users\karlosgc\Dropbox\NB-AlgarTech\Algar Telecom\Portal de Negociação Telecom\Integracao VCOm\</t>
  </si>
  <si>
    <t>CONTRATOS_ALGAR_20171206155416.csv:com.dropbox.attrs</t>
  </si>
  <si>
    <t>C:\Users\karlosgc\Dropbox\NB-AlgarTech\Algar CSC\Tabela Fornecedores\</t>
  </si>
  <si>
    <t>Somar.csv.xlsx:com.dropbox.attrs</t>
  </si>
  <si>
    <t>Chamados.xlsx</t>
  </si>
  <si>
    <t>/o=exchangelabs/ou=exchange administrative group (fydibohf23spdlt)/cn=recipients/cn=11f82acf0305494bb01bbdb799d10a90-2ntricard;/o=exchangelabs/ou=exchange administrative group (fydibohf23spdlt)/cn=recipients/cn=2072905e221e44cd93713caf57a4301f-roberta igi;/o=exchangelabs/ou=exchange administrative group (fydibohf23spdlt)/cn=recipients/cn=5c78075b16fc4ec9bc2f2b01887be798-user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d10b90d9e2a942398c84d3d8a8b32edd-victor sant;/o=exchangelabs/ou=exchange administrative group (fydibohf23spdlt)/cn=recipients/cn=d6cce5a70d504cc2ad89cee834cd59a9-luciana rib;/o=exchangelabs/ou=exchange administrative group (fydibohf23spdlt)/cn=recipients/cn=e6b7580a624e482b95aa2b9747aa6d6d-paulo sergi;a</t>
  </si>
  <si>
    <t>Daily Report Suporte Unica</t>
  </si>
  <si>
    <t>Cópia de Daily Report - Novembro - 2019 v3-1.xlsx</t>
  </si>
  <si>
    <t>/o=exchangelabs/ou=exchange administrative group (fydibohf23spdlt)/cn=recipients/cn=11f82acf0305494bb01bbdb799d10a90-2ntricard,/o=exchangelabs/ou=exchange administrative group (fydibohf23spdlt)/cn=recipients/cn=2072905e221e44cd93713caf57a4301f-roberta igi,/o=exchangelabs/ou=exchange administrative group (fydibohf23spdlt)/cn=recipients/cn=5c78075b16fc4ec9bc2f2b01887be798-user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d10b90d9e2a942398c84d3d8a8b32edd-victor sant,/o=exchangelabs/ou=exchange administrative group (fydibohf23spdlt)/cn=recipients/cn=d6cce5a70d504cc2ad89cee834cd59a9-luciana rib,/o=exchangelabs/ou=exchange administrative group (fydibohf23spdlt)/cn=recipients/cn=e6b7580a624e482b95aa2b9747aa6d6d-paulo sergi,a</t>
  </si>
  <si>
    <t>/o=exchangelabs/ou=exchange administrative group (fydibohf23spdlt)/cn=recipients/cn=545f738e0fe740ba856f4eb6ef0135e0-vinicius si;/o=exchangelabs/ou=exchange administrative group (fydibohf23spdlt)/cn=recipients/cn=670d10f0276c47ba89a984b1a225496b-victor gala;/o=exchangelabs/ou=exchange administrative group (fydibohf23spdlt)/cn=recipients/cn=80fb880d4e904fd9990f1ffec561717a-avon - supe;/o=exchangelabs/ou=exchange administrative group (fydibohf23spdlt)/cn=recipients/cn=a0a64fc8533c4300a3c3e08700ae15a5-cqt avon -;/o=exchangelabs/ou=exchange administrative group (fydibohf23spdlt)/cn=recipients/cn=d1d015f213f648abbf348b5ccdf8e9d9-senilda per;/o=exchangelabs/ou=exchange administrative group (fydibohf23spdlt)/cn=recipients/cn=d9131dffd0564c2d927528011a4afe36-cqt avon -;/o=exchangelabs/ou=exchange administrative group (fydibohf23spdlt)/cn=recipients/cn=eb3a8d47e16546c381d649c124fcfbb7-cpc - contr;/o=exchangelabs/ou=exchange administrative group (fydibohf23spdlt)/cn=recipients/cn=f0ff087361a245daa16e71ac77ecc3f0-ivan c</t>
  </si>
  <si>
    <t>Comportamental Avon - OFICIAL.xlsx</t>
  </si>
  <si>
    <t>/o=exchangelabs/ou=exchange administrative group (fydibohf23spdlt)/cn=recipients/cn=545f738e0fe740ba856f4eb6ef0135e0-vinicius si,/o=exchangelabs/ou=exchange administrative group (fydibohf23spdlt)/cn=recipients/cn=670d10f0276c47ba89a984b1a225496b-victor gala,/o=exchangelabs/ou=exchange administrative group (fydibohf23spdlt)/cn=recipients/cn=80fb880d4e904fd9990f1ffec561717a-avon - supe,/o=exchangelabs/ou=exchange administrative group (fydibohf23spdlt)/cn=recipients/cn=a0a64fc8533c4300a3c3e08700ae15a5-cqt avon -,/o=exchangelabs/ou=exchange administrative group (fydibohf23spdlt)/cn=recipients/cn=d1d015f213f648abbf348b5ccdf8e9d9-senilda per,/o=exchangelabs/ou=exchange administrative group (fydibohf23spdlt)/cn=recipients/cn=d9131dffd0564c2d927528011a4afe36-cqt avon -,/o=exchangelabs/ou=exchange administrative group (fydibohf23spdlt)/cn=recipients/cn=eb3a8d47e16546c381d649c124fcfbb7-cpc - contr,/o=exchangelabs/ou=exchange administrative group (fydibohf23spdlt)/cn=recipients/cn=f0ff087361a245daa16e71ac77ecc3f0-ivan c</t>
  </si>
  <si>
    <t>NB-LILIANEADB</t>
  </si>
  <si>
    <t>lilianeadb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7903c13fa0504ff0bc7dd2644020b0e8-mirna prado;/o=exchangelabs/ou=exchange administrative group (fydibohf23spdlt)/cn=recipients/cn=852acbd029e94333978f192f279faa37-carolina ap;/o=exchangelabs/ou=exchange administrative group (fydibohf23spdlt)/cn=recipients/cn=e174366906884bd1b4d4c5ddfc8c9433-rodrigo men;dayana_d_freitas_algar@whirlpool.com;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7903c13fa0504ff0bc7dd2644020b0e8-mirna prado,/o=exchangelabs/ou=exchange administrative group (fydibohf23spdlt)/cn=recipients/cn=852acbd029e94333978f192f279faa37-carolina ap,/o=exchangelabs/ou=exchange administrative group (fydibohf23spdlt)/cn=recipients/cn=e174366906884bd1b4d4c5ddfc8c9433-rodrigo men,dayana_d_freitas_algar@whirlpool.com</t>
  </si>
  <si>
    <t>C:\Users\rafaelaas\Downloads\</t>
  </si>
  <si>
    <t>AHT NOVATOS - FV1.xlsx</t>
  </si>
  <si>
    <t>10.200.60.32</t>
  </si>
  <si>
    <t>D8-9C-67-4D-7C-41</t>
  </si>
  <si>
    <t>Disponibilidade D+7</t>
  </si>
  <si>
    <t>Disponibilidade D+7.xlsx</t>
  </si>
  <si>
    <t>\\acsfs\deptos\cei - coordenação de engenharia e infraestrutura\cei – manutenção\06 - manutenção preventiva e inspeções\6.05 - leituras gmgs e no break\6.5.18 - leituras 2019\6.5.19.1 - leituras 2019\</t>
  </si>
  <si>
    <t>BP Homologação DataCom rev3.xlsb</t>
  </si>
  <si>
    <t>Formulario de compras - Caixa .xls</t>
  </si>
  <si>
    <t>RES: Reports Ativos</t>
  </si>
  <si>
    <t>Report Comercial Unica - Novembro.xlsx</t>
  </si>
  <si>
    <t>/o=exchangelabs/ou=exchange administrative group (fydibohf23spdlt)/cn=recipients/cn=2072905e221e44cd93713caf57a4301f-roberta igi;/o=exchangelabs/ou=exchange administrative group (fydibohf23spdlt)/cn=recipients/cn=6857e7b89b5f46e3b6aed2352ac8d5ac-carlos albe;/o=exchangelabs/ou=exchange administrative group (fydibohf23spdlt)/cn=recipients/cn=be0b59caa4dc43e39afaa089f44ef778-leonardo al;/o=exchangelabs/ou=exchange administrative group (fydibohf23spdlt)/cn=recipients/cn=c52a157e02d64dd1a81927cd619e2686-keila prisc;/o=exchangelabs/ou=exchange administrative group (fydibohf23spdlt)/cn=recipients/cn=d10b90d9e2a942398c84d3d8a8b32edd-victor sant;/o=exchangelabs/ou=exchange administrative group (fydibohf23spdlt)/cn=recipients/cn=d6cce5a70d504cc2ad89cee834cd59a9-luciana rib;/o=exchangelabs/ou=exchange administrative group (fydibohf23spdlt)/cn=recipients/cn=e6b7580a624e482b95aa2b9747aa6d6d-paulo sergi;asoares@tribanco.com.br;cfonseca@tripag.com.br;cynthiaf@tripag.com.br;dbpaixao@tripag.com.br;ganunes@tripag.com.br;kellyc</t>
  </si>
  <si>
    <t>Bases Ativos Consolidados - Outubro - .xlsx</t>
  </si>
  <si>
    <t>/o=exchangelabs/ou=exchange administrative group (fydibohf23spdlt)/cn=recipients/cn=2072905e221e44cd93713caf57a4301f-roberta igi,/o=exchangelabs/ou=exchange administrative group (fydibohf23spdlt)/cn=recipients/cn=6857e7b89b5f46e3b6aed2352ac8d5ac-carlos albe,/o=exchangelabs/ou=exchange administrative group (fydibohf23spdlt)/cn=recipients/cn=be0b59caa4dc43e39afaa089f44ef778-leonardo al,/o=exchangelabs/ou=exchange administrative group (fydibohf23spdlt)/cn=recipients/cn=c52a157e02d64dd1a81927cd619e2686-keila prisc,/o=exchangelabs/ou=exchange administrative group (fydibohf23spdlt)/cn=recipients/cn=d10b90d9e2a942398c84d3d8a8b32edd-victor sant,/o=exchangelabs/ou=exchange administrative group (fydibohf23spdlt)/cn=recipients/cn=d6cce5a70d504cc2ad89cee834cd59a9-luciana rib,/o=exchangelabs/ou=exchange administrative group (fydibohf23spdlt)/cn=recipients/cn=e6b7580a624e482b95aa2b9747aa6d6d-paulo sergi,asoares@tribanco.com.br,cfonseca@tripag.com.br,cynthiaf@tripag.com.br,dbpaixao@tripag.com.br,ganunes@tripag.com.br,kellyc</t>
  </si>
  <si>
    <t>Criação CR - Frente ISD.xlsx</t>
  </si>
  <si>
    <t>10.200.60.237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7903c13fa0504ff0bc7dd2644020b0e8-mirna prado;/o=exchangelabs/ou=exchange administrative group (fydibohf23spdlt)/cn=recipients/cn=852acbd029e94333978f192f279faa37-carolina ap;/o=exchangelabs/ou=exchange administrative group (fydibohf23spdlt)/cn=recipients/cn=e174366906884bd1b4d4c5ddfc8c9433-rodrigo men;aliny_p_mazziero@whirlpool.com;dayana_d_freitas_algar@whirlpool.com;luanda_s_almeida@whirlpool.com;thais_coimbra_fonseca_algar@whirlpool.com;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7903c13fa0504ff0bc7dd2644020b0e8-mirna prado,/o=exchangelabs/ou=exchange administrative group (fydibohf23spdlt)/cn=recipients/cn=852acbd029e94333978f192f279faa37-carolina ap,/o=exchangelabs/ou=exchange administrative group (fydibohf23spdlt)/cn=recipients/cn=e174366906884bd1b4d4c5ddfc8c9433-rodrigo men,aliny_p_mazziero@whirlpool.com,dayana_d_freitas_algar@whirlpool.com,luanda_s_almeida@whirlpool.com,thais_coimbra_fonseca_algar@whirlpool.com</t>
  </si>
  <si>
    <t>10.207.12.76</t>
  </si>
  <si>
    <t>10.200.60.124</t>
  </si>
  <si>
    <t>D:\ALGAR TECH\001 - Cloud MSP\Eventos\2019\Microsoft Ignite\</t>
  </si>
  <si>
    <t>cotações_microsoft.xlsx</t>
  </si>
  <si>
    <t>FORUM.xls</t>
  </si>
  <si>
    <t>C:\Users\marcosvsoa\Downloads\</t>
  </si>
  <si>
    <t>RES: TAP CAPEX - Projeto: Aquisição Microondas</t>
  </si>
  <si>
    <t>fechamento campanha.xlsx</t>
  </si>
  <si>
    <t>A-2019-11 Daily_Total Risk-AlgarTech_v2.xlsx</t>
  </si>
  <si>
    <t>maicowjp@algartech.com;</t>
  </si>
  <si>
    <t>C:\Users\filemoncmj\OneDrive - Grupo Algar\01. Algar Tech\01. Projetos de Clientes\47. Prudential\19. Retirada de Ativos\</t>
  </si>
  <si>
    <t>Formulário Retirada Ativos (Equipe Implantação).xlsx</t>
  </si>
  <si>
    <t>maicowjp@algartech.com</t>
  </si>
  <si>
    <t>Inventario_Harald_12-09-2019.xlsx</t>
  </si>
  <si>
    <t>ENC: Daily - Informações de Fila Trabalhada (Humano e Digital)</t>
  </si>
  <si>
    <t>Planilha comercial de cotação (CENÁRIO 2 RFP) - Processo 40143349H.xlsx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marcosnf@tripag.com.br;</t>
  </si>
  <si>
    <t>Indicação Martins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,marcosnf@tripag.com.br</t>
  </si>
  <si>
    <t>\\acsfs\engeset\financeiro_ula\FATURAMENTO\11. Faturamento TIM Microsiga\2019\PETROBRAS\</t>
  </si>
  <si>
    <t>11. PETROBRAS CFTV.xlsx</t>
  </si>
  <si>
    <t>10.201.30.78</t>
  </si>
  <si>
    <t>10.200.35.226</t>
  </si>
  <si>
    <t>C:\Users\ruidrt\OneDrive - Grupo Algar\Documentos\Projetos\Algar Tech\LGPD\</t>
  </si>
  <si>
    <t>/o=exchangelabs/ou=exchange administrative group (fydibohf23spdlt)/cn=recipients/cn=66edf19ebc2742d0aad16b8a34a09b10-andre luiz;/o=exchangelabs/ou=exchange administrative group (fydibohf23spdlt)/cn=recipients/cn=dc302903ac1a4151bcd049b90df4486f-ricardo soa;</t>
  </si>
  <si>
    <t>Classificacao_de_Ativos_-_Minirack_A100_Classificada.xlsx</t>
  </si>
  <si>
    <t>/o=exchangelabs/ou=exchange administrative group (fydibohf23spdlt)/cn=recipients/cn=66edf19ebc2742d0aad16b8a34a09b10-andre luiz,/o=exchangelabs/ou=exchange administrative group (fydibohf23spdlt)/cn=recipients/cn=dc302903ac1a4151bcd049b90df4486f-ricardo soa</t>
  </si>
  <si>
    <t>5C-EA-1D-CF-AA-69</t>
  </si>
  <si>
    <t>10.200.99.98</t>
  </si>
  <si>
    <t>BP 206431 - Goodyear v3.xlsb</t>
  </si>
  <si>
    <t>Antecipações de Clientes - Dezembro 2019.xlsx</t>
  </si>
  <si>
    <t>c:\users\pauloscr\desktop\</t>
  </si>
  <si>
    <t>/o=exchangelabs/ou=exchange administrative group (fydibohf23spdlt)/cn=recipients/cn=c22b2d8de1594760baec681322c0933f-fernanda ma;/o=exchangelabs/ou=exchange administrative group (fydibohf23spdlt)/cn=recipients/cn=e174366906884bd1b4d4c5ddfc8c9433-rodrigo men;izadoramdor@algartech.com;</t>
  </si>
  <si>
    <t>ENC: Relatórios/ MIS legado Ecohouse ---- De/Para</t>
  </si>
  <si>
    <t>/o=exchangelabs/ou=exchange administrative group (fydibohf23spdlt)/cn=recipients/cn=c22b2d8de1594760baec681322c0933f-fernanda ma,/o=exchangelabs/ou=exchange administrative group (fydibohf23spdlt)/cn=recipients/cn=e174366906884bd1b4d4c5ddfc8c9433-rodrigo men,izadoramdor@algartech.com</t>
  </si>
  <si>
    <t>/o=exchangelabs/ou=exchange administrative group (fydibohf23spdlt)/cn=recipients/cn=a2a95176ec8b4e558f3d0f3c2d9d370b-pablo dos s;</t>
  </si>
  <si>
    <t>/o=exchangelabs/ou=exchange administrative group (fydibohf23spdlt)/cn=recipients/cn=a2a95176ec8b4e558f3d0f3c2d9d370b-pablo dos s</t>
  </si>
  <si>
    <t>Capacity Backoffice - Nov.19.xlsx</t>
  </si>
  <si>
    <t>/o=exchangelabs/ou=exchange administrative group (fydibohf23spdlt)/cn=recipients/cn=8b1ee9849bf1448b965d2e381d782565-gabriel viv;/o=exchangelabs/ou=exchange administrative group (fydibohf23spdlt)/cn=recipients/cn=8fc182d8ec964190abd5d149ac41ad8b-fabricio de;/o=exchangelabs/ou=exchange administrative group (fydibohf23spdlt)/cn=recipients/cn=c29ec9dae022497281c840087cccddec-patricia ar;/o=exchangelabs/ou=exchange administrative group (fydibohf23spdlt)/cn=recipients/cn=e0001a1553fb4b9a9be687db68a2ec15-yuri ian fr;</t>
  </si>
  <si>
    <t>Mailing CIMI</t>
  </si>
  <si>
    <t>/o=exchangelabs/ou=exchange administrative group (fydibohf23spdlt)/cn=recipients/cn=8b1ee9849bf1448b965d2e381d782565-gabriel viv,/o=exchangelabs/ou=exchange administrative group (fydibohf23spdlt)/cn=recipients/cn=8fc182d8ec964190abd5d149ac41ad8b-fabricio de,/o=exchangelabs/ou=exchange administrative group (fydibohf23spdlt)/cn=recipients/cn=c29ec9dae022497281c840087cccddec-patricia ar,/o=exchangelabs/ou=exchange administrative group (fydibohf23spdlt)/cn=recipients/cn=e0001a1553fb4b9a9be687db68a2ec15-yuri ian fr</t>
  </si>
  <si>
    <t>ricardobal@algartech.com</t>
  </si>
  <si>
    <t>Estudo comercial Latam.xlsx</t>
  </si>
  <si>
    <t>Comparativo Bradesco 11.11.19.xlsx</t>
  </si>
  <si>
    <t>/o=exchangelabs/ou=exchange administrative group (fydibohf23spdlt)/cn=recipients/cn=8b1ee9849bf1448b965d2e381d782565-gabriel viv;</t>
  </si>
  <si>
    <t>/o=exchangelabs/ou=exchange administrative group (fydibohf23spdlt)/cn=recipients/cn=8b1ee9849bf1448b965d2e381d782565-gabriel viv</t>
  </si>
  <si>
    <t>FOCUS GROUP 11 NOVEMBRO.xlsx</t>
  </si>
  <si>
    <t>ENC: Relatório Comfrio - Ref. Outubro</t>
  </si>
  <si>
    <t>RDS_COMFRIO_24_10.xlsx</t>
  </si>
  <si>
    <t>/o=exchangelabs/ou=exchange administrative group (fydibohf23spdlt)/cn=recipients/cn=50f8ab770c6e4ce1a0c6a59d9c0a5d77-gessica ste;/o=exchangelabs/ou=exchange administrative group (fydibohf23spdlt)/cn=recipients/cn=822f65115a2046059fff20a916dd90e9-thais marti;/o=exchangelabs/ou=exchange administrative group (fydibohf23spdlt)/cn=recipients/cn=a6ba306bde72439c8d608df7df1957f9-larice nasc;/o=exchangelabs/ou=exchange administrative group (fydibohf23spdlt)/cn=recipients/cn=bec14da9ad4d434b8151ce12587e9186-khassio mar;equipefabi@algartech.com.br;flavia@iclicconsultoria.com.br;tecnicospj@algartech.com.br;</t>
  </si>
  <si>
    <t>RES: AGEDAMENTO - REUNIÃO - CONTATOS MIGRAÇÃO ONDA 4</t>
  </si>
  <si>
    <t>/o=exchangelabs/ou=exchange administrative group (fydibohf23spdlt)/cn=recipients/cn=50f8ab770c6e4ce1a0c6a59d9c0a5d77-gessica ste,/o=exchangelabs/ou=exchange administrative group (fydibohf23spdlt)/cn=recipients/cn=822f65115a2046059fff20a916dd90e9-thais marti,/o=exchangelabs/ou=exchange administrative group (fydibohf23spdlt)/cn=recipients/cn=a6ba306bde72439c8d608df7df1957f9-larice nasc,/o=exchangelabs/ou=exchange administrative group (fydibohf23spdlt)/cn=recipients/cn=bec14da9ad4d434b8151ce12587e9186-khassio mar,equipefabi@algartech.com.br,flavia@iclicconsultoria.com.br,tecnicospj@algartech.com.br</t>
  </si>
  <si>
    <t>PREVIA 4TRI BRADESCO revisada.xlsx</t>
  </si>
  <si>
    <t>gvieira@toyota.com.br;rutiyama@toyota.com.br;</t>
  </si>
  <si>
    <t>gvieira@toyota.com.br,rutiyama@toyota.com.br</t>
  </si>
  <si>
    <t>C:\Users\douglasxm\OneDrive\Documentos - Algar Tech\CASA\</t>
  </si>
  <si>
    <t>FTGS_DOUGLAS.xlsx</t>
  </si>
  <si>
    <t>C:\Users\lucianafaa\OneDrive - Grupo Algar\2019\PROJETOS\REAJUSTE DE CONTRATO\PLANILHA REAJUSTES\STATUS REPORT\STATUS SEMANAL\11-11\</t>
  </si>
  <si>
    <t>Gestão de Reajustes 2019 v8.1-12-11.xlsx</t>
  </si>
  <si>
    <t>Governança_EPO.pptx\</t>
  </si>
  <si>
    <t>D:\OneDrive\AlgarTech\Pré-Vendas\Cliente\2019\A100\215380 - A100 Rack Office - Additional Circuit\</t>
  </si>
  <si>
    <t>Preco_215380_V1.xlsb</t>
  </si>
  <si>
    <t>CrescimentoVegetativoDatabasesPostgresGoogleCloud_Novembro2019.xlsx</t>
  </si>
  <si>
    <t>10.200.99.101</t>
  </si>
  <si>
    <t>ENC: Pesquisa de satisfação - Parcial NOV</t>
  </si>
  <si>
    <t>C:\Users\filemoncmj\OneDrive - Grupo Algar\01. Algar Tech\01. Projetos de Clientes\47. Prudential\07. Aquisições\</t>
  </si>
  <si>
    <t>/o=exchangelabs/ou=exchange administrative group (fydibohf23spdlt)/cn=recipients/cn=0ca6cc8d100949a7866a928f62ef5778-rosilene de;/o=exchangelabs/ou=exchange administrative group (fydibohf23spdlt)/cn=recipients/cn=e174366906884bd1b4d4c5ddfc8c9433-rodrigo men;/o=exchangelabs/ou=exchange administrative group (fydibohf23spdlt)/cn=recipients/cn=e70cc16764ef4e4fac6e4581f29c2881-valeria bet;francisco_cardoso@whirlpool.com;kaio_h_siqueira_contractor@whirlpool.com;luanda_s_almeida@whirlpool.com;marcela_f_beltramin@whirlpool.com;thais_coimbra_fonseca_algar@whirlpool.com;</t>
  </si>
  <si>
    <t>DashBoard DR. TÉC - 11/11</t>
  </si>
  <si>
    <t>DR TEC - 20191112.xlsx</t>
  </si>
  <si>
    <t>/o=exchangelabs/ou=exchange administrative group (fydibohf23spdlt)/cn=recipients/cn=0ca6cc8d100949a7866a928f62ef5778-rosilene de,/o=exchangelabs/ou=exchange administrative group (fydibohf23spdlt)/cn=recipients/cn=e174366906884bd1b4d4c5ddfc8c9433-rodrigo men,/o=exchangelabs/ou=exchange administrative group (fydibohf23spdlt)/cn=recipients/cn=e70cc16764ef4e4fac6e4581f29c2881-valeria bet,francisco_cardoso@whirlpool.com,kaio_h_siqueira_contractor@whirlpool.com,luanda_s_almeida@whirlpool.com,marcela_f_beltramin@whirlpool.com,thais_coimbra_fonseca_algar@whirlpool.com</t>
  </si>
  <si>
    <t>C:\Users\rodrigombu\OneDrive - Grupo Algar\Whirlpool\Passo a Passo - Antigo\Passo a Passo Dash Ura Asc.msg\s1\</t>
  </si>
  <si>
    <t>Máscara Dash URA Digital AGOSTO.xlsx</t>
  </si>
  <si>
    <t>C:\Users\joaobab\OneDrive - Grupo Algar\temp\Whirpool\Categorizador\rvoresecohousetodas.zip\</t>
  </si>
  <si>
    <t>PROPOSTA - UDI - WHIRLPOOL - ARVORE N3.xlsx</t>
  </si>
  <si>
    <t>PROPOSTA - UDI - WHIRLPOOL - ATIVO ECOHOUSE MP.xlsm</t>
  </si>
  <si>
    <t>PROPOSTA - UDI - WHIRLPOOL - AUDITORIA DE VENDAS.xlsm</t>
  </si>
  <si>
    <t>PROPOSTA - UDI - WHIRLPOOL - BKO.xlsx</t>
  </si>
  <si>
    <t>PROPOSTA - UDI - WHIRLPOOL - CCO.xlsm</t>
  </si>
  <si>
    <t>PROPOSTA - UDI - WHIRLPOOL - NPS DETRATORES.xlsm</t>
  </si>
  <si>
    <t>PROPOSTA - UDI - WHIRLPOOL - P. A. DIGITAL ECOHOUSE.xlsm</t>
  </si>
  <si>
    <t>PROPOSTA - UDI - WHIRLPOOL - REAGENDAMENTO ECOHOUSE - VENDAS, DESINSTALAÃ‡ÃƒO, DIVERSOS.xlsm</t>
  </si>
  <si>
    <t>PROPOSTA - UDI - WHIRLPOOL - SAC SINERGIA ECOHOUSE POS.xlsm</t>
  </si>
  <si>
    <t>PROPOSTA - UDI - WHIRLPOOL RETENÃ‡ÃƒO A FRIO.xlsm</t>
  </si>
  <si>
    <t>ENC: Relação inscrição CIMI</t>
  </si>
  <si>
    <t>RELACAO INSCRIÇÃO CIMI.xlsx</t>
  </si>
  <si>
    <t>GESTÃO DE CARTEIRA PAPO DE BOLSA.xlsx</t>
  </si>
  <si>
    <t>E:\INVESTIMENTOS\GESTÃO DE CARTEIRA PAPO DE BOLSA.xlsx</t>
  </si>
  <si>
    <t>Indicadores SLA 2019 Outubro.xlsx</t>
  </si>
  <si>
    <t>mail.google.com/_/upload?authuser=0&amp;dcp=asu-n&amp;upload_id=AEnB2UrmGAukM63D4a18o0EeytjpHda8Kz6CTdELGpz3jVs4VzXNQM2mfdCltw0KXdHamXIqx4OhtZLkDibkMQfBtHNov75Big&amp;upload_protocol=resumable</t>
  </si>
  <si>
    <t>\\acsfs\DEPTOS\Engenharia\2 - Service Desk\2.19 - Help Desk Corporate\2.19.9 - Outros\SUPERVISORES\Lucas Rabboni\001 - Equipes\1.Implementação\Acompanhamentos\2019 11 01\Indicadores\</t>
  </si>
  <si>
    <t>10 - OUT - Valores em Risco - Operação - GAT.xlsx</t>
  </si>
  <si>
    <t>C:\Users\joaobab\Downloads\</t>
  </si>
  <si>
    <t>Matriz GENESYS ENGAGE.xlsx</t>
  </si>
  <si>
    <t>ENC: POSIÇÕES ECOHOUSE</t>
  </si>
  <si>
    <t>Ecohouse.xlsx</t>
  </si>
  <si>
    <t>hugooc@algartech.com;jairojsa@algartech.com;polati@algartech.com;</t>
  </si>
  <si>
    <t>dep Hugo.xlsx</t>
  </si>
  <si>
    <t>hugooc@algartech.com,jairojsa@algartech.com,polati@algartech.com</t>
  </si>
  <si>
    <t>/o=exchangelabs/ou=exchange administrative group (fydibohf23spdlt)/cn=recipients/cn=196756394bd04698b4e4140c910f4646-sgsd - impl;</t>
  </si>
  <si>
    <t>ENC: Lista de Agência de Viagens - B2B</t>
  </si>
  <si>
    <t>Lista de agências B2B RESERV@S.xlsx</t>
  </si>
  <si>
    <t>/o=exchangelabs/ou=exchange administrative group (fydibohf23spdlt)/cn=recipients/cn=196756394bd04698b4e4140c910f4646-sgsd - impl</t>
  </si>
  <si>
    <t>ENC: Stop List Cp 20</t>
  </si>
  <si>
    <t>URA CALL CENTER CP 20.csv</t>
  </si>
  <si>
    <t>C:\Users\filemoncmj\Downloads\</t>
  </si>
  <si>
    <t>Template CR.xlsx</t>
  </si>
  <si>
    <t>polati@algartech.com;</t>
  </si>
  <si>
    <t>polati@algartech.com</t>
  </si>
  <si>
    <t>10.12.243.94</t>
  </si>
  <si>
    <t>Relatório de Ativos</t>
  </si>
  <si>
    <t>Relatação de ativos 31-10.xlsx</t>
  </si>
  <si>
    <t>\\acsfs\deptos\Sustentabilidade\13 - Emissão GEE\2019\</t>
  </si>
  <si>
    <t>Cópia de 1.12 - Emissões GEE1.xlsx</t>
  </si>
  <si>
    <t>D:\OneDrive\AlgarTech\Pré-Vendas\Cliente\2019\ABBOTT\217431 - GAA – Global Access Administration Latin America Support\</t>
  </si>
  <si>
    <t>ABBOTT - Cálculo de reajuste - Proposta 170225.xlsx</t>
  </si>
  <si>
    <t>/o=exchangelabs/ou=exchange administrative group (fydibohf23spdlt)/cn=recipients/cn=06d628e3f48b48f491437fe6311215ae-claudiane a;/o=exchangelabs/ou=exchange administrative group (fydibohf23spdlt)/cn=recipients/cn=094e5194d5c94cdf9d444ee50a911800-thalles hen;/o=exchangelabs/ou=exchange administrative group (fydibohf23spdlt)/cn=recipients/cn=a9a1fe1d51ef4ee29617a1c11aa10050-marinalva i;/o=exchangelabs/ou=exchange administrative group (fydibohf23spdlt)/cn=recipients/cn=b0dffb7bae8b4669bf2555c821ef7035-daniela vie;/o=exchangelabs/ou=exchange administrative group (fydibohf23spdlt)/cn=recipients/cn=bf5c8ee8081a4a4cbf005372e2697869-tassiane ci;/o=exchangelabs/ou=exchange administrative group (fydibohf23spdlt)/cn=recipients/cn=e174366906884bd1b4d4c5ddfc8c9433-rodrigo men;</t>
  </si>
  <si>
    <t>ENC: Dashboard PA Digital N1 Ecohouse - ASC - Consolidado até 10/11</t>
  </si>
  <si>
    <t>/o=exchangelabs/ou=exchange administrative group (fydibohf23spdlt)/cn=recipients/cn=06d628e3f48b48f491437fe6311215ae-claudiane a,/o=exchangelabs/ou=exchange administrative group (fydibohf23spdlt)/cn=recipients/cn=094e5194d5c94cdf9d444ee50a911800-thalles hen,/o=exchangelabs/ou=exchange administrative group (fydibohf23spdlt)/cn=recipients/cn=a9a1fe1d51ef4ee29617a1c11aa10050-marinalva i,/o=exchangelabs/ou=exchange administrative group (fydibohf23spdlt)/cn=recipients/cn=b0dffb7bae8b4669bf2555c821ef7035-daniela vie,/o=exchangelabs/ou=exchange administrative group (fydibohf23spdlt)/cn=recipients/cn=bf5c8ee8081a4a4cbf005372e2697869-tassiane ci,/o=exchangelabs/ou=exchange administrative group (fydibohf23spdlt)/cn=recipients/cn=e174366906884bd1b4d4c5ddfc8c9433-rodrigo men</t>
  </si>
  <si>
    <t>Curadoria_Estela_Telecom.xlsx</t>
  </si>
  <si>
    <t>D:\OneDrive\AlgarTech\Pré-Vendas\Cliente\2019\ABBOTT\217431 - GAA – Global Access Administration Latin America Support\PropostaAtual\</t>
  </si>
  <si>
    <t>TRANSACIONAIS_170225.xlsx</t>
  </si>
  <si>
    <t>Utilização Algar Tech DC 238 (2).xlsx</t>
  </si>
  <si>
    <t>/o=exchangelabs/ou=exchange administrative group (fydibohf23spdlt)/cn=recipients/cn=2072905e221e44cd93713caf57a4301f-roberta igi;/o=exchangelabs/ou=exchange administrative group (fydibohf23spdlt)/cn=recipients/cn=6857e7b89b5f46e3b6aed2352ac8d5ac-carlos albe;/o=exchangelabs/ou=exchange administrative group (fydibohf23spdlt)/cn=recipients/cn=be0b59caa4dc43e39afaa089f44ef778-leonardo al;/o=exchangelabs/ou=exchange administrative group (fydibohf23spdlt)/cn=recipients/cn=d10b90d9e2a942398c84d3d8a8b32edd-victor sant;/o=exchangelabs/ou=exchange administrative group (fydibohf23spdlt)/cn=recipients/cn=d6cce5a70d504cc2ad89cee834cd59a9-luciana rib;/o=exchangelabs/ou=exchange administrative group (fydibohf23spdlt)/cn=recipients/cn=e6b7580a624e482b95aa2b9747aa6d6d-paulo sergi;asoares@tribanco.com.br;cynthiaf@tripag.com.br;kamilap@tripag.com.br;lrocha@tribanco.com.br;lucasfs@tribanco.com.br;marcosnf@tripag.com.br;</t>
  </si>
  <si>
    <t>/o=exchangelabs/ou=exchange administrative group (fydibohf23spdlt)/cn=recipients/cn=2072905e221e44cd93713caf57a4301f-roberta igi,/o=exchangelabs/ou=exchange administrative group (fydibohf23spdlt)/cn=recipients/cn=6857e7b89b5f46e3b6aed2352ac8d5ac-carlos albe,/o=exchangelabs/ou=exchange administrative group (fydibohf23spdlt)/cn=recipients/cn=be0b59caa4dc43e39afaa089f44ef778-leonardo al,/o=exchangelabs/ou=exchange administrative group (fydibohf23spdlt)/cn=recipients/cn=d10b90d9e2a942398c84d3d8a8b32edd-victor sant,/o=exchangelabs/ou=exchange administrative group (fydibohf23spdlt)/cn=recipients/cn=d6cce5a70d504cc2ad89cee834cd59a9-luciana rib,/o=exchangelabs/ou=exchange administrative group (fydibohf23spdlt)/cn=recipients/cn=e6b7580a624e482b95aa2b9747aa6d6d-paulo sergi,asoares@tribanco.com.br,cynthiaf@tripag.com.br,kamilap@tripag.com.br,lrocha@tribanco.com.br,lucasfs@tribanco.com.br,marcosnf@tripag.com.br</t>
  </si>
  <si>
    <t>eunice.pimenta@algartech.com;</t>
  </si>
  <si>
    <t>Escala TRN - FEIRA DO CONHECIMENTO MODULO 1_12.11.xlsx</t>
  </si>
  <si>
    <t>eunice.pimenta@algartech.com</t>
  </si>
  <si>
    <t>D:\OneDrive\AlgarTech\Pré-Vendas\Cliente\2019\Harald\215371 - ISD Linha + Bodyshop\NOC+WIT\Landscape\</t>
  </si>
  <si>
    <t>Power_BI__-_Flow ( Oct 8, 2019 1051 AM )[2].xlsx</t>
  </si>
  <si>
    <t>Inventario Definitivo Harald monitor - Maiov2.xlsx</t>
  </si>
  <si>
    <t>/o=exchangelabs/ou=exchange administrative group (fydibohf23spdlt)/cn=recipients/cn=094e5194d5c94cdf9d444ee50a911800-thalles hen;/o=exchangelabs/ou=exchange administrative group (fydibohf23spdlt)/cn=recipients/cn=109f6d628834480fabc1188cbdef64fa-antonia apa;/o=exchangelabs/ou=exchange administrative group (fydibohf23spdlt)/cn=recipients/cn=3500097684db4a19a0a2d2ae01c6451d-diogo gil b;/o=exchangelabs/ou=exchange administrative group (fydibohf23spdlt)/cn=recipients/cn=69cc68072bd74472a6fed235e590fc65-cassia alve;/o=exchangelabs/ou=exchange administrative group (fydibohf23spdlt)/cn=recipients/cn=7aaed863e0734538bc010e61e9020ad3-aline silve;/o=exchangelabs/ou=exchange administrative group (fydibohf23spdlt)/cn=recipients/cn=91f3ef961d644e629e519da4c82beec3-vinicius go;/o=exchangelabs/ou=exchange administrative group (fydibohf23spdlt)/cn=recipients/cn=a2244b2f9e6a4f3689f1c93d321bdc33-debora apar;/o=exchangelabs/ou=exchange administrative group (fydibohf23spdlt)/cn=recipients/cn=c32cee7d339f4e7fab5beda7be171cc0-pris</t>
  </si>
  <si>
    <t>RES: RES: Fluxo Bot Continental</t>
  </si>
  <si>
    <t>Bot Continental - Validado.xlsx</t>
  </si>
  <si>
    <t>/o=exchangelabs/ou=exchange administrative group (fydibohf23spdlt)/cn=recipients/cn=094e5194d5c94cdf9d444ee50a911800-thalles hen,/o=exchangelabs/ou=exchange administrative group (fydibohf23spdlt)/cn=recipients/cn=109f6d628834480fabc1188cbdef64fa-antonia apa,/o=exchangelabs/ou=exchange administrative group (fydibohf23spdlt)/cn=recipients/cn=3500097684db4a19a0a2d2ae01c6451d-diogo gil b,/o=exchangelabs/ou=exchange administrative group (fydibohf23spdlt)/cn=recipients/cn=69cc68072bd74472a6fed235e590fc65-cassia alve,/o=exchangelabs/ou=exchange administrative group (fydibohf23spdlt)/cn=recipients/cn=7aaed863e0734538bc010e61e9020ad3-aline silve,/o=exchangelabs/ou=exchange administrative group (fydibohf23spdlt)/cn=recipients/cn=91f3ef961d644e629e519da4c82beec3-vinicius go,/o=exchangelabs/ou=exchange administrative group (fydibohf23spdlt)/cn=recipients/cn=a2244b2f9e6a4f3689f1c93d321bdc33-debora apar,/o=exchangelabs/ou=exchange administrative group (fydibohf23spdlt)/cn=recipients/cn=c32cee7d339f4e7fab5beda7be171cc0-pris</t>
  </si>
  <si>
    <t>/o=exchangelabs/ou=exchange administrative group (fydibohf23spdlt)/cn=recipients/cn=1ef1d5b65a414ccea16527d004fcca4f-renan tavar;camiladps@algartech.com;</t>
  </si>
  <si>
    <t>RES: Aulão B2K</t>
  </si>
  <si>
    <t>Aulão B2K - Repescagem.xlsx</t>
  </si>
  <si>
    <t>/o=exchangelabs/ou=exchange administrative group (fydibohf23spdlt)/cn=recipients/cn=1ef1d5b65a414ccea16527d004fcca4f-renan tavar,camiladps@algartech.com</t>
  </si>
  <si>
    <t>Ficha do Risco - Segurança da Informação - 11102019.xlsx</t>
  </si>
  <si>
    <t>D:\OneDrive\AlgarTech\Pré-Vendas\Cliente\2019\Harald\215371 - ISD Linha + Bodyshop\NOC+WIT\</t>
  </si>
  <si>
    <t>Dimensionamento do Serviço GIAT + Mon_Cog - Junho 2019_v2.xlsm</t>
  </si>
  <si>
    <t>victor_mendes01@hotmail.com;</t>
  </si>
  <si>
    <t>C:\Users\victorsm\Desktop\Power BI\Excel\</t>
  </si>
  <si>
    <t>Painel Ofensor Bacen Amex.xlsx</t>
  </si>
  <si>
    <t>victor_mendes01@hotmail.com</t>
  </si>
  <si>
    <t>Infuência Amex.xlsm</t>
  </si>
  <si>
    <t>Performance de Desfavorável - 2018.xlsx</t>
  </si>
  <si>
    <t>KPI'S de Negócios - Bradesco 2019.xlsx</t>
  </si>
  <si>
    <t>/o=exchangelabs/ou=exchange administrative group (fydibohf23spdlt)/cn=recipients/cn=1ef1d5b65a414ccea16527d004fcca4f-renan tavar;/o=exchangelabs/ou=exchange administrative group (fydibohf23spdlt)/cn=recipients/cn=822f65115a2046059fff20a916dd90e9-thais marti;camiladps@algartech.com;equipefabi@algartech.com.br;tecnicospj@algartech.com.br;</t>
  </si>
  <si>
    <t>Aulão B2K_ 18/11</t>
  </si>
  <si>
    <t>/o=exchangelabs/ou=exchange administrative group (fydibohf23spdlt)/cn=recipients/cn=1ef1d5b65a414ccea16527d004fcca4f-renan tavar,/o=exchangelabs/ou=exchange administrative group (fydibohf23spdlt)/cn=recipients/cn=822f65115a2046059fff20a916dd90e9-thais marti,camiladps@algartech.com,equipefabi@algartech.com.br,tecnicospj@algartech.com.br</t>
  </si>
  <si>
    <t>/o=exchangelabs/ou=exchange administrative group (fydibohf23spdlt)/cn=recipients/cn=8fc182d8ec964190abd5d149ac41ad8b-fabricio de;/o=exchangelabs/ou=exchange administrative group (fydibohf23spdlt)/cn=recipients/cn=dc545318d7744217a865d0e9bb7ca61d-luciana gom;/o=exchangelabs/ou=exchange administrative group (fydibohf23spdlt)/cn=recipients/cn=e0001a1553fb4b9a9be687db68a2ec15-yuri ian fr;</t>
  </si>
  <si>
    <t>ENC: Mailing</t>
  </si>
  <si>
    <t>mailing.csv</t>
  </si>
  <si>
    <t>/o=exchangelabs/ou=exchange administrative group (fydibohf23spdlt)/cn=recipients/cn=8fc182d8ec964190abd5d149ac41ad8b-fabricio de,/o=exchangelabs/ou=exchange administrative group (fydibohf23spdlt)/cn=recipients/cn=dc545318d7744217a865d0e9bb7ca61d-luciana gom,/o=exchangelabs/ou=exchange administrative group (fydibohf23spdlt)/cn=recipients/cn=e0001a1553fb4b9a9be687db68a2ec15-yuri ian fr</t>
  </si>
  <si>
    <t>mail.google.com/_/upload?authuser=0&amp;dcp=asu-n&amp;upload_id=AEnB2UrzLAA7W0OQ1wqmuj79WiSQnevdOVDqgP7Ti4zv9wWngpJi3fGUsq9YuVnYErWEqQFZcwHsOW2zo_lSrlP1VA42BhZqvYUT_Wz3H76cPauteeuuDKI&amp;upload_protocol=resumable</t>
  </si>
  <si>
    <t>C:\Users\alexsandrodmju\Documents\DRC\Relatórios\11.2019\</t>
  </si>
  <si>
    <t>Base 01.11 até 11.11.csv</t>
  </si>
  <si>
    <t>aparecidamb@algartech.com;camillerml@algartech.com;giseleclss@algartech.com;jeancds@algartech.com;leandrojbe@algartech.com;nayanedpa@algartech.com;nilsiosc@algartech.com;segurancadotrabalho@eticaconservacao.com.br;silviolap@algartech.com;</t>
  </si>
  <si>
    <t>\\acsfs\deptos\Seguranca do Trabalho\7 - Treinamentos NRs - GERAL\7.4 - Escalas - Agendamentos NR17, Integração Staff e CIPA\TREINAMENTOS 2019\</t>
  </si>
  <si>
    <t>Lista de presença em branco (Atualizada).xlsx</t>
  </si>
  <si>
    <t>aparecidamb@algartech.com,camillerml@algartech.com,giseleclss@algartech.com,jeancds@algartech.com,leandrojbe@algartech.com,nayanedpa@algartech.com,nilsiosc@algartech.com,segurancadotrabalho@eticaconservacao.com.br,silviolap@algartech.com</t>
  </si>
  <si>
    <t>c:\users\giseleclss\desktop\</t>
  </si>
  <si>
    <t>dayse_duda@yahoo.com.br;</t>
  </si>
  <si>
    <t>\\acsfs\deptos\Sustentabilidade\35 - GRI\2017\</t>
  </si>
  <si>
    <t>Cópia de 2017_G4_AlgarTech_Geral - Sustentabilidade_Estela.xlsb</t>
  </si>
  <si>
    <t>dayse_duda@yahoo.com.br</t>
  </si>
  <si>
    <t>Cópia de 2017_G4_AlgarTech_EN31.xlsx</t>
  </si>
  <si>
    <t>/o=exchangelabs/ou=exchange administrative group (fydibohf23spdlt)/cn=recipients/cn=48f871a0efe04d5995cbbcd0a6e7f7df-fabricio el;/o=exchangelabs/ou=exchange administrative group (fydibohf23spdlt)/cn=recipients/cn=518109802f95454588121e2ff09bd792-marcio roge;/o=exchangelabs/ou=exchange administrative group (fydibohf23spdlt)/cn=recipients/cn=626f88f0427049a1bc09ea3f8adf9b1d-marcio rica;/o=exchangelabs/ou=exchange administrative group (fydibohf23spdlt)/cn=recipients/cn=748626653e664517a8268bc0a35e32b6-henrique nu;</t>
  </si>
  <si>
    <t>RES: Veículos Leilão GST já vendidos</t>
  </si>
  <si>
    <t>Resultado Leilão.xlsx</t>
  </si>
  <si>
    <t>/o=exchangelabs/ou=exchange administrative group (fydibohf23spdlt)/cn=recipients/cn=48f871a0efe04d5995cbbcd0a6e7f7df-fabricio el,/o=exchangelabs/ou=exchange administrative group (fydibohf23spdlt)/cn=recipients/cn=518109802f95454588121e2ff09bd792-marcio roge,/o=exchangelabs/ou=exchange administrative group (fydibohf23spdlt)/cn=recipients/cn=626f88f0427049a1bc09ea3f8adf9b1d-marcio rica,/o=exchangelabs/ou=exchange administrative group (fydibohf23spdlt)/cn=recipients/cn=748626653e664517a8268bc0a35e32b6-henrique nu</t>
  </si>
  <si>
    <t>/o=exchangelabs/ou=exchange administrative group (fydibohf23spdlt)/cn=recipients/cn=35309fb1a29c441a8083f702ecbb12d1-suporte sa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90bbd36f936b4bc78e1fbd0a7eb4aa7d-samantha du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b712c36eebee42428d3790abe2696417-romario gom;/o=exchangelabs/ou=exchange administrative group (fydibohf23spdlt)/cn=recipients/cn=e4dbda4121b54299b4a719c6aa694894-alga</t>
  </si>
  <si>
    <t>ENC: Controle de Treinamento Troca de Device</t>
  </si>
  <si>
    <t>/o=exchangelabs/ou=exchange administrative group (fydibohf23spdlt)/cn=recipients/cn=35309fb1a29c441a8083f702ecbb12d1-suporte sa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90bbd36f936b4bc78e1fbd0a7eb4aa7d-samantha du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b712c36eebee42428d3790abe2696417-romario gom,/o=exchangelabs/ou=exchange administrative group (fydibohf23spdlt)/cn=recipients/cn=e4dbda4121b54299b4a719c6aa694894-alga</t>
  </si>
  <si>
    <t>/o=exchangelabs/ou=exchange administrative group (fydibohf23spdlt)/cn=recipients/cn=26dec96e2b3f4d42afb3247ea21955f2-aline nunes;</t>
  </si>
  <si>
    <t>/o=exchangelabs/ou=exchange administrative group (fydibohf23spdlt)/cn=recipients/cn=26dec96e2b3f4d42afb3247ea21955f2-aline nunes</t>
  </si>
  <si>
    <t>ENC: Informações para Cadastro de fornecedor</t>
  </si>
  <si>
    <t>suzane.b.rodrigues@bradesco.com.br;</t>
  </si>
  <si>
    <t>ENC: Fechamento Outubro_ UNE e Casos Especiais</t>
  </si>
  <si>
    <t>suzane.b.rodrigues@bradesco.com.br</t>
  </si>
  <si>
    <t xml:space="preserve">/o=exchangelabs/ou=exchange administrative group (fydibohf23spdlt)/cn=recipients/cn=03b4604449d14f37b9ab39dcd5f90edd-algar tech;/o=exchangelabs/ou=exchange administrative group (fydibohf23spdlt)/cn=recipients/cn=0795838d79a14bcaabfa98fc69aaefbb-business pe;/o=exchangelabs/ou=exchange administrative group (fydibohf23spdlt)/cn=recipients/cn=08eb5fa051c848a6a179972669456920-algar tech;/o=exchangelabs/ou=exchange administrative group (fydibohf23spdlt)/cn=recipients/cn=2bd0f118496c4797bf1c45f658e12ff2-algar tech;/o=exchangelabs/ou=exchange administrative group (fydibohf23spdlt)/cn=recipients/cn=49457acaa5584c6d8daec8f0ad186be2-carlos maur;/o=exchangelabs/ou=exchange administrative group (fydibohf23spdlt)/cn=recipients/cn=7c9714031c1e4f2f8f0bbfa85f6645fa-algar tech;/o=exchangelabs/ou=exchange administrative group (fydibohf23spdlt)/cn=recipients/cn=89e58c8da071492dbdcb4fee4156b705-gustavo alm;/o=exchangelabs/ou=exchange administrative group (fydibohf23spdlt)/cn=recipients/cn=a7d54e15e3a94d53b0b5014d75c8d080-wanessa </t>
  </si>
  <si>
    <t>Nova Versão de BP</t>
  </si>
  <si>
    <t>Plan Precificacao C018 B018.xlsb</t>
  </si>
  <si>
    <t xml:space="preserve">/o=exchangelabs/ou=exchange administrative group (fydibohf23spdlt)/cn=recipients/cn=03b4604449d14f37b9ab39dcd5f90edd-algar tech,/o=exchangelabs/ou=exchange administrative group (fydibohf23spdlt)/cn=recipients/cn=0795838d79a14bcaabfa98fc69aaefbb-business pe,/o=exchangelabs/ou=exchange administrative group (fydibohf23spdlt)/cn=recipients/cn=08eb5fa051c848a6a179972669456920-algar tech,/o=exchangelabs/ou=exchange administrative group (fydibohf23spdlt)/cn=recipients/cn=2bd0f118496c4797bf1c45f658e12ff2-algar tech,/o=exchangelabs/ou=exchange administrative group (fydibohf23spdlt)/cn=recipients/cn=49457acaa5584c6d8daec8f0ad186be2-carlos maur,/o=exchangelabs/ou=exchange administrative group (fydibohf23spdlt)/cn=recipients/cn=7c9714031c1e4f2f8f0bbfa85f6645fa-algar tech,/o=exchangelabs/ou=exchange administrative group (fydibohf23spdlt)/cn=recipients/cn=89e58c8da071492dbdcb4fee4156b705-gustavo alm,/o=exchangelabs/ou=exchange administrative group (fydibohf23spdlt)/cn=recipients/cn=a7d54e15e3a94d53b0b5014d75c8d080-wanessa </t>
  </si>
  <si>
    <t>10.201.149.65</t>
  </si>
  <si>
    <t>angelasr@algartech.com;</t>
  </si>
  <si>
    <t>RES: Painel de Formações - URR</t>
  </si>
  <si>
    <t>Fwd Painel de Formações - URR.msg\s1\</t>
  </si>
  <si>
    <t>Painel de Formações.xlsx</t>
  </si>
  <si>
    <t>angelasr@algartech.com</t>
  </si>
  <si>
    <t>H:\Controladoria\Planejamento\Reuniões Mensais\2019\10 - Outubro\Suporte Fechamento\LATAM\</t>
  </si>
  <si>
    <t>Apuração Argentina_10 346.xlsx</t>
  </si>
  <si>
    <t>10.211.2.118</t>
  </si>
  <si>
    <t>/o=exchangelabs/ou=exchange administrative group (fydibohf23spdlt)/cn=recipients/cn=7b93bb442b5c4fc5b654fa1f6a856130-patricia fe;</t>
  </si>
  <si>
    <t>ENC: OCORRENCIAS EQUIPE OCTAVIO</t>
  </si>
  <si>
    <t>033_029_028_OCORRENCIAS NO PONTO_01A11.11.2019_NOVEMBRO.xlsx</t>
  </si>
  <si>
    <t>/o=exchangelabs/ou=exchange administrative group (fydibohf23spdlt)/cn=recipients/cn=7b93bb442b5c4fc5b654fa1f6a856130-patricia fe</t>
  </si>
  <si>
    <t>ENC: Volume Gerenciadas Amex e Visa - 12/11</t>
  </si>
  <si>
    <t>mail.google.com/_/upload?authuser=0&amp;dcp=asu-n&amp;upload_id=AEnB2Ur-hjiXGg8CWEm9JQ5szBBqudZPF98zLRjCKpYPpYZ-CiAKb2V6l4bdhfa-5Y5FsteRfB_8v3k_q8gJNEL-osOCDCvTRq4aS6fGXjCKN0tZ91w-_RQ&amp;upload_protocol=resumable</t>
  </si>
  <si>
    <t>TIM_Responsabilidade Recolhimento.xlsx</t>
  </si>
  <si>
    <t>ENC: Lojinha MPE e Digital</t>
  </si>
  <si>
    <t>10.206.10.20</t>
  </si>
  <si>
    <t>10.200.99.135</t>
  </si>
  <si>
    <t>/o=exchangelabs/ou=exchange administrative group (fydibohf23spdlt)/cn=recipients/cn=e174366906884bd1b4d4c5ddfc8c9433-rodrigo men;/o=exchangelabs/ou=exchange administrative group (fydibohf23spdlt)/cn=recipients/cn=f6c8731d63664c79a65ec8eaad6c82d6-marcos fell;</t>
  </si>
  <si>
    <t>ENC: Relatório para tratativa de ponto</t>
  </si>
  <si>
    <t>Relatório para tratativa de ponto.xlsx</t>
  </si>
  <si>
    <t>/o=exchangelabs/ou=exchange administrative group (fydibohf23spdlt)/cn=recipients/cn=e174366906884bd1b4d4c5ddfc8c9433-rodrigo men,/o=exchangelabs/ou=exchange administrative group (fydibohf23spdlt)/cn=recipients/cn=f6c8731d63664c79a65ec8eaad6c82d6-marcos fell</t>
  </si>
  <si>
    <t>10.211.2.132</t>
  </si>
  <si>
    <t>B8-88-E3-39-23-05</t>
  </si>
  <si>
    <t>/o=exchangelabs/ou=exchange administrative group (fydibohf23spdlt)/cn=recipients/cn=1262e099c0f24b3489b19e6494cd5fca-rayssa da c;/o=exchangelabs/ou=exchange administrative group (fydibohf23spdlt)/cn=recipients/cn=71d61cf74988455d8586a88b31233851-pablo mathe;/o=exchangelabs/ou=exchange administrative group (fydibohf23spdlt)/cn=recipients/cn=7b93bb442b5c4fc5b654fa1f6a856130-patricia fe;/o=exchangelabs/ou=exchange administrative group (fydibohf23spdlt)/cn=recipients/cn=d05fd9144bc0407496937c19109e2ce7-jefferson r;</t>
  </si>
  <si>
    <t>ENC: OCORRENCIAS EQUIPE IBM</t>
  </si>
  <si>
    <t>/o=exchangelabs/ou=exchange administrative group (fydibohf23spdlt)/cn=recipients/cn=1262e099c0f24b3489b19e6494cd5fca-rayssa da c,/o=exchangelabs/ou=exchange administrative group (fydibohf23spdlt)/cn=recipients/cn=71d61cf74988455d8586a88b31233851-pablo mathe,/o=exchangelabs/ou=exchange administrative group (fydibohf23spdlt)/cn=recipients/cn=7b93bb442b5c4fc5b654fa1f6a856130-patricia fe,/o=exchangelabs/ou=exchange administrative group (fydibohf23spdlt)/cn=recipients/cn=d05fd9144bc0407496937c19109e2ce7-jefferson r</t>
  </si>
  <si>
    <t>mail.google.com/_/upload?authuser=0&amp;dcp=asu-n&amp;upload_id=AEnB2UpPhOEDo4af-ykS4nQCurZaA_ibbOx_3YTzJC80UPdHvDyJIy4gSoDaxUNbg053OjJ8sSlDalGmZjVH1pY0CtBpD4nKWw&amp;upload_protocol=resumable</t>
  </si>
  <si>
    <t>D:\OneDrive\AlgarTech\Pré-Vendas\Cliente\2019\ABBOTT\217431 - GAA – Global Access Administration Latin America Support\Plan Precificacao C018 B018.xlsb\</t>
  </si>
  <si>
    <t>/o=exchangelabs/ou=exchange administrative group (fydibohf23spdlt)/cn=recipients/cn=1262e099c0f24b3489b19e6494cd5fca-rayssa da c;/o=exchangelabs/ou=exchange administrative group (fydibohf23spdlt)/cn=recipients/cn=71d61cf74988455d8586a88b31233851-pablo mathe;/o=exchangelabs/ou=exchange administrative group (fydibohf23spdlt)/cn=recipients/cn=7b93bb442b5c4fc5b654fa1f6a856130-patricia fe;/o=exchangelabs/ou=exchange administrative group (fydibohf23spdlt)/cn=recipients/cn=98317c61309146baaae737fd3a6c03f2-kamila da s;/o=exchangelabs/ou=exchange administrative group (fydibohf23spdlt)/cn=recipients/cn=d05fd9144bc0407496937c19109e2ce7-jefferson r;</t>
  </si>
  <si>
    <t>OCORRENCIAS EQUIPE AMANDA</t>
  </si>
  <si>
    <t>/o=exchangelabs/ou=exchange administrative group (fydibohf23spdlt)/cn=recipients/cn=1262e099c0f24b3489b19e6494cd5fca-rayssa da c,/o=exchangelabs/ou=exchange administrative group (fydibohf23spdlt)/cn=recipients/cn=71d61cf74988455d8586a88b31233851-pablo mathe,/o=exchangelabs/ou=exchange administrative group (fydibohf23spdlt)/cn=recipients/cn=7b93bb442b5c4fc5b654fa1f6a856130-patricia fe,/o=exchangelabs/ou=exchange administrative group (fydibohf23spdlt)/cn=recipients/cn=98317c61309146baaae737fd3a6c03f2-kamila da s,/o=exchangelabs/ou=exchange administrative group (fydibohf23spdlt)/cn=recipients/cn=d05fd9144bc0407496937c19109e2ce7-jefferson r</t>
  </si>
  <si>
    <t>mail.google.com/_/upload?authuser=0&amp;dcp=asu-n&amp;upload_id=AEnB2UojXiWKgncabc1YguOUaR3aDYLIIrvhfkSGluW5l0J92ovBosXpHzN8FjWXJn15o2JML0G61NqFG3IzNnSL-19C0EdKkA85Bv7BL4ar7h7R9FAz4Eo&amp;upload_protocol=resumable</t>
  </si>
  <si>
    <t>prgfernandes@timbrasil.com.br;</t>
  </si>
  <si>
    <t>prgfernandes@timbrasil.com.br</t>
  </si>
  <si>
    <t>carloseag@algartech.com.br;marciags@algartech.com.br;</t>
  </si>
  <si>
    <t>ENC: Aulão B2K_ 18/11</t>
  </si>
  <si>
    <t>carloseag@algartech.com.br,marciags@algartech.com.br</t>
  </si>
  <si>
    <t>/o=exchangelabs/ou=exchange administrative group (fydibohf23spdlt)/cn=recipients/cn=0d39cd5f34394c399f802663c157e729-algar tech;/o=exchangelabs/ou=exchange administrative group (fydibohf23spdlt)/cn=recipients/cn=2072905e221e44cd93713caf57a4301f-roberta igi;/o=exchangelabs/ou=exchange administrative group (fydibohf23spdlt)/cn=recipients/cn=2144abc9537143519f505fcb8550b74c-juliana emi;/o=exchangelabs/ou=exchange administrative group (fydibohf23spdlt)/cn=recipients/cn=a5f3c22313d74f5cbd68347bb02489b8-lilian lima;</t>
  </si>
  <si>
    <t>Sem Lançamento ( 0% de Abs )</t>
  </si>
  <si>
    <t>Sem Lançamento - Novatos Unica.xlsx</t>
  </si>
  <si>
    <t>/o=exchangelabs/ou=exchange administrative group (fydibohf23spdlt)/cn=recipients/cn=0d39cd5f34394c399f802663c157e729-algar tech,/o=exchangelabs/ou=exchange administrative group (fydibohf23spdlt)/cn=recipients/cn=2072905e221e44cd93713caf57a4301f-roberta igi,/o=exchangelabs/ou=exchange administrative group (fydibohf23spdlt)/cn=recipients/cn=2144abc9537143519f505fcb8550b74c-juliana emi,/o=exchangelabs/ou=exchange administrative group (fydibohf23spdlt)/cn=recipients/cn=a5f3c22313d74f5cbd68347bb02489b8-lilian lima</t>
  </si>
  <si>
    <t>/o=exchangelabs/ou=exchange administrative group (fydibohf23spdlt)/cn=recipients/cn=26c4a9466ffd49b9b767efcaab0786f5-jaqueline d;/o=exchangelabs/ou=exchange administrative group (fydibohf23spdlt)/cn=recipients/cn=696f712aa5c841708a095699a50884db-luan kevem;/o=exchangelabs/ou=exchange administrative group (fydibohf23spdlt)/cn=recipients/cn=95d6b80d0c3d44d6aee9bc955f10af3e-aparecida m;/o=exchangelabs/ou=exchange administrative group (fydibohf23spdlt)/cn=recipients/cn=a4725b7c782941fda1d1c00ae0ff9e26-camiller mo;/o=exchangelabs/ou=exchange administrative group (fydibohf23spdlt)/cn=recipients/cn=dd3f9deeae894dcead519c2d3da9d2fe-camila apar;/o=exchangelabs/ou=exchange administrative group (fydibohf23spdlt)/cn=recipients/cn=group418fdb81;silvanaso@algartech.com;</t>
  </si>
  <si>
    <t>ENC: Atualização Pendências Trilha Integração Operações</t>
  </si>
  <si>
    <t>/o=exchangelabs/ou=exchange administrative group (fydibohf23spdlt)/cn=recipients/cn=26c4a9466ffd49b9b767efcaab0786f5-jaqueline d,/o=exchangelabs/ou=exchange administrative group (fydibohf23spdlt)/cn=recipients/cn=696f712aa5c841708a095699a50884db-luan kevem,/o=exchangelabs/ou=exchange administrative group (fydibohf23spdlt)/cn=recipients/cn=95d6b80d0c3d44d6aee9bc955f10af3e-aparecida m,/o=exchangelabs/ou=exchange administrative group (fydibohf23spdlt)/cn=recipients/cn=a4725b7c782941fda1d1c00ae0ff9e26-camiller mo,/o=exchangelabs/ou=exchange administrative group (fydibohf23spdlt)/cn=recipients/cn=dd3f9deeae894dcead519c2d3da9d2fe-camila apar,/o=exchangelabs/ou=exchange administrative group (fydibohf23spdlt)/cn=recipients/cn=group418fdb81,silvanaso@algartech.com</t>
  </si>
  <si>
    <t>Controle CAPEX ISD - Copia.xlsx</t>
  </si>
  <si>
    <t>MP CORPORATIVO - 12/11</t>
  </si>
  <si>
    <t>2 - Mailing MP 20191112.xlsx</t>
  </si>
  <si>
    <t>Rateio19_V2.xlsb</t>
  </si>
  <si>
    <t>marcellusrlj@algartech.com;</t>
  </si>
  <si>
    <t>Modelo DRE - Financeiras</t>
  </si>
  <si>
    <t>DRE_FINANCEIRAS.xlsx</t>
  </si>
  <si>
    <t>marcellusrlj@algartech.com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54abac0a4fdc4ad1bec39bb51d85eab1-victor hugo;/o=exchangelabs/ou=exchange administrative group (fydibohf23spdlt)/cn=recipients/cn=76d765d676864fe79b29c865fa21a2c7-leticia rez;/o=exchangelabs/ou=exchange administrative group (fydibohf23spdlt)/cn=recipients/cn=9a3ba6096e184fb5837abcf6a6214283-daniel henr;/o=exchangelabs/ou=exchange administrative group (fydibohf23spdlt)/cn=recipients/cn=d0093b7063a942388b31a7ba794f9061-dene</t>
  </si>
  <si>
    <t>Ativos 2020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54abac0a4fdc4ad1bec39bb51d85eab1-victor hugo,/o=exchangelabs/ou=exchange administrative group (fydibohf23spdlt)/cn=recipients/cn=76d765d676864fe79b29c865fa21a2c7-leticia rez,/o=exchangelabs/ou=exchange administrative group (fydibohf23spdlt)/cn=recipients/cn=9a3ba6096e184fb5837abcf6a6214283-daniel henr,/o=exchangelabs/ou=exchange administrative group (fydibohf23spdlt)/cn=recipients/cn=d0093b7063a942388b31a7ba794f9061-dene</t>
  </si>
  <si>
    <t>marciohpr@algartech.com.br;poliane.amaral@bradesco.com.br;suzane.b.rodrigues@bradesco.com.br;</t>
  </si>
  <si>
    <t>RES: Volume Casos Especiais</t>
  </si>
  <si>
    <t>Casos Especiais_ Demandante.xlsx</t>
  </si>
  <si>
    <t>marciohpr@algartech.com.br,poliane.amaral@bradesco.com.br,suzane.b.rodrigues@bradesco.com.br</t>
  </si>
  <si>
    <t>D:\ALGAR TECH\004 - Projetos Cloud\03 - CCoE\documentation\01-Projetos\AlgarTech-Voice-Bots\04 - Arquivos\</t>
  </si>
  <si>
    <t>Calculadora AWS_v.1.3-VoiceBotsDEV.xlsx</t>
  </si>
  <si>
    <t>Mailing de Reagendamento CAC - 12/11</t>
  </si>
  <si>
    <t>0 - Mailing de Reagendamento_ 20191112.xlsx</t>
  </si>
  <si>
    <t>Reagendamento CAC - 12/11</t>
  </si>
  <si>
    <t>Base Reagendamento CAC_ 20191112.xlsx</t>
  </si>
  <si>
    <t>217431_Preco_V1.xlsb</t>
  </si>
  <si>
    <t>D:\OneDrive\AlgarTech\Pré-Vendas\Cliente\2019\ABBOTT\217431 - GAA – Global Access Administration Latin America Support\217431_Preco_V1.xlsb\</t>
  </si>
  <si>
    <t>mail.google.com/_/upload?authuser=1&amp;dcp=asu-n&amp;upload_id=AEnB2UofxEedbD1Qh1Q_jLeam4b5vRncqM2HpX-P-bZci5NArUu7n8OtECm_4h7IGRuo6dTWhDGAT1wWt_W5n9SueG1lVcPl9l5Cz4lMDDJJJGeiF1zVXiM&amp;upload_protocol=resumable</t>
  </si>
  <si>
    <t>Logs de erro Lenel.xlsx</t>
  </si>
  <si>
    <t>mail.google.com/_/upload?authuser=1&amp;dcp=asu-n&amp;upload_id=AEnB2UpbB4y5j1im6k1AE0rjZN8R7djPihqWmmlb_eYVRs2UdrbOflLeRuD0bdYQqkLlzozSalVlHCdkm1cTjm2Fs7QiijOYTQ&amp;upload_protocol=resumable</t>
  </si>
  <si>
    <t>Paleativos Lenel.xlsx</t>
  </si>
  <si>
    <t>10.207.12.95</t>
  </si>
  <si>
    <t>/o=exchangelabs/ou=exchange administrative group (fydibohf23spdlt)/cn=recipients/cn=9e72be441e9e4b08a759859a5b3a336a-daniela de;/o=exchangelabs/ou=exchange administrative group (fydibohf23spdlt)/cn=recipients/cn=ae5de8da93c7422fa6ba5be702b44cd5-renata apar;erica@quilleconsultoria.com.br;</t>
  </si>
  <si>
    <t>/o=exchangelabs/ou=exchange administrative group (fydibohf23spdlt)/cn=recipients/cn=9e72be441e9e4b08a759859a5b3a336a-daniela de,/o=exchangelabs/ou=exchange administrative group (fydibohf23spdlt)/cn=recipients/cn=ae5de8da93c7422fa6ba5be702b44cd5-renata apar,erica@quilleconsultoria.com.br</t>
  </si>
  <si>
    <t>RES: 1º Negociação - Processo 40143349H - Service Desk Cartões - Algartech</t>
  </si>
  <si>
    <t>Planilha comercial de cotação (CENÁRIO 2 RFP) - Processo 40143349H Algar Tech_v2.xlsx</t>
  </si>
  <si>
    <t>10.200.58.35</t>
  </si>
  <si>
    <t>Painel UNE - Fechamento Outubro</t>
  </si>
  <si>
    <t>Template_folha_retificadora_LUCAS_REV_2.xlsx</t>
  </si>
  <si>
    <t>Template_folha_retificadora_DANILO_REV_2.xlsx</t>
  </si>
  <si>
    <t>considerar o formulário novo em anexo: template_folha_retificadora_lucas_rev_2;considerar o novo formulário em anexo: template_folha_retificadora_danilo_rev_2;csc;</t>
  </si>
  <si>
    <t>Template_folha_retificadora_ISAURA_REV_2.xlsx</t>
  </si>
  <si>
    <t>https:// considerar o formulário novo em anexo: template_folha_retificadora_lucas_rev_2, considerar o novo formulário em anexo: template_folha_retificadora_danilo_rev_2,csc</t>
  </si>
  <si>
    <t>Template_folha_retificadora_DANUBIA_REV_2.xlsx</t>
  </si>
  <si>
    <t>mail.google.com/_/upload?authuser=0&amp;dcp=asu-n&amp;upload_id=AEnB2UrvIkPOotFNhNrhNQYd_wmLqKH-zn-wSRXDgzLxTtc1Qo2_BoNXqo-0eHyLI2wjtUK19_qyz8iazlgWMAnGYV3iKX8RTsGGkLbmWUyhMZf0TEVDtu4&amp;upload_protocol=resumable</t>
  </si>
  <si>
    <t>Aspect_rateio 16.09 a 15.10.xlsx</t>
  </si>
  <si>
    <t>CH554_20191112_091025.xls</t>
  </si>
  <si>
    <t>/o=exchangelabs/ou=exchange administrative group (fydibohf23spdlt)/cn=recipients/cn=49df841081c647dfa3c968230c8e613c-sabrina gon;/o=exchangelabs/ou=exchange administrative group (fydibohf23spdlt)/cn=recipients/cn=68e6aa2e3fef4ccaba997d98294c9ed5-cristina he;/o=exchangelabs/ou=exchange administrative group (fydibohf23spdlt)/cn=recipients/cn=6fbc44b6d6b549208175d5a27201bd13-cintia nune;/o=exchangelabs/ou=exchange administrative group (fydibohf23spdlt)/cn=recipients/cn=a4ba92cba10f4fe498074594f937f3b6-leandro lop;/o=exchangelabs/ou=exchange administrative group (fydibohf23spdlt)/cn=recipients/cn=ae5de8da93c7422fa6ba5be702b44cd5-renata apar;/o=exchangelabs/ou=exchange administrative group (fydibohf23spdlt)/cn=recipients/cn=f45617401bdf436baf70c45766699413-frederico b;erica@quilleconsultoria.com.br;</t>
  </si>
  <si>
    <t>Projeto Customer Success - Dados de Contratos (Operações Bradesco)</t>
  </si>
  <si>
    <t>Carteira_Luciano_Oficial_Atualizada.xls</t>
  </si>
  <si>
    <t>/o=exchangelabs/ou=exchange administrative group (fydibohf23spdlt)/cn=recipients/cn=49df841081c647dfa3c968230c8e613c-sabrina gon,/o=exchangelabs/ou=exchange administrative group (fydibohf23spdlt)/cn=recipients/cn=68e6aa2e3fef4ccaba997d98294c9ed5-cristina he,/o=exchangelabs/ou=exchange administrative group (fydibohf23spdlt)/cn=recipients/cn=6fbc44b6d6b549208175d5a27201bd13-cintia nune,/o=exchangelabs/ou=exchange administrative group (fydibohf23spdlt)/cn=recipients/cn=a4ba92cba10f4fe498074594f937f3b6-leandro lop,/o=exchangelabs/ou=exchange administrative group (fydibohf23spdlt)/cn=recipients/cn=ae5de8da93c7422fa6ba5be702b44cd5-renata apar,/o=exchangelabs/ou=exchange administrative group (fydibohf23spdlt)/cn=recipients/cn=f45617401bdf436baf70c45766699413-frederico b,erica@quilleconsultoria.com.br</t>
  </si>
  <si>
    <t>DashBoard DR. TÉC - 12/11</t>
  </si>
  <si>
    <t>Casos Especiais Amex - Fechamento Outubro</t>
  </si>
  <si>
    <t>Outubro_ Casos Especiais.xlsm</t>
  </si>
  <si>
    <t>Dashboard Formalização PJ VISA/PJ AMEX - fechamento Outubro/2019</t>
  </si>
  <si>
    <t>Template_folha_retificadora_CLAYTON_REV_2.xlsx</t>
  </si>
  <si>
    <t>SPOF Diesel - Planilha Classificada</t>
  </si>
  <si>
    <t>C:\Users\mariannacsm\OneDrive - Grupo Algar\0- PMO-POOL\COMPRAS\05 - Novo Escopo Compras\01 - Dash Acordos e Contratos\</t>
  </si>
  <si>
    <t>/o=exchangelabs/ou=exchange administrative group (fydibohf23spdlt)/cn=recipients/cn=3188323005a04a70962871b2b980355d-humberto pi;/o=exchangelabs/ou=exchange administrative group (fydibohf23spdlt)/cn=recipients/cn=56c2af2d07fd48c0aebfc00ddc006494-alessio rod;/o=exchangelabs/ou=exchange administrative group (fydibohf23spdlt)/cn=recipients/cn=8fc182d8ec964190abd5d149ac41ad8b-fabricio de;/o=exchangelabs/ou=exchange administrative group (fydibohf23spdlt)/cn=recipients/cn=user78fc8d63;</t>
  </si>
  <si>
    <t>RES: Informações para Cadastro de fornecedor</t>
  </si>
  <si>
    <t>/o=exchangelabs/ou=exchange administrative group (fydibohf23spdlt)/cn=recipients/cn=3188323005a04a70962871b2b980355d-humberto pi,/o=exchangelabs/ou=exchange administrative group (fydibohf23spdlt)/cn=recipients/cn=56c2af2d07fd48c0aebfc00ddc006494-alessio rod,/o=exchangelabs/ou=exchange administrative group (fydibohf23spdlt)/cn=recipients/cn=8fc182d8ec964190abd5d149ac41ad8b-fabricio de,/o=exchangelabs/ou=exchange administrative group (fydibohf23spdlt)/cn=recipients/cn=user78fc8d63</t>
  </si>
  <si>
    <t>/o=exchangelabs/ou=exchange administrative group (fydibohf23spdlt)/cn=recipients/cn=430b7fc0ccfe4728933af1b3039c7e24-marcus gome;/o=exchangelabs/ou=exchange administrative group (fydibohf23spdlt)/cn=recipients/cn=78e530b5e3244cc1a89eba7f7b0af42f-marco tulio;/o=exchangelabs/ou=exchange administrative group (fydibohf23spdlt)/cn=recipients/cn=ae5de8da93c7422fa6ba5be702b44cd5-renata apar;/o=exchangelabs/ou=exchange administrative group (fydibohf23spdlt)/cn=recipients/cn=b1a4eb0e68a245b8b02aa780c1415694-rodrigo ara;/o=exchangelabs/ou=exchange administrative group (fydibohf23spdlt)/cn=recipients/cn=d3551c048b84429b8d372231b321e6f4-ramon elias;/o=exchangelabs/ou=exchange administrative group (fydibohf23spdlt)/cn=recipients/cn=f681a87682ec4eb3b3dfa2503f9869d3-filipe rese;erica@quilleconsultoria.com.br;</t>
  </si>
  <si>
    <t>Projeto Customer Success - Indicadores</t>
  </si>
  <si>
    <t>SLA GRC 2019 (11)_Setembro.xlsx</t>
  </si>
  <si>
    <t>/o=exchangelabs/ou=exchange administrative group (fydibohf23spdlt)/cn=recipients/cn=430b7fc0ccfe4728933af1b3039c7e24-marcus gome,/o=exchangelabs/ou=exchange administrative group (fydibohf23spdlt)/cn=recipients/cn=78e530b5e3244cc1a89eba7f7b0af42f-marco tulio,/o=exchangelabs/ou=exchange administrative group (fydibohf23spdlt)/cn=recipients/cn=ae5de8da93c7422fa6ba5be702b44cd5-renata apar,/o=exchangelabs/ou=exchange administrative group (fydibohf23spdlt)/cn=recipients/cn=b1a4eb0e68a245b8b02aa780c1415694-rodrigo ara,/o=exchangelabs/ou=exchange administrative group (fydibohf23spdlt)/cn=recipients/cn=d3551c048b84429b8d372231b321e6f4-ramon elias,/o=exchangelabs/ou=exchange administrative group (fydibohf23spdlt)/cn=recipients/cn=f681a87682ec4eb3b3dfa2503f9869d3-filipe rese,erica@quilleconsultoria.com.br</t>
  </si>
  <si>
    <t>dayana_d_freitas_algar@whirlpool.com;izadoramdor@algartech.com;</t>
  </si>
  <si>
    <t>dayana_d_freitas_algar@whirlpool.com,izadoramdor@algartech.com</t>
  </si>
  <si>
    <t>HorasExtras_GAA.xlsx</t>
  </si>
  <si>
    <t>Ajustes_Custos.xlsx</t>
  </si>
  <si>
    <t>C:\Users\mariannacsm\OneDrive - Grupo Algar\0- PMO-POOL\COMPRAS\</t>
  </si>
  <si>
    <t>Fornecedores Engeset 2810 - Cópia.xlsx</t>
  </si>
  <si>
    <t>19_11_12_ Pipeline Comentado_ LATAM</t>
  </si>
  <si>
    <t>19_11_12_ Pipeline Comentado_ LATAM.xlsx</t>
  </si>
  <si>
    <t>19_11_12 _ Relatório Pipeline Comentado e Fora de Pipe.</t>
  </si>
  <si>
    <t>19_11_12_ Pipeline Comentado_ Afonso.xlsx</t>
  </si>
  <si>
    <t>/o=exchangelabs/ou=exchange administrative group (fydibohf23spdlt)/cn=recipients/cn=02b715e2a3c744dbab0f4054efc9d2d2-raquel corr;/o=exchangelabs/ou=exchange administrative group (fydibohf23spdlt)/cn=recipients/cn=092327d7955f47e78ad4a60dc2ac8d69-joaquim eli;/o=exchangelabs/ou=exchange administrative group (fydibohf23spdlt)/cn=recipients/cn=42aadbe8775e4c2cb37c145f9d092a4e-carlos west;</t>
  </si>
  <si>
    <t>ENC: Ajuste LPU fat-A - FMM-TCO</t>
  </si>
  <si>
    <t>LPU FMM FMT TCO_Atualiz-Out-2019.xlsx</t>
  </si>
  <si>
    <t>/o=exchangelabs/ou=exchange administrative group (fydibohf23spdlt)/cn=recipients/cn=02b715e2a3c744dbab0f4054efc9d2d2-raquel corr,/o=exchangelabs/ou=exchange administrative group (fydibohf23spdlt)/cn=recipients/cn=092327d7955f47e78ad4a60dc2ac8d69-joaquim eli,/o=exchangelabs/ou=exchange administrative group (fydibohf23spdlt)/cn=recipients/cn=42aadbe8775e4c2cb37c145f9d092a4e-carlos west</t>
  </si>
  <si>
    <t>19_11_12 _ Relatório Pipeline Comentado e Fora de Pipe</t>
  </si>
  <si>
    <t>19_11_12_ Pipeline Comentado_ Raul.xlsx</t>
  </si>
  <si>
    <t>CONFIDENCIAL: Projeto Victória - Alvo de Cobrança</t>
  </si>
  <si>
    <t>QA_Cobrança.xlsx</t>
  </si>
  <si>
    <t>C:\Users\elainemdlp\OD\_Projetos\Em andamento\Expansao Caixa\01 - Iniciacao\ATEC-2019-0024-013 - EXPANSÃO CAIXA.msg\s132\</t>
  </si>
  <si>
    <t>C:\Users\danubiacsm\Desktop\Demandas Whirlpool\2019 - 2º sem\</t>
  </si>
  <si>
    <t>Calendário Educadores Mariana.xlsx</t>
  </si>
  <si>
    <t>19_11_12_ Pipeline Comentado_ Dionizio.xlsx</t>
  </si>
  <si>
    <t>10.200.98.168</t>
  </si>
  <si>
    <t>64-1C-67-9B-A1-FE</t>
  </si>
  <si>
    <t>alessandroam@algartech.com;ana.rugai@cscalgar.com.br;andre.silveira@secd.com.br;bruna.araujo@secd.com.br;centraldeseguranca@algartelecom.com.br;cristiano.campaner@cscalgar.com.br;danielaofl@algartech.com;denerbb@algartech.com;edilsonrb@algartech.com;egidio@algartelecom.com.br;fabricia@algartelecom.com.br;gustavorp@algartech.com;helbertbb@algartech.com;joao.araujo@cscalgar.com.br;jorgea@algartelecom.com.br;josemfs@algartech.com;julianarcda@algartech.com;katiuciams@algartech.com;leticiarp@algartech.com;lucasm@algartech.com;luizgsc@algartelecom.com.br;marcelodds@algartech.com;mauro.altino@secd.com.br;murilofds@algartech.com;reginaldo.severino@cscalgar.com.br;samira.melillo@algartech.com;secorp@algartech.com;suporteseg@algartech.com;</t>
  </si>
  <si>
    <t>Dimensionamento_Câmeras_Marcelo.xlsx</t>
  </si>
  <si>
    <t>alessandroam@algartech.com,ana.rugai@cscalgar.com.br,andre.silveira@secd.com.br,bruna.araujo@secd.com.br,centraldeseguranca@algartelecom.com.br,cristiano.campaner@cscalgar.com.br,danielaofl@algartech.com,denerbb@algartech.com,edilsonrb@algartech.com,egidio@algartelecom.com.br,fabricia@algartelecom.com.br,gustavorp@algartech.com,helbertbb@algartech.com,joao.araujo@cscalgar.com.br,jorgea@algartelecom.com.br,josemfs@algartech.com,julianarcda@algartech.com,katiuciams@algartech.com,leticiarp@algartech.com,lucasm@algartech.com,luizgsc@algartelecom.com.br,marcelodds@algartech.com,mauro.altino@secd.com.br,murilofds@algartech.com,reginaldo.severino@cscalgar.com.br,samira.melillo@algartech.com,secorp@algartech.com,suporteseg@algartech.com</t>
  </si>
  <si>
    <t>/o=exchangelabs/ou=exchange administrative group (fydibohf23spdlt)/cn=recipients/cn=554d2cdc1361428a8f1cbe37bb559534-caroline fe;/o=exchangelabs/ou=exchange administrative group (fydibohf23spdlt)/cn=recipients/cn=56dc126fba5b4a5f8fb1cd7e4f10477d-thais olive;/o=exchangelabs/ou=exchange administrative group (fydibohf23spdlt)/cn=recipients/cn=9b3c029cc2ba4212bb4247e9ef6df7f1-andressa cr;karine.ferreira@bradesco.com.br;lorenaa.silva@bradesco.com.br;marcela.cunha@bradesco.com.br;rafaeljvf@algartech.com.br;thais.p.ferreira@bradesco.com.br;thamyres.alves@bradesco.com.br;</t>
  </si>
  <si>
    <t>RES: Cartão Não Solicitado POBJ - Outubro/2019</t>
  </si>
  <si>
    <t>Report unico - CNS - POBJ - 2019 - 1ª e 2ª Instâncias.xlsx</t>
  </si>
  <si>
    <t>/o=exchangelabs/ou=exchange administrative group (fydibohf23spdlt)/cn=recipients/cn=554d2cdc1361428a8f1cbe37bb559534-caroline fe,/o=exchangelabs/ou=exchange administrative group (fydibohf23spdlt)/cn=recipients/cn=56dc126fba5b4a5f8fb1cd7e4f10477d-thais olive,/o=exchangelabs/ou=exchange administrative group (fydibohf23spdlt)/cn=recipients/cn=9b3c029cc2ba4212bb4247e9ef6df7f1-andressa cr,karine.ferreira@bradesco.com.br,lorenaa.silva@bradesco.com.br,marcela.cunha@bradesco.com.br,rafaeljvf@algartech.com.br,thais.p.ferreira@bradesco.com.br,thamyres.alves@bradesco.com.br</t>
  </si>
  <si>
    <t>/o=exchangelabs/ou=exchange administrative group (fydibohf23spdlt)/cn=recipients/cn=027c2da1ea5a42378a892f895ed29947-andressa tu;/o=exchangelabs/ou=exchange administrative group (fydibohf23spdlt)/cn=recipients/cn=c514dbe8b91547adb4618232d1a650ba-afonso domi;/o=exchangelabs/ou=exchange administrative group (fydibohf23spdlt)/cn=recipients/cn=d9644ee8967f497e8a9f5314ba4500b5-gabriel jos;</t>
  </si>
  <si>
    <t>ENC: 19_11_12 _ Relatório Pipeline Comentado e Fora de Pipe.</t>
  </si>
  <si>
    <t>/o=exchangelabs/ou=exchange administrative group (fydibohf23spdlt)/cn=recipients/cn=027c2da1ea5a42378a892f895ed29947-andressa tu,/o=exchangelabs/ou=exchange administrative group (fydibohf23spdlt)/cn=recipients/cn=c514dbe8b91547adb4618232d1a650ba-afonso domi,/o=exchangelabs/ou=exchange administrative group (fydibohf23spdlt)/cn=recipients/cn=d9644ee8967f497e8a9f5314ba4500b5-gabriel jos</t>
  </si>
  <si>
    <t>214360_Preco_rev04 - Copia.xlsb</t>
  </si>
  <si>
    <t>/o=exchangelabs/ou=exchange administrative group (fydibohf23spdlt)/cn=recipients/cn=7f0583df7d3e4c2bb8108b334f4257df-marcelo fla;</t>
  </si>
  <si>
    <t>ENC: Telefones TIM e VIVO - Associados desligados out e novembro/2019</t>
  </si>
  <si>
    <t>/o=exchangelabs/ou=exchange administrative group (fydibohf23spdlt)/cn=recipients/cn=7f0583df7d3e4c2bb8108b334f4257df-marcelo fla</t>
  </si>
  <si>
    <t>jose.miranda@temposervicos.com.br;vanusaos@algartech.com.br;</t>
  </si>
  <si>
    <t>jose.miranda@temposervicos.com.br,vanusaos@algartech.com.br</t>
  </si>
  <si>
    <t>antoniojr@algartech.com;gustavorn@algartech.com;lucianabo@algartech.com;romariog@algartecnologia.com.br;sabrinagc@algartech.com;</t>
  </si>
  <si>
    <t>RATEIO 1441.xls</t>
  </si>
  <si>
    <t>antoniojr@algartech.com,gustavorn@algartech.com,lucianabo@algartech.com,romariog@algartecnologia.com.br,sabrinagc@algartech.com</t>
  </si>
  <si>
    <t>/o=exchangelabs/ou=exchange administrative group (fydibohf23spdlt)/cn=recipients/cn=5cdf7c02d3784fda99b7b159b2a127b2-rudney leme;/o=exchangelabs/ou=exchange administrative group (fydibohf23spdlt)/cn=recipients/cn=c5057601f2364b0db7ea84dbec10baa4-matheus mor;</t>
  </si>
  <si>
    <t>ENC: Inadimplencia ARG Outubro</t>
  </si>
  <si>
    <t>Inadimplencia 346 ASYST Arg 31.10.2019.xlsx</t>
  </si>
  <si>
    <t>/o=exchangelabs/ou=exchange administrative group (fydibohf23spdlt)/cn=recipients/cn=5cdf7c02d3784fda99b7b159b2a127b2-rudney leme,/o=exchangelabs/ou=exchange administrative group (fydibohf23spdlt)/cn=recipients/cn=c5057601f2364b0db7ea84dbec10baa4-matheus mor</t>
  </si>
  <si>
    <t>mail.google.com/_/upload?authuser=0&amp;dcp=asu-n&amp;upload_id=AEnB2UrBtenESWSbiM--TuueOmgvCo5YZC7Ke-GNUUgkG_D0ejkQvTqY8Mfj52j4OA_BugAIOUGUR6lL4warnavZeeqCZ-y0wg&amp;upload_protocol=resumable</t>
  </si>
  <si>
    <t>elisabete.soares@cscalgar.com.br;mariannacsm@algartech.com;</t>
  </si>
  <si>
    <t>chamados suspensos em 12.11.2019 as 12h.xlsx</t>
  </si>
  <si>
    <t>elisabete.soares@cscalgar.com.br,mariannacsm@algartech.com</t>
  </si>
  <si>
    <t>Previa Financeira Novembro</t>
  </si>
  <si>
    <t>Financeiro_Novembro.xlsx</t>
  </si>
  <si>
    <t>RES: Revisão Práticas e Serviços - reunião de Briefing</t>
  </si>
  <si>
    <t>Separação_Receitas_GAT_Coment_AluisioeMarcus.xlsb</t>
  </si>
  <si>
    <t>Template_folha_retificadora_ISAURA_V1.xlsx</t>
  </si>
  <si>
    <t>Template_folha_retificadora_DANUBIA_V1.xlsx</t>
  </si>
  <si>
    <t>Template_folha_retificadora_LUCAS_V1.xlsx</t>
  </si>
  <si>
    <t>Template_folha_retificadora_DANILO_V1.xlsx</t>
  </si>
  <si>
    <t>Template_folha_retificadora_CLAYTON_V1.xlsx</t>
  </si>
  <si>
    <t>214360_Preco_rev05 - Copia.xlsb</t>
  </si>
  <si>
    <t>214360_Preco_rev05.xlsb</t>
  </si>
  <si>
    <t>214360_Preco_rev05_Wilson.xlsb</t>
  </si>
  <si>
    <t>/o=exchangelabs/ou=exchange administrative group (fydibohf23spdlt)/cn=recipients/cn=8c01e71056fe4e1a8ecc4e24420bd9ef-fellyp cros;/o=exchangelabs/ou=exchange administrative group (fydibohf23spdlt)/cn=recipients/cn=a8bd6d5b03114b16a966578cff77cc86-fabiano mor;/o=exchangelabs/ou=exchange administrative group (fydibohf23spdlt)/cn=recipients/cn=f80d41bbb20a47529b0641ba89cacde6-mariangela;adsilva_pronto@timbrasil.com.br;logisticatimopm@grupotpc.com;</t>
  </si>
  <si>
    <t>RES: BAIXA DE MATERIAIS PLAYER GOVERNADOR VALADARES</t>
  </si>
  <si>
    <t>BAIXA DE MATERIAIS PLAYER GOVERNADOR VALADARES .msg\s1\</t>
  </si>
  <si>
    <t>/o=exchangelabs/ou=exchange administrative group (fydibohf23spdlt)/cn=recipients/cn=8c01e71056fe4e1a8ecc4e24420bd9ef-fellyp cros,/o=exchangelabs/ou=exchange administrative group (fydibohf23spdlt)/cn=recipients/cn=a8bd6d5b03114b16a966578cff77cc86-fabiano mor,/o=exchangelabs/ou=exchange administrative group (fydibohf23spdlt)/cn=recipients/cn=f80d41bbb20a47529b0641ba89cacde6-mariangela,adsilva_pronto@timbrasil.com.br,logisticatimopm@grupotpc.com</t>
  </si>
  <si>
    <t>ENC: Volume Casos Especiais</t>
  </si>
  <si>
    <t>Casos Especiais_ Demandante.zip\</t>
  </si>
  <si>
    <t>wanessabs.souza@gmail.com;</t>
  </si>
  <si>
    <t>wanessabs.souza@gmail.com</t>
  </si>
  <si>
    <t>Contatos</t>
  </si>
  <si>
    <t>Novo Template - Modelo Account Plan.pptx\</t>
  </si>
  <si>
    <t>192.168.1.115</t>
  </si>
  <si>
    <t>antoniocb@algartech.com;clafdsilva@timbrasil.com.br;dblemos@timbrasil.com.br;dl_network_ana-cabos@timbrasil.com.br;dl_network_ratna-css-bhe-tle@timbrasil.com.br;evgarcia@timbrasil.com.br;jrocha@timbrasil.com.br;marinasf@algartech.com;mrlopes@timbrasil.com.br;nimachado@timbrasil.com.br;paulocruz@algartech.com;rafaelldn@algartech.com;rcarvalho_act@timbrasil.com.br;robertordsf@algartech.com;viniciusja@algartech.com;</t>
  </si>
  <si>
    <t>antoniocb@algartech.com,clafdsilva@timbrasil.com.br,dblemos@timbrasil.com.br,dl_network_ana-cabos@timbrasil.com.br,dl_network_ratna-css-bhe-tle@timbrasil.com.br,evgarcia@timbrasil.com.br,jrocha@timbrasil.com.br,marinasf@algartech.com,mrlopes@timbrasil.com.br,nimachado@timbrasil.com.br,paulocruz@algartech.com,rafaelldn@algartech.com,rcarvalho_act@timbrasil.com.br,robertordsf@algartech.com,viniciusja@algartech.com</t>
  </si>
  <si>
    <t>/o=exchangelabs/ou=exchange administrative group (fydibohf23spdlt)/cn=recipients/cn=372a4aee70df4061aed129651510b96b-raul montei;/o=exchangelabs/ou=exchange administrative group (fydibohf23spdlt)/cn=recipients/cn=bd4a6c1d532c4ca6b437020e0da70310-leonardo ar;</t>
  </si>
  <si>
    <t>Ajustes Fusion</t>
  </si>
  <si>
    <t>19_11_12_ Pipeline Comentado_Argentina.xlsx</t>
  </si>
  <si>
    <t>/o=exchangelabs/ou=exchange administrative group (fydibohf23spdlt)/cn=recipients/cn=372a4aee70df4061aed129651510b96b-raul montei,/o=exchangelabs/ou=exchange administrative group (fydibohf23spdlt)/cn=recipients/cn=bd4a6c1d532c4ca6b437020e0da70310-leonardo ar</t>
  </si>
  <si>
    <t>Re Hangouts Contrato.msg\s1\</t>
  </si>
  <si>
    <t>mail.google.com/_/upload?authuser=0&amp;dcp=asu-n&amp;upload_id=AEnB2Urb7tEDpP3uUKr9AiakdTh-L6lC_QOaTtNQqEBi4GUHH6mqWZVRdXHv7sRLJMfZFmDXNJMV_MfTRr6c31JrvhPj2_NAmrWhNkY-lHQcYHklLenk7rA&amp;upload_protocol=resumable</t>
  </si>
  <si>
    <t>RES: analise consumidor</t>
  </si>
  <si>
    <t>Cópia de estudo consumidor.xlsx</t>
  </si>
  <si>
    <t>/o=exchangelabs/ou=exchange administrative group (fydibohf23spdlt)/cn=recipients/cn=7d13fcff1e804d05afcf907fc6d75650-piero crede;</t>
  </si>
  <si>
    <t>ENC: * 181289_Algar Tech - Projeto Quantum - REVISAO</t>
  </si>
  <si>
    <t>Infomações das lojas-Edson.xlsx</t>
  </si>
  <si>
    <t>/o=exchangelabs/ou=exchange administrative group (fydibohf23spdlt)/cn=recipients/cn=7d13fcff1e804d05afcf907fc6d75650-piero crede</t>
  </si>
  <si>
    <t>william@proenergia.net.br;</t>
  </si>
  <si>
    <t>ENC: Revisão de Projeto - Melhoria de Geração</t>
  </si>
  <si>
    <t>william@proenergia.net.br</t>
  </si>
  <si>
    <t>gabriela_b_goncalves@whirlpool.com;heliorg@algartech.com;marceloab@algartech.com;</t>
  </si>
  <si>
    <t>gabriela_b_goncalves@whirlpool.com,heliorg@algartech.com,marceloab@algartech.com</t>
  </si>
  <si>
    <t>/o=exchangelabs/ou=exchange administrative group (fydibohf23spdlt)/cn=recipients/cn=1a891a11d41b4f2490d38c4920393403-hernan edua;/o=exchangelabs/ou=exchange administrative group (fydibohf23spdlt)/cn=recipients/cn=31530e847059489c86826d7f6601733b-yuly alejan;/o=exchangelabs/ou=exchange administrative group (fydibohf23spdlt)/cn=recipients/cn=372a4aee70df4061aed129651510b96b-raul montei;/o=exchangelabs/ou=exchange administrative group (fydibohf23spdlt)/cn=recipients/cn=88cfe72c15cd402bb9c857655af0f1c2-mauricio mo;/o=exchangelabs/ou=exchange administrative group (fydibohf23spdlt)/cn=recipients/cn=cd2f6a42331c43af8f518d787df888b8-diana milei;/o=exchangelabs/ou=exchange administrative group (fydibohf23spdlt)/cn=recipients/cn=dc2c5efff31d437e832479c059a1cb66-gonzalo art;</t>
  </si>
  <si>
    <t>Ajustes Fusion - Colombia</t>
  </si>
  <si>
    <t>19_11_12_ Pipeline Comentado_Colombia.xlsx</t>
  </si>
  <si>
    <t>/o=exchangelabs/ou=exchange administrative group (fydibohf23spdlt)/cn=recipients/cn=1a891a11d41b4f2490d38c4920393403-hernan edua,/o=exchangelabs/ou=exchange administrative group (fydibohf23spdlt)/cn=recipients/cn=31530e847059489c86826d7f6601733b-yuly alejan,/o=exchangelabs/ou=exchange administrative group (fydibohf23spdlt)/cn=recipients/cn=372a4aee70df4061aed129651510b96b-raul montei,/o=exchangelabs/ou=exchange administrative group (fydibohf23spdlt)/cn=recipients/cn=88cfe72c15cd402bb9c857655af0f1c2-mauricio mo,/o=exchangelabs/ou=exchange administrative group (fydibohf23spdlt)/cn=recipients/cn=cd2f6a42331c43af8f518d787df888b8-diana milei,/o=exchangelabs/ou=exchange administrative group (fydibohf23spdlt)/cn=recipients/cn=dc2c5efff31d437e832479c059a1cb66-gonzalo art</t>
  </si>
  <si>
    <t>cadastro geral</t>
  </si>
  <si>
    <t>Cadastro Geral 05-11.xlsx</t>
  </si>
  <si>
    <t>/o=exchangelabs/ou=exchange administrative group (fydibohf23spdlt)/cn=recipients/cn=7b70aa18debb49fb8da0f7282594e513-ricardo ale;/o=exchangelabs/ou=exchange administrative group (fydibohf23spdlt)/cn=recipients/cn=909e770c97ed4b8fa033c30357f65607-juan carlos;/o=exchangelabs/ou=exchange administrative group (fydibohf23spdlt)/cn=recipients/cn=cd3b5b481f524fe68902e02768910038-koldo alcal;</t>
  </si>
  <si>
    <t>Ajustes Fusion - Mexico</t>
  </si>
  <si>
    <t>19_11_12_ Pipeline Comentado_Mexico.xlsx</t>
  </si>
  <si>
    <t>/o=exchangelabs/ou=exchange administrative group (fydibohf23spdlt)/cn=recipients/cn=7b70aa18debb49fb8da0f7282594e513-ricardo ale,/o=exchangelabs/ou=exchange administrative group (fydibohf23spdlt)/cn=recipients/cn=909e770c97ed4b8fa033c30357f65607-juan carlos,/o=exchangelabs/ou=exchange administrative group (fydibohf23spdlt)/cn=recipients/cn=cd3b5b481f524fe68902e02768910038-koldo alcal</t>
  </si>
  <si>
    <t>/o=exchangelabs/ou=exchange administrative group (fydibohf23spdlt)/cn=recipients/cn=0b6a994899de4cd3af0f6d1091e97ebf-arones abre;/o=exchangelabs/ou=exchange administrative group (fydibohf23spdlt)/cn=recipients/cn=97028c61ebe04c3ca84c604712943944-fabiano wil;ricardo.tavares@gemina.io;</t>
  </si>
  <si>
    <t>COMPLEMENTO URGENTE - RFP - Realizar um assessment de segurança de TI</t>
  </si>
  <si>
    <t>/o=exchangelabs/ou=exchange administrative group (fydibohf23spdlt)/cn=recipients/cn=0b6a994899de4cd3af0f6d1091e97ebf-arones abre,/o=exchangelabs/ou=exchange administrative group (fydibohf23spdlt)/cn=recipients/cn=97028c61ebe04c3ca84c604712943944-fabiano wil,ricardo.tavares@gemina.io</t>
  </si>
  <si>
    <t>c:\users\marinasf\desktop\notas\</t>
  </si>
  <si>
    <t>repasse bff.xlsx</t>
  </si>
  <si>
    <t>ENC: Fluxo con valores procesos actualizados</t>
  </si>
  <si>
    <t>Resumen jucios laborales al 11.10.xlsx</t>
  </si>
  <si>
    <t>/o=exchangelabs/ou=exchange administrative group (fydibohf23spdlt)/cn=recipients/cn=afe703aaac894a95a93f05caa34fb443-trueisciele;</t>
  </si>
  <si>
    <t>Distribuição de Meta</t>
  </si>
  <si>
    <t>Distribuição de Meta.xlsx</t>
  </si>
  <si>
    <t>/o=exchangelabs/ou=exchange administrative group (fydibohf23spdlt)/cn=recipients/cn=afe703aaac894a95a93f05caa34fb443-trueisciele</t>
  </si>
  <si>
    <t>/o=exchangelabs/ou=exchange administrative group (fydibohf23spdlt)/cn=recipients/cn=0e2eb71726a34a0da705bbb0bf5c0367-leonardo me;/o=exchangelabs/ou=exchange administrative group (fydibohf23spdlt)/cn=recipients/cn=d5130784dc81436d9511788de4df376c-jeciene gom;/o=exchangelabs/ou=exchange administrative group (fydibohf23spdlt)/cn=recipients/cn=fd4a47c4d251414eb48a57376a49e773-marco tulio;</t>
  </si>
  <si>
    <t>Reporte - resultados projeto Automação de Qualidade</t>
  </si>
  <si>
    <t>Automação Qualidade Financeiro Nov.xlsx</t>
  </si>
  <si>
    <t>/o=exchangelabs/ou=exchange administrative group (fydibohf23spdlt)/cn=recipients/cn=0e2eb71726a34a0da705bbb0bf5c0367-leonardo me,/o=exchangelabs/ou=exchange administrative group (fydibohf23spdlt)/cn=recipients/cn=d5130784dc81436d9511788de4df376c-jeciene gom,/o=exchangelabs/ou=exchange administrative group (fydibohf23spdlt)/cn=recipients/cn=fd4a47c4d251414eb48a57376a49e773-marco tulio</t>
  </si>
  <si>
    <t>/o=exchangelabs/ou=exchange administrative group (fydibohf23spdlt)/cn=recipients/cn=06d628e3f48b48f491437fe6311215ae-claudiane a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a9a1fe1d51ef4ee29617a1c11aa10050-marinalva i;/o=exchangelabs/ou=exchange administrative group (fydibohf23spdlt)/cn=recipients/cn=b0dffb7bae8b4669bf2555c821ef7035-daniela vie;/o=exchangelabs/ou=exchange administrative group (fydibohf23spdlt)/cn=recipients/cn=bf5c8ee8081a4a4cbf005372e2697869-tassiane ci;</t>
  </si>
  <si>
    <t>RES: Dashboard PA Digital N1 Ecohouse - ASC - Consolidado até 10/11</t>
  </si>
  <si>
    <t>Análise Nati.xlsx</t>
  </si>
  <si>
    <t>/o=exchangelabs/ou=exchange administrative group (fydibohf23spdlt)/cn=recipients/cn=06d628e3f48b48f491437fe6311215ae-claudiane a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a9a1fe1d51ef4ee29617a1c11aa10050-marinalva i,/o=exchangelabs/ou=exchange administrative group (fydibohf23spdlt)/cn=recipients/cn=b0dffb7bae8b4669bf2555c821ef7035-daniela vie,/o=exchangelabs/ou=exchange administrative group (fydibohf23spdlt)/cn=recipients/cn=bf5c8ee8081a4a4cbf005372e2697869-tassiane ci</t>
  </si>
  <si>
    <t>RES: Distribuição de Meta</t>
  </si>
  <si>
    <t>RES: Telefones TIM e VIVO - Associados desligados out e novembro/2019</t>
  </si>
  <si>
    <t>0ANALYSIS_PATTERN - 2019-11-12T150548.845.csv</t>
  </si>
  <si>
    <t>ENC: Prev. Novembro 2019</t>
  </si>
  <si>
    <t>001_Carlos_Prev_Fechamento Novembro - NE-NO.xlsx</t>
  </si>
  <si>
    <t>Bacula LTO AUDIO.xlsx</t>
  </si>
  <si>
    <t>0ANALYSIS_PATTERN - 2019-11-12T151018.369.csv</t>
  </si>
  <si>
    <t>/o=exchangelabs/ou=exchange administrative group (fydibohf23spdlt)/cn=recipients/cn=168e05cabbf14ae289464a0c09955b31-sara ferrei;/o=exchangelabs/ou=exchange administrative group (fydibohf23spdlt)/cn=recipients/cn=2d3379e2d04c40db810b4b1f41dd2aea-erica carol;/o=exchangelabs/ou=exchange administrative group (fydibohf23spdlt)/cn=recipients/cn=704ce6c3da8c45c9a4fbd113173d101c-tatiane sil;/o=exchangelabs/ou=exchange administrative group (fydibohf23spdlt)/cn=recipients/cn=9e7c445894a4474a86a42a5f271a0d12-viviane res;</t>
  </si>
  <si>
    <t>/o=exchangelabs/ou=exchange administrative group (fydibohf23spdlt)/cn=recipients/cn=168e05cabbf14ae289464a0c09955b31-sara ferrei,/o=exchangelabs/ou=exchange administrative group (fydibohf23spdlt)/cn=recipients/cn=2d3379e2d04c40db810b4b1f41dd2aea-erica carol,/o=exchangelabs/ou=exchange administrative group (fydibohf23spdlt)/cn=recipients/cn=704ce6c3da8c45c9a4fbd113173d101c-tatiane sil,/o=exchangelabs/ou=exchange administrative group (fydibohf23spdlt)/cn=recipients/cn=9e7c445894a4474a86a42a5f271a0d12-viviane res</t>
  </si>
  <si>
    <t>C:\Users\alexsandrodmju\Desktop\Viviani\</t>
  </si>
  <si>
    <t>numeros.csvRelatorio.csv</t>
  </si>
  <si>
    <t>mail.google.com/_/upload?authuser=0&amp;dcp=asu-n&amp;upload_id=AEnB2UpKbQog6F9P8aH-zov3UJORRtqO7bUQePGAD35RUPo914nxbHNgz7ws5KzXbfwevdj3yE4Js4Pw1RAUuwUrqvgsW6uApg&amp;upload_protocol=resumable</t>
  </si>
  <si>
    <t>numeros.csvRelatorioDeErros.csv</t>
  </si>
  <si>
    <t>VDN 44601</t>
  </si>
  <si>
    <t>VDN 44601.xlsx</t>
  </si>
  <si>
    <t>/o=exchangelabs/ou=exchange administrative group (fydibohf23spdlt)/cn=recipients/cn=1d548783c10f4c62bcdf5de7a0f55a3e-lucas marqu;/o=exchangelabs/ou=exchange administrative group (fydibohf23spdlt)/cn=recipients/cn=287c26b08a0f48578479a15a452f025d-edilson rod;/o=exchangelabs/ou=exchange administrative group (fydibohf23spdlt)/cn=recipients/cn=d248f4acfe7f4b83996ccb3f42cd6add-laise vieir;/o=exchangelabs/ou=exchange administrative group (fydibohf23spdlt)/cn=recipients/cn=f71035a74a95411c8b0276261ec8a527-rafael barr;jaquelines@algartech.com;</t>
  </si>
  <si>
    <t>RES: Se liga! Vamos implantar o BIG IP da F5!</t>
  </si>
  <si>
    <t>Lista de Clientes - ITO.xlsx</t>
  </si>
  <si>
    <t>/o=exchangelabs/ou=exchange administrative group (fydibohf23spdlt)/cn=recipients/cn=1d548783c10f4c62bcdf5de7a0f55a3e-lucas marqu,/o=exchangelabs/ou=exchange administrative group (fydibohf23spdlt)/cn=recipients/cn=287c26b08a0f48578479a15a452f025d-edilson rod,/o=exchangelabs/ou=exchange administrative group (fydibohf23spdlt)/cn=recipients/cn=d248f4acfe7f4b83996ccb3f42cd6add-laise vieir,/o=exchangelabs/ou=exchange administrative group (fydibohf23spdlt)/cn=recipients/cn=f71035a74a95411c8b0276261ec8a527-rafael barr,jaquelines@algartech.com</t>
  </si>
  <si>
    <t>historico_associado.xlsx</t>
  </si>
  <si>
    <t>/o=exchangelabs/ou=exchange administrative group (fydibohf23spdlt)/cn=recipients/cn=10c614e1eddb439aa2a8538338cebbc9-victor hugo;/o=exchangelabs/ou=exchange administrative group (fydibohf23spdlt)/cn=recipients/cn=35657f775f674844b7802ddbecf19a25-renner augu;/o=exchangelabs/ou=exchange administrative group (fydibohf23spdlt)/cn=recipients/cn=55a7ca9a5b3a4eab9b205245f89f7d3d-juliana ram;/o=exchangelabs/ou=exchange administrative group (fydibohf23spdlt)/cn=recipients/cn=66edf19ebc2742d0aad16b8a34a09b10-andre luiz;/o=exchangelabs/ou=exchange administrative group (fydibohf23spdlt)/cn=recipients/cn=d0093b7063a942388b31a7ba794f9061-dener benic;/o=exchangelabs/ou=exchange administrative group (fydibohf23spdlt)/cn=recipients/cn=egidio carlos roveda mendonca;/o=exchangelabs/ou=exchange administrative group (fydibohf23spdlt)/cn=recipients/cn=fa4fe69c1dfb4d71beaaa5d64a4e88f8-carlos rodr;</t>
  </si>
  <si>
    <t>RES: Resultado Consultoria Brasiliano</t>
  </si>
  <si>
    <t>Plano de Ação - Relatório.xlsx</t>
  </si>
  <si>
    <t>/o=exchangelabs/ou=exchange administrative group (fydibohf23spdlt)/cn=recipients/cn=10c614e1eddb439aa2a8538338cebbc9-victor hugo,/o=exchangelabs/ou=exchange administrative group (fydibohf23spdlt)/cn=recipients/cn=35657f775f674844b7802ddbecf19a25-renner augu,/o=exchangelabs/ou=exchange administrative group (fydibohf23spdlt)/cn=recipients/cn=55a7ca9a5b3a4eab9b205245f89f7d3d-juliana ram,/o=exchangelabs/ou=exchange administrative group (fydibohf23spdlt)/cn=recipients/cn=66edf19ebc2742d0aad16b8a34a09b10-andre luiz,/o=exchangelabs/ou=exchange administrative group (fydibohf23spdlt)/cn=recipients/cn=d0093b7063a942388b31a7ba794f9061-dener benic,/o=exchangelabs/ou=exchange administrative group (fydibohf23spdlt)/cn=recipients/cn=egidio carlos roveda mendonca,/o=exchangelabs/ou=exchange administrative group (fydibohf23spdlt)/cn=recipients/cn=fa4fe69c1dfb4d71beaaa5d64a4e88f8-carlos rodr</t>
  </si>
  <si>
    <t>Cenários MPSA e CSP.xlsx</t>
  </si>
  <si>
    <t>C:\Users\lucasfbr\OneDrive - Grupo Algar\Área de Trabalho\Backup\</t>
  </si>
  <si>
    <t>True-up MS EAS 2020_v8_Orçamento_v2.xlsx</t>
  </si>
  <si>
    <t>andressacpd@algartech.com;fredericobs@algartecnologia.com.br;katiargf@algartech.com;kellysp@algartech.com;</t>
  </si>
  <si>
    <t>C:\Users\rafaelaas\Desktop\Apresentação de Operações PF 12.11.19 (1).pptx\</t>
  </si>
  <si>
    <t>andressacpd@algartech.com,fredericobs@algartecnologia.com.br,katiargf@algartech.com,kellysp@algartech.com</t>
  </si>
  <si>
    <t>andressacpd@algartech.com;fabiolacc@algartecnologia.com.br;fredericobs@algartecnologia.com.br;katiargf@algartech.com;kellysp@algartech.com;</t>
  </si>
  <si>
    <t>andressacpd@algartech.com,fabiolacc@algartecnologia.com.br,fredericobs@algartecnologia.com.br,katiargf@algartech.com,kellysp@algartech.com</t>
  </si>
  <si>
    <t>SL XXXXX FACEBOOK - OUT.19</t>
  </si>
  <si>
    <t>SL XXXXX FACEBOOK - OUT.19.xlsb</t>
  </si>
  <si>
    <t>/o=exchangelabs/ou=exchange administrative group (fydibohf23spdlt)/cn=recipients/cn=0177ccde46e64a8f8723f2fcb8751283-diego franc;/o=exchangelabs/ou=exchange administrative group (fydibohf23spdlt)/cn=recipients/cn=029150745eb3404986232d7559006193-acacio ribe;/o=exchangelabs/ou=exchange administrative group (fydibohf23spdlt)/cn=recipients/cn=07838d63269147399834f55c95648a18-raphael nun;/o=exchangelabs/ou=exchange administrative group (fydibohf23spdlt)/cn=recipients/cn=0a343ab60c904ee9b25c54f941bc50a2-elincon pis;/o=exchangelabs/ou=exchange administrative group (fydibohf23spdlt)/cn=recipients/cn=0ad67812a921472ea75457aad47f39a8-kallil vice;/o=exchangelabs/ou=exchange administrative group (fydibohf23spdlt)/cn=recipients/cn=101ca65e5cac464dbd670337f8b2f496-claudio de;/o=exchangelabs/ou=exchange administrative group (fydibohf23spdlt)/cn=recipients/cn=136bac3aad104a579e671eb261072338-fabio dos r;/o=exchangelabs/ou=exchange administrative group (fydibohf23spdlt)/cn=recipients/cn=156f2ceeb44f4afbbad62be40471b288-rodri</t>
  </si>
  <si>
    <t>Olha Ranking aí gente....</t>
  </si>
  <si>
    <t>/o=exchangelabs/ou=exchange administrative group (fydibohf23spdlt)/cn=recipients/cn=0177ccde46e64a8f8723f2fcb8751283-diego franc,/o=exchangelabs/ou=exchange administrative group (fydibohf23spdlt)/cn=recipients/cn=029150745eb3404986232d7559006193-acacio ribe,/o=exchangelabs/ou=exchange administrative group (fydibohf23spdlt)/cn=recipients/cn=07838d63269147399834f55c95648a18-raphael nun,/o=exchangelabs/ou=exchange administrative group (fydibohf23spdlt)/cn=recipients/cn=0a343ab60c904ee9b25c54f941bc50a2-elincon pis,/o=exchangelabs/ou=exchange administrative group (fydibohf23spdlt)/cn=recipients/cn=0ad67812a921472ea75457aad47f39a8-kallil vice,/o=exchangelabs/ou=exchange administrative group (fydibohf23spdlt)/cn=recipients/cn=101ca65e5cac464dbd670337f8b2f496-claudio de,/o=exchangelabs/ou=exchange administrative group (fydibohf23spdlt)/cn=recipients/cn=136bac3aad104a579e671eb261072338-fabio dos r,/o=exchangelabs/ou=exchange administrative group (fydibohf23spdlt)/cn=recipients/cn=156f2ceeb44f4afbbad62be40471b288-rodri</t>
  </si>
  <si>
    <t>ligiagb@algartech.com.br;suzanasb@algartech.com.br;</t>
  </si>
  <si>
    <t>ENC: Report Intradiário - Atendimento Cerrado - 12/11/2019 - Acumulado até 15 hrs</t>
  </si>
  <si>
    <t>ligiagb@algartech.com.br,suzanasb@algartech.com.br</t>
  </si>
  <si>
    <t>/o=exchangelabs/ou=exchange administrative group (fydibohf23spdlt)/cn=recipients/cn=2144abc9537143519f505fcb8550b74c-juliana emi;/o=exchangelabs/ou=exchange administrative group (fydibohf23spdlt)/cn=recipients/cn=670d10f0276c47ba89a984b1a225496b-victor gala;/o=exchangelabs/ou=exchange administrative group (fydibohf23spdlt)/cn=recipients/cn=a72a765de829420582b78941417073ac-karina rodr;</t>
  </si>
  <si>
    <t>STH Avon</t>
  </si>
  <si>
    <t>Forecast - NOV e DEZ.msg\s1\</t>
  </si>
  <si>
    <t>/o=exchangelabs/ou=exchange administrative group (fydibohf23spdlt)/cn=recipients/cn=2144abc9537143519f505fcb8550b74c-juliana emi,/o=exchangelabs/ou=exchange administrative group (fydibohf23spdlt)/cn=recipients/cn=670d10f0276c47ba89a984b1a225496b-victor gala,/o=exchangelabs/ou=exchange administrative group (fydibohf23spdlt)/cn=recipients/cn=a72a765de829420582b78941417073ac-karina rodr</t>
  </si>
  <si>
    <t>/o=exchangelabs/ou=exchange administrative group (fydibohf23spdlt)/cn=recipients/cn=096be01f3be1448b9e04fb22996909f1-michele sil;/o=exchangelabs/ou=exchange administrative group (fydibohf23spdlt)/cn=recipients/cn=0c06a001a2ed4bd2a2d61ee9aa26d72f-suemes de s;/o=exchangelabs/ou=exchange administrative group (fydibohf23spdlt)/cn=recipients/cn=0fb0c89521ca4e3ea59ebb5875735cbc-luiz guilhe;/o=exchangelabs/ou=exchange administrative group (fydibohf23spdlt)/cn=recipients/cn=12c9806c72044cac8cfb68c969625747-maiune roch;/o=exchangelabs/ou=exchange administrative group (fydibohf23spdlt)/cn=recipients/cn=1f768671263b4da2a71af24ade1a7225-ligia gonca;/o=exchangelabs/ou=exchange administrative group (fydibohf23spdlt)/cn=recipients/cn=2144abc9537143519f505fcb8550b74c-juliana emi;/o=exchangelabs/ou=exchange administrative group (fydibohf23spdlt)/cn=recipients/cn=28f37dff89954cf7971d37d7a8e29e6f-laiane pere;/o=exchangelabs/ou=exchange administrative group (fydibohf23spdlt)/cn=recipients/cn=2c5963a64a2748ae92b1721badad94a4-cris</t>
  </si>
  <si>
    <t>Gamification - Supervisores GR1.xlsm</t>
  </si>
  <si>
    <t>/o=exchangelabs/ou=exchange administrative group (fydibohf23spdlt)/cn=recipients/cn=096be01f3be1448b9e04fb22996909f1-michele sil,/o=exchangelabs/ou=exchange administrative group (fydibohf23spdlt)/cn=recipients/cn=0c06a001a2ed4bd2a2d61ee9aa26d72f-suemes de s,/o=exchangelabs/ou=exchange administrative group (fydibohf23spdlt)/cn=recipients/cn=0fb0c89521ca4e3ea59ebb5875735cbc-luiz guilhe,/o=exchangelabs/ou=exchange administrative group (fydibohf23spdlt)/cn=recipients/cn=12c9806c72044cac8cfb68c969625747-maiune roch,/o=exchangelabs/ou=exchange administrative group (fydibohf23spdlt)/cn=recipients/cn=1f768671263b4da2a71af24ade1a7225-ligia gonca,/o=exchangelabs/ou=exchange administrative group (fydibohf23spdlt)/cn=recipients/cn=2144abc9537143519f505fcb8550b74c-juliana emi,/o=exchangelabs/ou=exchange administrative group (fydibohf23spdlt)/cn=recipients/cn=28f37dff89954cf7971d37d7a8e29e6f-laiane pere,/o=exchangelabs/ou=exchange administrative group (fydibohf23spdlt)/cn=recipients/cn=2c5963a64a2748ae92b1721badad94a4-cris</t>
  </si>
  <si>
    <t>/o=exchangelabs/ou=exchange administrative group (fydibohf23spdlt)/cn=recipients/cn=4b453b7f02914710b3e94bcf7b311ad4-fernando po;noemia.almeida@bradesco.com.br;reginaldom.oliveira@bradesco.com.br;</t>
  </si>
  <si>
    <t>Processo 40137735I - Escopo B</t>
  </si>
  <si>
    <t>02.c. Planilha da Negociação_Processo40137735I Algar.xlsx</t>
  </si>
  <si>
    <t>/o=exchangelabs/ou=exchange administrative group (fydibohf23spdlt)/cn=recipients/cn=4b453b7f02914710b3e94bcf7b311ad4-fernando po,noemia.almeida@bradesco.com.br,reginaldom.oliveira@bradesco.com.br</t>
  </si>
  <si>
    <t>/o=exchangelabs/ou=exchange administrative group (fydibohf23spdlt)/cn=recipients/cn=2144abc9537143519f505fcb8550b74c-juliana emi;/o=exchangelabs/ou=exchange administrative group (fydibohf23spdlt)/cn=recipients/cn=9ec15fdf8a374c6f80ea1bf33684216e-roberta alv;/o=exchangelabs/ou=exchange administrative group (fydibohf23spdlt)/cn=recipients/cn=ab45243d601947128cfe3dec663408bf-pamela tava;celiarl@algartech.com;</t>
  </si>
  <si>
    <t>ENC: Olha Ranking aí gente....</t>
  </si>
  <si>
    <t>/o=exchangelabs/ou=exchange administrative group (fydibohf23spdlt)/cn=recipients/cn=2144abc9537143519f505fcb8550b74c-juliana emi,/o=exchangelabs/ou=exchange administrative group (fydibohf23spdlt)/cn=recipients/cn=9ec15fdf8a374c6f80ea1bf33684216e-roberta alv,/o=exchangelabs/ou=exchange administrative group (fydibohf23spdlt)/cn=recipients/cn=ab45243d601947128cfe3dec663408bf-pamela tava,celiarl@algartech.com</t>
  </si>
  <si>
    <t>Cronograma Saving OPEX.xlsx</t>
  </si>
  <si>
    <t>C:\Users\nataliamam\Desktop\Squad Digital\RPA's\</t>
  </si>
  <si>
    <t>thiagorrg@algartech.com;</t>
  </si>
  <si>
    <t>thiagorrg@algartech.com</t>
  </si>
  <si>
    <t>/o=exchangelabs/ou=exchange administrative group (fydibohf23spdlt)/cn=recipients/cn=190a5958c4ec4cf68e1e85c8dae802b2-elisangela;/o=exchangelabs/ou=exchange administrative group (fydibohf23spdlt)/cn=recipients/cn=2144abc9537143519f505fcb8550b74c-juliana emi;geisonjt@algartech.com;</t>
  </si>
  <si>
    <t>/o=exchangelabs/ou=exchange administrative group (fydibohf23spdlt)/cn=recipients/cn=190a5958c4ec4cf68e1e85c8dae802b2-elisangela,/o=exchangelabs/ou=exchange administrative group (fydibohf23spdlt)/cn=recipients/cn=2144abc9537143519f505fcb8550b74c-juliana emi,geisonjt@algartech.com</t>
  </si>
  <si>
    <t>/o=exchangelabs/ou=exchange administrative group (fydibohf23spdlt)/cn=recipients/cn=gabriela dias felipe;</t>
  </si>
  <si>
    <t>/o=exchangelabs/ou=exchange administrative group (fydibohf23spdlt)/cn=recipients/cn=gabriela dias felipe</t>
  </si>
  <si>
    <t>fabio.ribeiro@algarnet.onmicrosoft.com;fredericobs@algartecnologia.com.br;leandrolds@algartech.com;polati@algartech.com;sabrinadtdmc@algartech.com;</t>
  </si>
  <si>
    <t>fabio.ribeiro@algarnet.onmicrosoft.com,fredericobs@algartecnologia.com.br,leandrolds@algartech.com,polati@algartech.com,sabrinadtdmc@algartech.com</t>
  </si>
  <si>
    <t>janecsa@algartech.com;</t>
  </si>
  <si>
    <t>RES: Orçamento Depreciação 2020</t>
  </si>
  <si>
    <t>Longo Prazo + Revisão PPE + CAPEX GAT</t>
  </si>
  <si>
    <t>10.208.12.60</t>
  </si>
  <si>
    <t>flavia.cecilia@algartech.com;</t>
  </si>
  <si>
    <t>Ocorrencia Hugo.xlsx</t>
  </si>
  <si>
    <t>flavia.cecilia@algartech.com</t>
  </si>
  <si>
    <t>RES: PR 217410 - Implantação Rollout - Vexia</t>
  </si>
  <si>
    <t>cibeleag@algartech.com;</t>
  </si>
  <si>
    <t>\\acsfs\SCORP$\3 - Administrativo\3.1 - COI\3.1.2 - Organogramas\EQUIPE COI\03 - JULIANA\</t>
  </si>
  <si>
    <t>Categorias Seguranca.xlsx</t>
  </si>
  <si>
    <t>cibeleag@algartech.com</t>
  </si>
  <si>
    <t>Ocorrencia Joelson.xlsx</t>
  </si>
  <si>
    <t>Produtividade RAF - NOV-2019 - Parcial - 11-11-19.xlsm</t>
  </si>
  <si>
    <t>carloswbj@algartech.com;diegovrs@algartech.com;elinconpa@algartech.com;etsonlps@algartech.com;fabioch@algartecnologia.com.br;ferlemsb@algartech.com;fernandords@algartech.com;flaviom@algartech.com;iurimn@algartech.com;josafa@algartech.com;josepsda@algartech.com;marcos.pereira@algartech.com;paulocpc@algartech.com;paulocruz@algartech.com;qualidade.commandcenter@algartech.com;reportscommandcenteralgar@algartech.com;rosimarlr@algartech.com;tatiane.oliveira@algartech.com;viniciusja@algartech.com;</t>
  </si>
  <si>
    <t>expurgo BBN 01 a 11_11.xlsx</t>
  </si>
  <si>
    <t>carloswbj@algartech.com,diegovrs@algartech.com,elinconpa@algartech.com,etsonlps@algartech.com,fabioch@algartecnologia.com.br,ferlemsb@algartech.com,fernandords@algartech.com,flaviom@algartech.com,iurimn@algartech.com,josafa@algartech.com,josepsda@algartech.com,marcos.pereira@algartech.com,paulocpc@algartech.com,paulocruz@algartech.com,qualidade.commandcenter@algartech.com,reportscommandcenteralgar@algartech.com,rosimarlr@algartech.com,tatiane.oliveira@algartech.com,viniciusja@algartech.com</t>
  </si>
  <si>
    <t>formulario_ferias_irregulares_-_algar_tech-wilson.xlsm</t>
  </si>
  <si>
    <t>D8-9C-67-6F-3D-73</t>
  </si>
  <si>
    <t>/o=exchangelabs/ou=exchange administrative group (fydibohf23spdlt)/cn=recipients/cn=2f25493a7e37433d8dafca90f527b173-danubia cri;danubiacsm@algartech.com;</t>
  </si>
  <si>
    <t>Campanha Campo Minado</t>
  </si>
  <si>
    <t>CAMPANHA DE TROCAS CAMPO MINADO.xlsx</t>
  </si>
  <si>
    <t>/o=exchangelabs/ou=exchange administrative group (fydibohf23spdlt)/cn=recipients/cn=2f25493a7e37433d8dafca90f527b173-danubia cri,danubiacsm@algartech.com</t>
  </si>
  <si>
    <t>D:\Users\josemfs\OneDrive - Grupo Algar\2019\Ouvidoria\PROTOCOLO – [#25472]\joaquimefr\Desktop\</t>
  </si>
  <si>
    <t>WO -319034853 - PLAYER BRASILIA-DF - 07-09-2019_REV1.xlsx</t>
  </si>
  <si>
    <t>WO - SJXG01 - N°-ABRIR.xlsx</t>
  </si>
  <si>
    <t>WO - 319037646 - ABIG01R - GO.xlsx</t>
  </si>
  <si>
    <t>WO - 0319041714 - NLNDIS90 - MS.xlsx</t>
  </si>
  <si>
    <t>WO - 0319041713 - NLIVHS90 - MS.xlsx</t>
  </si>
  <si>
    <t>WO - 0319041712 - NLAECS90 - MS.xlsx</t>
  </si>
  <si>
    <t>TOP 15 JUSTIFICATIVAS.xlsx</t>
  </si>
  <si>
    <t>TLSS07_15122018_TICKET_1800008908.xlsx</t>
  </si>
  <si>
    <t>Time Line - NTT1904039199.xlsx</t>
  </si>
  <si>
    <t>WO - 0319021736 - PTRS01 - RO - Corrigida.xlsx</t>
  </si>
  <si>
    <t>SJXG01 - REALINHAMENTO ANTENA SATÉLITE.xlsx</t>
  </si>
  <si>
    <t>sites atualização 11-09-2019.xlsx</t>
  </si>
  <si>
    <t>Revisão Orçamentária 2019.xlsx</t>
  </si>
  <si>
    <t>D:\Users\josemfs\OneDrive - Grupo Algar\2019\Ouvidoria\PROTOCOLO – [#25472]\joaquimefr\Desktop\RES Sobreaviso mês de SETEMBRO2019.msg\s1\</t>
  </si>
  <si>
    <t>Escala de sobreaviso AlgarTech_Setembro-2019_FMM_TCO_Analise PCP_Rev1.xlsx</t>
  </si>
  <si>
    <t>RELATÓRIO FOTOGRÁFICO ENLACE CGMS88 DIR CGMS17.xlsx</t>
  </si>
  <si>
    <t>RELATÓRIO FOTOGRÁFICO DE EVIDENCIA - SITE - PIRBO02 - AC_REV01.xlsx</t>
  </si>
  <si>
    <t>Relatório Fotográfico -NLSDNS01 - Fixação Antena Satélite.xlsx</t>
  </si>
  <si>
    <t>Relatório Fotográfico - PICPE01 - MS.xlsx</t>
  </si>
  <si>
    <t>Relatório Fotográfico - SDNS02- MS.xlsx</t>
  </si>
  <si>
    <t>RELATÓRIO DE EVIDENCIAS - SOBD09 - 1900009328 20-09-2019.xlsx</t>
  </si>
  <si>
    <t>RELATÓRIO DE EVIDENCIA PIBSA01 - GMG VOLVO 34.xlsx</t>
  </si>
  <si>
    <t>REINCIDENCIAS - MS - ANALISE 27-06-2019.xlsx</t>
  </si>
  <si>
    <t>RELATÓRIO DE EVIDENCIAS - PICPE01 - 1900009449.xlsx</t>
  </si>
  <si>
    <t>Pasta10.xlsx</t>
  </si>
  <si>
    <t>Orçamentos GMG´s DF.xlsx</t>
  </si>
  <si>
    <t>JUSTIFICAR SITE FORA-SETOR FORA.xlsx</t>
  </si>
  <si>
    <t>HS - Maio 19.xlsx</t>
  </si>
  <si>
    <t>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5cdf7c02d3784fda99b7b159b2a127b2-rudney leme;/o=exchangelabs/ou=exchange administrative group (fydibohf23spdlt)/cn=recipients/cn=a4d4dbc88c434f8ba2bceed730d83878-marcellus r;</t>
  </si>
  <si>
    <t>Desmobilização_GST.xlsx</t>
  </si>
  <si>
    <t>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5cdf7c02d3784fda99b7b159b2a127b2-rudney leme,/o=exchangelabs/ou=exchange administrative group (fydibohf23spdlt)/cn=recipients/cn=a4d4dbc88c434f8ba2bceed730d83878-marcellus r</t>
  </si>
  <si>
    <t>/o=exchangelabs/ou=exchange administrative group (fydibohf23spdlt)/cn=recipients/cn=2f13f6d577d947158c5f81c08b0e5faf-tatiane dor;</t>
  </si>
  <si>
    <t>Dados Qualidade e Treinamento</t>
  </si>
  <si>
    <t>Media Anual.xlsx</t>
  </si>
  <si>
    <t>/o=exchangelabs/ou=exchange administrative group (fydibohf23spdlt)/cn=recipients/cn=2f13f6d577d947158c5f81c08b0e5faf-tatiane dor</t>
  </si>
  <si>
    <t>10.200.57.243</t>
  </si>
  <si>
    <t>Base BW % Conversão - Nov-2019 - Parcial - 11-11-19.xlsm</t>
  </si>
  <si>
    <t>Farol Churn - Parcial - Nov/2019 - 11/11/19</t>
  </si>
  <si>
    <t>CH28-20_20191112_163234.xls</t>
  </si>
  <si>
    <t>/o=exchangelabs/ou=exchange administrative group (fydibohf23spdlt)/cn=recipients/cn=06eba9dd66a84d6dac3305733f375dfa-mariana cas;/o=exchangelabs/ou=exchange administrative group (fydibohf23spdlt)/cn=recipients/cn=2946605dcf554cb389220dec598b84fa-adriano mon;/o=exchangelabs/ou=exchange administrative group (fydibohf23spdlt)/cn=recipients/cn=3daf2f0b162f40c696c00f9ecbb7d69a-ana laura t;/o=exchangelabs/ou=exchange administrative group (fydibohf23spdlt)/cn=recipients/cn=7e71d7c9fe1b404a88a1ccc751f00fe7-lucas toshi;/o=exchangelabs/ou=exchange administrative group (fydibohf23spdlt)/cn=recipients/cn=8f9112bcd6004da9807d0a5b6178b64d-andrea vasc;/o=exchangelabs/ou=exchange administrative group (fydibohf23spdlt)/cn=recipients/cn=94136c2058ff4601b627fbdc336c474e-naira gabri;/o=exchangelabs/ou=exchange administrative group (fydibohf23spdlt)/cn=recipients/cn=b284454839e94314a90d49e7ec00864f-antonio car;/o=exchangelabs/ou=exchange administrative group (fydibohf23spdlt)/cn=recipients/cn=fed29adde64841ec959c2b9c97a2b6c6-kari</t>
  </si>
  <si>
    <t>Validação Filas.xlsx</t>
  </si>
  <si>
    <t>/o=exchangelabs/ou=exchange administrative group (fydibohf23spdlt)/cn=recipients/cn=06eba9dd66a84d6dac3305733f375dfa-mariana cas,/o=exchangelabs/ou=exchange administrative group (fydibohf23spdlt)/cn=recipients/cn=2946605dcf554cb389220dec598b84fa-adriano mon,/o=exchangelabs/ou=exchange administrative group (fydibohf23spdlt)/cn=recipients/cn=3daf2f0b162f40c696c00f9ecbb7d69a-ana laura t,/o=exchangelabs/ou=exchange administrative group (fydibohf23spdlt)/cn=recipients/cn=7e71d7c9fe1b404a88a1ccc751f00fe7-lucas toshi,/o=exchangelabs/ou=exchange administrative group (fydibohf23spdlt)/cn=recipients/cn=8f9112bcd6004da9807d0a5b6178b64d-andrea vasc,/o=exchangelabs/ou=exchange administrative group (fydibohf23spdlt)/cn=recipients/cn=94136c2058ff4601b627fbdc336c474e-naira gabri,/o=exchangelabs/ou=exchange administrative group (fydibohf23spdlt)/cn=recipients/cn=b284454839e94314a90d49e7ec00864f-antonio car,/o=exchangelabs/ou=exchange administrative group (fydibohf23spdlt)/cn=recipients/cn=fed29adde64841ec959c2b9c97a2b6c6-kari</t>
  </si>
  <si>
    <t>ENC: ERRO NO HOLERITE</t>
  </si>
  <si>
    <t>erros.xlsx</t>
  </si>
  <si>
    <t>RES: evasão CSC e Seletive</t>
  </si>
  <si>
    <t>Contratados Seletive e CSC.xlsx</t>
  </si>
  <si>
    <t>mail.google.com/_/upload?authuser=0&amp;dcp=asu-n&amp;upload_id=AEnB2UrcQc6KY_KbYs79nVa-EF9tU7szVefgqo8hQ6cIRsdQuRYFnSbNVACFSwFz2NFAnZs1231gwuwyR61nIi15IyGArEPnaw&amp;upload_protocol=resumable</t>
  </si>
  <si>
    <t>C:\Users\filemoncmj\OneDrive - Grupo Algar\01. Algar Tech\01. Projetos de Clientes\47. Prudential\22. GIAT\</t>
  </si>
  <si>
    <t>Relação RFC Skills x Recursos Prudential Compilado.xlsx</t>
  </si>
  <si>
    <t>carlosasa@algartech.com;emersondav@algartech.com;franklin.watanabe@tse.jus.br;marcoacpj@algartech.com;wesleydal@algartech.com;</t>
  </si>
  <si>
    <t>Ocorrencia Wesley.xlsx</t>
  </si>
  <si>
    <t>carlosasa@algartech.com,emersondav@algartech.com,franklin.watanabe@tse.jus.br,marcoacpj@algartech.com,wesleydal@algartech.com</t>
  </si>
  <si>
    <t>joysi.pereira.k2@youse.com.br;wasleylc@algartech.com;</t>
  </si>
  <si>
    <t>Transferência para o VDN 44601</t>
  </si>
  <si>
    <t>Errata VDN 44601.xlsx</t>
  </si>
  <si>
    <t>joysi.pereira.k2@youse.com.br,wasleylc@algartech.com</t>
  </si>
  <si>
    <t>10.200.57.49</t>
  </si>
  <si>
    <t>Grupo de Rateio 12-11-2019.xlsx</t>
  </si>
  <si>
    <t>RES: Faturamento</t>
  </si>
  <si>
    <t>Historico SLA - TCO_Jan-17 a Fev-18 - analise.xlsx</t>
  </si>
  <si>
    <t>FMM TCO - SKILL E ATIVOS.csv</t>
  </si>
  <si>
    <t>CH28-20_20191112_170504.xls</t>
  </si>
  <si>
    <t>/o=exchangelabs/ou=exchange administrative group (fydibohf23spdlt)/cn=recipients/cn=35600680776041e0b2e3612c7a4448ea-laura venan;/o=exchangelabs/ou=exchange administrative group (fydibohf23spdlt)/cn=recipients/cn=402535980e9d4d4788d63e3c9587e129-melissa fer;/o=exchangelabs/ou=exchange administrative group (fydibohf23spdlt)/cn=recipients/cn=509f93c55ee04a2db0c238b7a3e5d9a0-edval jose;/o=exchangelabs/ou=exchange administrative group (fydibohf23spdlt)/cn=recipients/cn=728d1d4924f44f719f0b63307ba2e26f-guilherme d;/o=exchangelabs/ou=exchange administrative group (fydibohf23spdlt)/cn=recipients/cn=79b149cf7a984ca686e3b0e40b3bc8cf-danilo cesa;</t>
  </si>
  <si>
    <t>ENC: Antecipação de Recebimentos de Janeiro/2020 para Dezembro/2019</t>
  </si>
  <si>
    <t>/o=exchangelabs/ou=exchange administrative group (fydibohf23spdlt)/cn=recipients/cn=35600680776041e0b2e3612c7a4448ea-laura venan,/o=exchangelabs/ou=exchange administrative group (fydibohf23spdlt)/cn=recipients/cn=402535980e9d4d4788d63e3c9587e129-melissa fer,/o=exchangelabs/ou=exchange administrative group (fydibohf23spdlt)/cn=recipients/cn=509f93c55ee04a2db0c238b7a3e5d9a0-edval jose,/o=exchangelabs/ou=exchange administrative group (fydibohf23spdlt)/cn=recipients/cn=728d1d4924f44f719f0b63307ba2e26f-guilherme d,/o=exchangelabs/ou=exchange administrative group (fydibohf23spdlt)/cn=recipients/cn=79b149cf7a984ca686e3b0e40b3bc8cf-danilo cesa</t>
  </si>
  <si>
    <t>ENC: Ativos 2020</t>
  </si>
  <si>
    <t>mail.google.com/_/upload?authuser=0&amp;dcp=asu-n&amp;upload_id=AEnB2UojvVCBwK53vb_lZas5qLL7FYk3XEf9owdCGI1CwxJiIpghLLXSj-ua4QUclLFNRBDRV1J3pvIggA1IEnnT15Z8l1nImg&amp;upload_protocol=resumable</t>
  </si>
  <si>
    <t>diegorg@algartech.com;</t>
  </si>
  <si>
    <t>\\acsfs\DEPTOS\PMO Governança\06 - GOVERNANÇA DO CAPEX\CAPEX LONGO PRAZO\CAPEX LP - REVISÃO_A19_M10\</t>
  </si>
  <si>
    <t>PMO - Capex_Longo Prazo_rev_A19M11_versao_financeiro.xlsx</t>
  </si>
  <si>
    <t>diegorg@algartech.com</t>
  </si>
  <si>
    <t>VALIDAÇÃO CAPEX LP - 11_11.rar</t>
  </si>
  <si>
    <t>VALIDAÇÃO CAPEX LP - 11_11.rar\VALIDAÃ‡ÃƒO CAPEX LP - 11_11.pptx\</t>
  </si>
  <si>
    <t>ENC: VALIDAÇÃO CAPEX LP - 11_11.rar</t>
  </si>
  <si>
    <t>Excel LP GAT</t>
  </si>
  <si>
    <t>PROJEÇÃO LP GAT PPE + AS IS + CAPEX - VF.xlsx</t>
  </si>
  <si>
    <t>Desvio Jaque</t>
  </si>
  <si>
    <t>DIA 10.xls</t>
  </si>
  <si>
    <t>/o=exchangelabs/ou=exchange administrative group (fydibohf23spdlt)/cn=recipients/cn=5f1d2da41c984f398563499c2f17e040-jeann ferre;/o=exchangelabs/ou=exchange administrative group (fydibohf23spdlt)/cn=recipients/cn=b033d620f1154cb8be89325f89766ea7-laura celia;</t>
  </si>
  <si>
    <t>/o=exchangelabs/ou=exchange administrative group (fydibohf23spdlt)/cn=recipients/cn=5f1d2da41c984f398563499c2f17e040-jeann ferre,/o=exchangelabs/ou=exchange administrative group (fydibohf23spdlt)/cn=recipients/cn=b033d620f1154cb8be89325f89766ea7-laura celia</t>
  </si>
  <si>
    <t>/o=exchangelabs/ou=exchange administrative group (fydibohf23spdlt)/cn=recipients/cn=022f9be39d034221ac81aa3656cce40a-ana paula s;</t>
  </si>
  <si>
    <t>/o=exchangelabs/ou=exchange administrative group (fydibohf23spdlt)/cn=recipients/cn=022f9be39d034221ac81aa3656cce40a-ana paula s</t>
  </si>
  <si>
    <t>Melhorias contrato atual TIM - FMM/FMT - TIM</t>
  </si>
  <si>
    <t>ENC PREVENTIVAS FMT_JUN2019.msg\s1\</t>
  </si>
  <si>
    <t>Cronograma_Preventivas_Eq Optico_TCO_2019_Wagner.xlsx</t>
  </si>
  <si>
    <t>mail.google.com/_/upload?authuser=0&amp;dcp=asu-n&amp;upload_id=AEnB2UqDSq8XYdDJRIhPghHM0ia0Y-xvg3AQ7D02mRxyWckDGo7euiwZ7BARDXN7R3uDbAAoCcUGYTzS_7AMfIWsot_sTi1YEw&amp;upload_protocol=resumable</t>
  </si>
  <si>
    <t>Controle de Volumetria - MACRO(v3).xlsx</t>
  </si>
  <si>
    <t>mail.google.com/_/upload?authuser=0&amp;dcp=asu-n&amp;upload_id=AEnB2UqmkXxEOkEySaBPrPAytyYBccIeOdSP2lFTupDgmg_mbCiBytabc47oa8dyKTb4uDWU03fjptnbTaBpjW5WmsYRjqrw3Q&amp;upload_protocol=resumable</t>
  </si>
  <si>
    <t>ENC: Evolução de AHT</t>
  </si>
  <si>
    <t>AHT N1 SPEAKING.xlsm</t>
  </si>
  <si>
    <t>\\acsfs\deptos\DME\CME - Coordenacao de Marketing e Estrategia\Inteligência de Mercado\Análise de Indústrias\2019\Segmentação por oferta\LATAM\Revisão_LP_LATAM_VF 12-11.pptx\</t>
  </si>
  <si>
    <t>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</t>
  </si>
  <si>
    <t>ENC: Chamado: 3405089; Arquivos de Compra VT - Grupo Tech</t>
  </si>
  <si>
    <t>28 Relatório Consolidado Pedido Alelo 4442610.xlsx</t>
  </si>
  <si>
    <t>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</t>
  </si>
  <si>
    <t>pmo@algartech.com</t>
  </si>
  <si>
    <t>mail.google.com/_/upload?authuser=0&amp;dcp=asu-n&amp;upload_id=AEnB2UpM8jEt5wnVKbCeI-BWaIEDC6pK-nsqOGcKiSLNI4Fwd0zoEe3P7FPZXWqvpL-2_ezJlpa35nyEuWrCxaGmBZ0oBn8vYBo7O2huHN440K0liyrcxro&amp;upload_protocol=resumable</t>
  </si>
  <si>
    <t>adrielefc@algartech.com;diegorg@algartech.com;</t>
  </si>
  <si>
    <t>\\acsfs\DEPTOS\PMO Governança\06 - GOVERNANÇA DO CAPEX\CAPEX LONGO PRAZO\CAPEX LP - REVISÃO_A19_M10\VALIDAÇÃO CAPEX LP - REUGER.pptx\</t>
  </si>
  <si>
    <t>adrielefc@algartech.com,diegorg@algartech.com</t>
  </si>
  <si>
    <t>ENC: Produtividade CRCe 11/11</t>
  </si>
  <si>
    <t>ENC: rateio orçamento 2020</t>
  </si>
  <si>
    <t>Ebit_11112019.xlsb</t>
  </si>
  <si>
    <t>/o=exchangelabs/ou=exchange administrative group (fydibohf23spdlt)/cn=recipients/cn=5fc1879e1f014f199391214849626ab4-ana paula c;/o=exchangelabs/ou=exchange administrative group (fydibohf23spdlt)/cn=recipients/cn=edc736cbd2a041a6acd73cfd7a4435bd-leticia sou;/o=exchangelabs/ou=exchange administrative group (fydibohf23spdlt)/cn=recipients/cn=edson santos de oliveira;wasleylc@algartech.com;</t>
  </si>
  <si>
    <t>Escala final de Semana - 16/11 e 17/11</t>
  </si>
  <si>
    <t>/o=exchangelabs/ou=exchange administrative group (fydibohf23spdlt)/cn=recipients/cn=5fc1879e1f014f199391214849626ab4-ana paula c,/o=exchangelabs/ou=exchange administrative group (fydibohf23spdlt)/cn=recipients/cn=edc736cbd2a041a6acd73cfd7a4435bd-leticia sou,/o=exchangelabs/ou=exchange administrative group (fydibohf23spdlt)/cn=recipients/cn=edson santos de oliveira,wasleylc@algartech.com</t>
  </si>
  <si>
    <t>/o=exchangelabs/ou=exchange administrative group (fydibohf23spdlt)/cn=recipients/cn=2d3379e2d04c40db810b4b1f41dd2aea-erica carol;/o=exchangelabs/ou=exchange administrative group (fydibohf23spdlt)/cn=recipients/cn=3b76b3dd02a14d289cc323d3c8d12b81-waleska mar;/o=exchangelabs/ou=exchange administrative group (fydibohf23spdlt)/cn=recipients/cn=5d559e739a9e422da552ffdc9668775c-luiz fernan;/o=exchangelabs/ou=exchange administrative group (fydibohf23spdlt)/cn=recipients/cn=gabriela dias felipe;</t>
  </si>
  <si>
    <t>RES: validação da apresentação da Argentina</t>
  </si>
  <si>
    <t>Fluxo de Caixa - Asyst e Algar TI Argentina - sem vinculo.xlsx</t>
  </si>
  <si>
    <t>/o=exchangelabs/ou=exchange administrative group (fydibohf23spdlt)/cn=recipients/cn=2d3379e2d04c40db810b4b1f41dd2aea-erica carol,/o=exchangelabs/ou=exchange administrative group (fydibohf23spdlt)/cn=recipients/cn=3b76b3dd02a14d289cc323d3c8d12b81-waleska mar,/o=exchangelabs/ou=exchange administrative group (fydibohf23spdlt)/cn=recipients/cn=5d559e739a9e422da552ffdc9668775c-luiz fernan,/o=exchangelabs/ou=exchange administrative group (fydibohf23spdlt)/cn=recipients/cn=gabriela dias felipe</t>
  </si>
  <si>
    <t>Gestão de Reajustes 2019 v8.1-nova.xlsx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</t>
  </si>
  <si>
    <t>RES: Pesquisa de satisfação - Parcial NOV</t>
  </si>
  <si>
    <t>Base Transferência Pesquisa Satisfação.xlsx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</t>
  </si>
  <si>
    <t>C:\Users\elainemdlp\OD\_Projetos\Em andamento\Expansao Caixa\04 - Controle\</t>
  </si>
  <si>
    <t>Acompanhamento_Problemas_Caixa.xlsx</t>
  </si>
  <si>
    <t>/o=exchangelabs/ou=exchange administrative group (fydibohf23spdlt)/cn=recipients/cn=38cb943dd1ac413a953757a4a5a53053-fabio welze;/o=exchangelabs/ou=exchange administrative group (fydibohf23spdlt)/cn=recipients/cn=97028c61ebe04c3ca84c604712943944-fabiano wil;/o=exchangelabs/ou=exchange administrative group (fydibohf23spdlt)/cn=recipients/cn=faa1875692cb456dbf2aed952e2f11d6-marcelo bar;milenacmh@algartelecom.com.br;</t>
  </si>
  <si>
    <t>/o=exchangelabs/ou=exchange administrative group (fydibohf23spdlt)/cn=recipients/cn=38cb943dd1ac413a953757a4a5a53053-fabio welze,/o=exchangelabs/ou=exchange administrative group (fydibohf23spdlt)/cn=recipients/cn=97028c61ebe04c3ca84c604712943944-fabiano wil,/o=exchangelabs/ou=exchange administrative group (fydibohf23spdlt)/cn=recipients/cn=faa1875692cb456dbf2aed952e2f11d6-marcelo bar,milenacmh@algartelecom.com.br</t>
  </si>
  <si>
    <t>/o=exchangelabs/ou=exchange administrative group (fydibohf23spdlt)/cn=recipients/cn=0a87f2cad91d442c9f093f600a4c5266-vanessa rod;/o=exchangelabs/ou=exchange administrative group (fydibohf23spdlt)/cn=recipients/cn=545f738e0fe740ba856f4eb6ef0135e0-vinicius si;/o=exchangelabs/ou=exchange administrative group (fydibohf23spdlt)/cn=recipients/cn=d1d015f213f648abbf348b5ccdf8e9d9-senilda per;</t>
  </si>
  <si>
    <t>RES: Incentivo JOB</t>
  </si>
  <si>
    <t>Fechamento Conversação e Pesquisa Concluída - Jun19.msg\s1\</t>
  </si>
  <si>
    <t>Meta conversação Jun.19.xlsb</t>
  </si>
  <si>
    <t>/o=exchangelabs/ou=exchange administrative group (fydibohf23spdlt)/cn=recipients/cn=0a87f2cad91d442c9f093f600a4c5266-vanessa rod,/o=exchangelabs/ou=exchange administrative group (fydibohf23spdlt)/cn=recipients/cn=545f738e0fe740ba856f4eb6ef0135e0-vinicius si,/o=exchangelabs/ou=exchange administrative group (fydibohf23spdlt)/cn=recipients/cn=d1d015f213f648abbf348b5ccdf8e9d9-senilda per</t>
  </si>
  <si>
    <t>/o=exchangelabs/ou=exchange administrative group (fydibohf23spdlt)/cn=recipients/cn=a72a765de829420582b78941417073ac-karina rodr;andre_f_leiva@whirlpool.com;debora_p_oliveira@whirlpool.com;patricia_lima@whirlpool.com;</t>
  </si>
  <si>
    <t>Consumidor Moderno - Informações Urgente</t>
  </si>
  <si>
    <t>Cópia de 2020 CIP Prêmio CM_Excel de Apoio_Empresas.xlsx</t>
  </si>
  <si>
    <t>/o=exchangelabs/ou=exchange administrative group (fydibohf23spdlt)/cn=recipients/cn=a72a765de829420582b78941417073ac-karina rodr,andre_f_leiva@whirlpool.com,debora_p_oliveira@whirlpool.com,patricia_lima@whirlpool.com</t>
  </si>
  <si>
    <t>/o=exchangelabs/ou=exchange administrative group (fydibohf23spdlt)/cn=recipients/cn=782d75ab3cda4cfa88d22b405cd49ea0-sueleide al;/o=exchangelabs/ou=exchange administrative group (fydibohf23spdlt)/cn=recipients/cn=a4d4dbc88c434f8ba2bceed730d83878-marcellus r;</t>
  </si>
  <si>
    <t>RES: SALDO DOS BANCOS/CAIXA OUT/2019</t>
  </si>
  <si>
    <t>SAldos BAncos e CAixas Latam.xlsx</t>
  </si>
  <si>
    <t>/o=exchangelabs/ou=exchange administrative group (fydibohf23spdlt)/cn=recipients/cn=782d75ab3cda4cfa88d22b405cd49ea0-sueleide al,/o=exchangelabs/ou=exchange administrative group (fydibohf23spdlt)/cn=recipients/cn=a4d4dbc88c434f8ba2bceed730d83878-marcellus r</t>
  </si>
  <si>
    <t>10.250.254.98</t>
  </si>
  <si>
    <t>Prudential - BP GIAT - Versão Novembro 2019.xlsb</t>
  </si>
  <si>
    <t>C:\Users\filemoncmj\OneDrive - Grupo Algar\01. Algar Tech\01. Projetos de Clientes\47. Prudential\02. BP\Prudential - BP GIAT - Versão Novembro 2019.xlsb\</t>
  </si>
  <si>
    <t>ENC: Procedimento Macro Pré-Faturamento **** Férias Tatiane ****</t>
  </si>
  <si>
    <t>kellyao@algartech.com;</t>
  </si>
  <si>
    <t>RESULTADOS.xlsx</t>
  </si>
  <si>
    <t>kellyao@algartech.com</t>
  </si>
  <si>
    <t>/o=exchangelabs/ou=exchange administrative group (fydibohf23spdlt)/cn=recipients/cn=2d3379e2d04c40db810b4b1f41dd2aea-erica carol;/o=exchangelabs/ou=exchange administrative group (fydibohf23spdlt)/cn=recipients/cn=509f93c55ee04a2db0c238b7a3e5d9a0-edval jose;/o=exchangelabs/ou=exchange administrative group (fydibohf23spdlt)/cn=recipients/cn=c514dbe8b91547adb4618232d1a650ba-afonso domi;/o=exchangelabs/ou=exchange administrative group (fydibohf23spdlt)/cn=recipients/cn=c82d742f5f1e4122a86db0495b71e095-nilton j. g;/o=exchangelabs/ou=exchange administrative group (fydibohf23spdlt)/cn=recipients/cn=userd5d32f69;danielap@br.ibm.com;ingrid.marcella.silva@ibm.com;</t>
  </si>
  <si>
    <t>RES: PENDENCIAS : Inadimplência IBM - Algar TI</t>
  </si>
  <si>
    <t>Pendencias NFs Algar_IBM 12.11.xlsx</t>
  </si>
  <si>
    <t>/o=exchangelabs/ou=exchange administrative group (fydibohf23spdlt)/cn=recipients/cn=2d3379e2d04c40db810b4b1f41dd2aea-erica carol,/o=exchangelabs/ou=exchange administrative group (fydibohf23spdlt)/cn=recipients/cn=509f93c55ee04a2db0c238b7a3e5d9a0-edval jose,/o=exchangelabs/ou=exchange administrative group (fydibohf23spdlt)/cn=recipients/cn=c514dbe8b91547adb4618232d1a650ba-afonso domi,/o=exchangelabs/ou=exchange administrative group (fydibohf23spdlt)/cn=recipients/cn=c82d742f5f1e4122a86db0495b71e095-nilton j. g,/o=exchangelabs/ou=exchange administrative group (fydibohf23spdlt)/cn=recipients/cn=userd5d32f69,danielap@br.ibm.com,ingrid.marcella.silva@ibm.com</t>
  </si>
  <si>
    <t>TRN - FEIRA DO CONHECIMENTO MODULO_13.11 e 14.11.xlsx</t>
  </si>
  <si>
    <t>eunice.pimenta@algartech.com;katiagcc@algartech.com;lucianabo@algartech.com;rosilenedlf@algartech.com;</t>
  </si>
  <si>
    <t>Treinamento ID Unico HE.xlsx</t>
  </si>
  <si>
    <t>eunice.pimenta@algartech.com,katiagcc@algartech.com,lucianabo@algartech.com,rosilenedlf@algartech.com</t>
  </si>
  <si>
    <t>10.250.255.43</t>
  </si>
  <si>
    <t>UDPBKPCONSAP01_LTO_DC2.xlsx</t>
  </si>
  <si>
    <t>11/13/2019 05:58:29</t>
  </si>
  <si>
    <t>C:\Users\rodrigombu\OneDrive - Grupo Algar\Whirlpool\2019\11 - Novembro\Arquivo\BO\</t>
  </si>
  <si>
    <t>TABULAÇÃO ECENTER - Devolutiva Larissa.xlsx</t>
  </si>
  <si>
    <t>11/13/2019 06:00:29</t>
  </si>
  <si>
    <t>11/13/2019 06:03:30</t>
  </si>
  <si>
    <t>11/13/2019 06:32:29</t>
  </si>
  <si>
    <t>11/13/2019 06:35:29</t>
  </si>
  <si>
    <t>11/13/2019 07:45:57</t>
  </si>
  <si>
    <t>11/13/2019 07:50:30</t>
  </si>
  <si>
    <t>é o que eu tenho</t>
  </si>
  <si>
    <t>Comissão PF - 2408.pptx\</t>
  </si>
  <si>
    <t>11/13/2019 07:59:29</t>
  </si>
  <si>
    <t>11/13/2019 07:58:27</t>
  </si>
  <si>
    <t>11/13/2019 08:01:29</t>
  </si>
  <si>
    <t>C:\Users\filemoncmj\OneDrive - Grupo Algar\01. Algar Tech\01. Projetos de Clientes\47. Prudential\23. Solicitações de Mudança\Implantação Prudential - Solicitação de Mudança.eml\</t>
  </si>
  <si>
    <t>Prudential - BP ISD - Versão Novembro 2019.xlsb</t>
  </si>
  <si>
    <t>C:\Users\filemoncmj\OneDrive - Grupo Algar\01. Algar Tech\01. Projetos de Clientes\47. Prudential\23. Solicitações de Mudança\Implantação Prudential - Solicitação de Mudança.eml\Prudential - BP GIAT - Versão Novembro 2019.xlsb\</t>
  </si>
  <si>
    <t>C:\Users\filemoncmj\OneDrive - Grupo Algar\01. Algar Tech\01. Projetos de Clientes\47. Prudential\23. Solicitações de Mudança\Implantação Prudential - Solicitação de Mudança.eml\Prudential - BP ISD - Versão Novembro 2019.xlsb\</t>
  </si>
  <si>
    <t>11/13/2019 08:23:29</t>
  </si>
  <si>
    <t>Políticas</t>
  </si>
  <si>
    <t>1 Planilha Incentivo.xlsx</t>
  </si>
  <si>
    <t>11/13/2019 08:28:11</t>
  </si>
  <si>
    <t>11/13/2019 08:33:29</t>
  </si>
  <si>
    <t>RetornaCaminhosCategorizacaoMailing_13-11-19 - NPS.xlsm</t>
  </si>
  <si>
    <t>11/13/2019 08:28:05</t>
  </si>
  <si>
    <t>/o=exchangelabs/ou=exchange administrative group (fydibohf23spdlt)/cn=recipients/cn=0ca6cc8d100949a7866a928f62ef5778-rosilene de;hugo_cesar_rodrigues_dos_santos_algar@whirlpool.com;larissabdi@algartech.com;</t>
  </si>
  <si>
    <t>RES: Tabulação Ecenter</t>
  </si>
  <si>
    <t>/o=exchangelabs/ou=exchange administrative group (fydibohf23spdlt)/cn=recipients/cn=0ca6cc8d100949a7866a928f62ef5778-rosilene de,hugo_cesar_rodrigues_dos_santos_algar@whirlpool.com,larissabdi@algartech.com</t>
  </si>
  <si>
    <t>C:\Users\suelenmm\OneDrive - Grupo Algar\Desktop - 12-11-19\</t>
  </si>
  <si>
    <t>214371 - Plan Precificacao C017 B017.xlsb</t>
  </si>
  <si>
    <t>C:\Users\suelenmm\OneDrive - Grupo Algar\Desktop - 12-11-19\214371 - Plan Precificacao C017 B017.xlsb\</t>
  </si>
  <si>
    <t>199274_IBM_v5_Bodyshop_MULTI_(C017_B0171 - rev5 - BP COM CARGOS ATUALIZADOS.xlsb</t>
  </si>
  <si>
    <t>C:\Users\suelenmm\OneDrive - Grupo Algar\Desktop - 12-11-19\199274_IBM_v5_Bodyshop_MULTI_(C017_B0171 - rev5 - BP COM CARGOS ATUALIZADOS.xlsb\</t>
  </si>
  <si>
    <t>188270_v3 - Plan Precificacao C017 B017 Last Call r4 17_10_2019_r3 - suelen.xlsb</t>
  </si>
  <si>
    <t>C:\Users\suelenmm\OneDrive - Grupo Algar\Desktop - 12-11-19\188270_v3 - Plan Precificacao C017 B017 Last Call r4 17_10_2019_r3 - suelen.xlsb\</t>
  </si>
  <si>
    <t>C:\Users\suelenmm\OneDrive - Grupo Algar\Desktop - 12-11-19\188270_v3 - PAN FINAL.xlsb\</t>
  </si>
  <si>
    <t>C:\Users\suelenmm\OneDrive - Grupo Algar\Desktop - 12-11-19\PreVendas - Governo Diogo\</t>
  </si>
  <si>
    <t>Sylvio.xlsb</t>
  </si>
  <si>
    <t>Cálculo de Comissões.xlsx</t>
  </si>
  <si>
    <t>cotacao funarte.xlsx</t>
  </si>
  <si>
    <t>C:\Users\suelenmm\OneDrive - Grupo Algar\Desktop - 12-11-19\Teste BP\</t>
  </si>
  <si>
    <t>Cópia de 216428_IBM_CMOC_Field_SP_v1_(C017_B017).xlsb</t>
  </si>
  <si>
    <t>C:\Users\suelenmm\OneDrive - Grupo Algar\Desktop - 12-11-19\Teste BP\Cópia de 216428_IBM_CMOC_Field_SP_v1_(C017_B017).xlsb\</t>
  </si>
  <si>
    <t>C:\Users\suelenmm\OneDrive - Grupo Algar\Desktop - 12-11-19\Teste BP\BP Preço C017 B017-Renault Latam LOT5 (insite) v1.7 - 26%MC (fechamento pós BAFO) - Suelen.xlsb\</t>
  </si>
  <si>
    <t>C:\Users\suelenmm\OneDrive - Grupo Algar\Desktop - 12-11-19\PreVendas - Governo Diogo\ABDI\</t>
  </si>
  <si>
    <t>cotação.xlsx</t>
  </si>
  <si>
    <t>cotação Envio.xlsx</t>
  </si>
  <si>
    <t>C:\Users\suelenmm\OneDrive - Grupo Algar\Desktop - 12-11-19\PreVendas - Governo Diogo\adasa\</t>
  </si>
  <si>
    <t>previa preço.xlsx</t>
  </si>
  <si>
    <t>C:\Users\suelenmm\OneDrive - Grupo Algar\Desktop - 12-11-19\PreVendas - Governo Diogo\ALESP\</t>
  </si>
  <si>
    <t>Preco.xlsb</t>
  </si>
  <si>
    <t>C:\Users\suelenmm\OneDrive - Grupo Algar\Desktop - 12-11-19\PreVendas - Governo Diogo\Alphaville\</t>
  </si>
  <si>
    <t>Per Call Reset Senha.xlsb</t>
  </si>
  <si>
    <t>C:\Users\suelenmm\OneDrive - Grupo Algar\Desktop - 12-11-19\PreVendas - Governo Diogo\Alphaville\Per Call Reset Senha.xlsb\</t>
  </si>
  <si>
    <t>C:\Users\suelenmm\OneDrive - Grupo Algar\Desktop - 12-11-19\PreVendas - Governo Diogo\AMAGGI\</t>
  </si>
  <si>
    <t>PS.xlsb</t>
  </si>
  <si>
    <t>C:\Users\suelenmm\OneDrive - Grupo Algar\Desktop - 12-11-19\PreVendas - Governo Diogo\AMAGGI\PS.xlsb\</t>
  </si>
  <si>
    <t>NOC.xlsb</t>
  </si>
  <si>
    <t>C:\Users\suelenmm\OneDrive - Grupo Algar\Desktop - 12-11-19\PreVendas - Governo Diogo\AMAGGI\NOC.xlsb\</t>
  </si>
  <si>
    <t>Field.xlsb</t>
  </si>
  <si>
    <t>C:\Users\suelenmm\OneDrive - Grupo Algar\Desktop - 12-11-19\PreVendas - Governo Diogo\AMAGGI\Field.xlsb\</t>
  </si>
  <si>
    <t>Bilíngue Dedicado.xlsb</t>
  </si>
  <si>
    <t>C:\Users\suelenmm\OneDrive - Grupo Algar\Desktop - 12-11-19\PreVendas - Governo Diogo\AMAGGI\Bilíngue Dedicado.xlsb\</t>
  </si>
  <si>
    <t>Bilíngue compartilhado.xlsb</t>
  </si>
  <si>
    <t>C:\Users\suelenmm\OneDrive - Grupo Algar\Desktop - 12-11-19\PreVendas - Governo Diogo\AMAGGI\Bilíngue compartilhado.xlsb\</t>
  </si>
  <si>
    <t>C:\Users\suelenmm\OneDrive - Grupo Algar\Desktop - 12-11-19\PreVendas - Governo Diogo\ANAC\</t>
  </si>
  <si>
    <t>Estrutura e preço PS.xlsx</t>
  </si>
  <si>
    <t>C:\Users\suelenmm\OneDrive - Grupo Algar\Desktop - 12-11-19\PreVendas - Governo Diogo\ANATEL\</t>
  </si>
  <si>
    <t>Cenário 2.xlsb</t>
  </si>
  <si>
    <t>C:\Users\suelenmm\OneDrive - Grupo Algar\Desktop - 12-11-19\PreVendas - Governo Diogo\ANATEL\Cenário 2.xlsb\</t>
  </si>
  <si>
    <t>Cenário 1.xlsb</t>
  </si>
  <si>
    <t>C:\Users\suelenmm\OneDrive - Grupo Algar\Desktop - 12-11-19\PreVendas - Governo Diogo\ANATEL\Cenário 1.xlsb\</t>
  </si>
  <si>
    <t>C:\Users\suelenmm\OneDrive - Grupo Algar\Desktop - 12-11-19\PreVendas - Governo Diogo\ANS\</t>
  </si>
  <si>
    <t>Cotação.xlsx</t>
  </si>
  <si>
    <t>C:\Users\suelenmm\OneDrive - Grupo Algar\Desktop - 12-11-19\PreVendas - Governo Diogo\ANTT\</t>
  </si>
  <si>
    <t>Funcionalidades-Ferramenta-CA.xlsx</t>
  </si>
  <si>
    <t>C:\Users\suelenmm\OneDrive - Grupo Algar\Desktop - 12-11-19\PreVendas - Governo Diogo\BACEN\</t>
  </si>
  <si>
    <t>C:\Users\suelenmm\OneDrive - Grupo Algar\Desktop - 12-11-19\PreVendas - Governo Diogo\BNB\</t>
  </si>
  <si>
    <t>Simulação.xlsx</t>
  </si>
  <si>
    <t>Simulação - Valdeira.xlsx</t>
  </si>
  <si>
    <t>Map - Sistema de Precificação Novo Portifolio.xlsb</t>
  </si>
  <si>
    <t>C:\Users\suelenmm\OneDrive - Grupo Algar\Desktop - 12-11-19\PreVendas - Governo Diogo\BNDES\</t>
  </si>
  <si>
    <t>Planilha de Preço por ítem.xlsx</t>
  </si>
  <si>
    <t>Planilha de Preço por ítem(REVISADO).xlsx</t>
  </si>
  <si>
    <t>C:\Users\suelenmm\OneDrive - Grupo Algar\Desktop - 12-11-19\PreVendas - Governo Diogo\CADE\</t>
  </si>
  <si>
    <t>BP Item 4.xlsb</t>
  </si>
  <si>
    <t>C:\Users\suelenmm\OneDrive - Grupo Algar\Desktop - 12-11-19\PreVendas - Governo Diogo\CADE\BP Item 4.xlsb\</t>
  </si>
  <si>
    <t>BP Item 2.xlsb</t>
  </si>
  <si>
    <t>C:\Users\suelenmm\OneDrive - Grupo Algar\Desktop - 12-11-19\PreVendas - Governo Diogo\CADE\BP Item 2.xlsb\</t>
  </si>
  <si>
    <t>BP Item 1.xlsb</t>
  </si>
  <si>
    <t>C:\Users\suelenmm\OneDrive - Grupo Algar\Desktop - 12-11-19\PreVendas - Governo Diogo\CADE\BP Item 1.xlsb\</t>
  </si>
  <si>
    <t>C:\Users\suelenmm\OneDrive - Grupo Algar\Desktop - 12-11-19\PreVendas - Governo Diogo\CENTRUS\</t>
  </si>
  <si>
    <t>Cópia de Planilha de Preço - Serviços Gerenciados.xlsb</t>
  </si>
  <si>
    <t>C:\Users\suelenmm\OneDrive - Grupo Algar\Desktop - 12-11-19\PreVendas - Governo Diogo\CEPEL\</t>
  </si>
  <si>
    <t>BP1 6 Suporte Jr.xlsb</t>
  </si>
  <si>
    <t>C:\Users\suelenmm\OneDrive - Grupo Algar\Desktop - 12-11-19\PreVendas - Governo Diogo\CGU\</t>
  </si>
  <si>
    <t>Atividade Scripts.xlsb</t>
  </si>
  <si>
    <t>Atividades de Redes.xlsb</t>
  </si>
  <si>
    <t>C:\Users\suelenmm\OneDrive - Grupo Algar\Desktop - 12-11-19\PreVendas - Governo Diogo\CHS Sorocaba\</t>
  </si>
  <si>
    <t>Cotacao.xlsb</t>
  </si>
  <si>
    <t>C:\Users\suelenmm\OneDrive - Grupo Algar\Desktop - 12-11-19\PreVendas - Governo Diogo\Cidadão Digital\</t>
  </si>
  <si>
    <t>Indicadores BP.xlsx</t>
  </si>
  <si>
    <t>BP_Matheus.xlsb</t>
  </si>
  <si>
    <t>C:\Users\suelenmm\OneDrive - Grupo Algar\Desktop - 12-11-19\PreVendas - Governo Diogo\CJF\</t>
  </si>
  <si>
    <t>Pontos Relevantes.xlsx</t>
  </si>
  <si>
    <t>C:\Users\suelenmm\OneDrive - Grupo Algar\Desktop - 12-11-19\PreVendas - Governo Diogo\CMOC\</t>
  </si>
  <si>
    <t>SETUP.xlsb</t>
  </si>
  <si>
    <t>C:\Users\suelenmm\OneDrive - Grupo Algar\Desktop - 12-11-19\PreVendas - Governo Diogo\CMOC\SETUP.xlsb\</t>
  </si>
  <si>
    <t>Recorrente.xlsb</t>
  </si>
  <si>
    <t>C:\Users\suelenmm\OneDrive - Grupo Algar\Desktop - 12-11-19\PreVendas - Governo Diogo\CMOC\Recorrente.xlsb\</t>
  </si>
  <si>
    <t>C:\Users\suelenmm\OneDrive - Grupo Algar\Desktop - 12-11-19\PreVendas - Governo Diogo\CNEN RJ\</t>
  </si>
  <si>
    <t>BP.xlsb</t>
  </si>
  <si>
    <t>C:\Users\suelenmm\OneDrive - Grupo Algar\Desktop - 12-11-19\PreVendas - Governo Diogo\CNEN RJ\BP.xlsb\</t>
  </si>
  <si>
    <t>C:\Users\suelenmm\OneDrive - Grupo Algar\Desktop - 12-11-19\PreVendas - Governo Diogo\CNMP\</t>
  </si>
  <si>
    <t>Racional.xlsx</t>
  </si>
  <si>
    <t>C:\Users\suelenmm\OneDrive - Grupo Algar\Desktop - 12-11-19\PreVendas - Governo Diogo\CNPq\CNPq.1.zip\CNPq.1\</t>
  </si>
  <si>
    <t>2.1 - ADMINISTRADOR DE BANCO DE DADOS.xlsx</t>
  </si>
  <si>
    <t>2.2 - ANALISTA DE MIDLEWARE.xlsx</t>
  </si>
  <si>
    <t>2.3 - ANALISTA DE INTERNET_WEB.xlsx</t>
  </si>
  <si>
    <t>2.4 - ANALISTA DE MENSAGERIA E COLABORACÌ§AÌƒO.xlsx</t>
  </si>
  <si>
    <t>FormulaÌrio de Proposta Comercial - Lote 4.xls</t>
  </si>
  <si>
    <t>C:\Users\suelenmm\OneDrive - Grupo Algar\Desktop - 12-11-19\PreVendas - Governo Diogo\CPFL\</t>
  </si>
  <si>
    <t>TI Operação - Base .xlsx</t>
  </si>
  <si>
    <t>Sizing.xlsx</t>
  </si>
  <si>
    <t>Duvidas_Respostas_CPFL.XLSX</t>
  </si>
  <si>
    <t>BP Preço C010 B011 Desonerada.xlsb</t>
  </si>
  <si>
    <t>C:\Users\suelenmm\OneDrive - Grupo Algar\Desktop - 12-11-19\PreVendas - Governo Diogo\CPFL\BP Preço C010 B011 Desonerada.xlsb\</t>
  </si>
  <si>
    <t>BP Central Algar.xlsb</t>
  </si>
  <si>
    <t>C:\Users\suelenmm\OneDrive - Grupo Algar\Desktop - 12-11-19\PreVendas - Governo Diogo\CPFL\BP Central Algar.xlsb\</t>
  </si>
  <si>
    <t>C:\Users\suelenmm\OneDrive - Grupo Algar\Desktop - 12-11-19\PreVendas - Governo Diogo\CPRM\</t>
  </si>
  <si>
    <t>Racionais.xlsx</t>
  </si>
  <si>
    <t>C:\Users\suelenmm\OneDrive - Grupo Algar\Desktop - 12-11-19\PreVendas - Governo Diogo\CREA-SP\</t>
  </si>
  <si>
    <t>BP_Final_36_Meses.xlsb</t>
  </si>
  <si>
    <t>C:\Users\suelenmm\OneDrive - Grupo Algar\Desktop - 12-11-19\PreVendas - Governo Diogo\Câmara\</t>
  </si>
  <si>
    <t>Preço - Serviços Gerenciados SEM PBM.xlsb</t>
  </si>
  <si>
    <t>Preço - Serviços Gerenciados COM PBM.xlsb</t>
  </si>
  <si>
    <t>Preço - Serviços Gerenciados COM PBM Aux. Alim..xlsb</t>
  </si>
  <si>
    <t>Planilha de Preço - Serviços Gerenciados.xlsb</t>
  </si>
  <si>
    <t>C:\Users\suelenmm\OneDrive - Grupo Algar\Desktop - 12-11-19\PreVendas - Governo Diogo\Câmara Legislativa\</t>
  </si>
  <si>
    <t>C:\Users\suelenmm\OneDrive - Grupo Algar\Desktop - 12-11-19\PreVendas - Governo Diogo\DETRAN SP\</t>
  </si>
  <si>
    <t>C:\Users\suelenmm\OneDrive - Grupo Algar\Desktop - 12-11-19\PreVendas - Governo Diogo\Documentação de Apoio\</t>
  </si>
  <si>
    <t>Sist. Precificação TI - BPO - BSA.xlsb</t>
  </si>
  <si>
    <t>Simulação REAJUSTE.xlsx</t>
  </si>
  <si>
    <t>Proposta de Resumo Executivo_v2.xlsx</t>
  </si>
  <si>
    <t>Precificação com Adoção.xlsb</t>
  </si>
  <si>
    <t>Planilha de Custos - Resumo e IN-02.xlsx</t>
  </si>
  <si>
    <t>Intradiario DIOGO.xls</t>
  </si>
  <si>
    <t>IN-02.xlsx</t>
  </si>
  <si>
    <t>Impacto X Urgência.xlsx</t>
  </si>
  <si>
    <t>C:\Users\suelenmm\OneDrive - Grupo Algar\Suélen\</t>
  </si>
  <si>
    <t>Fluxo_de_Caixa_2010_2011_2012_2013_2014_2015_2016 v1.xlsx</t>
  </si>
  <si>
    <t>D:\Backup 12-11-2019\Suélen\Fluxo_de_Caixa_2010_2011_2012_2013_2014_2015_2016 v1.xlsx</t>
  </si>
  <si>
    <t>dimensionamento Monitoramento.xlsx</t>
  </si>
  <si>
    <t>Departamental - set11.xlsx</t>
  </si>
  <si>
    <t>Helena v2.xlsx</t>
  </si>
  <si>
    <t>D:\Backup 12-11-2019\Suélen\Helena v2.xlsx</t>
  </si>
  <si>
    <t>Helena.xlsx</t>
  </si>
  <si>
    <t>D:\Backup 12-11-2019\Suélen\Helena.xlsx</t>
  </si>
  <si>
    <t>Incorporação Salarial.xlsx</t>
  </si>
  <si>
    <t>D:\Backup 12-11-2019\Suélen\Incorporação Salarial.xlsx</t>
  </si>
  <si>
    <t>C:\Users\suelenmm\OneDrive - Grupo Algar\Suélen\Divorcio\</t>
  </si>
  <si>
    <t>Pensão e Divisão de Bens.xlsx</t>
  </si>
  <si>
    <t>D:\Backup 12-11-2019\Suélen\Divorcio\Pensão e Divisão de Bens.xlsx</t>
  </si>
  <si>
    <t>C:\Users\suelenmm\OneDrive - Grupo Algar\Suélen\Gravidez\</t>
  </si>
  <si>
    <t>Convite Cha de Fraldas.xlsx</t>
  </si>
  <si>
    <t>D:\Backup 12-11-2019\Suélen\Gravidez\Convite Cha de Fraldas.xlsx</t>
  </si>
  <si>
    <t>C:\Users\suelenmm\OneDrive - Grupo Algar\Desktop - 12-11-19\PreVendas - Governo Diogo\DPDF\</t>
  </si>
  <si>
    <t>Preço Final.xlsb</t>
  </si>
  <si>
    <t>C:\Users\suelenmm\OneDrive - Grupo Algar\Desktop - 12-11-19\PreVendas - Governo Diogo\DPDF\Preço Final.xlsb\</t>
  </si>
  <si>
    <t>Desenho.xlsx</t>
  </si>
  <si>
    <t>BP Preço C009 B009.xlsb</t>
  </si>
  <si>
    <t>C:\Users\suelenmm\OneDrive - Grupo Algar\Desktop - 12-11-19\PreVendas - Governo Diogo\DPDF\BP Preço C009 B009.xlsb\</t>
  </si>
  <si>
    <t>D:\Backup 12-11-2019\Suélen\Investimentos\Apuração de IR em branco.xlsx</t>
  </si>
  <si>
    <t>Patrimonio.xlsx</t>
  </si>
  <si>
    <t>D:\Backup 12-11-2019\Suélen\Investimentos\Patrimonio.xlsx</t>
  </si>
  <si>
    <t>C:\Users\suelenmm\OneDrive - Grupo Algar\Suélen\Mary Kay\Silvania\</t>
  </si>
  <si>
    <t>Mary Kay - Silvania v2.xlsx</t>
  </si>
  <si>
    <t>D:\Backup 12-11-2019\Suélen\Mary Kay\Silvania\Mary Kay - Silvania v2.xlsx</t>
  </si>
  <si>
    <t>Mary Kay - Silvania.xlsx</t>
  </si>
  <si>
    <t>D:\Backup 12-11-2019\Suélen\Mary Kay\Silvania\Mary Kay - Silvania.xlsx</t>
  </si>
  <si>
    <t>C:\Users\suelenmm\OneDrive - Grupo Algar\Suélen\Mary Kay\Suélen\</t>
  </si>
  <si>
    <t>Mary Kay - Nomes.xlsx</t>
  </si>
  <si>
    <t>D:\Backup 12-11-2019\Suélen\Mary Kay\Suélen\Mary Kay - Nomes.xlsx</t>
  </si>
  <si>
    <t>Tarefas.xlsx</t>
  </si>
  <si>
    <t>D:\Backup 12-11-2019\Suélen\Mary Kay\Suélen\Tarefas.xlsx</t>
  </si>
  <si>
    <t>11/13/2019 08:34:29</t>
  </si>
  <si>
    <t>C:\Users\suelenmm\OneDrive - Grupo Algar\Suélen\Mary Kay\Suélen\Cartão\</t>
  </si>
  <si>
    <t>cartao.xlsx</t>
  </si>
  <si>
    <t>D:\Backup 12-11-2019\Suélen\Mary Kay\Suélen\Cartão\cartao.xlsx</t>
  </si>
  <si>
    <t>C:\Users\suelenmm\OneDrive - Grupo Algar\Suélen\Mary Kay\Suélen\Consórcio\</t>
  </si>
  <si>
    <t>Consorcio.xlsx</t>
  </si>
  <si>
    <t>D:\Backup 12-11-2019\Suélen\Mary Kay\Suélen\Consórcio\Consorcio.xlsx</t>
  </si>
  <si>
    <t>C:\Users\suelenmm\OneDrive - Grupo Algar\Suélen\Mary Kay\Suélen\Pedidos\</t>
  </si>
  <si>
    <t>Mary Kay - Suélen.xlsx</t>
  </si>
  <si>
    <t>D:\Backup 12-11-2019\Suélen\Mary Kay\Suélen\Pedidos\Mary Kay - Suélen.xlsx</t>
  </si>
  <si>
    <t>C:\Users\suelenmm\OneDrive - Grupo Algar\Desktop - 12-11-19\PreVendas - Governo Diogo\DPF\</t>
  </si>
  <si>
    <t>Anexo 1 - Detalhe das macro-atividades.xlsx</t>
  </si>
  <si>
    <t>C:\Users\suelenmm\OneDrive - Grupo Algar\Desktop - 12-11-19\PreVendas - Governo Diogo\DPRF\</t>
  </si>
  <si>
    <t>C:\Users\suelenmm\OneDrive - Grupo Algar\Desktop - 12-11-19\PreVendas - Governo Diogo\DPU-RN\</t>
  </si>
  <si>
    <t>Preço (6hs).xlsb</t>
  </si>
  <si>
    <t>Preço (6hs) (Cheio).xlsb</t>
  </si>
  <si>
    <t>Impantação DPE.xlsx</t>
  </si>
  <si>
    <t>C:\Users\suelenmm\OneDrive - Grupo Algar\Suélen\Treinamentos\SCRUM\</t>
  </si>
  <si>
    <t>simulado.xlsx</t>
  </si>
  <si>
    <t>D:\Backup 12-11-2019\Suélen\Treinamentos\SCRUM\simulado.xlsx</t>
  </si>
  <si>
    <t>Apresentação Defesa Tecnica.xlsx</t>
  </si>
  <si>
    <t>D:\Backup 12-11-2019\Gestão PVs\Apresentação Defesa Tecnica.xlsx</t>
  </si>
  <si>
    <t>Associados jan-19.xlsx</t>
  </si>
  <si>
    <t>D:\Backup 12-11-2019\Gestão PVs\Associados jan-19.xlsx</t>
  </si>
  <si>
    <t>Cargos_Salarios_PS_th_SGTI.xlsx</t>
  </si>
  <si>
    <t>D:\Backup 12-11-2019\Gestão PVs\Cargos_Salarios_PS_th_SGTI.xlsx</t>
  </si>
  <si>
    <t>Cartao Helder.xlsx</t>
  </si>
  <si>
    <t>D:\Backup 12-11-2019\Gestão PVs\Cartao Helder.xlsx</t>
  </si>
  <si>
    <t>CDI_MANUAL_(1) Renato.xlsx</t>
  </si>
  <si>
    <t>D:\Backup 12-11-2019\Gestão PVs\CDI_MANUAL_(1) Renato.xlsx</t>
  </si>
  <si>
    <t>Checklist Proposta v1.xlsx</t>
  </si>
  <si>
    <t>D:\Backup 12-11-2019\Gestão PVs\Checklist Proposta v1.xlsx</t>
  </si>
  <si>
    <t>Controle Opps v1.xlsx</t>
  </si>
  <si>
    <t>D:\Backup 12-11-2019\Gestão PVs\Controle Opps v1.xlsx</t>
  </si>
  <si>
    <t>Departamental 13-11-18.csv</t>
  </si>
  <si>
    <t>D:\Backup 12-11-2019\Gestão PVs\Departamental 13-11-18.csv</t>
  </si>
  <si>
    <t>departamental sem salario.csv</t>
  </si>
  <si>
    <t>D:\Backup 12-11-2019\Gestão PVs\departamental sem salario.csv</t>
  </si>
  <si>
    <t>departamental sem salario.xls</t>
  </si>
  <si>
    <t>D:\Backup 12-11-2019\Gestão PVs\departamental sem salario.xls</t>
  </si>
  <si>
    <t>Draft Catalogo Servicos.xlsx</t>
  </si>
  <si>
    <t>D:\Backup 12-11-2019\Gestão PVs\Draft Catalogo Servicos.xlsx</t>
  </si>
  <si>
    <t>Elegibilidade v2.xlsx</t>
  </si>
  <si>
    <t>D:\Backup 12-11-2019\Gestão PVs\Elegibilidade v2.xlsx</t>
  </si>
  <si>
    <t>D:\Backup 12-11-2019\Gestão PVs\Especificidades Pre Vendas.xlsx</t>
  </si>
  <si>
    <t>Estrutura v1.xlsx</t>
  </si>
  <si>
    <t>D:\Backup 12-11-2019\Gestão PVs\Estrutura v1.xlsx</t>
  </si>
  <si>
    <t>Estrutura.xlsx</t>
  </si>
  <si>
    <t>D:\Backup 12-11-2019\Gestão PVs\Estrutura.xlsx</t>
  </si>
  <si>
    <t>GAP Pré-Vendas Final - 04-09.xlsx</t>
  </si>
  <si>
    <t>D:\Backup 12-11-2019\Gestão PVs\GAP Pré-Vendas Final - 04-09.xlsx</t>
  </si>
  <si>
    <t>GAP Pré-Vendas Final - 22-05.xlsx</t>
  </si>
  <si>
    <t>D:\Backup 12-11-2019\Gestão PVs\GAP Pré-Vendas Final - 22-05.xlsx</t>
  </si>
  <si>
    <t>GAP Pré-Vendas Final - 24-10.xlsx</t>
  </si>
  <si>
    <t>D:\Backup 12-11-2019\Gestão PVs\GAP Pré-Vendas Final - 24-10.xlsx</t>
  </si>
  <si>
    <t>GAP Pré-Vendas Final - 29-06.xlsx</t>
  </si>
  <si>
    <t>D:\Backup 12-11-2019\Gestão PVs\GAP Pré-Vendas Final - 29-06.xlsx</t>
  </si>
  <si>
    <t>GAP Pré-Vendas Final - 31-05.xlsx</t>
  </si>
  <si>
    <t>D:\Backup 12-11-2019\Gestão PVs\GAP Pré-Vendas Final - 31-05.xlsx</t>
  </si>
  <si>
    <t>Homeoffice.xlsx</t>
  </si>
  <si>
    <t>D:\Backup 12-11-2019\Gestão PVs\Homeoffice.xlsx</t>
  </si>
  <si>
    <t>Levantamento Notebooks.xlsx</t>
  </si>
  <si>
    <t>D:\Backup 12-11-2019\Gestão PVs\Levantamento Notebooks.xlsx</t>
  </si>
  <si>
    <t>Mini Currículo.xlsx</t>
  </si>
  <si>
    <t>D:\Backup 12-11-2019\Gestão PVs\Mini Currículo.xlsx</t>
  </si>
  <si>
    <t>Nome e Telefone.xlsx</t>
  </si>
  <si>
    <t>D:\Backup 12-11-2019\Gestão PVs\Nome e Telefone.xlsx</t>
  </si>
  <si>
    <t>Notebooks - jan-19.xlsx</t>
  </si>
  <si>
    <t>D:\Backup 12-11-2019\Gestão PVs\Notebooks - jan-19.xlsx</t>
  </si>
  <si>
    <t>Oportunidades por data criação (System Date) - 27-04.xlsx</t>
  </si>
  <si>
    <t>D:\Backup 12-11-2019\Gestão PVs\Oportunidades por data criação (System Date) - 27-04.xlsx</t>
  </si>
  <si>
    <t>Oportunidades por data criação (System Date).xlsx</t>
  </si>
  <si>
    <t>D:\Backup 12-11-2019\Gestão PVs\Oportunidades por data criação (System Date).xlsx</t>
  </si>
  <si>
    <t>OPPs.xlsx</t>
  </si>
  <si>
    <t>D:\Backup 12-11-2019\Gestão PVs\OPPs.xlsx</t>
  </si>
  <si>
    <t>Plano de Ação Clima 2017.xlsx</t>
  </si>
  <si>
    <t>D:\Backup 12-11-2019\Gestão PVs\Plano de Ação Clima 2017.xlsx</t>
  </si>
  <si>
    <t>Processos V2.xlsx</t>
  </si>
  <si>
    <t>D:\Backup 12-11-2019\Gestão PVs\Processos V2.xlsx</t>
  </si>
  <si>
    <t>Processos.xlsx</t>
  </si>
  <si>
    <t>D:\Backup 12-11-2019\Gestão PVs\Processos.xlsx</t>
  </si>
  <si>
    <t>Programacao Ferias CPV 2018.xls</t>
  </si>
  <si>
    <t>D:\Backup 12-11-2019\Gestão PVs\Programacao Ferias CPV 2018.xls</t>
  </si>
  <si>
    <t>Proposta de reajuste pre vendas mai-19.xlsx</t>
  </si>
  <si>
    <t>D:\Backup 12-11-2019\Gestão PVs\Proposta de reajuste pre vendas mai-19.xlsx</t>
  </si>
  <si>
    <t>Staff 4.0 - Plano de Redução.xlsx</t>
  </si>
  <si>
    <t>D:\Backup 12-11-2019\Gestão PVs\Staff 4.0 - Plano de Redução.xlsx</t>
  </si>
  <si>
    <t>Tabela de Aniversario 13-11-18.csv</t>
  </si>
  <si>
    <t>D:\Backup 12-11-2019\Gestão PVs\Tabela de Aniversario 13-11-18.csv</t>
  </si>
  <si>
    <t>Template - TRANSFERÊNCIA ENTRE EMPRESAS - Suélen.xlsx</t>
  </si>
  <si>
    <t>D:\Backup 12-11-2019\Gestão PVs\Template - TRANSFERÊNCIA ENTRE EMPRESAS - Suélen.xlsx</t>
  </si>
  <si>
    <t>TEMPLATE ACT MANUAL.xlsx</t>
  </si>
  <si>
    <t>D:\Backup 12-11-2019\Gestão PVs\TEMPLATE ACT MANUAL.xlsx</t>
  </si>
  <si>
    <t>Template_Figuras_Associados_Fluxo_Gestão_Contratos.xlsb</t>
  </si>
  <si>
    <t>D:\Backup 12-11-2019\Gestão PVs\Template_Figuras_Associados_Fluxo_Gestão_Contratos.xlsb</t>
  </si>
  <si>
    <t>Vendas Detalhado 27-04.xlsx</t>
  </si>
  <si>
    <t>D:\Backup 12-11-2019\Gestão PVs\Vendas Detalhado 27-04.xlsx</t>
  </si>
  <si>
    <t>C:\Users\suelenmm\OneDrive - Grupo Algar\Gestão PVs\02 - Orçamento\</t>
  </si>
  <si>
    <t>Arquivo de Prévia .xlsx</t>
  </si>
  <si>
    <t>D:\Backup 12-11-2019\Gestão PVs\02 - Orçamento\Arquivo de Prévia .xlsx</t>
  </si>
  <si>
    <t>Consolidação Pessoal - Oficial 2018 - Desonerado - Alessio.xlsb</t>
  </si>
  <si>
    <t>D:\Backup 12-11-2019\Gestão PVs\02 - Orçamento\Consolidação Pessoal - Oficial 2018 - Desonerado - Alessio.xlsb</t>
  </si>
  <si>
    <t>Departamental.xlsx</t>
  </si>
  <si>
    <t>D:\Backup 12-11-2019\Gestão PVs\02 - Orçamento\Departamental.xlsx</t>
  </si>
  <si>
    <t>Orçamento 2018.xls</t>
  </si>
  <si>
    <t>D:\Backup 12-11-2019\Gestão PVs\02 - Orçamento\Orçamento 2018.xls</t>
  </si>
  <si>
    <t>Redução linha de Servios de Terceiros.xlsx</t>
  </si>
  <si>
    <t>D:\Backup 12-11-2019\Gestão PVs\02 - Orçamento\Redução linha de Servios de Terceiros.xlsx</t>
  </si>
  <si>
    <t>Redução Sílvio - Soluções.xlsx</t>
  </si>
  <si>
    <t>D:\Backup 12-11-2019\Gestão PVs\02 - Orçamento\Redução Sílvio - Soluções.xlsx</t>
  </si>
  <si>
    <t>C:\Users\suelenmm\OneDrive - Grupo Algar\Gestão PVs\Banco de Horas\</t>
  </si>
  <si>
    <t>Banco 20-12-18 v2.xlsx</t>
  </si>
  <si>
    <t>D:\Backup 12-11-2019\Gestão PVs\Banco de Horas\Banco 20-12-18 v2.xlsx</t>
  </si>
  <si>
    <t>Banco 20-12-18.xlsx</t>
  </si>
  <si>
    <t>D:\Backup 12-11-2019\Gestão PVs\Banco de Horas\Banco 20-12-18.xlsx</t>
  </si>
  <si>
    <t>C:\Users\suelenmm\OneDrive - Grupo Algar\Gestão PVs\BI\</t>
  </si>
  <si>
    <t>D:\Backup 12-11-2019\Gestão PVs\BI\Demandas.xlsx</t>
  </si>
  <si>
    <t>C:\Users\suelenmm\OneDrive - Grupo Algar\Gestão PVs\Comissão\</t>
  </si>
  <si>
    <t>Comissão Força de Vendas - 2º Tri.xlsb</t>
  </si>
  <si>
    <t>D:\Backup 12-11-2019\Gestão PVs\Comissão\Comissão Força de Vendas - 2º Tri.xlsb</t>
  </si>
  <si>
    <t>Comissão Força de Vendas - 4º Tri - antigo.xlsb</t>
  </si>
  <si>
    <t>D:\Backup 12-11-2019\Gestão PVs\Comissão\Comissão Força de Vendas - 4º Tri - antigo.xlsb</t>
  </si>
  <si>
    <t>Comissão Força de Vendas_V9-NB-SUELENMM.xlsb</t>
  </si>
  <si>
    <t>D:\Backup 12-11-2019\Gestão PVs\Comissão\Comissão Força de Vendas_V9-NB-SUELENMM.xlsb</t>
  </si>
  <si>
    <t>Comissão Força de Vendas_V9.xlsb</t>
  </si>
  <si>
    <t>D:\Backup 12-11-2019\Gestão PVs\Comissão\Comissão Força de Vendas_V9.xlsb</t>
  </si>
  <si>
    <t>Cálculo Win Rate (revisão metas para total 2016) (002).xlsx</t>
  </si>
  <si>
    <t>D:\Backup 12-11-2019\Gestão PVs\Comissão\Cálculo Win Rate (revisão metas para total 2016) (002).xlsx</t>
  </si>
  <si>
    <t>Cópia de 032018_Forecast de Receita Oficial_v08 - PREVIA ABR-18 - 10-04.xlsx</t>
  </si>
  <si>
    <t>D:\Backup 12-11-2019\Gestão PVs\Comissão\Cópia de 032018_Forecast de Receita Oficial_v08 - PREVIA ABR-18 - 10-04.xlsx</t>
  </si>
  <si>
    <t>C:\Users\suelenmm\OneDrive - Grupo Algar\Gestão PVs\Comissão\Descontos time de Vendas.msg\s285\</t>
  </si>
  <si>
    <t>DE-PARA Final Pagamentos Força de Vendas 2016.xlsx</t>
  </si>
  <si>
    <t>D:\Backup 12-11-2019\Gestão PVs\Comissão\Descontos time de Vendas.msg</t>
  </si>
  <si>
    <t>Oportunidades por data fechamento DETALHADO - WIN RATE 3 TRI-NB-SUELENMM.xlsx</t>
  </si>
  <si>
    <t>D:\Backup 12-11-2019\Gestão PVs\Comissão\Oportunidades por data fechamento DETALHADO - WIN RATE 3 TRI-NB-SUELENMM.xlsx</t>
  </si>
  <si>
    <t>Oportunidades por data fechamento DETALHADO - WIN RATE 3 TRI.xlsx</t>
  </si>
  <si>
    <t>D:\Backup 12-11-2019\Gestão PVs\Comissão\Oportunidades por data fechamento DETALHADO - WIN RATE 3 TRI.xlsx</t>
  </si>
  <si>
    <t>Oportunidades por data fechamento v3 - sg telecom 3 tri.xlsx</t>
  </si>
  <si>
    <t>D:\Backup 12-11-2019\Gestão PVs\Comissão\Oportunidades por data fechamento v3 - sg telecom 3 tri.xlsx</t>
  </si>
  <si>
    <t>Vendas 3 TRI.xlsx</t>
  </si>
  <si>
    <t>D:\Backup 12-11-2019\Gestão PVs\Comissão\Vendas 3 TRI.xlsx</t>
  </si>
  <si>
    <t>Vendas Detalhado - 4º tri.xlsx</t>
  </si>
  <si>
    <t>D:\Backup 12-11-2019\Gestão PVs\Comissão\Vendas Detalhado - 4º tri.xlsx</t>
  </si>
  <si>
    <t>Win Rate 2º tri 2017-NB-SUELENMM.xlsx</t>
  </si>
  <si>
    <t>D:\Backup 12-11-2019\Gestão PVs\Comissão\Win Rate 2º tri 2017-NB-SUELENMM.xlsx</t>
  </si>
  <si>
    <t>Win Rate 2º tri 2017.xlsx</t>
  </si>
  <si>
    <t>D:\Backup 12-11-2019\Gestão PVs\Comissão\Win Rate 2º tri 2017.xlsx</t>
  </si>
  <si>
    <t>WP 06 - Recálculo Comissões Pre Vendas - 1 SEM 2016 VF - 28.04.2017.xlsx</t>
  </si>
  <si>
    <t>D:\Backup 12-11-2019\Gestão PVs\Comissão\WP 06 - Recálculo Comissões Pre Vendas - 1 SEM 2016 VF - 28.04.2017.xlsx</t>
  </si>
  <si>
    <t>WP 06 - Recálculo Comissões Pre Vendas - 2º semestre 2016 VF 28.04.2017.xlsx</t>
  </si>
  <si>
    <t>D:\Backup 12-11-2019\Gestão PVs\Comissão\WP 06 - Recálculo Comissões Pre Vendas - 2º semestre 2016 VF 28.04.2017.xlsx</t>
  </si>
  <si>
    <t>C:\Users\suelenmm\OneDrive - Grupo Algar\Gestão PVs\Comissão\2018\</t>
  </si>
  <si>
    <t>Apuração 20-12-18.xlsx</t>
  </si>
  <si>
    <t>D:\Backup 12-11-2019\Gestão PVs\Comissão\2018\Apuração 20-12-18.xlsx</t>
  </si>
  <si>
    <t>C:\Users\suelenmm\OneDrive - Grupo Algar\Gestão PVs\Comissão\2019\</t>
  </si>
  <si>
    <t>Comissão 2019.xlsx</t>
  </si>
  <si>
    <t>D:\Backup 12-11-2019\Gestão PVs\Comissão\2019\Comissão 2019.xlsx</t>
  </si>
  <si>
    <t>Cópia de Forecast de Receita Oficial_2019 07_10_19.xlsx</t>
  </si>
  <si>
    <t>D:\Backup 12-11-2019\Gestão PVs\Comissão\2019\Cópia de Forecast de Receita Oficial_2019 07_10_19.xlsx</t>
  </si>
  <si>
    <t>Metas 2019 - prévia comissão.xlsx</t>
  </si>
  <si>
    <t>D:\Backup 12-11-2019\Gestão PVs\Comissão\2019\Metas 2019 - prévia comissão.xlsx</t>
  </si>
  <si>
    <t>D:\Backup 12-11-2019\Gestão PVs\Comissão\2019\Metas 2019 - v2-NB-SUELENMM.xlsx</t>
  </si>
  <si>
    <t>D:\Backup 12-11-2019\Gestão PVs\Comissão\2019\Metas 2019 - v2.xlsx</t>
  </si>
  <si>
    <t>Metas 2019 - v3.xlsx</t>
  </si>
  <si>
    <t>D:\Backup 12-11-2019\Gestão PVs\Comissão\2019\Metas 2019 - v3.xlsx</t>
  </si>
  <si>
    <t>Metas 2019 - v4.xlsx</t>
  </si>
  <si>
    <t>D:\Backup 12-11-2019\Gestão PVs\Comissão\2019\Metas 2019 - v4.xlsx</t>
  </si>
  <si>
    <t>C:\Users\suelenmm\OneDrive - Grupo Algar\Desktop - 12-11-19\PreVendas - Governo Diogo\Drogaria Araújo\</t>
  </si>
  <si>
    <t>COTAÇÃO.xlsb</t>
  </si>
  <si>
    <t>C:\Users\suelenmm\OneDrive - Grupo Algar\Desktop - 12-11-19\PreVendas - Governo Diogo\Drogaria Araújo\COTAÇÃO.xlsb\</t>
  </si>
  <si>
    <t>Metas 2019.xlsx</t>
  </si>
  <si>
    <t>D:\Backup 12-11-2019\Gestão PVs\Comissão\2019\Metas 2019.xlsx</t>
  </si>
  <si>
    <t>Orçamento.xls</t>
  </si>
  <si>
    <t>D:\Backup 12-11-2019\Gestão PVs\Comissão\2019\Orçamento.xls</t>
  </si>
  <si>
    <t>C:\Users\suelenmm\OneDrive - Grupo Algar\Gestão PVs\Comissão\2019\Proposta Remuneração Força de Vendas 2019 - Soluções.pptx\</t>
  </si>
  <si>
    <t>D:\Backup 12-11-2019\Gestão PVs\Comissão\2019\Proposta Remuneração Força de Vendas 2019 - Soluções.pptx</t>
  </si>
  <si>
    <t>Simulações comissão v5.xlsx</t>
  </si>
  <si>
    <t>D:\Backup 12-11-2019\Gestão PVs\Comissão\2019\Simulações comissão v5.xlsx</t>
  </si>
  <si>
    <t>Valores_Plano_Retenção GAT.xls</t>
  </si>
  <si>
    <t>D:\Backup 12-11-2019\Gestão PVs\Comissão\2019\Valores_Plano_Retenção GAT.xls</t>
  </si>
  <si>
    <t>Vendas Detalhado_TCV_1º Tri_v1.xlsx</t>
  </si>
  <si>
    <t>D:\Backup 12-11-2019\Gestão PVs\Comissão\2019\Vendas Detalhado_TCV_1º Tri_v1.xlsx</t>
  </si>
  <si>
    <t>C:\Users\suelenmm\OneDrive - Grupo Algar\Gestão PVs\Comissão\2019\Apuração\</t>
  </si>
  <si>
    <t>Comissão Força de Vendas - 1º Tri - 2019 - SF - VERSÃO FINAL - SUELEN.xlsb</t>
  </si>
  <si>
    <t>D:\Backup 12-11-2019\Gestão PVs\Comissão\2019\Apuração\Comissão Força de Vendas - 1º Tri - 2019 - SF - VERSÃO FINAL - SUELEN.xlsb</t>
  </si>
  <si>
    <t>Comissão Força de Vendas - RECÁLCULO TCV - 1º Tri - 2019_VF - SF - PRÉ-VENDAS - GAT.xlsb</t>
  </si>
  <si>
    <t>D:\Backup 12-11-2019\Gestão PVs\Comissão\2019\Apuração\Comissão Força de Vendas - RECÁLCULO TCV - 1º Tri - 2019_VF - SF - PRÉ-VENDAS - GAT.xlsb</t>
  </si>
  <si>
    <t>C:\Users\suelenmm\OneDrive - Grupo Algar\Gestão PVs\Comissão\2019\Revisão modelo 2S2019\</t>
  </si>
  <si>
    <t>D:\Backup 12-11-2019\Gestão PVs\Comissão\2019\Revisão modelo 2S2019\Cópia de Forecast de Receita Oficial_2019 - 16-10.xlsx</t>
  </si>
  <si>
    <t>C:\Users\suelenmm\OneDrive - Grupo Algar\Desktop - 12-11-19\PreVendas - Governo Diogo\EBSERH\</t>
  </si>
  <si>
    <t>Pasta de trabalho2.xlsx</t>
  </si>
  <si>
    <t>Forecast de Receita Oficial_2019 - 12.07.xlsx</t>
  </si>
  <si>
    <t>D:\Backup 12-11-2019\Gestão PVs\Comissão\2019\Revisão modelo 2S2019\Forecast de Receita Oficial_2019 - 12.07.xlsx</t>
  </si>
  <si>
    <t>C:\Users\suelenmm\OneDrive - Grupo Algar\Desktop - 12-11-19\PreVendas - Governo Diogo\ect\</t>
  </si>
  <si>
    <t>Precificação + Adoção.xlsm</t>
  </si>
  <si>
    <t>Forecast de Receita Oficial_2019 - 25-09.xlsx</t>
  </si>
  <si>
    <t>D:\Backup 12-11-2019\Gestão PVs\Comissão\2019\Revisão modelo 2S2019\Forecast de Receita Oficial_2019 - 25-09.xlsx</t>
  </si>
  <si>
    <t>D:\Backup 12-11-2019\Gestão PVs\Comissão\2019\Revisão modelo 2S2019\Meta e Real 3º Tri v2 - Inclusao PV na base.xlsx</t>
  </si>
  <si>
    <t>Oportunidades por data criação - bu approval - 28-06.xlsx</t>
  </si>
  <si>
    <t>D:\Backup 12-11-2019\Gestão PVs\Comissão\2019\Revisão modelo 2S2019\Oportunidades por data criação - bu approval - 28-06.xlsx</t>
  </si>
  <si>
    <t>Orçamento 2ºS - 1ª Projeção.xls</t>
  </si>
  <si>
    <t>D:\Backup 12-11-2019\Gestão PVs\Comissão\2019\Revisão modelo 2S2019\Orçamento 2ºS - 1ª Projeção.xls</t>
  </si>
  <si>
    <t>Pipeline Detalhado emissão proposta 06-09.xlsx</t>
  </si>
  <si>
    <t>D:\Backup 12-11-2019\Gestão PVs\Comissão\2019\Revisão modelo 2S2019\Pipeline Detalhado emissão proposta 06-09.xlsx</t>
  </si>
  <si>
    <t>D:\Backup 12-11-2019\Gestão PVs\Comissão\2019\Revisão modelo 2S2019\Proposta Recorrente - 06-09.xlsx</t>
  </si>
  <si>
    <t>Proposta Recorrente - 11-07.xlsx</t>
  </si>
  <si>
    <t>D:\Backup 12-11-2019\Gestão PVs\Comissão\2019\Revisão modelo 2S2019\Proposta Recorrente - 11-07.xlsx</t>
  </si>
  <si>
    <t>Proposta Suélen - 2S2019.xlsx</t>
  </si>
  <si>
    <t>D:\Backup 12-11-2019\Gestão PVs\Comissão\2019\Revisão modelo 2S2019\Proposta Suélen - 2S2019.xlsx</t>
  </si>
  <si>
    <t>D:\Backup 12-11-2019\Gestão PVs\Comissão\2019\Revisão modelo 2S2019\Proposta Suélen - 3TRI2019 - v2.xlsx</t>
  </si>
  <si>
    <t>D:\Backup 12-11-2019\Gestão PVs\Comissão\2019\Revisão modelo 2S2019\Proposta Suélen - 3TRI2019.xlsx</t>
  </si>
  <si>
    <t>Real julho + Forecast ago a dez_19.xlsx</t>
  </si>
  <si>
    <t>D:\Backup 12-11-2019\Gestão PVs\Comissão\2019\Revisão modelo 2S2019\Real julho + Forecast ago a dez_19.xlsx</t>
  </si>
  <si>
    <t>Recorrente - com valor errado e numero da opp.xlsx</t>
  </si>
  <si>
    <t>D:\Backup 12-11-2019\Gestão PVs\Comissão\2019\Revisão modelo 2S2019\Recorrente - com valor errado e numero da opp.xlsx</t>
  </si>
  <si>
    <t>Recorrente.xlsx</t>
  </si>
  <si>
    <t>D:\Backup 12-11-2019\Gestão PVs\Comissão\2019\Revisão modelo 2S2019\Recorrente.xlsx</t>
  </si>
  <si>
    <t>Vendas Resumido v6 12.07.xlsx</t>
  </si>
  <si>
    <t>D:\Backup 12-11-2019\Gestão PVs\Comissão\2019\Revisão modelo 2S2019\Vendas Resumido v6 12.07.xlsx</t>
  </si>
  <si>
    <t>C:\Users\suelenmm\OneDrive - Grupo Algar\Gestão PVs\Comissão\Ano 2017\</t>
  </si>
  <si>
    <t>Comissão Força de Vendas - Anual - Alessio.xlsb</t>
  </si>
  <si>
    <t>D:\Backup 12-11-2019\Gestão PVs\Comissão\Ano 2017\Comissão Força de Vendas - Anual - Alessio.xlsb</t>
  </si>
  <si>
    <t>C:\Users\suelenmm\OneDrive - Grupo Algar\Gestão PVs\Comissão\Comissão 3 tri\</t>
  </si>
  <si>
    <t>Comissão Força de Vendas - 3º Tri - Alessio_Suelen.xlsb</t>
  </si>
  <si>
    <t>D:\Backup 12-11-2019\Gestão PVs\Comissão\Comissão 3 tri\Comissão Força de Vendas - 3º Tri - Alessio_Suelen.xlsb</t>
  </si>
  <si>
    <t>C:\Users\suelenmm\OneDrive - Grupo Algar\Gestão PVs\Comissão\Comissão 3 tri\LIXO\</t>
  </si>
  <si>
    <t>D:\Backup 12-11-2019\Gestão PVs\Comissão\Comissão 3 tri\LIXO\Comissão Força de Vendas - 3º Tri - Alessio_Suelen.xlsb</t>
  </si>
  <si>
    <t>C:\Users\suelenmm\OneDrive - Grupo Algar\Gestão PVs\Comissão\Comissão 4 tri\</t>
  </si>
  <si>
    <t>Comissão Força de Vendas - 4º Tri.xlsb</t>
  </si>
  <si>
    <t>D:\Backup 12-11-2019\Gestão PVs\Comissão\Comissão 4 tri\Comissão Força de Vendas - 4º Tri.xlsb</t>
  </si>
  <si>
    <t>C:\Users\suelenmm\OneDrive - Grupo Algar\Gestão PVs\Objetivos\</t>
  </si>
  <si>
    <t>Apuração Objetivos 1º Semestre 2019.xlsx</t>
  </si>
  <si>
    <t>D:\Backup 12-11-2019\Gestão PVs\Objetivos\Apuração Objetivos 1º Semestre 2019.xlsx</t>
  </si>
  <si>
    <t>C:\Users\suelenmm\OneDrive - Grupo Algar\Gestão PVs\Orçamento\</t>
  </si>
  <si>
    <t>Gestão PTH - 2019 - OFICIAL_Pre Vendas.xlsb</t>
  </si>
  <si>
    <t>D:\Backup 12-11-2019\Gestão PVs\Orçamento\Gestão PTH - 2019 - OFICIAL_Pre Vendas.xlsb</t>
  </si>
  <si>
    <t>Orçado 2019.xls</t>
  </si>
  <si>
    <t>D:\Backup 12-11-2019\Gestão PVs\Orçamento\Orçado 2019.xls</t>
  </si>
  <si>
    <t>Postergação 2ºS19 - Suélen.xlsx</t>
  </si>
  <si>
    <t>D:\Backup 12-11-2019\Gestão PVs\Orçamento\Postergação 2ºS19 - Suélen.xlsx</t>
  </si>
  <si>
    <t>Reajuste 2019.csv</t>
  </si>
  <si>
    <t>D:\Backup 12-11-2019\Gestão PVs\Orçamento\Reajuste 2019.csv</t>
  </si>
  <si>
    <t>Real 2018.xls</t>
  </si>
  <si>
    <t>D:\Backup 12-11-2019\Gestão PVs\Orçamento\Real 2018.xls</t>
  </si>
  <si>
    <t>Suelen - Revisão Orçamento 1 Semestre - PPE 2019.xlsx</t>
  </si>
  <si>
    <t>D:\Backup 12-11-2019\Gestão PVs\Orçamento\Suelen - Revisão Orçamento 1 Semestre - PPE 2019.xlsx</t>
  </si>
  <si>
    <t>PTH - 17% - 15-10.xlsx</t>
  </si>
  <si>
    <t>D:\Backup 12-11-2019\Gestão PVs\Orçamento\2020\PTH - 17% - 15-10.xlsx</t>
  </si>
  <si>
    <t>D:\Backup 12-11-2019\Gestão PVs\Orçamento\2020\PTH 1.xlsx</t>
  </si>
  <si>
    <t>D:\Backup 12-11-2019\Gestão PVs\Orçamento\2020\PTH REVISADO.xlsx</t>
  </si>
  <si>
    <t>PTH.xlsx</t>
  </si>
  <si>
    <t>D:\Backup 12-11-2019\Gestão PVs\Orçamento\2020\PTH.xlsx</t>
  </si>
  <si>
    <t>D:\Backup 12-11-2019\Gestão PVs\Orçamento\2020\Template Suélen - 2020.xlsb</t>
  </si>
  <si>
    <t>C:\Users\suelenmm\OneDrive - Grupo Algar\Gestão PVs\Orçamento\Revisão 2019-02\</t>
  </si>
  <si>
    <t>Comparativo v2.xls</t>
  </si>
  <si>
    <t>D:\Backup 12-11-2019\Gestão PVs\Orçamento\Revisão 2019-02\Comparativo v2.xls</t>
  </si>
  <si>
    <t>Comparativo.xls</t>
  </si>
  <si>
    <t>D:\Backup 12-11-2019\Gestão PVs\Orçamento\Revisão 2019-02\Comparativo.xls</t>
  </si>
  <si>
    <t>pth_1.xlsx</t>
  </si>
  <si>
    <t>D:\Backup 12-11-2019\Gestão PVs\Orçamento\Revisão 2019-02\pth_1.xlsx</t>
  </si>
  <si>
    <t>Revsão de cargos.xls</t>
  </si>
  <si>
    <t>D:\Backup 12-11-2019\Gestão PVs\Orçamento\Revisão 2019-02\Revsão de cargos.xls</t>
  </si>
  <si>
    <t>Template para redução de custos_V5_Anualizado.xlsx</t>
  </si>
  <si>
    <t>D:\Backup 12-11-2019\Gestão PVs\Orçamento\Revisão 2019-02\Template para redução de custos_V5_Anualizado.xlsx</t>
  </si>
  <si>
    <t>C:\Users\suelenmm\OneDrive - Grupo Algar\Gestão PVs\Política Comissão 2018\</t>
  </si>
  <si>
    <t>032018_Forecast de Receita Oficial_v08 - Previa 1º tri.xlsx</t>
  </si>
  <si>
    <t>D:\Backup 12-11-2019\Gestão PVs\Política Comissão 2018\032018_Forecast de Receita Oficial_v08 - Previa 1º tri.xlsx</t>
  </si>
  <si>
    <t>Apuracao 2018.xlsx</t>
  </si>
  <si>
    <t>D:\Backup 12-11-2019\Gestão PVs\Política Comissão 2018\Apuracao 2018.xlsx</t>
  </si>
  <si>
    <t>Consolidado Real Receita por Cliente - Jan a Abr - 2018.xlsx</t>
  </si>
  <si>
    <t>D:\Backup 12-11-2019\Gestão PVs\Política Comissão 2018\Consolidado Real Receita por Cliente - Jan a Abr - 2018.xlsx</t>
  </si>
  <si>
    <t>Consolidado Real Receita por Cliente - Jan a dez - 2018 v2.xlsx</t>
  </si>
  <si>
    <t>D:\Backup 12-11-2019\Gestão PVs\Política Comissão 2018\Consolidado Real Receita por Cliente - Jan a dez - 2018 v2.xlsx</t>
  </si>
  <si>
    <t>Consolidado Real Receita por Cliente - Jan a dez - 2018.xlsx</t>
  </si>
  <si>
    <t>D:\Backup 12-11-2019\Gestão PVs\Política Comissão 2018\Consolidado Real Receita por Cliente - Jan a dez - 2018.xlsx</t>
  </si>
  <si>
    <t>Consolidado Real Receita por Cliente - Jan a Mai - 2018.xlsx</t>
  </si>
  <si>
    <t>D:\Backup 12-11-2019\Gestão PVs\Política Comissão 2018\Consolidado Real Receita por Cliente - Jan a Mai - 2018.xlsx</t>
  </si>
  <si>
    <t>Consolidado Real Receita por Cliente - Jan a Mar - 2018 + previa dos demais tris - apuracao 1 tri .xlsx</t>
  </si>
  <si>
    <t>D:\Backup 12-11-2019\Gestão PVs\Política Comissão 2018\Consolidado Real Receita por Cliente - Jan a Mar - 2018 + previa dos demais tris - apuracao 1 tri .xlsx</t>
  </si>
  <si>
    <t>Consolidado Real Receita por Cliente - Jan a Mar - 2018 + previa dos demais tris.xlsx</t>
  </si>
  <si>
    <t>D:\Backup 12-11-2019\Gestão PVs\Política Comissão 2018\Consolidado Real Receita por Cliente - Jan a Mar - 2018 + previa dos demais tris.xlsx</t>
  </si>
  <si>
    <t>Consolidado Real Receita por Cliente - Jan a Mar - 2018.xlsx</t>
  </si>
  <si>
    <t>D:\Backup 12-11-2019\Gestão PVs\Política Comissão 2018\Consolidado Real Receita por Cliente - Jan a Mar - 2018.xlsx</t>
  </si>
  <si>
    <t>Custo Vendas_Prévendas - Comissão.xlsx</t>
  </si>
  <si>
    <t>D:\Backup 12-11-2019\Gestão PVs\Política Comissão 2018\Custo Vendas_Prévendas - Comissão.xlsx</t>
  </si>
  <si>
    <t>Orçamento 2018 - Prévia 1º Tri.xls</t>
  </si>
  <si>
    <t>D:\Backup 12-11-2019\Gestão PVs\Política Comissão 2018\Orçamento 2018 - Prévia 1º Tri.xls</t>
  </si>
  <si>
    <t>D:\Backup 12-11-2019\Gestão PVs\Política Comissão 2018\Orçamento 2018.xls</t>
  </si>
  <si>
    <t>Vendas Detalhado - 1º tri 2018 parcial v3.xlsx</t>
  </si>
  <si>
    <t>D:\Backup 12-11-2019\Gestão PVs\Política Comissão 2018\Vendas Detalhado - 1º tri 2018 parcial v3.xlsx</t>
  </si>
  <si>
    <t>Vendas Detalhado - 1º tri 2018 parcial.xlsx</t>
  </si>
  <si>
    <t>D:\Backup 12-11-2019\Gestão PVs\Política Comissão 2018\Vendas Detalhado - 1º tri 2018 parcial.xlsx</t>
  </si>
  <si>
    <t>Vendas Detalhado - base 2017.xlsx</t>
  </si>
  <si>
    <t>D:\Backup 12-11-2019\Gestão PVs\Política Comissão 2018\Vendas Detalhado - base 2017.xlsx</t>
  </si>
  <si>
    <t>Vendas Detalhado - PREVIA APURAÇÃO 1º TRI CALCULO 2017.xlsx</t>
  </si>
  <si>
    <t>D:\Backup 12-11-2019\Gestão PVs\Política Comissão 2018\Vendas Detalhado - PREVIA APURAÇÃO 1º TRI CALCULO 2017.xlsx</t>
  </si>
  <si>
    <t>C:\Users\suelenmm\OneDrive - Grupo Algar\Gestão PVs\Política Comissão 2018\2019\</t>
  </si>
  <si>
    <t>Simulações comissão suélen v2.xlsx</t>
  </si>
  <si>
    <t>D:\Backup 12-11-2019\Gestão PVs\Política Comissão 2018\2019\Simulações comissão suélen v2.xlsx</t>
  </si>
  <si>
    <t>Simulações comissão suélen.xlsx</t>
  </si>
  <si>
    <t>D:\Backup 12-11-2019\Gestão PVs\Política Comissão 2018\2019\Simulações comissão suélen.xlsx</t>
  </si>
  <si>
    <t>TCV 2018.xlsx</t>
  </si>
  <si>
    <t>D:\Backup 12-11-2019\Gestão PVs\Política Comissão 2018\2019\TCV 2018.xlsx</t>
  </si>
  <si>
    <t>C:\Users\suelenmm\OneDrive - Grupo Algar\Gestão PVs\Política Comissão 2018\2019\Meta 2019\</t>
  </si>
  <si>
    <t>Forecast de Receita Oficial_2019.xlsx</t>
  </si>
  <si>
    <t>D:\Backup 12-11-2019\Gestão PVs\Política Comissão 2018\2019\Meta 2019\Forecast de Receita Oficial_2019.xlsx</t>
  </si>
  <si>
    <t>C:\Users\suelenmm\OneDrive - Grupo Algar\Gestão PVs\Reestruturação 2019\</t>
  </si>
  <si>
    <t>Cronograma Nova Estrutura GAT.xlsx</t>
  </si>
  <si>
    <t>D:\Backup 12-11-2019\Gestão PVs\Reestruturação 2019\Cronograma Nova Estrutura GAT.xlsx</t>
  </si>
  <si>
    <t>C:\Users\suelenmm\OneDrive - Grupo Algar\Gestão PVs\Reunião Time\Reunião Soluções 26-09-2019.pptx\</t>
  </si>
  <si>
    <t>D:\Backup 12-11-2019\Gestão PVs\Reunião Time\Reunião Soluções 26-09-2019.pptx</t>
  </si>
  <si>
    <t>C:\Users\suelenmm\OneDrive - Grupo Algar\Gestão PVs\Treinamento\</t>
  </si>
  <si>
    <t>Evento 2019 e Treinamento.xlsx</t>
  </si>
  <si>
    <t>D:\Backup 12-11-2019\Gestão PVs\Treinamento\Evento 2019 e Treinamento.xlsx</t>
  </si>
  <si>
    <t>C:\Users\suelenmm\OneDrive - Grupo Algar\Desktop - 12-11-19\PreVendas - Governo Diogo\Eletrobrás\</t>
  </si>
  <si>
    <t>Brasília.xlsm</t>
  </si>
  <si>
    <t>C:\Users\suelenmm\OneDrive - Grupo Algar\Desktop - 12-11-19\PreVendas - Governo Diogo\Eletronorte\</t>
  </si>
  <si>
    <t>Racional de Manutenção.xlsx</t>
  </si>
  <si>
    <t>BP1.xlsb</t>
  </si>
  <si>
    <t>C:\Users\suelenmm\OneDrive - Grupo Algar\Desktop - 12-11-19\PreVendas - Governo Diogo\EMBRATUR\</t>
  </si>
  <si>
    <t>Precificação.xlsb</t>
  </si>
  <si>
    <t>C:\Users\suelenmm\OneDrive - Grupo Algar\Desktop - 12-11-19\PreVendas - Governo Diogo\Exercito\</t>
  </si>
  <si>
    <t>C:\Users\suelenmm\OneDrive - Grupo Algar\Desktop - 12-11-19\PreVendas - Governo Diogo\FAPESP\</t>
  </si>
  <si>
    <t>Planilha de Preços SEM SOBREAVISO.xlsx</t>
  </si>
  <si>
    <t>Planilha de Preços SEM SOBREAVISO Metade HE.xlsx</t>
  </si>
  <si>
    <t>Planilha de Preços COM SOBREAVISO.xlsx</t>
  </si>
  <si>
    <t>BP (SEM SA).xlsb</t>
  </si>
  <si>
    <t>BP (SEM SA SEM N1).xlsb</t>
  </si>
  <si>
    <t>BP (Sem SA assistente N1).xlsb</t>
  </si>
  <si>
    <t>BP (Sem SA assistente N1 Metade HE).xlsb</t>
  </si>
  <si>
    <t>BP (Com SA).xlsb</t>
  </si>
  <si>
    <t>BP (Com SA SEM N1).xlsb</t>
  </si>
  <si>
    <t>BP (Com SA assistente N1).xlsb</t>
  </si>
  <si>
    <t>C:\Users\suelenmm\OneDrive - Grupo Algar\Desktop - 12-11-19\PreVendas - Governo Diogo\FNDE\</t>
  </si>
  <si>
    <t>UST sob Demanda.xlsb</t>
  </si>
  <si>
    <t>Preço Fixo.xlsb</t>
  </si>
  <si>
    <t>Preço Fixo 60 meses.xlsb</t>
  </si>
  <si>
    <t>Premissas.xlsx</t>
  </si>
  <si>
    <t>Cenários e Premissas.xlsx</t>
  </si>
  <si>
    <t>C:\Users\suelenmm\OneDrive - Grupo Algar\Desktop - 12-11-19\PreVendas - Governo Diogo\FUNAI\</t>
  </si>
  <si>
    <t>C:\Users\suelenmm\OneDrive - Grupo Algar\Desktop - 12-11-19\PreVendas - Governo Diogo\FUNAI\Preço.xlsb\</t>
  </si>
  <si>
    <t>C:\Users\suelenmm\OneDrive - Grupo Algar\Desktop - 12-11-19\PreVendas - Governo Diogo\FUNDACENTRO\</t>
  </si>
  <si>
    <t>C:\Users\suelenmm\OneDrive - Grupo Algar\Desktop - 12-11-19\PreVendas - Governo Diogo\Fundação Renova\</t>
  </si>
  <si>
    <t>Anexo 3 - QDD_Fundação.xlsx</t>
  </si>
  <si>
    <t>Anexo 2 – QQP.XLSX</t>
  </si>
  <si>
    <t>C:\Users\suelenmm\OneDrive - Grupo Algar\Desktop - 12-11-19\PreVendas - Governo Diogo\FURNAS\</t>
  </si>
  <si>
    <t>Dimensionamento.xlsx</t>
  </si>
  <si>
    <t>C:\Users\suelenmm\OneDrive - Grupo Algar\Desktop - 12-11-19\PreVendas - Governo Diogo\GEFCO\</t>
  </si>
  <si>
    <t>SD 24x6 - 36 meses.xlsb</t>
  </si>
  <si>
    <t>C:\Users\suelenmm\OneDrive - Grupo Algar\Desktop - 12-11-19\PreVendas - Governo Diogo\GEFCO\SD 24x6 - 36 meses.xlsb\</t>
  </si>
  <si>
    <t>SD 24x6 - 24 meses.xlsb</t>
  </si>
  <si>
    <t>C:\Users\suelenmm\OneDrive - Grupo Algar\Desktop - 12-11-19\PreVendas - Governo Diogo\GEFCO\SD 24x6 - 24 meses.xlsb\</t>
  </si>
  <si>
    <t>SD 24x5 - 36 meses.xlsb</t>
  </si>
  <si>
    <t>C:\Users\suelenmm\OneDrive - Grupo Algar\Desktop - 12-11-19\PreVendas - Governo Diogo\GEFCO\SD 24x5 - 36 meses.xlsb\</t>
  </si>
  <si>
    <t>SD 24x5 - 24 meses.xlsb</t>
  </si>
  <si>
    <t>C:\Users\suelenmm\OneDrive - Grupo Algar\Desktop - 12-11-19\PreVendas - Governo Diogo\GEFCO\SD 24x5 - 24 meses.xlsb\</t>
  </si>
  <si>
    <t>Pricing.xlsb</t>
  </si>
  <si>
    <t>C:\Users\suelenmm\OneDrive - Grupo Algar\Desktop - 12-11-19\PreVendas - Governo Diogo\GEFCO\Pricing.xlsb\</t>
  </si>
  <si>
    <t>Equipe Sinergia.xlsb</t>
  </si>
  <si>
    <t>C:\Users\suelenmm\OneDrive - Grupo Algar\Desktop - 12-11-19\PreVendas - Governo Diogo\GEFCO\Equipe Sinergia.xlsb\</t>
  </si>
  <si>
    <t>C:\Users\suelenmm\OneDrive - Grupo Algar\Desktop - 12-11-19\PreVendas - Governo Diogo\Grupo Petrópolis\</t>
  </si>
  <si>
    <t>Tecnologias das Revendas (ANEXO B).xlsx</t>
  </si>
  <si>
    <t>RFQ (ANEXO A).xlsx</t>
  </si>
  <si>
    <t>Questionamentos Consolidados.xlsx</t>
  </si>
  <si>
    <t>C:\Users\suelenmm\OneDrive - Grupo Algar\Desktop - 12-11-19\PreVendas - Governo Diogo\IBAMA\</t>
  </si>
  <si>
    <t>Preço_Ajustado.xlsb</t>
  </si>
  <si>
    <t>C:\Users\suelenmm\OneDrive - Grupo Algar\Desktop 22-07-19\</t>
  </si>
  <si>
    <t>(Rotas)_TIM - BBN.XLSX</t>
  </si>
  <si>
    <t>D:\Backup 12-11-2019\Desktop 22-07-19\(Rotas)_TIM - BBN.XLSX</t>
  </si>
  <si>
    <t>145999 - BP Preço C011 B012 - sem ad..xlsb</t>
  </si>
  <si>
    <t>D:\Backup 12-11-2019\Desktop 22-07-19\145999 - BP Preço C011 B012 - sem ad..xlsb</t>
  </si>
  <si>
    <t>C:\Users\suelenmm\OneDrive - Grupo Algar\Desktop 22-07-19\145999 - BP Preço C011 B012 - sem ad..xlsb\</t>
  </si>
  <si>
    <t>167227 - IBM - Rollout - v1 - BP Preço C015 B014 Desonerada v1.xlsb</t>
  </si>
  <si>
    <t>D:\Backup 12-11-2019\Desktop 22-07-19\167227 - IBM - Rollout - v1 - BP Preço C015 B014 Desonerada v1.xlsb</t>
  </si>
  <si>
    <t>C:\Users\suelenmm\OneDrive - Grupo Algar\Desktop 22-07-19\167227 - IBM - Rollout - v1 - BP Preço C015 B014 Desonerada v1.xlsb\</t>
  </si>
  <si>
    <t>C:\Users\suelenmm\OneDrive - Grupo Algar\Desktop 22-07-19\20180924_Algar Tech_Vendas Exponenciais.pptx\</t>
  </si>
  <si>
    <t>D:\Backup 12-11-2019\Desktop 22-07-19\20180924_Algar Tech_Vendas Exponenciais.pptx</t>
  </si>
  <si>
    <t>oleObject112.xlsx</t>
  </si>
  <si>
    <t>oleObject117.dat</t>
  </si>
  <si>
    <t>oleObject123.dat</t>
  </si>
  <si>
    <t>oleObject124.dat</t>
  </si>
  <si>
    <t>oleObject127.dat</t>
  </si>
  <si>
    <t>oleObject193.dat</t>
  </si>
  <si>
    <t>oleObject194.dat</t>
  </si>
  <si>
    <t>oleObject195.dat</t>
  </si>
  <si>
    <t>oleObject83.dat</t>
  </si>
  <si>
    <t>Adicional Noturno - Fabio.xlsx</t>
  </si>
  <si>
    <t>D:\Backup 12-11-2019\Desktop 22-07-19\Adicional Noturno - Fabio.xlsx</t>
  </si>
  <si>
    <t>Alliance - GSD - Batch 2 - Financial Spreadsheet_v2b (Algar Tech - insite scenario).xlsx</t>
  </si>
  <si>
    <t>D:\Backup 12-11-2019\Desktop 22-07-19\Alliance - GSD - Batch 2 - Financial Spreadsheet_v2b (Algar Tech - insite scenario).xlsx</t>
  </si>
  <si>
    <t>C:\Users\suelenmm\OneDrive - Grupo Algar\Desktop 22-07-19\Apresentação CenturyLink V2.pptx\</t>
  </si>
  <si>
    <t>D:\Backup 12-11-2019\Desktop 22-07-19\Apresentação CenturyLink V2.pptx</t>
  </si>
  <si>
    <t>Atividades Pre-Vendas.xlsx</t>
  </si>
  <si>
    <t>D:\Backup 12-11-2019\Desktop 22-07-19\Atividades Pre-Vendas.xlsx</t>
  </si>
  <si>
    <t>Base Planilha - Tipos de Servicos por Negocio - v2.xlsx</t>
  </si>
  <si>
    <t>D:\Backup 12-11-2019\Desktop 22-07-19\Base Planilha - Tipos de Servicos por Negocio - v2.xlsx</t>
  </si>
  <si>
    <t>BP - CFTV Petro - v6 cprb ok.xlsb</t>
  </si>
  <si>
    <t>D:\Backup 12-11-2019\Desktop 22-07-19\BP - CFTV Petro - v6 cprb ok.xlsb</t>
  </si>
  <si>
    <t>C:\Users\suelenmm\OneDrive - Grupo Algar\Desktop 22-07-19\BP - CFTV Petro - v6 cprb ok.xlsb\</t>
  </si>
  <si>
    <t>BP's vendidos.xlsx</t>
  </si>
  <si>
    <t>D:\Backup 12-11-2019\Desktop 22-07-19\BP's vendidos.xlsx</t>
  </si>
  <si>
    <t>Capilaridade Field Service GAT.xlsx</t>
  </si>
  <si>
    <t>D:\Backup 12-11-2019\Desktop 22-07-19\Capilaridade Field Service GAT.xlsx</t>
  </si>
  <si>
    <t>Century_2018-12_Departamental-GERAL.xlsb</t>
  </si>
  <si>
    <t>D:\Backup 12-11-2019\Desktop 22-07-19\Century_2018-12_Departamental-GERAL.xlsb</t>
  </si>
  <si>
    <t>Cha da Helena.xlsx</t>
  </si>
  <si>
    <t>D:\Backup 12-11-2019\Desktop 22-07-19\Cha da Helena.xlsx</t>
  </si>
  <si>
    <t>C:\Users\suelenmm\OneDrive - Grupo Algar\Desktop 22-07-19\Coordenação de Soluções de Negócios - Apresentação wkp Cml V3.pptx\</t>
  </si>
  <si>
    <t>D:\Backup 12-11-2019\Desktop 22-07-19\Coordenação de Soluções de Negócios - Apresentação wkp Cml V3.pptx</t>
  </si>
  <si>
    <t>csc.xlsx</t>
  </si>
  <si>
    <t>D:\Backup 12-11-2019\Desktop 22-07-19\csc.xlsx</t>
  </si>
  <si>
    <t>Cópia de 032018_Forecast de Receita Oficial_v08 - PREVIA ABR-18.xlsx</t>
  </si>
  <si>
    <t>D:\Backup 12-11-2019\Desktop 22-07-19\Cópia de 032018_Forecast de Receita Oficial_v08 - PREVIA ABR-18.xlsx</t>
  </si>
  <si>
    <t>Cópia de 149022 - Sodexo - BP Preço C011 B012 Desonerada_ - estudo multiplicador.xlsb</t>
  </si>
  <si>
    <t>D:\Backup 12-11-2019\Desktop 22-07-19\Cópia de 149022 - Sodexo - BP Preço C011 B012 Desonerada_ - estudo multiplicador.xlsb</t>
  </si>
  <si>
    <t>C:\Users\suelenmm\OneDrive - Grupo Algar\Desktop 22-07-19\Cópia de 149022 - Sodexo - BP Preço C011 B012 Desonerada_ - estudo multiplicador.xlsb\</t>
  </si>
  <si>
    <t>Cópia de BP Preço C015 B014 Desonerada_RV PL SL. Mín._Final Sem Aluguel Car_100519 (002).xlsb</t>
  </si>
  <si>
    <t>D:\Backup 12-11-2019\Desktop 22-07-19\Cópia de BP Preço C015 B014 Desonerada_RV PL SL. Mín._Final Sem Aluguel Car_100519 (002).xlsb</t>
  </si>
  <si>
    <t>C:\Users\suelenmm\OneDrive - Grupo Algar\Desktop 22-07-19\Cópia de BP Preço C015 B014 Desonerada_RV PL SL. Mín._Final Sem Aluguel Car_100519 (002).xlsb\</t>
  </si>
  <si>
    <t>Cópia de Cópia de Tab Cargos V12 _Correção Pisos e Aux creche _Florianopolis -SC e Mato Groso-MS - Suelen (003).xlsx</t>
  </si>
  <si>
    <t>D:\Backup 12-11-2019\Desktop 22-07-19\Cópia de Cópia de Tab Cargos V12 _Correção Pisos e Aux creche _Florianopolis -SC e Mato Groso-MS - Suelen (003).xlsx</t>
  </si>
  <si>
    <t>Cópia de Formulário de Solicitação de Cartões de visita rev 1.xlsx</t>
  </si>
  <si>
    <t>D:\Backup 12-11-2019\Desktop 22-07-19\Cópia de Formulário de Solicitação de Cartões de visita rev 1.xlsx</t>
  </si>
  <si>
    <t>Cópia de Lista Usuários - CRM.xlsx</t>
  </si>
  <si>
    <t>D:\Backup 12-11-2019\Desktop 22-07-19\Cópia de Lista Usuários - CRM.xlsx</t>
  </si>
  <si>
    <t>Cópia de Oportunidades por data criação (System Date) v4 (002) 7.xlsx</t>
  </si>
  <si>
    <t>D:\Backup 12-11-2019\Desktop 22-07-19\Cópia de Oportunidades por data criação (System Date) v4 (002) 7.xlsx</t>
  </si>
  <si>
    <t>Cópia de Orçamento 2º semestre 2018.xls</t>
  </si>
  <si>
    <t>D:\Backup 12-11-2019\Desktop 22-07-19\Cópia de Orçamento 2º semestre 2018.xls</t>
  </si>
  <si>
    <t>Cópia de Tab Cargos V12 _Correção Pisos e Aux creche _Florianopolis -SC e Mato Groso-MS - Suelen.xlsx</t>
  </si>
  <si>
    <t>D:\Backup 12-11-2019\Desktop 22-07-19\Cópia de Tab Cargos V12 _Correção Pisos e Aux creche _Florianopolis -SC e Mato Groso-MS - Suelen.xlsx</t>
  </si>
  <si>
    <t>Cópia de Template - Transferencia de GH.xlsx</t>
  </si>
  <si>
    <t>D:\Backup 12-11-2019\Desktop 22-07-19\Cópia de Template - Transferencia de GH.xlsx</t>
  </si>
  <si>
    <t>Cópia de V2 148932 - BP Preço C011 B012 Desonerada v7 (004).xlsb</t>
  </si>
  <si>
    <t>D:\Backup 12-11-2019\Desktop 22-07-19\Cópia de V2 148932 - BP Preço C011 B012 Desonerada v7 (004).xlsb</t>
  </si>
  <si>
    <t>C:\Users\suelenmm\OneDrive - Grupo Algar\Desktop 22-07-19\Cópia de V2 148932 - BP Preço C011 B012 Desonerada v7 (004).xlsb\</t>
  </si>
  <si>
    <t>Cópia de V2 148932 - BP Preço C011 B012 Desonerada v7 (005).xlsb</t>
  </si>
  <si>
    <t>D:\Backup 12-11-2019\Desktop 22-07-19\Cópia de V2 148932 - BP Preço C011 B012 Desonerada v7 (005).xlsb</t>
  </si>
  <si>
    <t>C:\Users\suelenmm\OneDrive - Grupo Algar\Desktop 22-07-19\Cópia de V2 148932 - BP Preço C011 B012 Desonerada v7 (005).xlsb\</t>
  </si>
  <si>
    <t>Cópia de V2 148932 - BP Preço C011 B012 Desonerada v7 (006).xlsb</t>
  </si>
  <si>
    <t>D:\Backup 12-11-2019\Desktop 22-07-19\Cópia de V2 148932 - BP Preço C011 B012 Desonerada v7 (006).xlsb</t>
  </si>
  <si>
    <t>C:\Users\suelenmm\OneDrive - Grupo Algar\Desktop 22-07-19\Cópia de V2 148932 - BP Preço C011 B012 Desonerada v7 (006).xlsb\</t>
  </si>
  <si>
    <t>D:\Backup 12-11-2019\Desktop 22-07-19\Demandas.xlsx</t>
  </si>
  <si>
    <t>Elegibilidade v1.xlsx</t>
  </si>
  <si>
    <t>D:\Backup 12-11-2019\Desktop 22-07-19\Elegibilidade v1.xlsx</t>
  </si>
  <si>
    <t>Enxoval Helena.xlsx</t>
  </si>
  <si>
    <t>D:\Backup 12-11-2019\Desktop 22-07-19\Enxoval Helena.xlsx</t>
  </si>
  <si>
    <t>Estrutura 2º semestre - Suelen.xlsx</t>
  </si>
  <si>
    <t>D:\Backup 12-11-2019\Desktop 22-07-19\Estrutura 2º semestre - Suelen.xlsx</t>
  </si>
  <si>
    <t>Estrutura De_Para.xlsx</t>
  </si>
  <si>
    <t>D:\Backup 12-11-2019\Desktop 22-07-19\Estrutura De_Para.xlsx</t>
  </si>
  <si>
    <t>Estrutura Lote 6-2018.xlsx</t>
  </si>
  <si>
    <t>D:\Backup 12-11-2019\Desktop 22-07-19\Estrutura Lote 6-2018.xlsx</t>
  </si>
  <si>
    <t>C:\Users\suelenmm\OneDrive - Grupo Algar\Desktop 22-07-19\Estudo Time Soluções.pptx\</t>
  </si>
  <si>
    <t>D:\Backup 12-11-2019\Desktop 22-07-19\Estudo Time Soluções.pptx</t>
  </si>
  <si>
    <t>Expurgo.xlsx</t>
  </si>
  <si>
    <t>D:\Backup 12-11-2019\Desktop 22-07-19\Expurgo.xlsx</t>
  </si>
  <si>
    <t>Field v2.xlsb</t>
  </si>
  <si>
    <t>D:\Backup 12-11-2019\Desktop 22-07-19\Field v2.xlsb</t>
  </si>
  <si>
    <t>C:\Users\suelenmm\OneDrive - Grupo Algar\Desktop 22-07-19\Field v2.xlsb\</t>
  </si>
  <si>
    <t>D:\Backup 12-11-2019\Desktop 22-07-19\Fluxo_de_Caixa_2010_2011_2012_2013_2014_2015_2016 v1.xlsx</t>
  </si>
  <si>
    <t>Formulário de Solicitação de Cartões de visita v2.xlsx</t>
  </si>
  <si>
    <t>D:\Backup 12-11-2019\Desktop 22-07-19\Formulário de Solicitação de Cartões de visita v2.xlsx</t>
  </si>
  <si>
    <t>Formulário de Solicitação de Cartões de visita.xlsx</t>
  </si>
  <si>
    <t>D:\Backup 12-11-2019\Desktop 22-07-19\Formulário de Solicitação de Cartões de visita.xlsx</t>
  </si>
  <si>
    <t>GH ALTERAÇÃO.xlsx</t>
  </si>
  <si>
    <t>D:\Backup 12-11-2019\Desktop 22-07-19\GH ALTERAÇÃO.xlsx</t>
  </si>
  <si>
    <t>IMPUT HORAS ADICIONAIS.xlsb</t>
  </si>
  <si>
    <t>D:\Backup 12-11-2019\Desktop 22-07-19\IMPUT HORAS ADICIONAIS.xlsb</t>
  </si>
  <si>
    <t>C:\Users\suelenmm\OneDrive - Grupo Algar\Desktop 22-07-19\IMPUT HORAS ADICIONAIS.xlsb\</t>
  </si>
  <si>
    <t>levantamento_estrutura_bp - GAT.xlsx</t>
  </si>
  <si>
    <t>D:\Backup 12-11-2019\Desktop 22-07-19\levantamento_estrutura_bp - GAT.xlsx</t>
  </si>
  <si>
    <t>Lista (002).xlsx</t>
  </si>
  <si>
    <t>D:\Backup 12-11-2019\Desktop 22-07-19\Lista (002).xlsx</t>
  </si>
  <si>
    <t>Logística FMM-FMT v16.4.xlsx</t>
  </si>
  <si>
    <t>D:\Backup 12-11-2019\Desktop 22-07-19\Logística FMM-FMT v16.4.xlsx</t>
  </si>
  <si>
    <t>Meta.xlsx</t>
  </si>
  <si>
    <t>D:\Backup 12-11-2019\Desktop 22-07-19\Meta.xlsx</t>
  </si>
  <si>
    <t>Niver Helena.xlsx</t>
  </si>
  <si>
    <t>D:\Backup 12-11-2019\Desktop 22-07-19\Niver Helena.xlsx</t>
  </si>
  <si>
    <t>Oportunidades por data criação (System Date) v2.xlsx</t>
  </si>
  <si>
    <t>D:\Backup 12-11-2019\Desktop 22-07-19\Oportunidades por data criação (System Date) v2.xlsx</t>
  </si>
  <si>
    <t>Oportunidades por data criação (System Date) v3.xlsx</t>
  </si>
  <si>
    <t>D:\Backup 12-11-2019\Desktop 22-07-19\Oportunidades por data criação (System Date) v3.xlsx</t>
  </si>
  <si>
    <t>Oportunidades por data criação (System Date) v4.xlsx</t>
  </si>
  <si>
    <t>D:\Backup 12-11-2019\Desktop 22-07-19\Oportunidades por data criação (System Date) v4.xlsx</t>
  </si>
  <si>
    <t>Oportunidades por data fechamento - detalhado - emissão proposta (2) - v2 - alçadas.xlsx</t>
  </si>
  <si>
    <t>D:\Backup 12-11-2019\Desktop 22-07-19\Oportunidades por data fechamento - detalhado - emissão proposta (2) - v2 - alçadas.xlsx</t>
  </si>
  <si>
    <t>Oportunidades por data fechamento - detalhado - emissão proposta (2) - v2.xlsx</t>
  </si>
  <si>
    <t>D:\Backup 12-11-2019\Desktop 22-07-19\Oportunidades por data fechamento - detalhado - emissão proposta (2) - v2.xlsx</t>
  </si>
  <si>
    <t>Opps em Andamento.xlsx</t>
  </si>
  <si>
    <t>D:\Backup 12-11-2019\Desktop 22-07-19\Opps em Andamento.xlsx</t>
  </si>
  <si>
    <t>password_2007_2010.xlam</t>
  </si>
  <si>
    <t>D:\Backup 12-11-2019\Desktop 22-07-19\password_2007_2010.xlam</t>
  </si>
  <si>
    <t>PCoE v2.xlsx</t>
  </si>
  <si>
    <t>D:\Backup 12-11-2019\Desktop 22-07-19\PCoE v2.xlsx</t>
  </si>
  <si>
    <t>Pensao.xlsx</t>
  </si>
  <si>
    <t>D:\Backup 12-11-2019\Desktop 22-07-19\Pensao.xlsx</t>
  </si>
  <si>
    <t>Pensão e Produtos detamatologista.xlsx</t>
  </si>
  <si>
    <t>D:\Backup 12-11-2019\Desktop 22-07-19\Pensão e Produtos detamatologista.xlsx</t>
  </si>
  <si>
    <t>C:\Users\suelenmm\OneDrive - Grupo Algar\Desktop 22-07-19\PETROBRAS MACAE v7.pptx\</t>
  </si>
  <si>
    <t>D:\Backup 12-11-2019\Desktop 22-07-19\PETROBRAS MACAE v7.pptx</t>
  </si>
  <si>
    <t>C:\Users\suelenmm\OneDrive - Grupo Algar\Desktop 22-07-19\PGP Gerproc atual-1-1.ppt\s4\</t>
  </si>
  <si>
    <t>Planilha do Microsoft Office Excel 97-2003.xls</t>
  </si>
  <si>
    <t>D:\Backup 12-11-2019\Desktop 22-07-19\PGP Gerproc atual-1-1.ppt</t>
  </si>
  <si>
    <t>Worksheet.xls</t>
  </si>
  <si>
    <t>Worksheet1.xls</t>
  </si>
  <si>
    <t>Worksheet2.xls</t>
  </si>
  <si>
    <t>Pre Sales Location (detail table).xlsx</t>
  </si>
  <si>
    <t>D:\Backup 12-11-2019\Desktop 22-07-19\Pre Sales Location (detail table).xlsx</t>
  </si>
  <si>
    <t>Premissas TH.xlsx</t>
  </si>
  <si>
    <t>D:\Backup 12-11-2019\Desktop 22-07-19\Premissas TH.xlsx</t>
  </si>
  <si>
    <t>Product Catalog (3 níveis) (2).xlsx</t>
  </si>
  <si>
    <t>D:\Backup 12-11-2019\Desktop 22-07-19\Product Catalog (3 níveis) (2).xlsx</t>
  </si>
  <si>
    <t>Product Catalog (3 níveis) 22-04-19.xlsx</t>
  </si>
  <si>
    <t>D:\Backup 12-11-2019\Desktop 22-07-19\Product Catalog (3 níveis) 22-04-19.xlsx</t>
  </si>
  <si>
    <t>Product Catalog (3 níveis) 26-06-19.xlsx</t>
  </si>
  <si>
    <t>D:\Backup 12-11-2019\Desktop 22-07-19\Product Catalog (3 níveis) 26-06-19.xlsx</t>
  </si>
  <si>
    <t>C:\Users\suelenmm\OneDrive - Grupo Algar\Desktop 22-07-19\Projeto CSC - Resumo Executivo.pptx\</t>
  </si>
  <si>
    <t>D:\Backup 12-11-2019\Desktop 22-07-19\Projeto CSC - Resumo Executivo.pptx</t>
  </si>
  <si>
    <t>oleObject3.xlsx</t>
  </si>
  <si>
    <t>oleObject4.xlsx</t>
  </si>
  <si>
    <t>C:\Users\suelenmm\OneDrive - Grupo Algar\Desktop 22-07-19\Reunião Soluções 07-2019.pptx\</t>
  </si>
  <si>
    <t>D:\Backup 12-11-2019\Desktop 22-07-19\Reunião Soluções 07-2019.pptx</t>
  </si>
  <si>
    <t>RFP Prudential - GIAT - Cenário 1 - Fator 2.xlsb</t>
  </si>
  <si>
    <t>D:\Backup 12-11-2019\Desktop 22-07-19\RFP Prudential - GIAT - Cenário 1 - Fator 2.xlsb</t>
  </si>
  <si>
    <t>C:\Users\suelenmm\OneDrive - Grupo Algar\Desktop 22-07-19\RFP Prudential - GIAT - Cenário 1 - Fator 2.xlsb\</t>
  </si>
  <si>
    <t>Simulação Prodesp - v2.xlsb</t>
  </si>
  <si>
    <t>D:\Backup 12-11-2019\Desktop 22-07-19\Simulação Prodesp - v2.xlsb</t>
  </si>
  <si>
    <t>C:\Users\suelenmm\OneDrive - Grupo Algar\Desktop 22-07-19\Simulação Prodesp - v2.xlsb\</t>
  </si>
  <si>
    <t>D:\Backup 12-11-2019\Desktop 22-07-19\Simulações comissão suélen.xlsx</t>
  </si>
  <si>
    <t>C:\Users\suelenmm\OneDrive - Grupo Algar\Desktop 22-07-19\SLAs Entre as Áreas.pptx\</t>
  </si>
  <si>
    <t>D:\Backup 12-11-2019\Desktop 22-07-19\SLAs Entre as Áreas.pptx</t>
  </si>
  <si>
    <t>SLAs Entre Áreas v1.xlsx</t>
  </si>
  <si>
    <t>D:\Backup 12-11-2019\Desktop 22-07-19\SLAs Entre Áreas v1.xlsx</t>
  </si>
  <si>
    <t>SLAs Entre Áreas v2.xlsx</t>
  </si>
  <si>
    <t>D:\Backup 12-11-2019\Desktop 22-07-19\SLAs Entre Áreas v2.xlsx</t>
  </si>
  <si>
    <t>SLAs Entre Áreas v3.xlsx</t>
  </si>
  <si>
    <t>D:\Backup 12-11-2019\Desktop 22-07-19\SLAs Entre Áreas v3.xlsx</t>
  </si>
  <si>
    <t>SLAs Entre Áreas.xlsx</t>
  </si>
  <si>
    <t>D:\Backup 12-11-2019\Desktop 22-07-19\SLAs Entre Áreas.xlsx</t>
  </si>
  <si>
    <t>SOP - GAT - Mar-18.xlsb</t>
  </si>
  <si>
    <t>D:\Backup 12-11-2019\Desktop 22-07-19\SOP - GAT - Mar-18.xlsb</t>
  </si>
  <si>
    <t>SOP - GST - Mar-18.xlsb</t>
  </si>
  <si>
    <t>D:\Backup 12-11-2019\Desktop 22-07-19\SOP - GST - Mar-18.xlsb</t>
  </si>
  <si>
    <t>Template DE Para para Promoção e Mérito - Suelen Moreira Marques.xlsx</t>
  </si>
  <si>
    <t>D:\Backup 12-11-2019\Desktop 22-07-19\Template DE Para para Promoção e Mérito - Suelen Moreira Marques.xlsx</t>
  </si>
  <si>
    <t>Teste Wanessa.xlsb</t>
  </si>
  <si>
    <t>D:\Backup 12-11-2019\Desktop 22-07-19\Teste Wanessa.xlsb</t>
  </si>
  <si>
    <t>C:\Users\suelenmm\OneDrive - Grupo Algar\Desktop 22-07-19\Teste Wanessa.xlsb\</t>
  </si>
  <si>
    <t>C:\Users\suelenmm\OneDrive - Grupo Algar\Desktop 22-07-19\ULTIMA LOGÍSTICA.msg\s79\</t>
  </si>
  <si>
    <t>D:\Backup 12-11-2019\Desktop 22-07-19\ULTIMA LOGÍSTICA.msg</t>
  </si>
  <si>
    <t>Vallourec.xlsx</t>
  </si>
  <si>
    <t>D:\Backup 12-11-2019\Desktop 22-07-19\Vallourec.xlsx</t>
  </si>
  <si>
    <t>vaoqv2u5.plh.xlsx</t>
  </si>
  <si>
    <t>D:\Backup 12-11-2019\Desktop 22-07-19\vaoqv2u5.plh.xlsx</t>
  </si>
  <si>
    <t>C:\Users\suelenmm\OneDrive - Grupo Algar\Desktop 22-07-19\Download\</t>
  </si>
  <si>
    <t>00koyqtn.oh5.csv</t>
  </si>
  <si>
    <t>D:\Backup 12-11-2019\Desktop 22-07-19\Download\00koyqtn.oh5.csv</t>
  </si>
  <si>
    <t>00koyqtn.oh5.csv:Zone.Identifier</t>
  </si>
  <si>
    <t>D:\Backup 12-11-2019\Desktop 22-07-19\Download\00koyqtn.oh5.csv:Zone.Identifier</t>
  </si>
  <si>
    <t>022a8356d9604955bae2bb83dd89378a.xls</t>
  </si>
  <si>
    <t>D:\Backup 12-11-2019\Desktop 22-07-19\Download\022a8356d9604955bae2bb83dd89378a.xls</t>
  </si>
  <si>
    <t>079ce4ca4d4f41e29e5662a16f8423ad.csv</t>
  </si>
  <si>
    <t>D:\Backup 12-11-2019\Desktop 22-07-19\Download\079ce4ca4d4f41e29e5662a16f8423ad.csv</t>
  </si>
  <si>
    <t>079ce4ca4d4f41e29e5662a16f8423ad.csv:Zone.Identifier</t>
  </si>
  <si>
    <t>D:\Backup 12-11-2019\Desktop 22-07-19\Download\079ce4ca4d4f41e29e5662a16f8423ad.csv:Zone.Identifier</t>
  </si>
  <si>
    <t>0v1xz3fz.uu1.csv</t>
  </si>
  <si>
    <t>D:\Backup 12-11-2019\Desktop 22-07-19\Download\0v1xz3fz.uu1.csv</t>
  </si>
  <si>
    <t>0wgsdtsq.dfy (1).csv</t>
  </si>
  <si>
    <t>D:\Backup 12-11-2019\Desktop 22-07-19\Download\0wgsdtsq.dfy (1).csv</t>
  </si>
  <si>
    <t>0wgsdtsq.dfy (1).csv:Zone.Identifier</t>
  </si>
  <si>
    <t>D:\Backup 12-11-2019\Desktop 22-07-19\Download\0wgsdtsq.dfy (1).csv:Zone.Identifier</t>
  </si>
  <si>
    <t>0wgsdtsq.dfy (2).csv</t>
  </si>
  <si>
    <t>D:\Backup 12-11-2019\Desktop 22-07-19\Download\0wgsdtsq.dfy (2).csv</t>
  </si>
  <si>
    <t>0wgsdtsq.dfy (2).csv:Zone.Identifier</t>
  </si>
  <si>
    <t>D:\Backup 12-11-2019\Desktop 22-07-19\Download\0wgsdtsq.dfy (2).csv:Zone.Identifier</t>
  </si>
  <si>
    <t>0wgsdtsq.dfy.csv</t>
  </si>
  <si>
    <t>D:\Backup 12-11-2019\Desktop 22-07-19\Download\0wgsdtsq.dfy.csv</t>
  </si>
  <si>
    <t>12ae9bbf025c45b88cbfb18ed2134b41.xls</t>
  </si>
  <si>
    <t>D:\Backup 12-11-2019\Desktop 22-07-19\Download\12ae9bbf025c45b88cbfb18ed2134b41.xls</t>
  </si>
  <si>
    <t>13r3fkwf.oic.csv</t>
  </si>
  <si>
    <t>D:\Backup 12-11-2019\Desktop 22-07-19\Download\13r3fkwf.oic.csv</t>
  </si>
  <si>
    <t>13r3fkwf.oic.csv:Zone.Identifier</t>
  </si>
  <si>
    <t>D:\Backup 12-11-2019\Desktop 22-07-19\Download\13r3fkwf.oic.csv:Zone.Identifier</t>
  </si>
  <si>
    <t>149032 - BP Preço C011 B012 Desonerada - Atento v1.0 - To Be.xlsb</t>
  </si>
  <si>
    <t>D:\Backup 12-11-2019\Desktop 22-07-19\Download\149032 - BP Preço C011 B012 Desonerada - Atento v1.0 - To Be.xlsb</t>
  </si>
  <si>
    <t>C:\Users\suelenmm\OneDrive - Grupo Algar\Desktop 22-07-19\Download\149032 - BP Preço C011 B012 Desonerada - Atento v1.0 - To Be.xlsb\</t>
  </si>
  <si>
    <t>150tdotz.a22.csv</t>
  </si>
  <si>
    <t>D:\Backup 12-11-2019\Desktop 22-07-19\Download\150tdotz.a22.csv</t>
  </si>
  <si>
    <t>150tdotz.a22.csv:Zone.Identifier</t>
  </si>
  <si>
    <t>D:\Backup 12-11-2019\Desktop 22-07-19\Download\150tdotz.a22.csv:Zone.Identifier</t>
  </si>
  <si>
    <t>160191_IBM_SD_IBM_(BP Preço C015 B014).xlsb</t>
  </si>
  <si>
    <t>D:\Backup 12-11-2019\Desktop 22-07-19\Download\160191_IBM_SD_IBM_(BP Preço C015 B014).xlsb</t>
  </si>
  <si>
    <t>C:\Users\suelenmm\OneDrive - Grupo Algar\Desktop 22-07-19\Download\160191_IBM_SD_IBM_(BP Preço C015 B014).xlsb\</t>
  </si>
  <si>
    <t>191365982eb44a3bacf9553ecc042b22.xls</t>
  </si>
  <si>
    <t>D:\Backup 12-11-2019\Desktop 22-07-19\Download\191365982eb44a3bacf9553ecc042b22.xls</t>
  </si>
  <si>
    <t>1nj4bkf3.4mk.csv</t>
  </si>
  <si>
    <t>D:\Backup 12-11-2019\Desktop 22-07-19\Download\1nj4bkf3.4mk.csv</t>
  </si>
  <si>
    <t>1nj4bkf3.4mk.csv:Zone.Identifier</t>
  </si>
  <si>
    <t>D:\Backup 12-11-2019\Desktop 22-07-19\Download\1nj4bkf3.4mk.csv:Zone.Identifier</t>
  </si>
  <si>
    <t>219f826cc5434b70a09d4c780080f5dd.xls</t>
  </si>
  <si>
    <t>D:\Backup 12-11-2019\Desktop 22-07-19\Download\219f826cc5434b70a09d4c780080f5dd.xls</t>
  </si>
  <si>
    <t>23998a33c8c643a581db32a44d5536ae.xls</t>
  </si>
  <si>
    <t>D:\Backup 12-11-2019\Desktop 22-07-19\Download\23998a33c8c643a581db32a44d5536ae.xls</t>
  </si>
  <si>
    <t>2aa01316e9974157967467ff4ee85385.xls</t>
  </si>
  <si>
    <t>D:\Backup 12-11-2019\Desktop 22-07-19\Download\2aa01316e9974157967467ff4ee85385.xls</t>
  </si>
  <si>
    <t>2kbezo4v.xcd.csv</t>
  </si>
  <si>
    <t>D:\Backup 12-11-2019\Desktop 22-07-19\Download\2kbezo4v.xcd.csv</t>
  </si>
  <si>
    <t>2kbezo4v.xcd.csv:Zone.Identifier</t>
  </si>
  <si>
    <t>D:\Backup 12-11-2019\Desktop 22-07-19\Download\2kbezo4v.xcd.csv:Zone.Identifier</t>
  </si>
  <si>
    <t>2n4otkvp.rgd.csv</t>
  </si>
  <si>
    <t>D:\Backup 12-11-2019\Desktop 22-07-19\Download\2n4otkvp.rgd.csv</t>
  </si>
  <si>
    <t>2n4otkvp.rgd.csv:Zone.Identifier</t>
  </si>
  <si>
    <t>D:\Backup 12-11-2019\Desktop 22-07-19\Download\2n4otkvp.rgd.csv:Zone.Identifier</t>
  </si>
  <si>
    <t>327b6961aff34561a45b9bb95ccd6244.csv</t>
  </si>
  <si>
    <t>D:\Backup 12-11-2019\Desktop 22-07-19\Download\327b6961aff34561a45b9bb95ccd6244.csv</t>
  </si>
  <si>
    <t>327b6961aff34561a45b9bb95ccd6244.csv:Zone.Identifier</t>
  </si>
  <si>
    <t>D:\Backup 12-11-2019\Desktop 22-07-19\Download\327b6961aff34561a45b9bb95ccd6244.csv:Zone.Identifier</t>
  </si>
  <si>
    <t>332ecd22bcb2485f8303b8552602d269.csv</t>
  </si>
  <si>
    <t>D:\Backup 12-11-2019\Desktop 22-07-19\Download\332ecd22bcb2485f8303b8552602d269.csv</t>
  </si>
  <si>
    <t>332ecd22bcb2485f8303b8552602d269.csv:Zone.Identifier</t>
  </si>
  <si>
    <t>D:\Backup 12-11-2019\Desktop 22-07-19\Download\332ecd22bcb2485f8303b8552602d269.csv:Zone.Identifier</t>
  </si>
  <si>
    <t>3c314148775448e9ab1431395be5d893.xls</t>
  </si>
  <si>
    <t>D:\Backup 12-11-2019\Desktop 22-07-19\Download\3c314148775448e9ab1431395be5d893.xls</t>
  </si>
  <si>
    <t>3c6ecf04b26f4f818a80a3f783440cce.xls</t>
  </si>
  <si>
    <t>D:\Backup 12-11-2019\Desktop 22-07-19\Download\3c6ecf04b26f4f818a80a3f783440cce.xls</t>
  </si>
  <si>
    <t>3e7d299171334d199183d2cdab9d2dcf.xls</t>
  </si>
  <si>
    <t>D:\Backup 12-11-2019\Desktop 22-07-19\Download\3e7d299171334d199183d2cdab9d2dcf.xls</t>
  </si>
  <si>
    <t>3itu5gz4.0is.csv</t>
  </si>
  <si>
    <t>D:\Backup 12-11-2019\Desktop 22-07-19\Download\3itu5gz4.0is.csv</t>
  </si>
  <si>
    <t>406aee30117c4a259b1527a8038a0cbe v2.xls</t>
  </si>
  <si>
    <t>D:\Backup 12-11-2019\Desktop 22-07-19\Download\406aee30117c4a259b1527a8038a0cbe v2.xls</t>
  </si>
  <si>
    <t>406aee30117c4a259b1527a8038a0cbe.xls</t>
  </si>
  <si>
    <t>D:\Backup 12-11-2019\Desktop 22-07-19\Download\406aee30117c4a259b1527a8038a0cbe.xls</t>
  </si>
  <si>
    <t>49236e87dad5407a8c7369d229e6fad2.xls</t>
  </si>
  <si>
    <t>D:\Backup 12-11-2019\Desktop 22-07-19\Download\49236e87dad5407a8c7369d229e6fad2.xls</t>
  </si>
  <si>
    <t>4ad6ca991c6041229e4f172acb0e8947.csv</t>
  </si>
  <si>
    <t>D:\Backup 12-11-2019\Desktop 22-07-19\Download\4ad6ca991c6041229e4f172acb0e8947.csv</t>
  </si>
  <si>
    <t>4ad6ca991c6041229e4f172acb0e8947.csv:Zone.Identifier</t>
  </si>
  <si>
    <t>D:\Backup 12-11-2019\Desktop 22-07-19\Download\4ad6ca991c6041229e4f172acb0e8947.csv:Zone.Identifier</t>
  </si>
  <si>
    <t>4e65aded5c2f4213bfd0c4782bbb0710.xls</t>
  </si>
  <si>
    <t>D:\Backup 12-11-2019\Desktop 22-07-19\Download\4e65aded5c2f4213bfd0c4782bbb0710.xls</t>
  </si>
  <si>
    <t>4ow1pbky.ktu.csv</t>
  </si>
  <si>
    <t>D:\Backup 12-11-2019\Desktop 22-07-19\Download\4ow1pbky.ktu.csv</t>
  </si>
  <si>
    <t>4ow1pbky.ktu.csv:Zone.Identifier</t>
  </si>
  <si>
    <t>D:\Backup 12-11-2019\Desktop 22-07-19\Download\4ow1pbky.ktu.csv:Zone.Identifier</t>
  </si>
  <si>
    <t>50530cdee4104485990dd2b42f0ff24e.csv</t>
  </si>
  <si>
    <t>D:\Backup 12-11-2019\Desktop 22-07-19\Download\50530cdee4104485990dd2b42f0ff24e.csv</t>
  </si>
  <si>
    <t>50530cdee4104485990dd2b42f0ff24e.csv:Zone.Identifier</t>
  </si>
  <si>
    <t>D:\Backup 12-11-2019\Desktop 22-07-19\Download\50530cdee4104485990dd2b42f0ff24e.csv:Zone.Identifier</t>
  </si>
  <si>
    <t>5211543a92f1405992a99a378212fea8.xls</t>
  </si>
  <si>
    <t>D:\Backup 12-11-2019\Desktop 22-07-19\Download\5211543a92f1405992a99a378212fea8.xls</t>
  </si>
  <si>
    <t>54a556d994b2426482df0ac03e789433.xls</t>
  </si>
  <si>
    <t>D:\Backup 12-11-2019\Desktop 22-07-19\Download\54a556d994b2426482df0ac03e789433.xls</t>
  </si>
  <si>
    <t>5828ae5978c24593b49407615e6c76fe.xls</t>
  </si>
  <si>
    <t>D:\Backup 12-11-2019\Desktop 22-07-19\Download\5828ae5978c24593b49407615e6c76fe.xls</t>
  </si>
  <si>
    <t>5c2b8682fe1a4b2d9d09e205390285ff.xls</t>
  </si>
  <si>
    <t>D:\Backup 12-11-2019\Desktop 22-07-19\Download\5c2b8682fe1a4b2d9d09e205390285ff.xls</t>
  </si>
  <si>
    <t>5xqoj1k1.sx3.csv</t>
  </si>
  <si>
    <t>D:\Backup 12-11-2019\Desktop 22-07-19\Download\5xqoj1k1.sx3.csv</t>
  </si>
  <si>
    <t>5xqoj1k1.sx3.csv:Zone.Identifier</t>
  </si>
  <si>
    <t>D:\Backup 12-11-2019\Desktop 22-07-19\Download\5xqoj1k1.sx3.csv:Zone.Identifier</t>
  </si>
  <si>
    <t>664afeed755c4958844cbd13d67b2fa1.csv</t>
  </si>
  <si>
    <t>D:\Backup 12-11-2019\Desktop 22-07-19\Download\664afeed755c4958844cbd13d67b2fa1.csv</t>
  </si>
  <si>
    <t>664afeed755c4958844cbd13d67b2fa1.csv:Zone.Identifier</t>
  </si>
  <si>
    <t>D:\Backup 12-11-2019\Desktop 22-07-19\Download\664afeed755c4958844cbd13d67b2fa1.csv:Zone.Identifier</t>
  </si>
  <si>
    <t>6745b0c6493c44cc915fd1f80b970564.xls</t>
  </si>
  <si>
    <t>D:\Backup 12-11-2019\Desktop 22-07-19\Download\6745b0c6493c44cc915fd1f80b970564.xls</t>
  </si>
  <si>
    <t>6a9232a5cc0b45b084f03563d6e15d8e.xls</t>
  </si>
  <si>
    <t>D:\Backup 12-11-2019\Desktop 22-07-19\Download\6a9232a5cc0b45b084f03563d6e15d8e.xls</t>
  </si>
  <si>
    <t>847c58607b734a1580feb1603c24fa34.xls</t>
  </si>
  <si>
    <t>D:\Backup 12-11-2019\Desktop 22-07-19\Download\847c58607b734a1580feb1603c24fa34.xls</t>
  </si>
  <si>
    <t>87cbd3835e694aa1829dc067f27fcc89.csv</t>
  </si>
  <si>
    <t>D:\Backup 12-11-2019\Desktop 22-07-19\Download\87cbd3835e694aa1829dc067f27fcc89.csv</t>
  </si>
  <si>
    <t>87cbd3835e694aa1829dc067f27fcc89.csv:Zone.Identifier</t>
  </si>
  <si>
    <t>D:\Backup 12-11-2019\Desktop 22-07-19\Download\87cbd3835e694aa1829dc067f27fcc89.csv:Zone.Identifier</t>
  </si>
  <si>
    <t>8a5230f15e9f4a2bb2eba33a284a086c.xls</t>
  </si>
  <si>
    <t>D:\Backup 12-11-2019\Desktop 22-07-19\Download\8a5230f15e9f4a2bb2eba33a284a086c.xls</t>
  </si>
  <si>
    <t>8f98d4bd6ee84e60bd5dffa56865b26b.xls</t>
  </si>
  <si>
    <t>D:\Backup 12-11-2019\Desktop 22-07-19\Download\8f98d4bd6ee84e60bd5dffa56865b26b.xls</t>
  </si>
  <si>
    <t>91356aed355841f0824da5cb62ea6d5b.csv</t>
  </si>
  <si>
    <t>D:\Backup 12-11-2019\Desktop 22-07-19\Download\91356aed355841f0824da5cb62ea6d5b.csv</t>
  </si>
  <si>
    <t>91356aed355841f0824da5cb62ea6d5b.csv:Zone.Identifier</t>
  </si>
  <si>
    <t>D:\Backup 12-11-2019\Desktop 22-07-19\Download\91356aed355841f0824da5cb62ea6d5b.csv:Zone.Identifier</t>
  </si>
  <si>
    <t>93ab01530a164e8a8b700a6cd416dde7.xls</t>
  </si>
  <si>
    <t>D:\Backup 12-11-2019\Desktop 22-07-19\Download\93ab01530a164e8a8b700a6cd416dde7.xls</t>
  </si>
  <si>
    <t>947334 - BP Preço C014 B014 Desonerada - ONS v1.10 %28revisão%29 - Cenário1 %28Conv e RV%29.xlsb</t>
  </si>
  <si>
    <t>D:\Backup 12-11-2019\Desktop 22-07-19\Download\947334 - BP Preço C014 B014 Desonerada - ONS v1.10 %28revisão%29 - Cenário1 %28Conv e RV%29.xlsb</t>
  </si>
  <si>
    <t>C:\Users\suelenmm\OneDrive - Grupo Algar\Desktop 22-07-19\Download\947334 - BP Preço C014 B014 Desonerada - ONS v1.10 %28revisão%29 - Cenário1 %28Conv e RV%29.xlsb\</t>
  </si>
  <si>
    <t>aaf441f31d614e00ad3820121889f1a8.xls</t>
  </si>
  <si>
    <t>D:\Backup 12-11-2019\Desktop 22-07-19\Download\aaf441f31d614e00ad3820121889f1a8.xls</t>
  </si>
  <si>
    <t>abr-19.csv</t>
  </si>
  <si>
    <t>D:\Backup 12-11-2019\Desktop 22-07-19\Download\abr-19.csv</t>
  </si>
  <si>
    <t>abr-19.csv:Zone.Identifier</t>
  </si>
  <si>
    <t>D:\Backup 12-11-2019\Desktop 22-07-19\Download\abr-19.csv:Zone.Identifier</t>
  </si>
  <si>
    <t>alvcxg25.rrc.csv</t>
  </si>
  <si>
    <t>D:\Backup 12-11-2019\Desktop 22-07-19\Download\alvcxg25.rrc.csv</t>
  </si>
  <si>
    <t>alvcxg25.rrc.csv:Zone.Identifier</t>
  </si>
  <si>
    <t>D:\Backup 12-11-2019\Desktop 22-07-19\Download\alvcxg25.rrc.csv:Zone.Identifier</t>
  </si>
  <si>
    <t>Anexo 4 - Cronograma.xlsx</t>
  </si>
  <si>
    <t>D:\Backup 12-11-2019\Desktop 22-07-19\Download\Anexo 4 - Cronograma.xlsx</t>
  </si>
  <si>
    <t>Anexo II - Formulário de Questionamentos (1).xlsx</t>
  </si>
  <si>
    <t>D:\Backup 12-11-2019\Desktop 22-07-19\Download\Anexo II - Formulário de Questionamentos (1).xlsx</t>
  </si>
  <si>
    <t>Anexo II - Formulário de Questionamentos.xlsx</t>
  </si>
  <si>
    <t>D:\Backup 12-11-2019\Desktop 22-07-19\Download\Anexo II - Formulário de Questionamentos.xlsx</t>
  </si>
  <si>
    <t>aohkkzvd.dpd.csv</t>
  </si>
  <si>
    <t>D:\Backup 12-11-2019\Desktop 22-07-19\Download\aohkkzvd.dpd.csv</t>
  </si>
  <si>
    <t>aohkkzvd.dpd.csv:Zone.Identifier</t>
  </si>
  <si>
    <t>D:\Backup 12-11-2019\Desktop 22-07-19\Download\aohkkzvd.dpd.csv:Zone.Identifier</t>
  </si>
  <si>
    <t>Apuração de IR em branco (1).xlsx</t>
  </si>
  <si>
    <t>D:\Backup 12-11-2019\Desktop 22-07-19\Download\Apuração de IR em branco (1).xlsx</t>
  </si>
  <si>
    <t>D:\Backup 12-11-2019\Desktop 22-07-19\Download\Apuração de IR em branco.xlsx</t>
  </si>
  <si>
    <t>Associados_jan-19 (1).xlsx</t>
  </si>
  <si>
    <t>D:\Backup 12-11-2019\Desktop 22-07-19\Download\Associados_jan-19 (1).xlsx</t>
  </si>
  <si>
    <t>Associados_jan-19.xlsx</t>
  </si>
  <si>
    <t>D:\Backup 12-11-2019\Desktop 22-07-19\Download\Associados_jan-19.xlsx</t>
  </si>
  <si>
    <t>Atualização de Documentos %284%29.xlsx</t>
  </si>
  <si>
    <t>D:\Backup 12-11-2019\Desktop 22-07-19\Download\Atualização de Documentos %284%29.xlsx</t>
  </si>
  <si>
    <t>b23bdba8041c429b8c99978e29f321b8.xls</t>
  </si>
  <si>
    <t>D:\Backup 12-11-2019\Desktop 22-07-19\Download\b23bdba8041c429b8c99978e29f321b8.xls</t>
  </si>
  <si>
    <t>byhscrxu.gse.csv</t>
  </si>
  <si>
    <t>D:\Backup 12-11-2019\Desktop 22-07-19\Download\byhscrxu.gse.csv</t>
  </si>
  <si>
    <t>byhscrxu.gse.csv:Zone.Identifier</t>
  </si>
  <si>
    <t>D:\Backup 12-11-2019\Desktop 22-07-19\Download\byhscrxu.gse.csv:Zone.Identifier</t>
  </si>
  <si>
    <t>c23f293163224ec9b3201e6b3467a5fd.xls</t>
  </si>
  <si>
    <t>D:\Backup 12-11-2019\Desktop 22-07-19\Download\c23f293163224ec9b3201e6b3467a5fd.xls</t>
  </si>
  <si>
    <t>c31b30692d3b4568abed8f1b5f6c9ddd.xls</t>
  </si>
  <si>
    <t>D:\Backup 12-11-2019\Desktop 22-07-19\Download\c31b30692d3b4568abed8f1b5f6c9ddd.xls</t>
  </si>
  <si>
    <t>cba81ed5fa7b4c9690936579752ba2fa.csv</t>
  </si>
  <si>
    <t>D:\Backup 12-11-2019\Desktop 22-07-19\Download\cba81ed5fa7b4c9690936579752ba2fa.csv</t>
  </si>
  <si>
    <t>cba81ed5fa7b4c9690936579752ba2fa.csv:Zone.Identifier</t>
  </si>
  <si>
    <t>D:\Backup 12-11-2019\Desktop 22-07-19\Download\cba81ed5fa7b4c9690936579752ba2fa.csv:Zone.Identifier</t>
  </si>
  <si>
    <t>ccdafa3aa4bf49368a6b91e641376752.xls</t>
  </si>
  <si>
    <t>D:\Backup 12-11-2019\Desktop 22-07-19\Download\ccdafa3aa4bf49368a6b91e641376752.xls</t>
  </si>
  <si>
    <t>cd8f92f661884232910ef4ef3d80fc6e.xls</t>
  </si>
  <si>
    <t>D:\Backup 12-11-2019\Desktop 22-07-19\Download\cd8f92f661884232910ef4ef3d80fc6e.xls</t>
  </si>
  <si>
    <t>cec8435c7dc94a61b5e28e3589b202ff.csv</t>
  </si>
  <si>
    <t>D:\Backup 12-11-2019\Desktop 22-07-19\Download\cec8435c7dc94a61b5e28e3589b202ff.csv</t>
  </si>
  <si>
    <t>cec8435c7dc94a61b5e28e3589b202ff.csv:Zone.Identifier</t>
  </si>
  <si>
    <t>D:\Backup 12-11-2019\Desktop 22-07-19\Download\cec8435c7dc94a61b5e28e3589b202ff.csv:Zone.Identifier</t>
  </si>
  <si>
    <t>D:\Backup 12-11-2019\Desktop 22-07-19\Download\Century_2018-12_Departamental-GERAL.xlsb</t>
  </si>
  <si>
    <t>Check List_Algar Tech_v6.xlsx</t>
  </si>
  <si>
    <t>D:\Backup 12-11-2019\Desktop 22-07-19\Download\Check List_Algar Tech_v6.xlsx</t>
  </si>
  <si>
    <t>Comissão Força de Vendas - 1º Tri - 2018 - Suelen (1).xlsb</t>
  </si>
  <si>
    <t>D:\Backup 12-11-2019\Desktop 22-07-19\Download\Comissão Força de Vendas - 1º Tri - 2018 - Suelen (1).xlsb</t>
  </si>
  <si>
    <t>Comissão Força de Vendas - 1º Tri - 2018 - Suelen (2).xlsb</t>
  </si>
  <si>
    <t>D:\Backup 12-11-2019\Desktop 22-07-19\Download\Comissão Força de Vendas - 1º Tri - 2018 - Suelen (2).xlsb</t>
  </si>
  <si>
    <t>Comissão Força de Vendas - 1º Tri - 2018 - Suelen.xlsb</t>
  </si>
  <si>
    <t>D:\Backup 12-11-2019\Desktop 22-07-19\Download\Comissão Força de Vendas - 1º Tri - 2018 - Suelen.xlsb</t>
  </si>
  <si>
    <t>cunr3vcm.nc4.csv</t>
  </si>
  <si>
    <t>D:\Backup 12-11-2019\Desktop 22-07-19\Download\cunr3vcm.nc4.csv</t>
  </si>
  <si>
    <t>cunr3vcm.nc4.csv:Zone.Identifier</t>
  </si>
  <si>
    <t>D:\Backup 12-11-2019\Desktop 22-07-19\Download\cunr3vcm.nc4.csv:Zone.Identifier</t>
  </si>
  <si>
    <t>Cópia de BP Preço C015 B014 Desonerada_RV PL SL. Mín.xlsb</t>
  </si>
  <si>
    <t>D:\Backup 12-11-2019\Desktop 22-07-19\Download\Cópia de BP Preço C015 B014 Desonerada_RV PL SL. Mín.xlsb</t>
  </si>
  <si>
    <t>C:\Users\suelenmm\OneDrive - Grupo Algar\Desktop 22-07-19\Download\Cópia de BP Preço C015 B014 Desonerada_RV PL SL. Mín.xlsb\</t>
  </si>
  <si>
    <t>Dados Empresa Cidadã 2018 - menor.xlsx</t>
  </si>
  <si>
    <t>D:\Backup 12-11-2019\Desktop 22-07-19\Download\Dados Empresa Cidadã 2018 - menor.xlsx</t>
  </si>
  <si>
    <t>db5a2511ab4949828815f9cd71c5d5d7.xls</t>
  </si>
  <si>
    <t>D:\Backup 12-11-2019\Desktop 22-07-19\Download\db5a2511ab4949828815f9cd71c5d5d7.xls</t>
  </si>
  <si>
    <t>dbcie1v4.krd.csv</t>
  </si>
  <si>
    <t>D:\Backup 12-11-2019\Desktop 22-07-19\Download\dbcie1v4.krd.csv</t>
  </si>
  <si>
    <t>dbcie1v4.krd.csv:Zone.Identifier</t>
  </si>
  <si>
    <t>D:\Backup 12-11-2019\Desktop 22-07-19\Download\dbcie1v4.krd.csv:Zone.Identifier</t>
  </si>
  <si>
    <t>de07659b66434acf91d1e8798582b02f.csv</t>
  </si>
  <si>
    <t>D:\Backup 12-11-2019\Desktop 22-07-19\Download\de07659b66434acf91d1e8798582b02f.csv</t>
  </si>
  <si>
    <t>de07659b66434acf91d1e8798582b02f.csv:Zone.Identifier</t>
  </si>
  <si>
    <t>D:\Backup 12-11-2019\Desktop 22-07-19\Download\de07659b66434acf91d1e8798582b02f.csv:Zone.Identifier</t>
  </si>
  <si>
    <t>D:\Backup 12-11-2019\Desktop 22-07-19\Download\Demandas.xlsx</t>
  </si>
  <si>
    <t>Divisao carteira pre vendas recorrente.xlsx</t>
  </si>
  <si>
    <t>D:\Backup 12-11-2019\Desktop 22-07-19\Download\Divisao carteira pre vendas recorrente.xlsx</t>
  </si>
  <si>
    <t>dwkj0wh2.tqx.csv</t>
  </si>
  <si>
    <t>D:\Backup 12-11-2019\Desktop 22-07-19\Download\dwkj0wh2.tqx.csv</t>
  </si>
  <si>
    <t>dwkj0wh2.tqx.csv:Zone.Identifier</t>
  </si>
  <si>
    <t>D:\Backup 12-11-2019\Desktop 22-07-19\Download\dwkj0wh2.tqx.csv:Zone.Identifier</t>
  </si>
  <si>
    <t>e0ixmkzo.c5n.csv</t>
  </si>
  <si>
    <t>D:\Backup 12-11-2019\Desktop 22-07-19\Download\e0ixmkzo.c5n.csv</t>
  </si>
  <si>
    <t>e0ixmkzo.c5n.csv:Zone.Identifier</t>
  </si>
  <si>
    <t>D:\Backup 12-11-2019\Desktop 22-07-19\Download\e0ixmkzo.c5n.csv:Zone.Identifier</t>
  </si>
  <si>
    <t>ea1f56f9ff154722b4e449dbd9099aad.xls</t>
  </si>
  <si>
    <t>D:\Backup 12-11-2019\Desktop 22-07-19\Download\ea1f56f9ff154722b4e449dbd9099aad.xls</t>
  </si>
  <si>
    <t>empresa_cidada_10_05_18.xls</t>
  </si>
  <si>
    <t>D:\Backup 12-11-2019\Desktop 22-07-19\Download\empresa_cidada_10_05_18.xls</t>
  </si>
  <si>
    <t>D:\Backup 12-11-2019\Desktop 22-07-19\Download\Estrutura De_Para.xlsx</t>
  </si>
  <si>
    <t>Exportação para Excel.xlsx</t>
  </si>
  <si>
    <t>D:\Backup 12-11-2019\Desktop 22-07-19\Download\Exportação para Excel.xlsx</t>
  </si>
  <si>
    <t>D:\Backup 12-11-2019\Desktop 22-07-19\Download\Expurgo.xlsx</t>
  </si>
  <si>
    <t>f9cd9bda6c9b4054a9f9fbd7fad58b65.xls</t>
  </si>
  <si>
    <t>D:\Backup 12-11-2019\Desktop 22-07-19\Download\f9cd9bda6c9b4054a9f9fbd7fad58b65.xls</t>
  </si>
  <si>
    <t>faa618fa2b7a49a3bcac5324a638b0da.xls</t>
  </si>
  <si>
    <t>D:\Backup 12-11-2019\Desktop 22-07-19\Download\faa618fa2b7a49a3bcac5324a638b0da.xls</t>
  </si>
  <si>
    <t>FATURA B FMM.xls</t>
  </si>
  <si>
    <t>D:\Backup 12-11-2019\Desktop 22-07-19\Download\FATURA B FMM.xls</t>
  </si>
  <si>
    <t>FATURAS_B FMM_consolidado regionais_REV2 - para Suprimentos 08122017 V2.xls</t>
  </si>
  <si>
    <t>D:\Backup 12-11-2019\Desktop 22-07-19\Download\FATURAS_B FMM_consolidado regionais_REV2 - para Suprimentos 08122017 V2.xls</t>
  </si>
  <si>
    <t>fd6eb0f7f19241378788a26a147bb9a7.csv</t>
  </si>
  <si>
    <t>D:\Backup 12-11-2019\Desktop 22-07-19\Download\fd6eb0f7f19241378788a26a147bb9a7.csv</t>
  </si>
  <si>
    <t>fd6eb0f7f19241378788a26a147bb9a7.csv:Zone.Identifier</t>
  </si>
  <si>
    <t>D:\Backup 12-11-2019\Desktop 22-07-19\Download\fd6eb0f7f19241378788a26a147bb9a7.csv:Zone.Identifier</t>
  </si>
  <si>
    <t>fe58af34e9ab4a59bc77c4d3bbaed24b.xls</t>
  </si>
  <si>
    <t>D:\Backup 12-11-2019\Desktop 22-07-19\Download\fe58af34e9ab4a59bc77c4d3bbaed24b.xls</t>
  </si>
  <si>
    <t>fev-19.csv</t>
  </si>
  <si>
    <t>D:\Backup 12-11-2019\Desktop 22-07-19\Download\fev-19.csv</t>
  </si>
  <si>
    <t>fev-19.csv:Zone.Identifier</t>
  </si>
  <si>
    <t>D:\Backup 12-11-2019\Desktop 22-07-19\Download\fev-19.csv:Zone.Identifier</t>
  </si>
  <si>
    <t>ff5562ef92764b9bb1752058b5ed0bbb.xls</t>
  </si>
  <si>
    <t>D:\Backup 12-11-2019\Desktop 22-07-19\Download\ff5562ef92764b9bb1752058b5ed0bbb.xls</t>
  </si>
  <si>
    <t>gamk01hy.b3v.csv</t>
  </si>
  <si>
    <t>D:\Backup 12-11-2019\Desktop 22-07-19\Download\gamk01hy.b3v.csv</t>
  </si>
  <si>
    <t>gamk01hy.b3v.csv:Zone.Identifier</t>
  </si>
  <si>
    <t>D:\Backup 12-11-2019\Desktop 22-07-19\Download\gamk01hy.b3v.csv:Zone.Identifier</t>
  </si>
  <si>
    <t>GH_ALTERACAO.xlsx</t>
  </si>
  <si>
    <t>D:\Backup 12-11-2019\Desktop 22-07-19\Download\GH_ALTERACAO.xlsx</t>
  </si>
  <si>
    <t>gnil5xlz.jf3.csv</t>
  </si>
  <si>
    <t>D:\Backup 12-11-2019\Desktop 22-07-19\Download\gnil5xlz.jf3.csv</t>
  </si>
  <si>
    <t>gnil5xlz.jf3.csv:Zone.Identifier</t>
  </si>
  <si>
    <t>D:\Backup 12-11-2019\Desktop 22-07-19\Download\gnil5xlz.jf3.csv:Zone.Identifier</t>
  </si>
  <si>
    <t>IBM_HSBC_Técnico_Pleno_(BP Preço C015 B014)_v2.xlsb</t>
  </si>
  <si>
    <t>D:\Backup 12-11-2019\Desktop 22-07-19\Download\IBM_HSBC_Técnico_Pleno_(BP Preço C015 B014)_v2.xlsb</t>
  </si>
  <si>
    <t>C:\Users\suelenmm\OneDrive - Grupo Algar\Desktop 22-07-19\Download\IBM_HSBC_Técnico_Pleno_(BP Preço C015 B014)_v2.xlsb\</t>
  </si>
  <si>
    <t>jan-19.csv</t>
  </si>
  <si>
    <t>D:\Backup 12-11-2019\Desktop 22-07-19\Download\jan-19.csv</t>
  </si>
  <si>
    <t>jan-19.csv:Zone.Identifier</t>
  </si>
  <si>
    <t>D:\Backup 12-11-2019\Desktop 22-07-19\Download\jan-19.csv:Zone.Identifier</t>
  </si>
  <si>
    <t>jun-19.csv</t>
  </si>
  <si>
    <t>D:\Backup 12-11-2019\Desktop 22-07-19\Download\jun-19.csv</t>
  </si>
  <si>
    <t>jun-19.csv:Zone.Identifier</t>
  </si>
  <si>
    <t>D:\Backup 12-11-2019\Desktop 22-07-19\Download\jun-19.csv:Zone.Identifier</t>
  </si>
  <si>
    <t>kaok33oc.x2t.csv</t>
  </si>
  <si>
    <t>D:\Backup 12-11-2019\Desktop 22-07-19\Download\kaok33oc.x2t.csv</t>
  </si>
  <si>
    <t>kaok33oc.x2t.csv:Zone.Identifier</t>
  </si>
  <si>
    <t>D:\Backup 12-11-2019\Desktop 22-07-19\Download\kaok33oc.x2t.csv:Zone.Identifier</t>
  </si>
  <si>
    <t>kqcc1nbh.113.csv</t>
  </si>
  <si>
    <t>D:\Backup 12-11-2019\Desktop 22-07-19\Download\kqcc1nbh.113.csv</t>
  </si>
  <si>
    <t>kqcc1nbh.113.csv:Zone.Identifier</t>
  </si>
  <si>
    <t>D:\Backup 12-11-2019\Desktop 22-07-19\Download\kqcc1nbh.113.csv:Zone.Identifier</t>
  </si>
  <si>
    <t>kytsdjt3.uha.csv</t>
  </si>
  <si>
    <t>D:\Backup 12-11-2019\Desktop 22-07-19\Download\kytsdjt3.uha.csv</t>
  </si>
  <si>
    <t>kytsdjt3.uha.csv:Zone.Identifier</t>
  </si>
  <si>
    <t>D:\Backup 12-11-2019\Desktop 22-07-19\Download\kytsdjt3.uha.csv:Zone.Identifier</t>
  </si>
  <si>
    <t>l10b0nkr.ccy.csv</t>
  </si>
  <si>
    <t>D:\Backup 12-11-2019\Desktop 22-07-19\Download\l10b0nkr.ccy.csv</t>
  </si>
  <si>
    <t>l10b0nkr.ccy.csv:Zone.Identifier</t>
  </si>
  <si>
    <t>D:\Backup 12-11-2019\Desktop 22-07-19\Download\l10b0nkr.ccy.csv:Zone.Identifier</t>
  </si>
  <si>
    <t>l3ubv1qa.ybi.csv</t>
  </si>
  <si>
    <t>D:\Backup 12-11-2019\Desktop 22-07-19\Download\l3ubv1qa.ybi.csv</t>
  </si>
  <si>
    <t>l3ubv1qa.ybi.csv:Zone.Identifier</t>
  </si>
  <si>
    <t>D:\Backup 12-11-2019\Desktop 22-07-19\Download\l3ubv1qa.ybi.csv:Zone.Identifier</t>
  </si>
  <si>
    <t>lj0s00ea.oa5.csv</t>
  </si>
  <si>
    <t>D:\Backup 12-11-2019\Desktop 22-07-19\Download\lj0s00ea.oa5.csv</t>
  </si>
  <si>
    <t>lj0s00ea.oa5.csv:Zone.Identifier</t>
  </si>
  <si>
    <t>D:\Backup 12-11-2019\Desktop 22-07-19\Download\lj0s00ea.oa5.csv:Zone.Identifier</t>
  </si>
  <si>
    <t>LPU ENGESET FMM&amp;FMT.xlsx</t>
  </si>
  <si>
    <t>D:\Backup 12-11-2019\Desktop 22-07-19\Download\LPU ENGESET FMM&amp;FMT.xlsx</t>
  </si>
  <si>
    <t>mai-19.csv</t>
  </si>
  <si>
    <t>D:\Backup 12-11-2019\Desktop 22-07-19\Download\mai-19.csv</t>
  </si>
  <si>
    <t>mai-19.csv:Zone.Identifier</t>
  </si>
  <si>
    <t>D:\Backup 12-11-2019\Desktop 22-07-19\Download\mai-19.csv:Zone.Identifier</t>
  </si>
  <si>
    <t>mar-19.csv</t>
  </si>
  <si>
    <t>D:\Backup 12-11-2019\Desktop 22-07-19\Download\mar-19.csv</t>
  </si>
  <si>
    <t>mar-19.csv:Zone.Identifier</t>
  </si>
  <si>
    <t>D:\Backup 12-11-2019\Desktop 22-07-19\Download\mar-19.csv:Zone.Identifier</t>
  </si>
  <si>
    <t>MRS - Operação - v3 - Com Cervello - BP Preço C011 B012 Desonerada.xlsb</t>
  </si>
  <si>
    <t>D:\Backup 12-11-2019\Desktop 22-07-19\Download\MRS - Operação - v3 - Com Cervello - BP Preço C011 B012 Desonerada.xlsb</t>
  </si>
  <si>
    <t>C:\Users\suelenmm\OneDrive - Grupo Algar\Desktop 22-07-19\Download\MRS - Operação - v3 - Com Cervello - BP Preço C011 B012 Desonerada.xlsb\</t>
  </si>
  <si>
    <t>mvigainb.3ge.csv</t>
  </si>
  <si>
    <t>D:\Backup 12-11-2019\Desktop 22-07-19\Download\mvigainb.3ge.csv</t>
  </si>
  <si>
    <t>mvigainb.3ge.csv:Zone.Identifier</t>
  </si>
  <si>
    <t>D:\Backup 12-11-2019\Desktop 22-07-19\Download\mvigainb.3ge.csv:Zone.Identifier</t>
  </si>
  <si>
    <t>nbjuitwb.rht.csv</t>
  </si>
  <si>
    <t>D:\Backup 12-11-2019\Desktop 22-07-19\Download\nbjuitwb.rht.csv</t>
  </si>
  <si>
    <t>nbjuitwb.rht.csv:Zone.Identifier</t>
  </si>
  <si>
    <t>D:\Backup 12-11-2019\Desktop 22-07-19\Download\nbjuitwb.rht.csv:Zone.Identifier</t>
  </si>
  <si>
    <t>omvn2wuq.1u0.csv</t>
  </si>
  <si>
    <t>D:\Backup 12-11-2019\Desktop 22-07-19\Download\omvn2wuq.1u0.csv</t>
  </si>
  <si>
    <t>omvn2wuq.1u0.csv:Zone.Identifier</t>
  </si>
  <si>
    <t>D:\Backup 12-11-2019\Desktop 22-07-19\Download\omvn2wuq.1u0.csv:Zone.Identifier</t>
  </si>
  <si>
    <t>D:\Backup 12-11-2019\Desktop 22-07-19\Download\Oportunidades por data criação (System Date).xlsx</t>
  </si>
  <si>
    <t>Oportunidades por data criação - bu approval (1).xlsx</t>
  </si>
  <si>
    <t>D:\Backup 12-11-2019\Desktop 22-07-19\Download\Oportunidades por data criação - bu approval (1).xlsx</t>
  </si>
  <si>
    <t>Oportunidades por data criação - bu approval (10).xlsx</t>
  </si>
  <si>
    <t>D:\Backup 12-11-2019\Desktop 22-07-19\Download\Oportunidades por data criação - bu approval (10).xlsx</t>
  </si>
  <si>
    <t>Oportunidades por data criação - bu approval (11).xlsx</t>
  </si>
  <si>
    <t>D:\Backup 12-11-2019\Desktop 22-07-19\Download\Oportunidades por data criação - bu approval (11).xlsx</t>
  </si>
  <si>
    <t>Oportunidades por data criação - bu approval (12).xlsx</t>
  </si>
  <si>
    <t>D:\Backup 12-11-2019\Desktop 22-07-19\Download\Oportunidades por data criação - bu approval (12).xlsx</t>
  </si>
  <si>
    <t>Oportunidades por data criação - bu approval (13).xlsx</t>
  </si>
  <si>
    <t>D:\Backup 12-11-2019\Desktop 22-07-19\Download\Oportunidades por data criação - bu approval (13).xlsx</t>
  </si>
  <si>
    <t>Oportunidades por data criação - bu approval (14).xlsx</t>
  </si>
  <si>
    <t>D:\Backup 12-11-2019\Desktop 22-07-19\Download\Oportunidades por data criação - bu approval (14).xlsx</t>
  </si>
  <si>
    <t>Oportunidades por data criação - bu approval (15).xlsx</t>
  </si>
  <si>
    <t>D:\Backup 12-11-2019\Desktop 22-07-19\Download\Oportunidades por data criação - bu approval (15).xlsx</t>
  </si>
  <si>
    <t>Oportunidades por data criação - bu approval (16).xlsx</t>
  </si>
  <si>
    <t>D:\Backup 12-11-2019\Desktop 22-07-19\Download\Oportunidades por data criação - bu approval (16).xlsx</t>
  </si>
  <si>
    <t>Oportunidades por data criação - bu approval (17).xlsx</t>
  </si>
  <si>
    <t>D:\Backup 12-11-2019\Desktop 22-07-19\Download\Oportunidades por data criação - bu approval (17).xlsx</t>
  </si>
  <si>
    <t>Oportunidades por data criação - bu approval (18).xlsx</t>
  </si>
  <si>
    <t>D:\Backup 12-11-2019\Desktop 22-07-19\Download\Oportunidades por data criação - bu approval (18).xlsx</t>
  </si>
  <si>
    <t>Oportunidades por data criação - bu approval (19).xlsx</t>
  </si>
  <si>
    <t>D:\Backup 12-11-2019\Desktop 22-07-19\Download\Oportunidades por data criação - bu approval (19).xlsx</t>
  </si>
  <si>
    <t>Oportunidades por data criação - bu approval (2).xlsx</t>
  </si>
  <si>
    <t>D:\Backup 12-11-2019\Desktop 22-07-19\Download\Oportunidades por data criação - bu approval (2).xlsx</t>
  </si>
  <si>
    <t>Oportunidades por data criação - bu approval (20).xlsx</t>
  </si>
  <si>
    <t>D:\Backup 12-11-2019\Desktop 22-07-19\Download\Oportunidades por data criação - bu approval (20).xlsx</t>
  </si>
  <si>
    <t>Oportunidades por data criação - bu approval (21).xlsx</t>
  </si>
  <si>
    <t>D:\Backup 12-11-2019\Desktop 22-07-19\Download\Oportunidades por data criação - bu approval (21).xlsx</t>
  </si>
  <si>
    <t>Oportunidades por data criação - bu approval (22).xlsx</t>
  </si>
  <si>
    <t>D:\Backup 12-11-2019\Desktop 22-07-19\Download\Oportunidades por data criação - bu approval (22).xlsx</t>
  </si>
  <si>
    <t>Oportunidades por data criação - bu approval (23).xlsx</t>
  </si>
  <si>
    <t>D:\Backup 12-11-2019\Desktop 22-07-19\Download\Oportunidades por data criação - bu approval (23).xlsx</t>
  </si>
  <si>
    <t>Oportunidades por data criação - bu approval (24).xlsx</t>
  </si>
  <si>
    <t>D:\Backup 12-11-2019\Desktop 22-07-19\Download\Oportunidades por data criação - bu approval (24).xlsx</t>
  </si>
  <si>
    <t>Oportunidades por data criação - bu approval (3).xlsx</t>
  </si>
  <si>
    <t>D:\Backup 12-11-2019\Desktop 22-07-19\Download\Oportunidades por data criação - bu approval (3).xlsx</t>
  </si>
  <si>
    <t>Oportunidades por data criação - bu approval (4).xlsx</t>
  </si>
  <si>
    <t>D:\Backup 12-11-2019\Desktop 22-07-19\Download\Oportunidades por data criação - bu approval (4).xlsx</t>
  </si>
  <si>
    <t>Oportunidades por data criação - bu approval (5).xlsx</t>
  </si>
  <si>
    <t>D:\Backup 12-11-2019\Desktop 22-07-19\Download\Oportunidades por data criação - bu approval (5).xlsx</t>
  </si>
  <si>
    <t>Oportunidades por data criação - bu approval (6).xlsx</t>
  </si>
  <si>
    <t>D:\Backup 12-11-2019\Desktop 22-07-19\Download\Oportunidades por data criação - bu approval (6).xlsx</t>
  </si>
  <si>
    <t>Oportunidades por data criação - bu approval (7).xlsx</t>
  </si>
  <si>
    <t>D:\Backup 12-11-2019\Desktop 22-07-19\Download\Oportunidades por data criação - bu approval (7).xlsx</t>
  </si>
  <si>
    <t>Oportunidades por data criação - bu approval (8).xlsx</t>
  </si>
  <si>
    <t>D:\Backup 12-11-2019\Desktop 22-07-19\Download\Oportunidades por data criação - bu approval (8).xlsx</t>
  </si>
  <si>
    <t>Oportunidades por data criação - bu approval (9).xlsx</t>
  </si>
  <si>
    <t>D:\Backup 12-11-2019\Desktop 22-07-19\Download\Oportunidades por data criação - bu approval (9).xlsx</t>
  </si>
  <si>
    <t>Oportunidades por data criação - bu approval 04-12.xlsx</t>
  </si>
  <si>
    <t>D:\Backup 12-11-2019\Desktop 22-07-19\Download\Oportunidades por data criação - bu approval 04-12.xlsx</t>
  </si>
  <si>
    <t>Oportunidades por data criação - bu approval.xlsx</t>
  </si>
  <si>
    <t>D:\Backup 12-11-2019\Desktop 22-07-19\Download\Oportunidades por data criação - bu approval.xlsx</t>
  </si>
  <si>
    <t>Oportunidades por data de fechamento v2 (sem filtros).xlsx</t>
  </si>
  <si>
    <t>D:\Backup 12-11-2019\Desktop 22-07-19\Download\Oportunidades por data de fechamento v2 (sem filtros).xlsx</t>
  </si>
  <si>
    <t>Oportunidades por data fechamento - detalhado - emissão proposta (1).xlsx</t>
  </si>
  <si>
    <t>D:\Backup 12-11-2019\Desktop 22-07-19\Download\Oportunidades por data fechamento - detalhado - emissão proposta (1).xlsx</t>
  </si>
  <si>
    <t>Oportunidades por data fechamento - detalhado - emissão proposta (2).xlsx</t>
  </si>
  <si>
    <t>D:\Backup 12-11-2019\Desktop 22-07-19\Download\Oportunidades por data fechamento - detalhado - emissão proposta (2).xlsx</t>
  </si>
  <si>
    <t>Oportunidades por data fechamento - detalhado - emissão proposta (3).xlsx</t>
  </si>
  <si>
    <t>D:\Backup 12-11-2019\Desktop 22-07-19\Download\Oportunidades por data fechamento - detalhado - emissão proposta (3).xlsx</t>
  </si>
  <si>
    <t>Oportunidades por data fechamento - detalhado - emissão proposta (4).xlsx</t>
  </si>
  <si>
    <t>D:\Backup 12-11-2019\Desktop 22-07-19\Download\Oportunidades por data fechamento - detalhado - emissão proposta (4).xlsx</t>
  </si>
  <si>
    <t>Oportunidades por data fechamento - detalhado - emissão proposta (5).xlsx</t>
  </si>
  <si>
    <t>D:\Backup 12-11-2019\Desktop 22-07-19\Download\Oportunidades por data fechamento - detalhado - emissão proposta (5).xlsx</t>
  </si>
  <si>
    <t>Oportunidades por data fechamento - detalhado - emissão proposta (6).xlsx</t>
  </si>
  <si>
    <t>D:\Backup 12-11-2019\Desktop 22-07-19\Download\Oportunidades por data fechamento - detalhado - emissão proposta (6).xlsx</t>
  </si>
  <si>
    <t>Oportunidades por data fechamento - detalhado - emissão proposta.xlsx</t>
  </si>
  <si>
    <t>D:\Backup 12-11-2019\Desktop 22-07-19\Download\Oportunidades por data fechamento - detalhado - emissão proposta.xlsx</t>
  </si>
  <si>
    <t>Oportunidades por data fechamento DETALHADO.xlsx</t>
  </si>
  <si>
    <t>D:\Backup 12-11-2019\Desktop 22-07-19\Download\Oportunidades por data fechamento DETALHADO.xlsx</t>
  </si>
  <si>
    <t>Oportunidades por data fechamento v3.xlsx</t>
  </si>
  <si>
    <t>D:\Backup 12-11-2019\Desktop 22-07-19\Download\Oportunidades por data fechamento v3.xlsx</t>
  </si>
  <si>
    <t>ouwqxyth.12k.csv</t>
  </si>
  <si>
    <t>D:\Backup 12-11-2019\Desktop 22-07-19\Download\ouwqxyth.12k.csv</t>
  </si>
  <si>
    <t>ouwqxyth.12k.csv:Zone.Identifier</t>
  </si>
  <si>
    <t>D:\Backup 12-11-2019\Desktop 22-07-19\Download\ouwqxyth.12k.csv:Zone.Identifier</t>
  </si>
  <si>
    <t>p2hdnsxn.5it.csv</t>
  </si>
  <si>
    <t>D:\Backup 12-11-2019\Desktop 22-07-19\Download\p2hdnsxn.5it.csv</t>
  </si>
  <si>
    <t>p2hdnsxn.5it.csv:Zone.Identifier</t>
  </si>
  <si>
    <t>D:\Backup 12-11-2019\Desktop 22-07-19\Download\p2hdnsxn.5it.csv:Zone.Identifier</t>
  </si>
  <si>
    <t>Pacote completo (1).xlsx</t>
  </si>
  <si>
    <t>D:\Backup 12-11-2019\Desktop 22-07-19\Download\Pacote completo (1).xlsx</t>
  </si>
  <si>
    <t>Pacote completo.xlsx</t>
  </si>
  <si>
    <t>D:\Backup 12-11-2019\Desktop 22-07-19\Download\Pacote completo.xlsx</t>
  </si>
  <si>
    <t>D:\Backup 12-11-2019\Desktop 22-07-19\Download\password_2007_2010.xlam</t>
  </si>
  <si>
    <t>Pensao (1).xlsx</t>
  </si>
  <si>
    <t>D:\Backup 12-11-2019\Desktop 22-07-19\Download\Pensao (1).xlsx</t>
  </si>
  <si>
    <t>D:\Backup 12-11-2019\Desktop 22-07-19\Download\Pensao.xlsx</t>
  </si>
  <si>
    <t>Petrobrás - 169229 - Análise de riscos.xlsx</t>
  </si>
  <si>
    <t>D:\Backup 12-11-2019\Desktop 22-07-19\Download\Petrobrás - 169229 - Análise de riscos.xlsx</t>
  </si>
  <si>
    <t>Pipeline Detalhado com CAPEX_ OPEX (1).xlsx</t>
  </si>
  <si>
    <t>D:\Backup 12-11-2019\Desktop 22-07-19\Download\Pipeline Detalhado com CAPEX_ OPEX (1).xlsx</t>
  </si>
  <si>
    <t>Pipeline Detalhado com CAPEX_ OPEX (2).xlsx</t>
  </si>
  <si>
    <t>D:\Backup 12-11-2019\Desktop 22-07-19\Download\Pipeline Detalhado com CAPEX_ OPEX (2).xlsx</t>
  </si>
  <si>
    <t>Pipeline Detalhado com CAPEX_ OPEX (3).xlsx</t>
  </si>
  <si>
    <t>D:\Backup 12-11-2019\Desktop 22-07-19\Download\Pipeline Detalhado com CAPEX_ OPEX (3).xlsx</t>
  </si>
  <si>
    <t>Pipeline Detalhado com CAPEX_ OPEX.xlsx</t>
  </si>
  <si>
    <t>D:\Backup 12-11-2019\Desktop 22-07-19\Download\Pipeline Detalhado com CAPEX_ OPEX.xlsx</t>
  </si>
  <si>
    <t>Pipeline Detalhado emissão proposta.xlsx</t>
  </si>
  <si>
    <t>D:\Backup 12-11-2019\Desktop 22-07-19\Download\Pipeline Detalhado emissão proposta.xlsx</t>
  </si>
  <si>
    <t>Pipeline Detalhado v2 (1).xlsx</t>
  </si>
  <si>
    <t>D:\Backup 12-11-2019\Desktop 22-07-19\Download\Pipeline Detalhado v2 (1).xlsx</t>
  </si>
  <si>
    <t>Pipeline Detalhado v2.xlsx</t>
  </si>
  <si>
    <t>D:\Backup 12-11-2019\Desktop 22-07-19\Download\Pipeline Detalhado v2.xlsx</t>
  </si>
  <si>
    <t>Planilha - Gestão de Fornecedores de TI - Kraljic 21_11_18.xlsm</t>
  </si>
  <si>
    <t>D:\Backup 12-11-2019\Desktop 22-07-19\Download\Planilha - Gestão de Fornecedores de TI - Kraljic 21_11_18.xlsm</t>
  </si>
  <si>
    <t>Plan_Atualizada.xlsx</t>
  </si>
  <si>
    <t>D:\Backup 12-11-2019\Desktop 22-07-19\Download\Plan_Atualizada.xlsx</t>
  </si>
  <si>
    <t>ppqb3kea.3o5.csv</t>
  </si>
  <si>
    <t>D:\Backup 12-11-2019\Desktop 22-07-19\Download\ppqb3kea.3o5.csv</t>
  </si>
  <si>
    <t>ppqb3kea.3o5.csv:Zone.Identifier</t>
  </si>
  <si>
    <t>D:\Backup 12-11-2019\Desktop 22-07-19\Download\ppqb3kea.3o5.csv:Zone.Identifier</t>
  </si>
  <si>
    <t>Pre Sales Location (detail table).csv</t>
  </si>
  <si>
    <t>D:\Backup 12-11-2019\Desktop 22-07-19\Download\Pre Sales Location (detail table).csv</t>
  </si>
  <si>
    <t>Pre Sales Location (detail table).csv:Zone.Identifier</t>
  </si>
  <si>
    <t>D:\Backup 12-11-2019\Desktop 22-07-19\Download\Pre Sales Location (detail table).csv:Zone.Identifier</t>
  </si>
  <si>
    <t>D:\Backup 12-11-2019\Desktop 22-07-19\Download\Pre Sales Location (detail table).xlsx</t>
  </si>
  <si>
    <t>Pre Sales Location (graph).xlsx</t>
  </si>
  <si>
    <t>D:\Backup 12-11-2019\Desktop 22-07-19\Download\Pre Sales Location (graph).xlsx</t>
  </si>
  <si>
    <t>Preço final cliente.xlsx</t>
  </si>
  <si>
    <t>D:\Backup 12-11-2019\Desktop 22-07-19\Download\Preço final cliente.xlsx</t>
  </si>
  <si>
    <t>pricing.xlsx</t>
  </si>
  <si>
    <t>D:\Backup 12-11-2019\Desktop 22-07-19\Download\pricing.xlsx</t>
  </si>
  <si>
    <t>C:\Users\suelenmm\OneDrive - Grupo Algar\Desktop 22-07-19\Download\Proposta Reajuste Soluções - 07_2019.pptx\</t>
  </si>
  <si>
    <t>D:\Backup 12-11-2019\Desktop 22-07-19\Download\Proposta Reajuste Soluções - 07_2019.pptx</t>
  </si>
  <si>
    <t>pze34qxf.2ua.csv</t>
  </si>
  <si>
    <t>D:\Backup 12-11-2019\Desktop 22-07-19\Download\pze34qxf.2ua.csv</t>
  </si>
  <si>
    <t>pze34qxf.2ua.csv:Zone.Identifier</t>
  </si>
  <si>
    <t>D:\Backup 12-11-2019\Desktop 22-07-19\Download\pze34qxf.2ua.csv:Zone.Identifier</t>
  </si>
  <si>
    <t>qqhmsbcq.bai.csv</t>
  </si>
  <si>
    <t>D:\Backup 12-11-2019\Desktop 22-07-19\Download\qqhmsbcq.bai.csv</t>
  </si>
  <si>
    <t>qqhmsbcq.bai.csv:Zone.Identifier</t>
  </si>
  <si>
    <t>D:\Backup 12-11-2019\Desktop 22-07-19\Download\qqhmsbcq.bai.csv:Zone.Identifier</t>
  </si>
  <si>
    <t>C:\Users\suelenmm\OneDrive - Grupo Algar\Desktop 22-07-19\Download\Quotation Number 7719171154 Suporte Grupo Profarma.msg\s1\</t>
  </si>
  <si>
    <t>Escopo DCS Bodyshop + PER CALL_Localidades_Modalidades.xlsx</t>
  </si>
  <si>
    <t>D:\Backup 12-11-2019\Desktop 22-07-19\Download\Quotation Number 7719171154 Suporte Grupo Profarma.msg</t>
  </si>
  <si>
    <t>qusye0ar.xed.csv</t>
  </si>
  <si>
    <t>D:\Backup 12-11-2019\Desktop 22-07-19\Download\qusye0ar.xed.csv</t>
  </si>
  <si>
    <t>qusye0ar.xed.csv:Zone.Identifier</t>
  </si>
  <si>
    <t>D:\Backup 12-11-2019\Desktop 22-07-19\Download\qusye0ar.xed.csv:Zone.Identifier</t>
  </si>
  <si>
    <t>Relatório de Comprovação de Envio das Oportunidades (1).xlsx</t>
  </si>
  <si>
    <t>D:\Backup 12-11-2019\Desktop 22-07-19\Download\Relatório de Comprovação de Envio das Oportunidades (1).xlsx</t>
  </si>
  <si>
    <t>Relatório de Comprovação de Envio das Oportunidades.xlsx</t>
  </si>
  <si>
    <t>D:\Backup 12-11-2019\Desktop 22-07-19\Download\Relatório de Comprovação de Envio das Oportunidades.xlsx</t>
  </si>
  <si>
    <t>Relatório de Comprovação de Envio do Relatório Executivo.xlsx</t>
  </si>
  <si>
    <t>D:\Backup 12-11-2019\Desktop 22-07-19\Download\Relatório de Comprovação de Envio do Relatório Executivo.xlsx</t>
  </si>
  <si>
    <t>Relatório de Comprovação de Envio dos E-mails (1).xlsx</t>
  </si>
  <si>
    <t>D:\Backup 12-11-2019\Desktop 22-07-19\Download\Relatório de Comprovação de Envio dos E-mails (1).xlsx</t>
  </si>
  <si>
    <t>Relatório de Comprovação de Envio dos E-mails (2).xlsx</t>
  </si>
  <si>
    <t>D:\Backup 12-11-2019\Desktop 22-07-19\Download\Relatório de Comprovação de Envio dos E-mails (2).xlsx</t>
  </si>
  <si>
    <t>Relatório de Comprovação de Envio dos E-mails.xlsx</t>
  </si>
  <si>
    <t>D:\Backup 12-11-2019\Desktop 22-07-19\Download\Relatório de Comprovação de Envio dos E-mails.xlsx</t>
  </si>
  <si>
    <t>C:\Users\suelenmm\OneDrive - Grupo Algar\Desktop 22-07-19\Download\RES RES Proposta Técnica e comercial Telcomp - Boulevard Barueri.msg\s111\</t>
  </si>
  <si>
    <t>ALGAR TECH_RATEIO_ANEXO IV_PLANILHA ORCAMENTARIA_PROJETO BOULEVAR BARUERI_rev02.xlsx</t>
  </si>
  <si>
    <t>D:\Backup 12-11-2019\Desktop 22-07-19\Download\RES RES Proposta Técnica e comercial Telcomp - Boulevard Barueri.msg</t>
  </si>
  <si>
    <t>C:\Users\suelenmm\OneDrive - Grupo Algar\Desktop 22-07-19\Download\RES Você foi convidado para participar do evento Concurso SBE .msg\s135\Concurso SBE1.zip\</t>
  </si>
  <si>
    <t>LPU - SBE BRA 20180129 - 01 07_0.xlsx</t>
  </si>
  <si>
    <t>D:\Backup 12-11-2019\Desktop 22-07-19\Download\RES Você foi convidado para participar do evento Concurso SBE .msg</t>
  </si>
  <si>
    <t>C:\Users\suelenmm\OneDrive - Grupo Algar\Desktop 22-07-19\Download\RES Você foi convidado para participar do evento Concurso SBE .msg\s135\Concurso SBE1.zip\RFP SBE - BRA.zip\RFP SBE - BRA v_Compras29012018.docx\</t>
  </si>
  <si>
    <t>Folha_C_lculo_Microsoft_Excel_97-20031.xls</t>
  </si>
  <si>
    <t>Folha_de_C_lculo_do_Microsoft_Excel1.xlsx</t>
  </si>
  <si>
    <t>Folha_de_C_lculo_do_Microsoft_Excel2.xlsx</t>
  </si>
  <si>
    <t>C:\Users\suelenmm\OneDrive - Grupo Algar\Desktop 22-07-19\Download\RES Você foi convidado para participar do evento Concurso SBE .msg\s135\Concurso SBE1.zip\RFP SBE - BRA.zip\RFP SBE - BRA v_Compras29012018.docx\Aceite.zip\</t>
  </si>
  <si>
    <t>Procedimentos por roteiro_Aceite RF F¡sico_Rev.3.0.0.xlsx</t>
  </si>
  <si>
    <t>Procedimentos por roteiro_Aceite RF L¢gico_Rev.6.0.0_ERICSSON.XLSX</t>
  </si>
  <si>
    <t>Procedimentos por roteiro_Aceite RF L¢gico_Rev.6.0.0_HUAWEI.XLSX</t>
  </si>
  <si>
    <t>Procedimentos por roteiro_Aceite TX Metro Fisico_Rev_3.0.0.xlsx</t>
  </si>
  <si>
    <t>Procedimentos por roteiro_Aceite TX Metro L¢gico_Rev_3.0.0.xlsx</t>
  </si>
  <si>
    <t>Procedimentos por roteiro_Aceite TX Radio Fisico_Rev_2.0.0.xlsx</t>
  </si>
  <si>
    <t>Procedimentos por roteiro_Aceite TX Radio L¢gico_Rev_2.0.0.xlsx</t>
  </si>
  <si>
    <t>C:\Users\suelenmm\OneDrive - Grupo Algar\Desktop 22-07-19\Download\RESPOSTA AOS QUESTIONAMENTOS E LPUS.zip\</t>
  </si>
  <si>
    <t>LPU COW.xlsx</t>
  </si>
  <si>
    <t>D:\Backup 12-11-2019\Desktop 22-07-19\Download\RESPOSTA AOS QUESTIONAMENTOS E LPUS.zip</t>
  </si>
  <si>
    <t>LPU FATURA A FMT.xlsx</t>
  </si>
  <si>
    <t>LPU FATURA B FMT.xlsx</t>
  </si>
  <si>
    <t>LPU FMM FATURA B MATERIAIS.xls</t>
  </si>
  <si>
    <t>LPU GMG.xls</t>
  </si>
  <si>
    <t>LPU SEGURANCA.xlsx</t>
  </si>
  <si>
    <t>LPU VSAT.xls</t>
  </si>
  <si>
    <t>Resumo estrutura.xlsx</t>
  </si>
  <si>
    <t>D:\Backup 12-11-2019\Desktop 22-07-19\Download\Resumo estrutura.xlsx</t>
  </si>
  <si>
    <t>C:\Users\suelenmm\OneDrive - Grupo Algar\Desktop 22-07-19\Download\Revisão TIM.msg\s79\4ª Change - a ser enviada.zip\4¦ Change - a ser enviada\</t>
  </si>
  <si>
    <t>BP Pre‡o C010 B009 - TLE v16.1 - 60d - Cenario mantendo impostos, folha e laudo com terceiro.xlsb</t>
  </si>
  <si>
    <t>D:\Backup 12-11-2019\Desktop 22-07-19\Download\Revisão TIM.msg</t>
  </si>
  <si>
    <t>BP Pre‡o C010 B009 - TLE v16.2 - 60d - Cenario mantendo impostos e folha.xlsb</t>
  </si>
  <si>
    <t>BP Pre‡o C010 B009 - TLE v16.3 - 60d - Cenario mantendo folha.xlsb</t>
  </si>
  <si>
    <t>BP Pre‡o C010 B009 - TLE v16.4 - 60d - Cenario Final.xlsb</t>
  </si>
  <si>
    <t>Log¡stica FMM-FMT v16.1.xlsx</t>
  </si>
  <si>
    <t>Log¡stica FMM-FMT v16.2.xlsx</t>
  </si>
  <si>
    <t>Log¡stica FMM-FMT v16.3.xlsx</t>
  </si>
  <si>
    <t>Log¡stica FMM-FMT v16.4.xlsx</t>
  </si>
  <si>
    <t>C:\Users\suelenmm\OneDrive - Grupo Algar\Desktop 22-07-19\Download\Revisão TIM.msg\s79\4ª Change - a ser enviada.zip\4¦ Change - a ser enviada\BP Pre‡o C010 B009 - TLE v16.1 - 60d - Cenario mantendo impostos, folha e laudo com terceiro.xlsb\</t>
  </si>
  <si>
    <t>C:\Users\suelenmm\OneDrive - Grupo Algar\Desktop 22-07-19\Download\Revisão TIM.msg\s79\4ª Change - a ser enviada.zip\4¦ Change - a ser enviada\BP Pre‡o C010 B009 - TLE v16.2 - 60d - Cenario mantendo impostos e folha.xlsb\</t>
  </si>
  <si>
    <t>C:\Users\suelenmm\OneDrive - Grupo Algar\Desktop 22-07-19\Download\Revisão TIM.msg\s79\4ª Change - a ser enviada.zip\4¦ Change - a ser enviada\BP Pre‡o C010 B009 - TLE v16.3 - 60d - Cenario mantendo folha.xlsb\</t>
  </si>
  <si>
    <t>C:\Users\suelenmm\OneDrive - Grupo Algar\Desktop 22-07-19\Download\Revisão TIM.msg\s79\4ª Change - a ser enviada.zip\4¦ Change - a ser enviada\BP Pre‡o C010 B009 - TLE v16.4 - 60d - Cenario Final.xlsb\</t>
  </si>
  <si>
    <t>RFQ Instalação Servidores Trend Micro (1).xls</t>
  </si>
  <si>
    <t>D:\Backup 12-11-2019\Desktop 22-07-19\Download\RFQ Instalação Servidores Trend Micro (1).xls</t>
  </si>
  <si>
    <t>RFQ Instalação Servidores Trend Micro (2).xls</t>
  </si>
  <si>
    <t>D:\Backup 12-11-2019\Desktop 22-07-19\Download\RFQ Instalação Servidores Trend Micro (2).xls</t>
  </si>
  <si>
    <t>RFQ Instalação Servidores Trend Micro.xls</t>
  </si>
  <si>
    <t>D:\Backup 12-11-2019\Desktop 22-07-19\Download\RFQ Instalação Servidores Trend Micro.xls</t>
  </si>
  <si>
    <t>Desenho_Especialistas.xlsb</t>
  </si>
  <si>
    <t>rorbjjnz.kfn.csv</t>
  </si>
  <si>
    <t>D:\Backup 12-11-2019\Desktop 22-07-19\Download\rorbjjnz.kfn.csv</t>
  </si>
  <si>
    <t>rorbjjnz.kfn.csv:Zone.Identifier</t>
  </si>
  <si>
    <t>D:\Backup 12-11-2019\Desktop 22-07-19\Download\rorbjjnz.kfn.csv:Zone.Identifier</t>
  </si>
  <si>
    <t>s1esqymq.5cq.csv</t>
  </si>
  <si>
    <t>D:\Backup 12-11-2019\Desktop 22-07-19\Download\s1esqymq.5cq.csv</t>
  </si>
  <si>
    <t>sm1mnbkd.mtn.csv</t>
  </si>
  <si>
    <t>D:\Backup 12-11-2019\Desktop 22-07-19\Download\sm1mnbkd.mtn.csv</t>
  </si>
  <si>
    <t>sm1mnbkd.mtn.csv:Zone.Identifier</t>
  </si>
  <si>
    <t>D:\Backup 12-11-2019\Desktop 22-07-19\Download\sm1mnbkd.mtn.csv:Zone.Identifier</t>
  </si>
  <si>
    <t>11/13/2019 08:36:03</t>
  </si>
  <si>
    <t>11/13/2019 08:38:29</t>
  </si>
  <si>
    <t>crcevmc@algartech.com.br;</t>
  </si>
  <si>
    <t>Atualização de MCC - Grupo Plural</t>
  </si>
  <si>
    <t>crcevmc@algartech.com.br</t>
  </si>
  <si>
    <t>11/13/2019 08:39:29</t>
  </si>
  <si>
    <t>teste de planilha (Latam - Insite) - 26% MC v1.2 (fechamento) - Suelen.xlsx</t>
  </si>
  <si>
    <t>C:\Users\suelenmm\OneDrive - Grupo Algar\Desktop - 12-11-19\Vale - Apresentacao - Business Performance_ VF3 18_10_2019.pptx\</t>
  </si>
  <si>
    <t>/o=exchangelabs/ou=exchange administrative group (fydibohf23spdlt)/cn=recipients/cn=61af722dd06149089cf1c867d796b8bc-delso estre;/o=exchangelabs/ou=exchange administrative group (fydibohf23spdlt)/cn=recipients/cn=cee041e3afc5419faa2273808d5b57ff-priscila de;/o=exchangelabs/ou=exchange administrative group (fydibohf23spdlt)/cn=recipients/cn=e46cd96e8e9e452c8cc8ba65a6c4ec57-gustavo hen;</t>
  </si>
  <si>
    <t>RES: Template CFV 3º Tri/19 Equipe PRÉ-VENDAS SUELEN</t>
  </si>
  <si>
    <t>Melhorias contrato atual TIM - FMMFMT - TIM.msg\s1\</t>
  </si>
  <si>
    <t>Cronograma_Preventivas_FMT_TNE_2019.xlsx</t>
  </si>
  <si>
    <t>/o=exchangelabs/ou=exchange administrative group (fydibohf23spdlt)/cn=recipients/cn=61af722dd06149089cf1c867d796b8bc-delso estre,/o=exchangelabs/ou=exchange administrative group (fydibohf23spdlt)/cn=recipients/cn=cee041e3afc5419faa2273808d5b57ff-priscila de,/o=exchangelabs/ou=exchange administrative group (fydibohf23spdlt)/cn=recipients/cn=e46cd96e8e9e452c8cc8ba65a6c4ec57-gustavo hen</t>
  </si>
  <si>
    <t>Microsoft_Excel_Binary_Worksheet6.xlsb</t>
  </si>
  <si>
    <t>Microsoft_Excel_Binary_Worksheet7.xlsb</t>
  </si>
  <si>
    <t>C:\Users\suelenmm\OneDrive - Grupo Algar\Desktop - 12-11-19\Vale - Apresentacao - Business Performance_ VF3 18_10_2019.pptx\Microsoft_Excel_Binary_Worksheet.xlsb\</t>
  </si>
  <si>
    <t>C:\Users\suelenmm\OneDrive - Grupo Algar\Desktop - 12-11-19\Vale - Apresentacao - Business Performance_ VF3 18_10_2019.pptx\Microsoft_Excel_Binary_Worksheet1.xlsb\</t>
  </si>
  <si>
    <t>C:\Users\suelenmm\OneDrive - Grupo Algar\Desktop - 12-11-19\Vale - Apresentacao - Business Performance_ VF3 18_10_2019.pptx\Microsoft_Excel_Binary_Worksheet3.xlsb\</t>
  </si>
  <si>
    <t>C:\Users\suelenmm\OneDrive - Grupo Algar\Desktop - 12-11-19\Vale - Apresentacao - Business Performance_ VF3 18_10_2019.pptx\Microsoft_Excel_Binary_Worksheet5.xlsb\</t>
  </si>
  <si>
    <t>C:\Users\suelenmm\OneDrive - Grupo Algar\Desktop - 12-11-19\Vale - Apresentacao - Business Performance_ VF3 18_10_2019.pptx\Microsoft_Excel_Binary_Worksheet6.xlsb\</t>
  </si>
  <si>
    <t>C:\Users\suelenmm\OneDrive - Grupo Algar\Desktop - 12-11-19\Vale - Apresentacao - Business Performance_ VF3 18_10_2019.pptx\Microsoft_Excel_Binary_Worksheet7.xlsb\</t>
  </si>
  <si>
    <t>Quantidade Técnicos x Cidade - SCC.xlsx</t>
  </si>
  <si>
    <t>C:\Users\suelenmm\OneDrive - Grupo Algar\Desktop - 12-11-19\Soluções 30-10-2019.pptx\</t>
  </si>
  <si>
    <t>C:\Users\suelenmm\OneDrive - Grupo Algar\Desktop - 12-11-19\Vale - Apresentacao - Business Performance_ VF3 18_10_2019.zip\Vale - Apresentacao - Business Performance_ VF3 18_10_2019.pptx\</t>
  </si>
  <si>
    <t>C:\Users\suelenmm\OneDrive - Grupo Algar\Desktop - 12-11-19\Vale - Apresentacao - Business Performance_ VF3 18_10_2019.zip\Vale - Apresentacao - Business Performance_ VF3 18_10_2019.pptx\Microsoft_Excel_Binary_Worksheet.xlsb\</t>
  </si>
  <si>
    <t>C:\Users\suelenmm\OneDrive - Grupo Algar\Desktop - 12-11-19\Vale - Apresentacao - Business Performance_ VF3 18_10_2019.zip\Vale - Apresentacao - Business Performance_ VF3 18_10_2019.pptx\Microsoft_Excel_Binary_Worksheet1.xlsb\</t>
  </si>
  <si>
    <t>C:\Users\suelenmm\OneDrive - Grupo Algar\Desktop - 12-11-19\Vale - Apresentacao - Business Performance_ VF3 18_10_2019.zip\Vale - Apresentacao - Business Performance_ VF3 18_10_2019.pptx\Microsoft_Excel_Binary_Worksheet3.xlsb\</t>
  </si>
  <si>
    <t>C:\Users\suelenmm\OneDrive - Grupo Algar\Desktop - 12-11-19\Vale - Apresentacao - Business Performance_ VF3 18_10_2019.zip\Vale - Apresentacao - Business Performance_ VF3 18_10_2019.pptx\Microsoft_Excel_Binary_Worksheet5.xlsb\</t>
  </si>
  <si>
    <t>C:\Users\suelenmm\OneDrive - Grupo Algar\Desktop - 12-11-19\Vale - Apresentacao - Business Performance_ VF3 18_10_2019.zip\Vale - Apresentacao - Business Performance_ VF3 18_10_2019.pptx\Microsoft_Excel_Binary_Worksheet6.xlsb\</t>
  </si>
  <si>
    <t>C:\Users\suelenmm\OneDrive - Grupo Algar\Desktop - 12-11-19\Vale - Apresentacao - Business Performance_ VF3 18_10_2019.zip\Vale - Apresentacao - Business Performance_ VF3 18_10_2019.pptx\Microsoft_Excel_Binary_Worksheet7.xlsb\</t>
  </si>
  <si>
    <t>Propostas Pendentes Comitê de Business.xlsx</t>
  </si>
  <si>
    <t>C:\Users\suelenmm\OneDrive - Grupo Algar\Desktop - 12-11-19\Plan Precificacao C017 B017_v12082018 v6.xlsb\</t>
  </si>
  <si>
    <t>Plan Precificacao C017 B017_v12082018 v5.xlsb</t>
  </si>
  <si>
    <t>C:\Users\suelenmm\OneDrive - Grupo Algar\Desktop - 12-11-19\Plan Precificacao C017 B017_v12082018 v5.xlsb\</t>
  </si>
  <si>
    <t>Plan Precificacao C017 B017_v12082018 v4.xlsb</t>
  </si>
  <si>
    <t>C:\Users\suelenmm\OneDrive - Grupo Algar\Desktop - 12-11-19\Plan Precificacao C017 B017_v12082018 v4.xlsb\</t>
  </si>
  <si>
    <t>Plan Precificacao C017 B017_v12082018 v3.xlsb</t>
  </si>
  <si>
    <t>C:\Users\suelenmm\OneDrive - Grupo Algar\Desktop - 12-11-19\Plan Precificacao C017 B017_v12082018 v3.xlsb\</t>
  </si>
  <si>
    <t>Plan Precificacao C017 B017_v12082018 V2.xlsb</t>
  </si>
  <si>
    <t>C:\Users\suelenmm\OneDrive - Grupo Algar\Desktop - 12-11-19\Plan Precificacao C017 B017_v12082018 V2.xlsb\</t>
  </si>
  <si>
    <t>Oportunidades por data criação - bu approval - SEM NO GO E DUPLICADAS.xlsx</t>
  </si>
  <si>
    <t>objetivos.xlsx</t>
  </si>
  <si>
    <t>Mapa GAT 06-11-2019.xlsx</t>
  </si>
  <si>
    <t>Formulário Solicitações Cancelamento de Férias Fora do Portal.xls</t>
  </si>
  <si>
    <t>ErlangXL97.xla</t>
  </si>
  <si>
    <t>Demandas 02-09-19.xlsx</t>
  </si>
  <si>
    <t>Cópia de Dimensionamento_SD (Semana).xlsx</t>
  </si>
  <si>
    <t>C:\Users\suelenmm\OneDrive - Grupo Algar\Desktop - 12-11-19\Defesa Tecnica Renault v2.5.pptx\</t>
  </si>
  <si>
    <t>Cópia de Cópia de 188270_v3 - PAN FINAL - 30_10_2019 rMaluf.xlsb</t>
  </si>
  <si>
    <t>C:\Users\suelenmm\OneDrive - Grupo Algar\Desktop - 12-11-19\Cópia de Cópia de 188270_v3 - PAN FINAL - 30_10_2019 rMaluf.xlsb\</t>
  </si>
  <si>
    <t>Base Fusion.xlsx</t>
  </si>
  <si>
    <t>C:\Users\suelenmm\OneDrive - Grupo Algar\Desktop - 12-11-19\BP Preço C017 B017-Renault Latam LOT5 (insite) v1.7 - 26%MC (fechamento pós BAFO) - Suelen.xlsb\</t>
  </si>
  <si>
    <t>C:\Users\suelenmm\OneDrive - Grupo Algar\Desktop - 12-11-19\Apresentacao - Business Performance_Renault v1.0 - Suelen.zip\Apresentacao - Business Performance_Renault v1.0 - Suelen.pptx\</t>
  </si>
  <si>
    <t>C:\Users\suelenmm\OneDrive - Grupo Algar\Desktop - 12-11-19\Apresentacao - Business Performance_Renault v1.0 - Suelen.zip\Apresentacao - Business Performance_Renault v1.0 - Suelen.pptx\Microsoft_Excel_Binary_Worksheet.xlsb\</t>
  </si>
  <si>
    <t>C:\Users\suelenmm\OneDrive - Grupo Algar\Desktop - 12-11-19\Apresentacao - Business Performance_Renault v1.0 - Suelen.zip\Apresentacao - Business Performance_Renault v1.0 - Suelen.pptx\Microsoft_Excel_Binary_Worksheet3.xlsb\</t>
  </si>
  <si>
    <t>C:\Users\suelenmm\OneDrive - Grupo Algar\Desktop - 12-11-19\Apresentacao - Business Performance_Renault v1.0 - Suelen.pptx\</t>
  </si>
  <si>
    <t>C:\Users\suelenmm\OneDrive - Grupo Algar\Desktop - 12-11-19\Apresentacao - Business Performance_Renault v1.0 - Suelen.pptx\Microsoft_Excel_Binary_Worksheet.xlsb\</t>
  </si>
  <si>
    <t>C:\Users\suelenmm\OneDrive - Grupo Algar\Desktop - 12-11-19\Apresentacao - Business Performance_Renault v1.0 - Suelen.pptx\Microsoft_Excel_Binary_Worksheet3.xlsb\</t>
  </si>
  <si>
    <t>C:\Users\suelenmm\OneDrive - Grupo Algar\Desktop - 12-11-19\Apresentacao - Business Performance_Renault v1.0 - Ata.zip\Apresentacao - Business Performance_Renault v1.0 - Ata.pptx\</t>
  </si>
  <si>
    <t>C:\Users\suelenmm\OneDrive - Grupo Algar\Desktop - 12-11-19\Apresentacao - Business Performance_Renault v1.0 - Ata.zip\Apresentacao - Business Performance_Renault v1.0 - Ata.pptx\Microsoft_Excel_Binary_Worksheet.xlsb\</t>
  </si>
  <si>
    <t>C:\Users\suelenmm\OneDrive - Grupo Algar\Desktop - 12-11-19\Apresentacao - Business Performance_Renault v1.0 - Ata.pptx\</t>
  </si>
  <si>
    <t>C:\Users\suelenmm\OneDrive - Grupo Algar\Desktop - 12-11-19\Apresentacao - Business Performance_Renault v1.0 - Ata.pptx\Microsoft_Excel_Binary_Worksheet.xlsb\</t>
  </si>
  <si>
    <t>C:\Users\suelenmm\OneDrive - Grupo Algar\Desktop - 12-11-19\PreVendas - Governo Diogo\IBM\</t>
  </si>
  <si>
    <t>Recursologia_Volumetria_Revisadas.xlsx</t>
  </si>
  <si>
    <t>SUELEN_MOREIRA_MARQUES_-_CM_02.2019.xlsx</t>
  </si>
  <si>
    <t>D:\Backup 12-11-2019\Desktop 22-07-19\Download\SUELEN_MOREIRA_MARQUES_-_CM_02.2019.xlsx</t>
  </si>
  <si>
    <t>Template_-_TRANSFERENCIA_ENTRE_EMPRESAS_-_Suelen.xlsx</t>
  </si>
  <si>
    <t>D:\Backup 12-11-2019\Desktop 22-07-19\Download\Template_-_TRANSFERENCIA_ENTRE_EMPRESAS_-_Suelen.xlsx</t>
  </si>
  <si>
    <t>Template_Alteracao_CR_ou_Sindicato_(1).xlsx</t>
  </si>
  <si>
    <t>D:\Backup 12-11-2019\Desktop 22-07-19\Download\Template_Alteracao_CR_ou_Sindicato_(1).xlsx</t>
  </si>
  <si>
    <t>Template_Padrao_-_Transferencia.xlsx</t>
  </si>
  <si>
    <t>D:\Backup 12-11-2019\Desktop 22-07-19\Download\Template_Padrao_-_Transferencia.xlsx</t>
  </si>
  <si>
    <t>tmoypp14.dch.csv</t>
  </si>
  <si>
    <t>D:\Backup 12-11-2019\Desktop 22-07-19\Download\tmoypp14.dch.csv</t>
  </si>
  <si>
    <t>twnlwyl0.fva.csv</t>
  </si>
  <si>
    <t>D:\Backup 12-11-2019\Desktop 22-07-19\Download\twnlwyl0.fva.csv</t>
  </si>
  <si>
    <t>twnlwyl0.fva.csv:Zone.Identifier</t>
  </si>
  <si>
    <t>D:\Backup 12-11-2019\Desktop 22-07-19\Download\twnlwyl0.fva.csv:Zone.Identifier</t>
  </si>
  <si>
    <t>uaac1vus.mbb.csv</t>
  </si>
  <si>
    <t>D:\Backup 12-11-2019\Desktop 22-07-19\Download\uaac1vus.mbb.csv</t>
  </si>
  <si>
    <t>uaac1vus.mbb.csv:Zone.Identifier</t>
  </si>
  <si>
    <t>D:\Backup 12-11-2019\Desktop 22-07-19\Download\uaac1vus.mbb.csv:Zone.Identifier</t>
  </si>
  <si>
    <t>uny1uzft.3ro.csv</t>
  </si>
  <si>
    <t>D:\Backup 12-11-2019\Desktop 22-07-19\Download\uny1uzft.3ro.csv</t>
  </si>
  <si>
    <t>11/13/2019 08:40:29</t>
  </si>
  <si>
    <t>uny1uzft.3ro.csv:Zone.Identifier</t>
  </si>
  <si>
    <t>D:\Backup 12-11-2019\Desktop 22-07-19\Download\uny1uzft.3ro.csv:Zone.Identifier</t>
  </si>
  <si>
    <t>vaoqv2u5.plh.csv</t>
  </si>
  <si>
    <t>D:\Backup 12-11-2019\Desktop 22-07-19\Download\vaoqv2u5.plh.csv</t>
  </si>
  <si>
    <t>vaoqv2u5.plh.csv:Zone.Identifier</t>
  </si>
  <si>
    <t>D:\Backup 12-11-2019\Desktop 22-07-19\Download\vaoqv2u5.plh.csv:Zone.Identifier</t>
  </si>
  <si>
    <t>Vendas Detalhado (1).xlsx</t>
  </si>
  <si>
    <t>D:\Backup 12-11-2019\Desktop 22-07-19\Download\Vendas Detalhado (1).xlsx</t>
  </si>
  <si>
    <t>Vendas Detalhado (2).xlsx</t>
  </si>
  <si>
    <t>D:\Backup 12-11-2019\Desktop 22-07-19\Download\Vendas Detalhado (2).xlsx</t>
  </si>
  <si>
    <t>Vendas Detalhado (3).xlsx</t>
  </si>
  <si>
    <t>D:\Backup 12-11-2019\Desktop 22-07-19\Download\Vendas Detalhado (3).xlsx</t>
  </si>
  <si>
    <t>Vendas Detalhado (4).xlsx</t>
  </si>
  <si>
    <t>D:\Backup 12-11-2019\Desktop 22-07-19\Download\Vendas Detalhado (4).xlsx</t>
  </si>
  <si>
    <t>Vendas Detalhado (5).xlsx</t>
  </si>
  <si>
    <t>D:\Backup 12-11-2019\Desktop 22-07-19\Download\Vendas Detalhado (5).xlsx</t>
  </si>
  <si>
    <t>Vendas Detalhado (6).xlsx</t>
  </si>
  <si>
    <t>D:\Backup 12-11-2019\Desktop 22-07-19\Download\Vendas Detalhado (6).xlsx</t>
  </si>
  <si>
    <t>Vendas Detalhado - alteração fusion.xlsx</t>
  </si>
  <si>
    <t>D:\Backup 12-11-2019\Desktop 22-07-19\Download\Vendas Detalhado - alteração fusion.xlsx</t>
  </si>
  <si>
    <t>Vendas Detalhado v2.xlsx</t>
  </si>
  <si>
    <t>D:\Backup 12-11-2019\Desktop 22-07-19\Download\Vendas Detalhado v2.xlsx</t>
  </si>
  <si>
    <t>Vendas Detalhado.xlsx</t>
  </si>
  <si>
    <t>D:\Backup 12-11-2019\Desktop 22-07-19\Download\Vendas Detalhado.xlsx</t>
  </si>
  <si>
    <t>Vendas Resumido v6 (1).xlsx</t>
  </si>
  <si>
    <t>D:\Backup 12-11-2019\Desktop 22-07-19\Download\Vendas Resumido v6 (1).xlsx</t>
  </si>
  <si>
    <t>Vendas Resumido v6.xlsx</t>
  </si>
  <si>
    <t>D:\Backup 12-11-2019\Desktop 22-07-19\Download\Vendas Resumido v6.xlsx</t>
  </si>
  <si>
    <t>vmifeiun.3hf.csv</t>
  </si>
  <si>
    <t>D:\Backup 12-11-2019\Desktop 22-07-19\Download\vmifeiun.3hf.csv</t>
  </si>
  <si>
    <t>vqfdw1vb.o0r.csv</t>
  </si>
  <si>
    <t>D:\Backup 12-11-2019\Desktop 22-07-19\Download\vqfdw1vb.o0r.csv</t>
  </si>
  <si>
    <t>vqfdw1vb.o0r.csv:Zone.Identifier</t>
  </si>
  <si>
    <t>D:\Backup 12-11-2019\Desktop 22-07-19\Download\vqfdw1vb.o0r.csv:Zone.Identifier</t>
  </si>
  <si>
    <t>wjnmksrp.o3d.csv</t>
  </si>
  <si>
    <t>D:\Backup 12-11-2019\Desktop 22-07-19\Download\wjnmksrp.o3d.csv</t>
  </si>
  <si>
    <t>wnlksv3u.wy4.csv</t>
  </si>
  <si>
    <t>D:\Backup 12-11-2019\Desktop 22-07-19\Download\wnlksv3u.wy4.csv</t>
  </si>
  <si>
    <t>wnlksv3u.wy4.csv:Zone.Identifier</t>
  </si>
  <si>
    <t>D:\Backup 12-11-2019\Desktop 22-07-19\Download\wnlksv3u.wy4.csv:Zone.Identifier</t>
  </si>
  <si>
    <t>wrlbx2jt.tv4.csv</t>
  </si>
  <si>
    <t>D:\Backup 12-11-2019\Desktop 22-07-19\Download\wrlbx2jt.tv4.csv</t>
  </si>
  <si>
    <t>wrlbx2jt.tv4.csv:Zone.Identifier</t>
  </si>
  <si>
    <t>D:\Backup 12-11-2019\Desktop 22-07-19\Download\wrlbx2jt.tv4.csv:Zone.Identifier</t>
  </si>
  <si>
    <t>wsycc1ff.eye.csv</t>
  </si>
  <si>
    <t>D:\Backup 12-11-2019\Desktop 22-07-19\Download\wsycc1ff.eye.csv</t>
  </si>
  <si>
    <t>wsycc1ff.eye.csv:Zone.Identifier</t>
  </si>
  <si>
    <t>D:\Backup 12-11-2019\Desktop 22-07-19\Download\wsycc1ff.eye.csv:Zone.Identifier</t>
  </si>
  <si>
    <t>ygucw45w.ttg.csv</t>
  </si>
  <si>
    <t>D:\Backup 12-11-2019\Desktop 22-07-19\Download\ygucw45w.ttg.csv</t>
  </si>
  <si>
    <t>ygucw45w.ttg.csv:Zone.Identifier</t>
  </si>
  <si>
    <t>D:\Backup 12-11-2019\Desktop 22-07-19\Download\ygucw45w.ttg.csv:Zone.Identifier</t>
  </si>
  <si>
    <t>ywhxo2cu.j5y.csv</t>
  </si>
  <si>
    <t>D:\Backup 12-11-2019\Desktop 22-07-19\Download\ywhxo2cu.j5y.csv</t>
  </si>
  <si>
    <t>ywhxo2cu.j5y.csv:Zone.Identifier</t>
  </si>
  <si>
    <t>D:\Backup 12-11-2019\Desktop 22-07-19\Download\ywhxo2cu.j5y.csv:Zone.Identifier</t>
  </si>
  <si>
    <t>zd1i0uvj.jbc.csv</t>
  </si>
  <si>
    <t>D:\Backup 12-11-2019\Desktop 22-07-19\Download\zd1i0uvj.jbc.csv</t>
  </si>
  <si>
    <t>C:\Users\suelenmm\OneDrive - Grupo Algar\Desktop 22-07-19\GAS BRASILIANO\</t>
  </si>
  <si>
    <t>BP C015 B014_Desonerada - Suporte SAP AMS - Gas Brasiliano v4.xlsb</t>
  </si>
  <si>
    <t>D:\Backup 12-11-2019\Desktop 22-07-19\GAS BRASILIANO\BP C015 B014_Desonerada - Suporte SAP AMS - Gas Brasiliano v4.xlsb</t>
  </si>
  <si>
    <t>C:\Users\suelenmm\OneDrive - Grupo Algar\Desktop 22-07-19\GAS BRASILIANO\BP C015 B014_Desonerada - Suporte SAP AMS - Gas Brasiliano v4.xlsb\</t>
  </si>
  <si>
    <t>C:\Users\suelenmm\OneDrive - Grupo Algar\Desktop - 12-11-19\PreVendas - Governo Diogo\IBM\Pricing.xlsb\</t>
  </si>
  <si>
    <t>BP C015 B014_Desonerada - Suporte SAP AMS - Gas Brasiliano.xlsb</t>
  </si>
  <si>
    <t>D:\Backup 12-11-2019\Desktop 22-07-19\GAS BRASILIANO\BP C015 B014_Desonerada - Suporte SAP AMS - Gas Brasiliano.xlsb</t>
  </si>
  <si>
    <t>C:\Users\suelenmm\OneDrive - Grupo Algar\Desktop 22-07-19\GAS BRASILIANO\BP C015 B014_Desonerada - Suporte SAP AMS - Gas Brasiliano.xlsb\</t>
  </si>
  <si>
    <t>C:\Users\suelenmm\OneDrive - Grupo Algar\Desktop 22-07-19\GAS BRASILIANO\Anexos\</t>
  </si>
  <si>
    <t>ANEXO_12_-_QUESTIONÁRIO_DE_DDI_PARA_APLICAÇÃO_DO_GRI.XLSX</t>
  </si>
  <si>
    <t>D:\Backup 12-11-2019\Desktop 22-07-19\GAS BRASILIANO\Anexos\ANEXO_12_-_QUESTIONÁRIO_DE_DDI_PARA_APLICAÇÃO_DO_GRI.XLSX</t>
  </si>
  <si>
    <t>ANEXO_2_-_PLANILHA_DE_PREÇOS_UNITÁRIOS.XLS</t>
  </si>
  <si>
    <t>D:\Backup 12-11-2019\Desktop 22-07-19\GAS BRASILIANO\Anexos\ANEXO_2_-_PLANILHA_DE_PREÇOS_UNITÁRIOS.XLS</t>
  </si>
  <si>
    <t>C:\Users\suelenmm\OneDrive - Grupo Algar\Desktop 22-07-19\GAS BRASILIANO\ok\Edital_PE-015-2018.zip\Anexos\</t>
  </si>
  <si>
    <t>ANEXO_12_-_QUESTIONÃRIO_DE_DDI_PARA_APLICAÃ‡ÃƒO_DO_GRI.XLSX</t>
  </si>
  <si>
    <t>D:\Backup 12-11-2019\Desktop 22-07-19\GAS BRASILIANO\ok\Edital_PE-015-2018.zip</t>
  </si>
  <si>
    <t>ANEXO_2_-_PLANILHA_DE_PREÃ‡OS_UNITÃRIOS.XLS</t>
  </si>
  <si>
    <t>C:\Users\suelenmm\OneDrive - Grupo Algar\Desktop 22-07-19\GAS BRASILIANO\ok\</t>
  </si>
  <si>
    <t>Ficha da Oportunidade.xlsx</t>
  </si>
  <si>
    <t>D:\Backup 12-11-2019\Desktop 22-07-19\GAS BRASILIANO\ok\Ficha da Oportunidade.xlsx</t>
  </si>
  <si>
    <t>C:\Users\suelenmm\OneDrive - Grupo Algar\Desktop 22-07-19\ITALTEL\AIT000230214 (Economic).zip\ANEXOS CONVITE.zip\Anexo 2 - Especificaciones t‚cnicas y anexos\TEONET - Brasil_V6.zip\</t>
  </si>
  <si>
    <t>ANEXO H - Herramientas de soporte_Detalle_v1.XLSX</t>
  </si>
  <si>
    <t>D:\Backup 12-11-2019\Desktop 22-07-19\ITALTEL\AIT000230214 (Economic).zip</t>
  </si>
  <si>
    <t>C:\Users\suelenmm\OneDrive - Grupo Algar\Desktop 22-07-19\ITALTEL\AIT000230214 (Economic).zip\ANEXOS CONVITE.zip\Anexo 2 - Especificaciones t‚cnicas y anexos\TEONET - Chile_V6.zip\</t>
  </si>
  <si>
    <t>ANEXO H - Herramientas de soporte_Detalle_v2.XLSX</t>
  </si>
  <si>
    <t>C:\Users\suelenmm\OneDrive - Grupo Algar\Desktop 22-07-19\ITALTEL\AIT000230214 (Economic).zip\ANEXOS CONVITE.zip\Anexo 2 - Especificaciones t‚cnicas y anexos\TEONET - Colombia_V6.zip\</t>
  </si>
  <si>
    <t>ANEXO H - Herramientas de soporte_Detalle_v1.xlsx</t>
  </si>
  <si>
    <t>C:\Users\suelenmm\OneDrive - Grupo Algar\Desktop 22-07-19\ITALTEL\AIT000230214 (Economic).zip\ANEXOS CONVITE.zip\Anexo 2 - Especificaciones t‚cnicas y anexos\TEONET - Per£_v6.zip\</t>
  </si>
  <si>
    <t>ANEXO H - Herramientas de soporte_Detalle_v2.xlsx</t>
  </si>
  <si>
    <t>C:\Users\suelenmm\OneDrive - Grupo Algar\Desktop 22-07-19\ITALTEL\AIT000230214 (Economic).zip\ANEXOS CONVITE.zip\Anexo 2 - Especificaciones t‚cnicas y anexos\TEONET -Argentina_V6.zip\</t>
  </si>
  <si>
    <t>C:\Users\suelenmm\OneDrive - Grupo Algar\Desktop 22-07-19\ITALTEL\AIT000230214 (Economic).zip\ANEXOS CONVITE.zip\Anexo 2 - Especificaciones t‚cnicas y anexos\TEONET - Brasil_V6.zip\ANEXO A - Inventario_v4.docx\</t>
  </si>
  <si>
    <t>Hoja_de_c_lculo_de_Microsoft_Excel.xlsx</t>
  </si>
  <si>
    <t>C:\Users\suelenmm\OneDrive - Grupo Algar\Desktop 22-07-19\ITALTEL\AIT000230214 (Economic).zip\ANEXOS CONVITE.zip\Anexo 2 - Especificaciones t‚cnicas y anexos\TEONET - Brasil_V6.zip\ANEXO D - Baremos Servicios variables_v2.docx\</t>
  </si>
  <si>
    <t>C:\Users\suelenmm\OneDrive - Grupo Algar\Desktop 22-07-19\ITALTEL\AIT000230214 (Economic).zip\ANEXOS CONVITE.zip\Anexo 2 - Especificaciones t‚cnicas y anexos\TEONET - Brasil_V6.zip\ANEXO I - Formato de preguntas y respuestas de los licitadores_v1.docx\</t>
  </si>
  <si>
    <t>C:\Users\suelenmm\OneDrive - Grupo Algar\Desktop 22-07-19\ITALTEL\AIT000230214 (Economic).zip\ANEXOS CONVITE.zip\Anexo 2 - Especificaciones t‚cnicas y anexos\TEONET - Brasil_V6.zip\ANEXO J - Criterios Evaluaci¢n T‚cnica_v6.docx\</t>
  </si>
  <si>
    <t>C:\Users\suelenmm\OneDrive - Grupo Algar\Desktop 22-07-19\ITALTEL\AIT000230214 (Economic).zip\ANEXOS CONVITE.zip\Anexo 2 - Especificaciones t‚cnicas y anexos\TEONET - Chile_V6.zip\ANEXO A - Inventario_v3.docx\</t>
  </si>
  <si>
    <t>C:\Users\suelenmm\OneDrive - Grupo Algar\Desktop 22-07-19\ITALTEL\AIT000230214 (Economic).zip\ANEXOS CONVITE.zip\Anexo 2 - Especificaciones t‚cnicas y anexos\TEONET - Chile_V6.zip\ANEXO D - Baremos Servicios variables_v2.docx\</t>
  </si>
  <si>
    <t>C:\Users\suelenmm\OneDrive - Grupo Algar\Desktop 22-07-19\ITALTEL\AIT000230214 (Economic).zip\ANEXOS CONVITE.zip\Anexo 2 - Especificaciones t‚cnicas y anexos\TEONET - Chile_V6.zip\ANEXO I - Formato de preguntas y respuestas de los licitadores_v1.docx\</t>
  </si>
  <si>
    <t>C:\Users\suelenmm\OneDrive - Grupo Algar\Desktop 22-07-19\ITALTEL\AIT000230214 (Economic).zip\ANEXOS CONVITE.zip\Anexo 2 - Especificaciones t‚cnicas y anexos\TEONET - Chile_V6.zip\ANEXO J - Criterios Evaluaci¢n T‚cnica_v6.docx\</t>
  </si>
  <si>
    <t>C:\Users\suelenmm\OneDrive - Grupo Algar\Desktop 22-07-19\ITALTEL\AIT000230214 (Economic).zip\ANEXOS CONVITE.zip\Anexo 2 - Especificaciones t‚cnicas y anexos\TEONET - Colombia_V6.zip\ANEXO A - Inventario_v6.docx\</t>
  </si>
  <si>
    <t>C:\Users\suelenmm\OneDrive - Grupo Algar\Desktop 22-07-19\ITALTEL\AIT000230214 (Economic).zip\ANEXOS CONVITE.zip\Anexo 2 - Especificaciones t‚cnicas y anexos\TEONET - Colombia_V6.zip\ANEXO D - Baremos Servicios variables_v4.docx\</t>
  </si>
  <si>
    <t>C:\Users\suelenmm\OneDrive - Grupo Algar\Desktop 22-07-19\ITALTEL\AIT000230214 (Economic).zip\ANEXOS CONVITE.zip\Anexo 2 - Especificaciones t‚cnicas y anexos\TEONET - Colombia_V6.zip\ANEXO I - Formato de preguntas y respuestas de los licitadores_v1.docx\</t>
  </si>
  <si>
    <t>C:\Users\suelenmm\OneDrive - Grupo Algar\Desktop 22-07-19\ITALTEL\AIT000230214 (Economic).zip\ANEXOS CONVITE.zip\Anexo 2 - Especificaciones t‚cnicas y anexos\TEONET - Colombia_V6.zip\ANEXO J - Criterios Evaluaci¢n T‚cnica_v6.docx\</t>
  </si>
  <si>
    <t>C:\Users\suelenmm\OneDrive - Grupo Algar\Desktop 22-07-19\ITALTEL\AIT000230214 (Economic).zip\ANEXOS CONVITE.zip\Anexo 2 - Especificaciones t‚cnicas y anexos\TEONET - Per£_v6.zip\ANEXO A - Inventario_v4.docx\</t>
  </si>
  <si>
    <t>C:\Users\suelenmm\OneDrive - Grupo Algar\Desktop 22-07-19\ITALTEL\AIT000230214 (Economic).zip\ANEXOS CONVITE.zip\Anexo 2 - Especificaciones t‚cnicas y anexos\TEONET - Per£_v6.zip\ANEXO D - Baremos Servicios variables_v2.docx\</t>
  </si>
  <si>
    <t>C:\Users\suelenmm\OneDrive - Grupo Algar\Desktop 22-07-19\ITALTEL\AIT000230214 (Economic).zip\ANEXOS CONVITE.zip\Anexo 2 - Especificaciones t‚cnicas y anexos\TEONET - Per£_v6.zip\ANEXO I - Formato de preguntas y respuestas de los licitadores_v1.docx\</t>
  </si>
  <si>
    <t>C:\Users\suelenmm\OneDrive - Grupo Algar\Desktop 22-07-19\ITALTEL\AIT000230214 (Economic).zip\ANEXOS CONVITE.zip\Anexo 2 - Especificaciones t‚cnicas y anexos\TEONET - Per£_v6.zip\ANEXO J - Criterios Evaluaci¢n T‚cnica_v6.docx\</t>
  </si>
  <si>
    <t>C:\Users\suelenmm\OneDrive - Grupo Algar\Desktop 22-07-19\ITALTEL\AIT000230214 (Economic).zip\ANEXOS CONVITE.zip\Anexo 2 - Especificaciones t‚cnicas y anexos\TEONET -Argentina_V6.zip\ANEXO A - Inventario_v3.docx\</t>
  </si>
  <si>
    <t>C:\Users\suelenmm\OneDrive - Grupo Algar\Desktop 22-07-19\ITALTEL\AIT000230214 (Economic).zip\ANEXOS CONVITE.zip\Anexo 2 - Especificaciones t‚cnicas y anexos\TEONET -Argentina_V6.zip\ANEXO D - Baremos Servicios variables_v2.docx\</t>
  </si>
  <si>
    <t>C:\Users\suelenmm\OneDrive - Grupo Algar\Desktop 22-07-19\ITALTEL\AIT000230214 (Economic).zip\ANEXOS CONVITE.zip\Anexo 2 - Especificaciones t‚cnicas y anexos\TEONET -Argentina_V6.zip\ANEXO I - Formato de preguntas y respuestas de los licitadores_v1.docx\</t>
  </si>
  <si>
    <t>C:\Users\suelenmm\OneDrive - Grupo Algar\Desktop 22-07-19\ITALTEL\AIT000230214 (Economic).zip\ANEXOS CONVITE.zip\Anexo 2 - Especificaciones t‚cnicas y anexos\TEONET -Argentina_V6.zip\ANEXO J - Criterios Evaluaci¢n T‚cnica_v6.docx\</t>
  </si>
  <si>
    <t>Cópia de BP Preço C015 B015 Desonerada Ajustes Finais.xlsb</t>
  </si>
  <si>
    <t>C:\Users\suelenmm\OneDrive - Grupo Algar\Desktop - 12-11-19\PreVendas - Governo Diogo\IBM\Cópia de BP Preço C015 B015 Desonerada Ajustes Finais.xlsb\</t>
  </si>
  <si>
    <t>C:\Users\suelenmm\OneDrive - Grupo Algar\Desktop 22-07-19\Pendrive 05-03\</t>
  </si>
  <si>
    <t>D:\Backup 12-11-2019\Desktop 22-07-19\Pendrive 05-03\Fluxo_de_Caixa_2010_2011_2012_2013_2014_2015_2016 v1.xlsx</t>
  </si>
  <si>
    <t>C:\Users\suelenmm\OneDrive - Grupo Algar\Desktop 22-07-19\Pendrive 05-03\Backup 01-07\</t>
  </si>
  <si>
    <t>BP de Preços Projetos _Nova Início - V 2015-6-009.xlsb</t>
  </si>
  <si>
    <t>D:\Backup 12-11-2019\Desktop 22-07-19\Pendrive 05-03\Backup 01-07\BP de Preços Projetos _Nova Início - V 2015-6-009.xlsb</t>
  </si>
  <si>
    <t>Fluxo_de_Caixa_2010_2011_2012_2013_2014_2015.xls</t>
  </si>
  <si>
    <t>D:\Backup 12-11-2019\Desktop 22-07-19\Pendrive 05-03\Backup 01-07\Fluxo_de_Caixa_2010_2011_2012_2013_2014_2015.xls</t>
  </si>
  <si>
    <t>C:\Users\suelenmm\OneDrive - Grupo Algar\Desktop 22-07-19\Pendrive 05-03\Backup 01-07\Processos de Mapeamento - Hardware_v1.pptx\</t>
  </si>
  <si>
    <t>D:\Backup 12-11-2019\Desktop 22-07-19\Pendrive 05-03\Backup 01-07\Processos de Mapeamento - Hardware_v1.pptx</t>
  </si>
  <si>
    <t>viagem.xlsx</t>
  </si>
  <si>
    <t>D:\Backup 12-11-2019\Desktop 22-07-19\Pendrive 05-03\Backup 01-07\viagem.xlsx</t>
  </si>
  <si>
    <t>C:\Users\suelenmm\OneDrive - Grupo Algar\Desktop 22-07-19\Pendrive 05-03\Backup 01-07\45233 - RFQ _ A4216_RFQ_29020 - Manutenção RJ_ES_SUL\RES Comissão TIM e Cálculos Jacimara.msg\s95\</t>
  </si>
  <si>
    <t>Simulador ROIC% venda TIM.xlsx</t>
  </si>
  <si>
    <t>D:\Backup 12-11-2019\Desktop 22-07-19\Pendrive 05-03\Backup 01-07\45233 - RFQ _ A4216_RFQ_29020 - Manutenção RJ_ES_SUL\RES Comissão TIM e Cálculos Jacimara.msg</t>
  </si>
  <si>
    <t>C:\Users\suelenmm\OneDrive - Grupo Algar\Desktop 22-07-19\Pendrive 05-03\Backup 01-07\45233 - RFQ _ A4216_RFQ_29020 - Manutenção RJ_ES_SUL\1. Precificação\Antigos\</t>
  </si>
  <si>
    <t>45233 - BP Campo v1.xlsb</t>
  </si>
  <si>
    <t>D:\Backup 12-11-2019\Desktop 22-07-19\Pendrive 05-03\Backup 01-07\45233 - RFQ _ A4216_RFQ_29020 - Manutenção RJ_ES_SUL\1. Precificação\Antigos\45233 - BP Campo v1.xlsb</t>
  </si>
  <si>
    <t>45233 - BP Campo v12 - Alterado Rogerio.xlsb</t>
  </si>
  <si>
    <t>D:\Backup 12-11-2019\Desktop 22-07-19\Pendrive 05-03\Backup 01-07\45233 - RFQ _ A4216_RFQ_29020 - Manutenção RJ_ES_SUL\1. Precificação\Antigos\45233 - BP Campo v12 - Alterado Rogerio.xlsb</t>
  </si>
  <si>
    <t>45233 - BP Campo v12.xlsb</t>
  </si>
  <si>
    <t>D:\Backup 12-11-2019\Desktop 22-07-19\Pendrive 05-03\Backup 01-07\45233 - RFQ _ A4216_RFQ_29020 - Manutenção RJ_ES_SUL\1. Precificação\Antigos\45233 - BP Campo v12.xlsb</t>
  </si>
  <si>
    <t>45233 - BP Campo v2 - + preventiva (2).xlsb</t>
  </si>
  <si>
    <t>D:\Backup 12-11-2019\Desktop 22-07-19\Pendrive 05-03\Backup 01-07\45233 - RFQ _ A4216_RFQ_29020 - Manutenção RJ_ES_SUL\1. Precificação\Antigos\45233 - BP Campo v2 - + preventiva (2).xlsb</t>
  </si>
  <si>
    <t>45233 - BP Campo v2 - + preventiva.xlsb</t>
  </si>
  <si>
    <t>D:\Backup 12-11-2019\Desktop 22-07-19\Pendrive 05-03\Backup 01-07\45233 - RFQ _ A4216_RFQ_29020 - Manutenção RJ_ES_SUL\1. Precificação\Antigos\45233 - BP Campo v2 - + preventiva.xlsb</t>
  </si>
  <si>
    <t>45233 - BP Campo v2 - otimizado (2).xlsb</t>
  </si>
  <si>
    <t>D:\Backup 12-11-2019\Desktop 22-07-19\Pendrive 05-03\Backup 01-07\45233 - RFQ _ A4216_RFQ_29020 - Manutenção RJ_ES_SUL\1. Precificação\Antigos\45233 - BP Campo v2 - otimizado (2).xlsb</t>
  </si>
  <si>
    <t>45233 - BP Campo v2 - otimizado.xlsb</t>
  </si>
  <si>
    <t>D:\Backup 12-11-2019\Desktop 22-07-19\Pendrive 05-03\Backup 01-07\45233 - RFQ _ A4216_RFQ_29020 - Manutenção RJ_ES_SUL\1. Precificação\Antigos\45233 - BP Campo v2 - otimizado.xlsb</t>
  </si>
  <si>
    <t>45233 - BP Campo v3 - + preventiva.xlsb</t>
  </si>
  <si>
    <t>D:\Backup 12-11-2019\Desktop 22-07-19\Pendrive 05-03\Backup 01-07\45233 - RFQ _ A4216_RFQ_29020 - Manutenção RJ_ES_SUL\1. Precificação\Antigos\45233 - BP Campo v3 - + preventiva.xlsb</t>
  </si>
  <si>
    <t>45233 - BP Campo v3 - otimizado (2).xlsb</t>
  </si>
  <si>
    <t>D:\Backup 12-11-2019\Desktop 22-07-19\Pendrive 05-03\Backup 01-07\45233 - RFQ _ A4216_RFQ_29020 - Manutenção RJ_ES_SUL\1. Precificação\Antigos\45233 - BP Campo v3 - otimizado (2).xlsb</t>
  </si>
  <si>
    <t>45233 - BP Campo v3 - otimizado.xlsb</t>
  </si>
  <si>
    <t>D:\Backup 12-11-2019\Desktop 22-07-19\Pendrive 05-03\Backup 01-07\45233 - RFQ _ A4216_RFQ_29020 - Manutenção RJ_ES_SUL\1. Precificação\Antigos\45233 - BP Campo v3 - otimizado.xlsb</t>
  </si>
  <si>
    <t>45233 - BP Campo v4 - + preventiva.xlsb</t>
  </si>
  <si>
    <t>D:\Backup 12-11-2019\Desktop 22-07-19\Pendrive 05-03\Backup 01-07\45233 - RFQ _ A4216_RFQ_29020 - Manutenção RJ_ES_SUL\1. Precificação\Antigos\45233 - BP Campo v4 - + preventiva.xlsb</t>
  </si>
  <si>
    <t>45233 - BP Campo v5 - + preventiva.xlsb</t>
  </si>
  <si>
    <t>D:\Backup 12-11-2019\Desktop 22-07-19\Pendrive 05-03\Backup 01-07\45233 - RFQ _ A4216_RFQ_29020 - Manutenção RJ_ES_SUL\1. Precificação\Antigos\45233 - BP Campo v5 - + preventiva.xlsb</t>
  </si>
  <si>
    <t>45233 - BP Equipamentos v1.xlsb</t>
  </si>
  <si>
    <t>D:\Backup 12-11-2019\Desktop 22-07-19\Pendrive 05-03\Backup 01-07\45233 - RFQ _ A4216_RFQ_29020 - Manutenção RJ_ES_SUL\1. Precificação\Antigos\45233 - BP Equipamentos v1.xlsb</t>
  </si>
  <si>
    <t>45233 - BP Equipamentos v2 TRJ.xlsb</t>
  </si>
  <si>
    <t>D:\Backup 12-11-2019\Desktop 22-07-19\Pendrive 05-03\Backup 01-07\45233 - RFQ _ A4216_RFQ_29020 - Manutenção RJ_ES_SUL\1. Precificação\Antigos\45233 - BP Equipamentos v2 TRJ.xlsb</t>
  </si>
  <si>
    <t>45233 - BP Equipamentos v2 TSL.xlsb</t>
  </si>
  <si>
    <t>D:\Backup 12-11-2019\Desktop 22-07-19\Pendrive 05-03\Backup 01-07\45233 - RFQ _ A4216_RFQ_29020 - Manutenção RJ_ES_SUL\1. Precificação\Antigos\45233 - BP Equipamentos v2 TSL.xlsb</t>
  </si>
  <si>
    <t>BP TIM - revisado 25-04.xlsb</t>
  </si>
  <si>
    <t>D:\Backup 12-11-2019\Desktop 22-07-19\Pendrive 05-03\Backup 01-07\45233 - RFQ _ A4216_RFQ_29020 - Manutenção RJ_ES_SUL\1. Precificação\Antigos\BP TIM - revisado 25-04.xlsb</t>
  </si>
  <si>
    <t>BP TIM - REVISAO - 2.xlsb</t>
  </si>
  <si>
    <t>D:\Backup 12-11-2019\Desktop 22-07-19\Pendrive 05-03\Backup 01-07\45233 - RFQ _ A4216_RFQ_29020 - Manutenção RJ_ES_SUL\1. Precificação\Antigos\BP TIM - REVISAO - 2.xlsb</t>
  </si>
  <si>
    <t>BP TIM - REVISAO - 3.xlsb</t>
  </si>
  <si>
    <t>D:\Backup 12-11-2019\Desktop 22-07-19\Pendrive 05-03\Backup 01-07\45233 - RFQ _ A4216_RFQ_29020 - Manutenção RJ_ES_SUL\1. Precificação\Antigos\BP TIM - REVISAO - 3.xlsb</t>
  </si>
  <si>
    <t>BP TIM - REVISAO - 4.xlsb</t>
  </si>
  <si>
    <t>D:\Backup 12-11-2019\Desktop 22-07-19\Pendrive 05-03\Backup 01-07\45233 - RFQ _ A4216_RFQ_29020 - Manutenção RJ_ES_SUL\1. Precificação\Antigos\BP TIM - REVISAO - 4.xlsb</t>
  </si>
  <si>
    <t>BP TIM - REVISAO - 5.xlsb</t>
  </si>
  <si>
    <t>D:\Backup 12-11-2019\Desktop 22-07-19\Pendrive 05-03\Backup 01-07\45233 - RFQ _ A4216_RFQ_29020 - Manutenção RJ_ES_SUL\1. Precificação\Antigos\BP TIM - REVISAO - 5.xlsb</t>
  </si>
  <si>
    <t>BP TIM - REVISAO - 6.xlsb</t>
  </si>
  <si>
    <t>D:\Backup 12-11-2019\Desktop 22-07-19\Pendrive 05-03\Backup 01-07\45233 - RFQ _ A4216_RFQ_29020 - Manutenção RJ_ES_SUL\1. Precificação\Antigos\BP TIM - REVISAO - 6.xlsb</t>
  </si>
  <si>
    <t>BP TIM - REVISAO.xlsb</t>
  </si>
  <si>
    <t>D:\Backup 12-11-2019\Desktop 22-07-19\Pendrive 05-03\Backup 01-07\45233 - RFQ _ A4216_RFQ_29020 - Manutenção RJ_ES_SUL\1. Precificação\Antigos\BP TIM - REVISAO.xlsb</t>
  </si>
  <si>
    <t>bp tim.xlsb</t>
  </si>
  <si>
    <t>D:\Backup 12-11-2019\Desktop 22-07-19\Pendrive 05-03\Backup 01-07\45233 - RFQ _ A4216_RFQ_29020 - Manutenção RJ_ES_SUL\1. Precificação\Antigos\bp tim.xlsb</t>
  </si>
  <si>
    <t>Cópia de 45233 - BP Equipamentos v1 - pacote 1 a 10 correto.xlsb</t>
  </si>
  <si>
    <t>D:\Backup 12-11-2019\Desktop 22-07-19\Pendrive 05-03\Backup 01-07\45233 - RFQ _ A4216_RFQ_29020 - Manutenção RJ_ES_SUL\1. Precificação\Antigos\Cópia de 45233 - BP Equipamentos v1 - pacote 1 a 10 correto.xlsb</t>
  </si>
  <si>
    <t>Cópia de 45233 - BP Equipamentos v1 - pacote 1 a 10.xlsb</t>
  </si>
  <si>
    <t>D:\Backup 12-11-2019\Desktop 22-07-19\Pendrive 05-03\Backup 01-07\45233 - RFQ _ A4216_RFQ_29020 - Manutenção RJ_ES_SUL\1. Precificação\Antigos\Cópia de 45233 - BP Equipamentos v1 - pacote 1 a 10.xlsb</t>
  </si>
  <si>
    <t>Cópia de 45233 - BP Equipamentos v1 - pacote 1 a 4.xlsb</t>
  </si>
  <si>
    <t>D:\Backup 12-11-2019\Desktop 22-07-19\Pendrive 05-03\Backup 01-07\45233 - RFQ _ A4216_RFQ_29020 - Manutenção RJ_ES_SUL\1. Precificação\Antigos\Cópia de 45233 - BP Equipamentos v1 - pacote 1 a 4.xlsb</t>
  </si>
  <si>
    <t>Cópia de 45233 - BP Equipamentos v1 - pacote 1 correto (2).xlsb</t>
  </si>
  <si>
    <t>D:\Backup 12-11-2019\Desktop 22-07-19\Pendrive 05-03\Backup 01-07\45233 - RFQ _ A4216_RFQ_29020 - Manutenção RJ_ES_SUL\1. Precificação\Antigos\Cópia de 45233 - BP Equipamentos v1 - pacote 1 correto (2).xlsb</t>
  </si>
  <si>
    <t>Cópia de 45233 - BP Equipamentos v1 - pacote 1 correto.xlsb</t>
  </si>
  <si>
    <t>D:\Backup 12-11-2019\Desktop 22-07-19\Pendrive 05-03\Backup 01-07\45233 - RFQ _ A4216_RFQ_29020 - Manutenção RJ_ES_SUL\1. Precificação\Antigos\Cópia de 45233 - BP Equipamentos v1 - pacote 1 correto.xlsb</t>
  </si>
  <si>
    <t>Cópia de 45233 - BP Equipamentos v1 - pacote 1 e 2.xlsb</t>
  </si>
  <si>
    <t>D:\Backup 12-11-2019\Desktop 22-07-19\Pendrive 05-03\Backup 01-07\45233 - RFQ _ A4216_RFQ_29020 - Manutenção RJ_ES_SUL\1. Precificação\Antigos\Cópia de 45233 - BP Equipamentos v1 - pacote 1 e 2.xlsb</t>
  </si>
  <si>
    <t>Cópia de 45233 - BP Equipamentos v1 - pacote 1.xlsb</t>
  </si>
  <si>
    <t>D:\Backup 12-11-2019\Desktop 22-07-19\Pendrive 05-03\Backup 01-07\45233 - RFQ _ A4216_RFQ_29020 - Manutenção RJ_ES_SUL\1. Precificação\Antigos\Cópia de 45233 - BP Equipamentos v1 - pacote 1.xlsb</t>
  </si>
  <si>
    <t>Cópia de 45233 - BP Equipamentos v1 - pacote 2 correto.xlsb</t>
  </si>
  <si>
    <t>D:\Backup 12-11-2019\Desktop 22-07-19\Pendrive 05-03\Backup 01-07\45233 - RFQ _ A4216_RFQ_29020 - Manutenção RJ_ES_SUL\1. Precificação\Antigos\Cópia de 45233 - BP Equipamentos v1 - pacote 2 correto.xlsb</t>
  </si>
  <si>
    <t>Cópia de 45233 - BP Equipamentos v1 - pacote 2.xlsb</t>
  </si>
  <si>
    <t>D:\Backup 12-11-2019\Desktop 22-07-19\Pendrive 05-03\Backup 01-07\45233 - RFQ _ A4216_RFQ_29020 - Manutenção RJ_ES_SUL\1. Precificação\Antigos\Cópia de 45233 - BP Equipamentos v1 - pacote 2.xlsb</t>
  </si>
  <si>
    <t>Cópia de 45233 - BP Equipamentos v1 - pacote 3 correto.xlsb</t>
  </si>
  <si>
    <t>D:\Backup 12-11-2019\Desktop 22-07-19\Pendrive 05-03\Backup 01-07\45233 - RFQ _ A4216_RFQ_29020 - Manutenção RJ_ES_SUL\1. Precificação\Antigos\Cópia de 45233 - BP Equipamentos v1 - pacote 3 correto.xlsb</t>
  </si>
  <si>
    <t>Cópia de 45233 - BP Equipamentos v1 - pacote 5 a 8.xlsb</t>
  </si>
  <si>
    <t>D:\Backup 12-11-2019\Desktop 22-07-19\Pendrive 05-03\Backup 01-07\45233 - RFQ _ A4216_RFQ_29020 - Manutenção RJ_ES_SUL\1. Precificação\Antigos\Cópia de 45233 - BP Equipamentos v1 - pacote 5 a 8.xlsb</t>
  </si>
  <si>
    <t>Cópia de BP TIM - revisado 25-04 v2.xlsb</t>
  </si>
  <si>
    <t>D:\Backup 12-11-2019\Desktop 22-07-19\Pendrive 05-03\Backup 01-07\45233 - RFQ _ A4216_RFQ_29020 - Manutenção RJ_ES_SUL\1. Precificação\Antigos\Cópia de BP TIM - revisado 25-04 v2.xlsb</t>
  </si>
  <si>
    <t>Cópia de BP TIM - revisado 25-04.xlsb</t>
  </si>
  <si>
    <t>D:\Backup 12-11-2019\Desktop 22-07-19\Pendrive 05-03\Backup 01-07\45233 - RFQ _ A4216_RFQ_29020 - Manutenção RJ_ES_SUL\1. Precificação\Antigos\Cópia de BP TIM - revisado 25-04.xlsb</t>
  </si>
  <si>
    <t>Kits.xlsb</t>
  </si>
  <si>
    <t>D:\Backup 12-11-2019\Desktop 22-07-19\Pendrive 05-03\Backup 01-07\45233 - RFQ _ A4216_RFQ_29020 - Manutenção RJ_ES_SUL\1. Precificação\Antigos\Kits.xlsb</t>
  </si>
  <si>
    <t>Map - Precificação MSV 15 &amp; CPRB V. 2015-3-009.xlsb</t>
  </si>
  <si>
    <t>D:\Backup 12-11-2019\Desktop 22-07-19\Pendrive 05-03\Backup 01-07\45233 - RFQ _ A4216_RFQ_29020 - Manutenção RJ_ES_SUL\1. Precificação\Antigos\Map - Precificação MSV 15 &amp; CPRB V. 2015-3-009.xlsb</t>
  </si>
  <si>
    <t>Map - Precificação MSV 15 &amp; CPRB V.2015-2-000 - Cópia.xlsb</t>
  </si>
  <si>
    <t>D:\Backup 12-11-2019\Desktop 22-07-19\Pendrive 05-03\Backup 01-07\45233 - RFQ _ A4216_RFQ_29020 - Manutenção RJ_ES_SUL\1. Precificação\Antigos\Map - Precificação MSV 15 &amp; CPRB V.2015-2-000 - Cópia.xlsb</t>
  </si>
  <si>
    <t>Map - Precificação MSV 15 &amp; CPRB V.2015-2-000.xlsb</t>
  </si>
  <si>
    <t>D:\Backup 12-11-2019\Desktop 22-07-19\Pendrive 05-03\Backup 01-07\45233 - RFQ _ A4216_RFQ_29020 - Manutenção RJ_ES_SUL\1. Precificação\Antigos\Map - Precificação MSV 15 &amp; CPRB V.2015-2-000.xlsb</t>
  </si>
  <si>
    <t>Revisao TIM v3.xlsx</t>
  </si>
  <si>
    <t>D:\Backup 12-11-2019\Desktop 22-07-19\Pendrive 05-03\Backup 01-07\45233 - RFQ _ A4216_RFQ_29020 - Manutenção RJ_ES_SUL\1. Precificação\Antigos\Revisao TIM v3.xlsx</t>
  </si>
  <si>
    <t>C:\Users\suelenmm\OneDrive - Grupo Algar\Desktop 22-07-19\Pendrive 05-03\Backup 01-07\45233 - RFQ _ A4216_RFQ_29020 - Manutenção RJ_ES_SUL\1. Precificação\Antigos\Equipamentos\</t>
  </si>
  <si>
    <t>45233 - BP Equipamentos v1 - pacote 1 a 10 quase final.xlsb</t>
  </si>
  <si>
    <t>D:\Backup 12-11-2019\Desktop 22-07-19\Pendrive 05-03\Backup 01-07\45233 - RFQ _ A4216_RFQ_29020 - Manutenção RJ_ES_SUL\1. Precificação\Antigos\Equipamentos\45233 - BP Equipamentos v1 - pacote 1 a 10 quase final.xlsb</t>
  </si>
  <si>
    <t>Cópia de BP Preço C015 B015 Desonerada Ajustes Finais-DiogoNote.xlsb</t>
  </si>
  <si>
    <t>C:\Users\suelenmm\OneDrive - Grupo Algar\Desktop - 12-11-19\PreVendas - Governo Diogo\IBM\Cópia de BP Preço C015 B015 Desonerada Ajustes Finais-DiogoNote.xlsb\</t>
  </si>
  <si>
    <t>45233 - BP Equipamentos v1 - pacote 1 a 3 final.xlsb</t>
  </si>
  <si>
    <t>D:\Backup 12-11-2019\Desktop 22-07-19\Pendrive 05-03\Backup 01-07\45233 - RFQ _ A4216_RFQ_29020 - Manutenção RJ_ES_SUL\1. Precificação\Antigos\Equipamentos\45233 - BP Equipamentos v1 - pacote 1 a 3 final.xlsb</t>
  </si>
  <si>
    <t>45233 - BP Equipamentos v1 - pacote 10 final.xlsb</t>
  </si>
  <si>
    <t>D:\Backup 12-11-2019\Desktop 22-07-19\Pendrive 05-03\Backup 01-07\45233 - RFQ _ A4216_RFQ_29020 - Manutenção RJ_ES_SUL\1. Precificação\Antigos\Equipamentos\45233 - BP Equipamentos v1 - pacote 10 final.xlsb</t>
  </si>
  <si>
    <t>45233 - BP Equipamentos v1 - pacote 4 a 6 final.xlsb</t>
  </si>
  <si>
    <t>D:\Backup 12-11-2019\Desktop 22-07-19\Pendrive 05-03\Backup 01-07\45233 - RFQ _ A4216_RFQ_29020 - Manutenção RJ_ES_SUL\1. Precificação\Antigos\Equipamentos\45233 - BP Equipamentos v1 - pacote 4 a 6 final.xlsb</t>
  </si>
  <si>
    <t>45233 - BP Equipamentos v1 - pacote 7 a 9 final.xlsb</t>
  </si>
  <si>
    <t>D:\Backup 12-11-2019\Desktop 22-07-19\Pendrive 05-03\Backup 01-07\45233 - RFQ _ A4216_RFQ_29020 - Manutenção RJ_ES_SUL\1. Precificação\Antigos\Equipamentos\45233 - BP Equipamentos v1 - pacote 7 a 9 final.xlsb</t>
  </si>
  <si>
    <t>C:\Users\suelenmm\OneDrive - Grupo Algar\Desktop 22-07-19\Pendrive 05-03\Backup 01-07\45233 - RFQ _ A4216_RFQ_29020 - Manutenção RJ_ES_SUL\1. Precificação\Antigos\v3\</t>
  </si>
  <si>
    <t>45233 - BP Equipamentos v1 (Salvo automaticamente).xlsb</t>
  </si>
  <si>
    <t>D:\Backup 12-11-2019\Desktop 22-07-19\Pendrive 05-03\Backup 01-07\45233 - RFQ _ A4216_RFQ_29020 - Manutenção RJ_ES_SUL\1. Precificação\Antigos\v3\45233 - BP Equipamentos v1 (Salvo automaticamente).xlsb</t>
  </si>
  <si>
    <t>D:\Backup 12-11-2019\Desktop 22-07-19\Pendrive 05-03\Backup 01-07\45233 - RFQ _ A4216_RFQ_29020 - Manutenção RJ_ES_SUL\1. Precificação\Antigos\v3\45233 - BP Equipamentos v1.xlsb</t>
  </si>
  <si>
    <t>BP de Preços Projetos_ Nova Início - V. 2015-5-005.xlsb</t>
  </si>
  <si>
    <t>D:\Backup 12-11-2019\Desktop 22-07-19\Pendrive 05-03\Backup 01-07\45233 - RFQ _ A4216_RFQ_29020 - Manutenção RJ_ES_SUL\1. Precificação\Antigos\v3\BP de Preços Projetos_ Nova Início - V. 2015-5-005.xlsb</t>
  </si>
  <si>
    <t>Logistica equipamentos.xlsx</t>
  </si>
  <si>
    <t>D:\Backup 12-11-2019\Desktop 22-07-19\Pendrive 05-03\Backup 01-07\45233 - RFQ _ A4216_RFQ_29020 - Manutenção RJ_ES_SUL\1. Precificação\Antigos\v3\Logistica equipamentos.xlsx</t>
  </si>
  <si>
    <t>C:\Users\suelenmm\OneDrive - Grupo Algar\Desktop 22-07-19\Pendrive 05-03\Backup 01-07\45233 - RFQ _ A4216_RFQ_29020 - Manutenção RJ_ES_SUL\1. Precificação\v1\</t>
  </si>
  <si>
    <t>45233 - BP Campo v1 - FINAL.xlsb</t>
  </si>
  <si>
    <t>D:\Backup 12-11-2019\Desktop 22-07-19\Pendrive 05-03\Backup 01-07\45233 - RFQ _ A4216_RFQ_29020 - Manutenção RJ_ES_SUL\1. Precificação\v1\45233 - BP Campo v1 - FINAL.xlsb</t>
  </si>
  <si>
    <t>45233 - BP Equipamentos v1 TRJ - FINAL.xlsb</t>
  </si>
  <si>
    <t>D:\Backup 12-11-2019\Desktop 22-07-19\Pendrive 05-03\Backup 01-07\45233 - RFQ _ A4216_RFQ_29020 - Manutenção RJ_ES_SUL\1. Precificação\v1\45233 - BP Equipamentos v1 TRJ - FINAL.xlsb</t>
  </si>
  <si>
    <t>45233 - BP Equipamentos v1 TSL - FINAL.xlsb</t>
  </si>
  <si>
    <t>D:\Backup 12-11-2019\Desktop 22-07-19\Pendrive 05-03\Backup 01-07\45233 - RFQ _ A4216_RFQ_29020 - Manutenção RJ_ES_SUL\1. Precificação\v1\45233 - BP Equipamentos v1 TSL - FINAL.xlsb</t>
  </si>
  <si>
    <t>C:\Users\suelenmm\OneDrive - Grupo Algar\Desktop 22-07-19\Pendrive 05-03\Backup 01-07\45233 - RFQ _ A4216_RFQ_29020 - Manutenção RJ_ES_SUL\1. Precificação\v2\Campo\</t>
  </si>
  <si>
    <t>45233 - BP Campo v6.xlsb</t>
  </si>
  <si>
    <t>D:\Backup 12-11-2019\Desktop 22-07-19\Pendrive 05-03\Backup 01-07\45233 - RFQ _ A4216_RFQ_29020 - Manutenção RJ_ES_SUL\1. Precificação\v2\Campo\45233 - BP Campo v6.xlsb</t>
  </si>
  <si>
    <t>C:\Users\suelenmm\OneDrive - Grupo Algar\Desktop 22-07-19\Pendrive 05-03\Backup 01-07\45233 - RFQ _ A4216_RFQ_29020 - Manutenção RJ_ES_SUL\1. Precificação\v2\Equipamentos\</t>
  </si>
  <si>
    <t>2 - LPU EQUIPAMENTOS - BOM - REV_01 - Memoria de calculo.xlsx</t>
  </si>
  <si>
    <t>D:\Backup 12-11-2019\Desktop 22-07-19\Pendrive 05-03\Backup 01-07\45233 - RFQ _ A4216_RFQ_29020 - Manutenção RJ_ES_SUL\1. Precificação\v2\Equipamentos\2 - LPU EQUIPAMENTOS - BOM - REV_01 - Memoria de calculo.xlsx</t>
  </si>
  <si>
    <t>45233 - BP Equipamentos v2 pacote 1-10 - corretiva.xlsb</t>
  </si>
  <si>
    <t>D:\Backup 12-11-2019\Desktop 22-07-19\Pendrive 05-03\Backup 01-07\45233 - RFQ _ A4216_RFQ_29020 - Manutenção RJ_ES_SUL\1. Precificação\v2\Equipamentos\45233 - BP Equipamentos v2 pacote 1-10 - corretiva.xlsb</t>
  </si>
  <si>
    <t>45233 - BP Equipamentos v2 preventiva.xlsb</t>
  </si>
  <si>
    <t>D:\Backup 12-11-2019\Desktop 22-07-19\Pendrive 05-03\Backup 01-07\45233 - RFQ _ A4216_RFQ_29020 - Manutenção RJ_ES_SUL\1. Precificação\v2\Equipamentos\45233 - BP Equipamentos v2 preventiva.xlsb</t>
  </si>
  <si>
    <t>D:\Backup 12-11-2019\Desktop 22-07-19\Pendrive 05-03\Backup 01-07\45233 - RFQ _ A4216_RFQ_29020 - Manutenção RJ_ES_SUL\1. Precificação\v2\Equipamentos\Logistica equipamentos.xlsx</t>
  </si>
  <si>
    <t>C:\Users\suelenmm\OneDrive - Grupo Algar\Desktop 22-07-19\Pendrive 05-03\Backup 01-07\45233 - RFQ _ A4216_RFQ_29020 - Manutenção RJ_ES_SUL\1. Precificação\v3\</t>
  </si>
  <si>
    <t>BP CAMPO v3.2.xlsb</t>
  </si>
  <si>
    <t>D:\Backup 12-11-2019\Desktop 22-07-19\Pendrive 05-03\Backup 01-07\45233 - RFQ _ A4216_RFQ_29020 - Manutenção RJ_ES_SUL\1. Precificação\v3\BP CAMPO v3.2.xlsb</t>
  </si>
  <si>
    <t>BP EQUIPAMENTOS v3.2.xlsb</t>
  </si>
  <si>
    <t>D:\Backup 12-11-2019\Desktop 22-07-19\Pendrive 05-03\Backup 01-07\45233 - RFQ _ A4216_RFQ_29020 - Manutenção RJ_ES_SUL\1. Precificação\v3\BP EQUIPAMENTOS v3.2.xlsb</t>
  </si>
  <si>
    <t>Logística Equipamentos v3.2.xlsx</t>
  </si>
  <si>
    <t>D:\Backup 12-11-2019\Desktop 22-07-19\Pendrive 05-03\Backup 01-07\45233 - RFQ _ A4216_RFQ_29020 - Manutenção RJ_ES_SUL\1. Precificação\v3\Logística Equipamentos v3.2.xlsx</t>
  </si>
  <si>
    <t>C:\Users\suelenmm\OneDrive - Grupo Algar\Desktop 22-07-19\Pendrive 05-03\Backup 01-07\45233 - RFQ _ A4216_RFQ_29020 - Manutenção RJ_ES_SUL\1. Precificação\v3\Antigos\</t>
  </si>
  <si>
    <t>D:\Backup 12-11-2019\Desktop 22-07-19\Pendrive 05-03\Backup 01-07\45233 - RFQ _ A4216_RFQ_29020 - Manutenção RJ_ES_SUL\1. Precificação\v3\Antigos\45233 - BP Equipamentos v1 (Salvo automaticamente).xlsb</t>
  </si>
  <si>
    <t>BP CAMPO modelo novo - v3.1.xlsb</t>
  </si>
  <si>
    <t>D:\Backup 12-11-2019\Desktop 22-07-19\Pendrive 05-03\Backup 01-07\45233 - RFQ _ A4216_RFQ_29020 - Manutenção RJ_ES_SUL\1. Precificação\v3\Antigos\BP CAMPO modelo novo - v3.1.xlsb</t>
  </si>
  <si>
    <t>BP EQUIPAMENTOS v3.1.xlsb</t>
  </si>
  <si>
    <t>D:\Backup 12-11-2019\Desktop 22-07-19\Pendrive 05-03\Backup 01-07\45233 - RFQ _ A4216_RFQ_29020 - Manutenção RJ_ES_SUL\1. Precificação\v3\Antigos\BP EQUIPAMENTOS v3.1.xlsb</t>
  </si>
  <si>
    <t>D:\Backup 12-11-2019\Desktop 22-07-19\Pendrive 05-03\Backup 01-07\45233 - RFQ _ A4216_RFQ_29020 - Manutenção RJ_ES_SUL\1. Precificação\v3\Antigos\Logistica equipamentos.xlsx</t>
  </si>
  <si>
    <t>Logística Equipamentos v3.1.xlsx</t>
  </si>
  <si>
    <t>D:\Backup 12-11-2019\Desktop 22-07-19\Pendrive 05-03\Backup 01-07\45233 - RFQ _ A4216_RFQ_29020 - Manutenção RJ_ES_SUL\1. Precificação\v3\Antigos\Logística Equipamentos v3.1.xlsx</t>
  </si>
  <si>
    <t>C:\Users\suelenmm\OneDrive - Grupo Algar\Desktop 22-07-19\Pendrive 05-03\Backup 01-07\45233 - RFQ _ A4216_RFQ_29020 - Manutenção RJ_ES_SUL\1. Precificação\v4\</t>
  </si>
  <si>
    <t>BP CAMPO v.3.6.xlsb</t>
  </si>
  <si>
    <t>D:\Backup 12-11-2019\Desktop 22-07-19\Pendrive 05-03\Backup 01-07\45233 - RFQ _ A4216_RFQ_29020 - Manutenção RJ_ES_SUL\1. Precificação\v4\BP CAMPO v.3.6.xlsb</t>
  </si>
  <si>
    <t>BP EQUIPAMENTOS v3.5 - planilha antiga ok.xlsb</t>
  </si>
  <si>
    <t>D:\Backup 12-11-2019\Desktop 22-07-19\Pendrive 05-03\Backup 01-07\45233 - RFQ _ A4216_RFQ_29020 - Manutenção RJ_ES_SUL\1. Precificação\v4\BP EQUIPAMENTOS v3.5 - planilha antiga ok.xlsb</t>
  </si>
  <si>
    <t>C:\Users\suelenmm\OneDrive - Grupo Algar\Desktop 22-07-19\Pendrive 05-03\Backup 01-07\45233 - RFQ _ A4216_RFQ_29020 - Manutenção RJ_ES_SUL\1. Precificação\v4\Antigos\</t>
  </si>
  <si>
    <t>BP CAMPO v.3.4.xlsb</t>
  </si>
  <si>
    <t>D:\Backup 12-11-2019\Desktop 22-07-19\Pendrive 05-03\Backup 01-07\45233 - RFQ _ A4216_RFQ_29020 - Manutenção RJ_ES_SUL\1. Precificação\v4\Antigos\BP CAMPO v.3.4.xlsb</t>
  </si>
  <si>
    <t>BP CAMPO v.3.5.xlsb</t>
  </si>
  <si>
    <t>D:\Backup 12-11-2019\Desktop 22-07-19\Pendrive 05-03\Backup 01-07\45233 - RFQ _ A4216_RFQ_29020 - Manutenção RJ_ES_SUL\1. Precificação\v4\Antigos\BP CAMPO v.3.5.xlsb</t>
  </si>
  <si>
    <t>BP EQUIPAMENTOS v3.4 - não funciona.xlsb</t>
  </si>
  <si>
    <t>D:\Backup 12-11-2019\Desktop 22-07-19\Pendrive 05-03\Backup 01-07\45233 - RFQ _ A4216_RFQ_29020 - Manutenção RJ_ES_SUL\1. Precificação\v4\Antigos\BP EQUIPAMENTOS v3.4 - não funciona.xlsb</t>
  </si>
  <si>
    <t>Cópia de BP CAMPO v3.3.xlsb</t>
  </si>
  <si>
    <t>D:\Backup 12-11-2019\Desktop 22-07-19\Pendrive 05-03\Backup 01-07\45233 - RFQ _ A4216_RFQ_29020 - Manutenção RJ_ES_SUL\1. Precificação\v4\Antigos\Cópia de BP CAMPO v3.3.xlsb</t>
  </si>
  <si>
    <t>C:\Users\suelenmm\OneDrive - Grupo Algar\Desktop 22-07-19\Pendrive 05-03\Backup 01-07\45233 - RFQ _ A4216_RFQ_29020 - Manutenção RJ_ES_SUL\1. Precificação\v4 alternativa\</t>
  </si>
  <si>
    <t>BP CAMPO v.3.7.xlsb</t>
  </si>
  <si>
    <t>D:\Backup 12-11-2019\Desktop 22-07-19\Pendrive 05-03\Backup 01-07\45233 - RFQ _ A4216_RFQ_29020 - Manutenção RJ_ES_SUL\1. Precificação\v4 alternativa\BP CAMPO v.3.7.xlsb</t>
  </si>
  <si>
    <t>D:\Backup 12-11-2019\Desktop 22-07-19\Pendrive 05-03\Backup 01-07\45233 - RFQ _ A4216_RFQ_29020 - Manutenção RJ_ES_SUL\1. Precificação\v4 alternativa\BP EQUIPAMENTOS v3.5 - planilha antiga ok.xlsb</t>
  </si>
  <si>
    <t>C:\Users\suelenmm\OneDrive - Grupo Algar\Desktop 22-07-19\Pendrive 05-03\Backup 01-07\45233 - RFQ _ A4216_RFQ_29020 - Manutenção RJ_ES_SUL\2. Propostas\Antigos\</t>
  </si>
  <si>
    <t>2 - ANEXO II - LPU - LPU de Manutencao Equipamentos REV_01_1.xls</t>
  </si>
  <si>
    <t>D:\Backup 12-11-2019\Desktop 22-07-19\Pendrive 05-03\Backup 01-07\45233 - RFQ _ A4216_RFQ_29020 - Manutenção RJ_ES_SUL\2. Propostas\Antigos\2 - ANEXO II - LPU - LPU de Manutencao Equipamentos REV_01_1.xls</t>
  </si>
  <si>
    <t>2 - ANEXO II - LPU INFRA FM TRJ e TSL - FAT A REV_01.xls</t>
  </si>
  <si>
    <t>D:\Backup 12-11-2019\Desktop 22-07-19\Pendrive 05-03\Backup 01-07\45233 - RFQ _ A4216_RFQ_29020 - Manutenção RJ_ES_SUL\2. Propostas\Antigos\2 - ANEXO II - LPU INFRA FM TRJ e TSL - FAT A REV_01.xls</t>
  </si>
  <si>
    <t>C:\Users\suelenmm\OneDrive - Grupo Algar\Desktop 22-07-19\Pendrive 05-03\Backup 01-07\45233 - RFQ _ A4216_RFQ_29020 - Manutenção RJ_ES_SUL\2. Propostas\v1\</t>
  </si>
  <si>
    <t>2 - ANEXO II - LPU - LPU de Manutencao Equipamentos REV_01.xls</t>
  </si>
  <si>
    <t>D:\Backup 12-11-2019\Desktop 22-07-19\Pendrive 05-03\Backup 01-07\45233 - RFQ _ A4216_RFQ_29020 - Manutenção RJ_ES_SUL\2. Propostas\v1\2 - ANEXO II - LPU - LPU de Manutencao Equipamentos REV_01.xls</t>
  </si>
  <si>
    <t>2 - ANEXO II - LPU INFRA FM TRJ e TSL - FAT A.xls</t>
  </si>
  <si>
    <t>D:\Backup 12-11-2019\Desktop 22-07-19\Pendrive 05-03\Backup 01-07\45233 - RFQ _ A4216_RFQ_29020 - Manutenção RJ_ES_SUL\2. Propostas\v1\2 - ANEXO II - LPU INFRA FM TRJ e TSL - FAT A.xls</t>
  </si>
  <si>
    <t>2 - ANEXO II - LPU INFRA FM TRJ e TSL - FAT B - APENDICE A.xls</t>
  </si>
  <si>
    <t>D:\Backup 12-11-2019\Desktop 22-07-19\Pendrive 05-03\Backup 01-07\45233 - RFQ _ A4216_RFQ_29020 - Manutenção RJ_ES_SUL\2. Propostas\v1\2 - ANEXO II - LPU INFRA FM TRJ e TSL - FAT B - APENDICE A.xls</t>
  </si>
  <si>
    <t>2 - ANEXO II - LPU INFRA FM TRJ e TSL - FAT B - APENDICE B.xls</t>
  </si>
  <si>
    <t>D:\Backup 12-11-2019\Desktop 22-07-19\Pendrive 05-03\Backup 01-07\45233 - RFQ _ A4216_RFQ_29020 - Manutenção RJ_ES_SUL\2. Propostas\v1\2 - ANEXO II - LPU INFRA FM TRJ e TSL - FAT B - APENDICE B.xls</t>
  </si>
  <si>
    <t>Resposta Atendimento Técnico.xlsx</t>
  </si>
  <si>
    <t>D:\Backup 12-11-2019\Desktop 22-07-19\Pendrive 05-03\Backup 01-07\45233 - RFQ _ A4216_RFQ_29020 - Manutenção RJ_ES_SUL\2. Propostas\v1\Resposta Atendimento Técnico.xlsx</t>
  </si>
  <si>
    <t>C:\Users\suelenmm\OneDrive - Grupo Algar\Desktop 22-07-19\Pendrive 05-03\Backup 01-07\45233 - RFQ _ A4216_RFQ_29020 - Manutenção RJ_ES_SUL\2. Propostas\v2\01. v2\Proposta Comercial\</t>
  </si>
  <si>
    <t>2 - ANEXO II - LPU INFRA FM TRJ e TSL - FAT B - APENDICE A REV_01.xls</t>
  </si>
  <si>
    <t>D:\Backup 12-11-2019\Desktop 22-07-19\Pendrive 05-03\Backup 01-07\45233 - RFQ _ A4216_RFQ_29020 - Manutenção RJ_ES_SUL\2. Propostas\v2\01. v2\Proposta Comercial\2 - ANEXO II - LPU INFRA FM TRJ e TSL - FAT B - APENDICE A REV_01.xls</t>
  </si>
  <si>
    <t>2 - ANEXO II - LPU INFRA FM TRJ e TSL - FAT B - APENDICE B REV_01.xls</t>
  </si>
  <si>
    <t>D:\Backup 12-11-2019\Desktop 22-07-19\Pendrive 05-03\Backup 01-07\45233 - RFQ _ A4216_RFQ_29020 - Manutenção RJ_ES_SUL\2. Propostas\v2\01. v2\Proposta Comercial\2 - ANEXO II - LPU INFRA FM TRJ e TSL - FAT B - APENDICE B REV_01.xls</t>
  </si>
  <si>
    <t>2 - LPU EQUIPAMENTOS - BOM - REV_01.xlsx</t>
  </si>
  <si>
    <t>D:\Backup 12-11-2019\Desktop 22-07-19\Pendrive 05-03\Backup 01-07\45233 - RFQ _ A4216_RFQ_29020 - Manutenção RJ_ES_SUL\2. Propostas\v2\01. v2\Proposta Comercial\2 - LPU EQUIPAMENTOS - BOM - REV_01.xlsx</t>
  </si>
  <si>
    <t>2_-_ANEXO_II_-_LPU_INFRA_FM_TRJ_e_TSL_-_FAT_A_REV_02.xls</t>
  </si>
  <si>
    <t>D:\Backup 12-11-2019\Desktop 22-07-19\Pendrive 05-03\Backup 01-07\45233 - RFQ _ A4216_RFQ_29020 - Manutenção RJ_ES_SUL\2. Propostas\v2\01. v2\Proposta Comercial\2_-_ANEXO_II_-_LPU_INFRA_FM_TRJ_e_TSL_-_FAT_A_REV_02.xls</t>
  </si>
  <si>
    <t>C:\Users\suelenmm\OneDrive - Grupo Algar\Desktop 22-07-19\Pendrive 05-03\Backup 01-07\45233 - RFQ _ A4216_RFQ_29020 - Manutenção RJ_ES_SUL\2. Propostas\v2\02. Reenvio v2\d) LPU´s\</t>
  </si>
  <si>
    <t>D:\Backup 12-11-2019\Desktop 22-07-19\Pendrive 05-03\Backup 01-07\45233 - RFQ _ A4216_RFQ_29020 - Manutenção RJ_ES_SUL\2. Propostas\v2\02. Reenvio v2\d) LPU´s\2 - ANEXO II - LPU INFRA FM TRJ e TSL - FAT B - APENDICE A REV_01.xls</t>
  </si>
  <si>
    <t>D:\Backup 12-11-2019\Desktop 22-07-19\Pendrive 05-03\Backup 01-07\45233 - RFQ _ A4216_RFQ_29020 - Manutenção RJ_ES_SUL\2. Propostas\v2\02. Reenvio v2\d) LPU´s\2 - ANEXO II - LPU INFRA FM TRJ e TSL - FAT B - APENDICE B REV_01.xls</t>
  </si>
  <si>
    <t>D:\Backup 12-11-2019\Desktop 22-07-19\Pendrive 05-03\Backup 01-07\45233 - RFQ _ A4216_RFQ_29020 - Manutenção RJ_ES_SUL\2. Propostas\v2\02. Reenvio v2\d) LPU´s\2 - LPU EQUIPAMENTOS - BOM - REV_01.xlsx</t>
  </si>
  <si>
    <t>D:\Backup 12-11-2019\Desktop 22-07-19\Pendrive 05-03\Backup 01-07\45233 - RFQ _ A4216_RFQ_29020 - Manutenção RJ_ES_SUL\2. Propostas\v2\02. Reenvio v2\d) LPU´s\2_-_ANEXO_II_-_LPU_INFRA_FM_TRJ_e_TSL_-_FAT_A_REV_02.xls</t>
  </si>
  <si>
    <t>C:\Users\suelenmm\OneDrive - Grupo Algar\Desktop 22-07-19\Pendrive 05-03\Backup 01-07\45233 - RFQ _ A4216_RFQ_29020 - Manutenção RJ_ES_SUL\2. Propostas\v3\Pacote Econômico\</t>
  </si>
  <si>
    <t>2 - ANEXO II - LPU FMM INFRA FM TIM RJ_SUL - FAT A REV_04.xls</t>
  </si>
  <si>
    <t>D:\Backup 12-11-2019\Desktop 22-07-19\Pendrive 05-03\Backup 01-07\45233 - RFQ _ A4216_RFQ_29020 - Manutenção RJ_ES_SUL\2. Propostas\v3\Pacote Econômico\2 - ANEXO II - LPU FMM INFRA FM TIM RJ_SUL - FAT A REV_04.xls</t>
  </si>
  <si>
    <t>2 - ANEXO II - LPU FMM INFRA FM TIM RJ_SUL - FAT B - APENDICE A REV_04_2.xls</t>
  </si>
  <si>
    <t>D:\Backup 12-11-2019\Desktop 22-07-19\Pendrive 05-03\Backup 01-07\45233 - RFQ _ A4216_RFQ_29020 - Manutenção RJ_ES_SUL\2. Propostas\v3\Pacote Econômico\2 - ANEXO II - LPU FMM INFRA FM TIM RJ_SUL - FAT B - APENDICE A REV_04_2.xls</t>
  </si>
  <si>
    <t>2 - ANEXO II - LPU FMM INFRA FM TIM RJ_SUL- FAT B - APENDICE B REV_04.xls</t>
  </si>
  <si>
    <t>D:\Backup 12-11-2019\Desktop 22-07-19\Pendrive 05-03\Backup 01-07\45233 - RFQ _ A4216_RFQ_29020 - Manutenção RJ_ES_SUL\2. Propostas\v3\Pacote Econômico\2 - ANEXO II - LPU FMM INFRA FM TIM RJ_SUL- FAT B - APENDICE B REV_04.xls</t>
  </si>
  <si>
    <t>2 - LPU FMT - TIM RJ SUL - REV_04.xlsx</t>
  </si>
  <si>
    <t>D:\Backup 12-11-2019\Desktop 22-07-19\Pendrive 05-03\Backup 01-07\45233 - RFQ _ A4216_RFQ_29020 - Manutenção RJ_ES_SUL\2. Propostas\v3\Pacote Econômico\2 - LPU FMT - TIM RJ SUL - REV_04.xlsx</t>
  </si>
  <si>
    <t>C:\Users\suelenmm\OneDrive - Grupo Algar\Desktop 22-07-19\Pendrive 05-03\Backup 01-07\45233 - RFQ _ A4216_RFQ_29020 - Manutenção RJ_ES_SUL\2. Propostas\v3\Pacote Técnico\</t>
  </si>
  <si>
    <t>Resposta Atendimento Tecnico v3.xlsx</t>
  </si>
  <si>
    <t>D:\Backup 12-11-2019\Desktop 22-07-19\Pendrive 05-03\Backup 01-07\45233 - RFQ _ A4216_RFQ_29020 - Manutenção RJ_ES_SUL\2. Propostas\v3\Pacote Técnico\Resposta Atendimento Tecnico v3.xlsx</t>
  </si>
  <si>
    <t>C:\Users\suelenmm\OneDrive - Grupo Algar\Desktop 22-07-19\Pendrive 05-03\Backup 01-07\45233 - RFQ _ A4216_RFQ_29020 - Manutenção RJ_ES_SUL\2. Propostas\v5\Pacote Comercial\</t>
  </si>
  <si>
    <t>2 - ANEXO II - LPU FMM INFRA FM TIM RJ SUL - FAT A REV_05.xls</t>
  </si>
  <si>
    <t>D:\Backup 12-11-2019\Desktop 22-07-19\Pendrive 05-03\Backup 01-07\45233 - RFQ _ A4216_RFQ_29020 - Manutenção RJ_ES_SUL\2. Propostas\v5\Pacote Comercial\2 - ANEXO II - LPU FMM INFRA FM TIM RJ SUL - FAT A REV_05.xls</t>
  </si>
  <si>
    <t>2 - ANEXO II - LPU FMM INFRA FM TIM RJ_SUL - FAT B - APENDICE A REV_05.xls</t>
  </si>
  <si>
    <t>D:\Backup 12-11-2019\Desktop 22-07-19\Pendrive 05-03\Backup 01-07\45233 - RFQ _ A4216_RFQ_29020 - Manutenção RJ_ES_SUL\2. Propostas\v5\Pacote Comercial\2 - ANEXO II - LPU FMM INFRA FM TIM RJ_SUL - FAT B - APENDICE A REV_05.xls</t>
  </si>
  <si>
    <t>2 - ANEXO II - LPU FMM INFRA FM TIM RJ_SUL- FAT B - APENDICE B REV_05.xls</t>
  </si>
  <si>
    <t>D:\Backup 12-11-2019\Desktop 22-07-19\Pendrive 05-03\Backup 01-07\45233 - RFQ _ A4216_RFQ_29020 - Manutenção RJ_ES_SUL\2. Propostas\v5\Pacote Comercial\2 - ANEXO II - LPU FMM INFRA FM TIM RJ_SUL- FAT B - APENDICE B REV_05.xls</t>
  </si>
  <si>
    <t>2 - LPU FMT - TIM RJ SUL - REV_05.xlsx</t>
  </si>
  <si>
    <t>D:\Backup 12-11-2019\Desktop 22-07-19\Pendrive 05-03\Backup 01-07\45233 - RFQ _ A4216_RFQ_29020 - Manutenção RJ_ES_SUL\2. Propostas\v5\Pacote Comercial\2 - LPU FMT - TIM RJ SUL - REV_05.xlsx</t>
  </si>
  <si>
    <t>C:\Users\suelenmm\OneDrive - Grupo Algar\Desktop 22-07-19\Pendrive 05-03\Backup 01-07\45233 - RFQ _ A4216_RFQ_29020 - Manutenção RJ_ES_SUL\2. Propostas\v5\Pacote Técnico\</t>
  </si>
  <si>
    <t>Resposta Atendimento Técnico v5.xlsx</t>
  </si>
  <si>
    <t>D:\Backup 12-11-2019\Desktop 22-07-19\Pendrive 05-03\Backup 01-07\45233 - RFQ _ A4216_RFQ_29020 - Manutenção RJ_ES_SUL\2. Propostas\v5\Pacote Técnico\Resposta Atendimento Técnico v5.xlsx</t>
  </si>
  <si>
    <t>C:\Users\suelenmm\OneDrive - Grupo Algar\Desktop 22-07-19\Pendrive 05-03\Backup 01-07\45233 - RFQ _ A4216_RFQ_29020 - Manutenção RJ_ES_SUL\2. Propostas\v6 - alternativa da v5\Pacote Comercial\</t>
  </si>
  <si>
    <t>2 - ANEXO II - LPU FMM INFRA FM TIM RJ SUL - FAT A REV_06.xls</t>
  </si>
  <si>
    <t>D:\Backup 12-11-2019\Desktop 22-07-19\Pendrive 05-03\Backup 01-07\45233 - RFQ _ A4216_RFQ_29020 - Manutenção RJ_ES_SUL\2. Propostas\v6 - alternativa da v5\Pacote Comercial\2 - ANEXO II - LPU FMM INFRA FM TIM RJ SUL - FAT A REV_06.xls</t>
  </si>
  <si>
    <t>D:\Backup 12-11-2019\Desktop 22-07-19\Pendrive 05-03\Backup 01-07\45233 - RFQ _ A4216_RFQ_29020 - Manutenção RJ_ES_SUL\2. Propostas\v6 - alternativa da v5\Pacote Comercial\</t>
  </si>
  <si>
    <t>2 - ANEXO II - LPU FMM INFRA FM TIM RJ_SUL - FAT B - APENDICE A REV_06.xls</t>
  </si>
  <si>
    <t>D:\Backup 12-11-2019\Desktop 22-07-19\Pendrive 05-03\Backup 01-07\45233 - RFQ _ A4216_RFQ_29020 - Manutenção RJ_ES_SUL\2. Propostas\v6 - alternativa da v5\Pacote Comercial\2 - ANEXO II - LPU FMM INFRA FM TIM RJ_SUL - FAT B - APENDICE A REV_06.xls</t>
  </si>
  <si>
    <t>2 - ANEXO II - LPU FMM INFRA FM TIM RJ_SUL- FAT B - APENDICE B REV_06.xls</t>
  </si>
  <si>
    <t>D:\Backup 12-11-2019\Desktop 22-07-19\Pendrive 05-03\Backup 01-07\45233 - RFQ _ A4216_RFQ_29020 - Manutenção RJ_ES_SUL\2. Propostas\v6 - alternativa da v5\Pacote Comercial\2 - ANEXO II - LPU FMM INFRA FM TIM RJ_SUL- FAT B - APENDICE B REV_06.xls</t>
  </si>
  <si>
    <t>2 - LPU FMT - TIM RJ SUL - REV_06.xlsx</t>
  </si>
  <si>
    <t>D:\Backup 12-11-2019\Desktop 22-07-19\Pendrive 05-03\Backup 01-07\45233 - RFQ _ A4216_RFQ_29020 - Manutenção RJ_ES_SUL\2. Propostas\v6 - alternativa da v5\Pacote Comercial\2 - LPU FMT - TIM RJ SUL - REV_06.xlsx</t>
  </si>
  <si>
    <t>C:\Users\suelenmm\OneDrive - Grupo Algar\Desktop 22-07-19\Pendrive 05-03\Backup 01-07\45233 - RFQ _ A4216_RFQ_29020 - Manutenção RJ_ES_SUL\2. Propostas\v6 - alternativa da v5\Pacote Técnico\</t>
  </si>
  <si>
    <t>Resposta Atendimento Técnico v6.xlsx</t>
  </si>
  <si>
    <t>D:\Backup 12-11-2019\Desktop 22-07-19\Pendrive 05-03\Backup 01-07\45233 - RFQ _ A4216_RFQ_29020 - Manutenção RJ_ES_SUL\2. Propostas\v6 - alternativa da v5\Pacote Técnico\Resposta Atendimento Técnico v6.xlsx</t>
  </si>
  <si>
    <t>C:\Users\suelenmm\OneDrive - Grupo Algar\Desktop 22-07-19\Pendrive 05-03\Backup 01-07\45233 - RFQ _ A4216_RFQ_29020 - Manutenção RJ_ES_SUL\3. Documentos\1. Editais\Doc TIM RJ_SL - 12-06\Especificacao Tecnica FMM.zip\</t>
  </si>
  <si>
    <t>ANEXO VIII LPU FM TRJ e TSL - FAT A_v20150608.xlsx</t>
  </si>
  <si>
    <t>D:\Backup 12-11-2019\Desktop 22-07-19\Pendrive 05-03\Backup 01-07\45233 - RFQ _ A4216_RFQ_29020 - Manutenção RJ_ES_SUL\3. Documentos\1. Editais\Doc TIM RJ_SL - 12-06\Especificacao Tecnica FMM.zip</t>
  </si>
  <si>
    <t>ANEXO VIII LPU FM TRJ e TSL - FAT B - APENDICE A v20150603.xls</t>
  </si>
  <si>
    <t>ANEXO VIII LPU FM TRJ e TSL - FAT B - APENDICE B v20150603.xls</t>
  </si>
  <si>
    <t>ANEXO X - Ficha de Interven‡Æo Corretiva v20150603.xlsx</t>
  </si>
  <si>
    <t>ANEXO XI - Laudo Vistoria Estrutura Vertical v20150603.xlsx</t>
  </si>
  <si>
    <t>ANEXO XII - Programa‡Æo Preventiva v20150603.xls</t>
  </si>
  <si>
    <t>Dados Rede TSL e TRJ v20150608.xlsx</t>
  </si>
  <si>
    <t>Indica‡Æo da infraestrutura para a presta‡Æo do servi‡o TRJ e TSL v20150603.xls</t>
  </si>
  <si>
    <t>Sites Industriais TRJ e TSL v20150608.xlsx</t>
  </si>
  <si>
    <t>C:\Users\suelenmm\OneDrive - Grupo Algar\Desktop 22-07-19\Pendrive 05-03\Backup 01-07\45233 - RFQ _ A4216_RFQ_29020 - Manutenção RJ_ES_SUL\3. Documentos\1. Editais\Doc TIM RJ_SL - 12-06\Especificacao Tecnica FMM.zip\ANEXO IX - Ficha de Manuten‡Æo Preventiv</t>
  </si>
  <si>
    <t>C:\Users\suelenmm\OneDrive - Grupo Algar\Desktop 22-07-19\Pendrive 05-03\Backup 01-07\45233 - RFQ _ A4216_RFQ_29020 - Manutenção RJ_ES_SUL\3. Documentos\1. Editais\Doc TIM RJ_SL - 12-06\Especificacao Tecnica FMT Rev05.zip\</t>
  </si>
  <si>
    <t>Proposta de LPU Rev 4 050515.xlsx</t>
  </si>
  <si>
    <t>D:\Backup 12-11-2019\Desktop 22-07-19\Pendrive 05-03\Backup 01-07\45233 - RFQ _ A4216_RFQ_29020 - Manutenção RJ_ES_SUL\3. Documentos\1. Editais\Doc TIM RJ_SL - 12-06\Especificacao Tecnica FMT Rev05.zip</t>
  </si>
  <si>
    <t>C:\Users\suelenmm\OneDrive - Grupo Algar\Desktop 22-07-19\Pendrive 05-03\Backup 01-07\45233 - RFQ _ A4216_RFQ_29020 - Manutenção RJ_ES_SUL\3. Documentos\1. Editais\Doc TIM RJ_SL - 12-06\Especificacao Tecnica FMT Rev05.zip\ET_NW_GOV_013 - Servi‡os Manut Eqp</t>
  </si>
  <si>
    <t>Package.xls</t>
  </si>
  <si>
    <t>Package1.xlsx</t>
  </si>
  <si>
    <t>Package2.xlsx</t>
  </si>
  <si>
    <t>Package3.xlsx</t>
  </si>
  <si>
    <t>C:\Users\suelenmm\OneDrive - Grupo Algar\Desktop 22-07-19\Pendrive 05-03\Backup 01-07\45233 - RFQ _ A4216_RFQ_29020 - Manutenção RJ_ES_SUL\3. Documentos\1. Editais\Doc TIM RJ_SL - 12-06\Especificacao Tecnica FMT Rev05.zip\ET_NW_GOV_015 - Servi‡os Manut Eqp</t>
  </si>
  <si>
    <t>C:\Users\suelenmm\OneDrive - Grupo Algar\Desktop 22-07-19\Pendrive 05-03\Backup 01-07\45233 - RFQ _ A4216_RFQ_29020 - Manutenção RJ_ES_SUL\3. Documentos\1. Editais\Doc TIM RJ_SL - 12-06\LPUS ATUALIZADAS.zip\</t>
  </si>
  <si>
    <t>D:\Backup 12-11-2019\Desktop 22-07-19\Pendrive 05-03\Backup 01-07\45233 - RFQ _ A4216_RFQ_29020 - Manutenção RJ_ES_SUL\3. Documentos\1. Editais\Doc TIM RJ_SL - 12-06\LPUS ATUALIZADAS.zip</t>
  </si>
  <si>
    <t>D:\Backup 12-11-2019\Desktop 22-07-19\Pendrive 05-03\Backup 01-07\45233 - RFQ _ A4216_RFQ_29020 - Manutenção RJ_ES_SUL\3. Documentos\1. Editais\Doc TIM RJ_SL - 12-06\Especificacao Tecnica FMM\ok - ANEXO IX - Ficha de Manutenção Preventiva v20150603.docx\</t>
  </si>
  <si>
    <t>D:\Backup 12-11-2019\Desktop 22-07-19\Pendrive 05-03\Backup 01-07\45233 - RFQ _ A4216_RFQ_29020 - Manutenção RJ_ES_SUL\3. Documentos\1. Editais\Doc TIM RJ_SL - 12-06\Especificacao Tecnica FMM\ok - ANEXO IX - Ficha de Manutenção Preventiva v20150603.docx</t>
  </si>
  <si>
    <t>D:\Backup 12-11-2019\Desktop 22-07-19\Pendrive 05-03\Backup 01-07\45233 - RFQ _ A4216_RFQ_29020 - Manutenção RJ_ES_SUL\3. Documentos\1. Editais\Doc TIM RJ_SL - 12-06\Especificacao Tecnica FMM\</t>
  </si>
  <si>
    <t>ok - ANEXO VIII LPU FM TRJ e TSL - FAT A_v120150612.xlsx</t>
  </si>
  <si>
    <t>D:\Backup 12-11-2019\Desktop 22-07-19\Pendrive 05-03\Backup 01-07\45233 - RFQ _ A4216_RFQ_29020 - Manutenção RJ_ES_SUL\3. Documentos\1. Editais\Doc TIM RJ_SL - 12-06\Especificacao Tecnica FMM\ok - ANEXO VIII LPU FM TRJ e TSL - FAT A_v120150612.xlsx</t>
  </si>
  <si>
    <t>ok - ANEXO VIII LPU FM TRJ e TSL - FAT A_v20150608.xlsx</t>
  </si>
  <si>
    <t>D:\Backup 12-11-2019\Desktop 22-07-19\Pendrive 05-03\Backup 01-07\45233 - RFQ _ A4216_RFQ_29020 - Manutenção RJ_ES_SUL\3. Documentos\1. Editais\Doc TIM RJ_SL - 12-06\Especificacao Tecnica FMM\ok - ANEXO VIII LPU FM TRJ e TSL - FAT A_v20150608.xlsx</t>
  </si>
  <si>
    <t>ok - ANEXO VIII LPU FM TRJ e TSL - FAT B - APENDICE A v20150603.xls</t>
  </si>
  <si>
    <t>D:\Backup 12-11-2019\Desktop 22-07-19\Pendrive 05-03\Backup 01-07\45233 - RFQ _ A4216_RFQ_29020 - Manutenção RJ_ES_SUL\3. Documentos\1. Editais\Doc TIM RJ_SL - 12-06\Especificacao Tecnica FMM\ok - ANEXO VIII LPU FM TRJ e TSL - FAT B - APENDICE A v20150603.xls</t>
  </si>
  <si>
    <t>ok - ANEXO VIII LPU FM TRJ e TSL - FAT B - APENDICE B v20150603.xls</t>
  </si>
  <si>
    <t>D:\Backup 12-11-2019\Desktop 22-07-19\Pendrive 05-03\Backup 01-07\45233 - RFQ _ A4216_RFQ_29020 - Manutenção RJ_ES_SUL\3. Documentos\1. Editais\Doc TIM RJ_SL - 12-06\Especificacao Tecnica FMM\ok - ANEXO VIII LPU FM TRJ e TSL - FAT B - APENDICE B v20150603.xls</t>
  </si>
  <si>
    <t>ok - ANEXO X - Ficha de Intervenção Corretiva v20150603.xlsx</t>
  </si>
  <si>
    <t>D:\Backup 12-11-2019\Desktop 22-07-19\Pendrive 05-03\Backup 01-07\45233 - RFQ _ A4216_RFQ_29020 - Manutenção RJ_ES_SUL\3. Documentos\1. Editais\Doc TIM RJ_SL - 12-06\Especificacao Tecnica FMM\ok - ANEXO X - Ficha de Intervenção Corretiva v20150603.xlsx</t>
  </si>
  <si>
    <t>ok - ANEXO XI - Laudo Vistoria Estrutura Vertical v20150603.xlsx</t>
  </si>
  <si>
    <t>D:\Backup 12-11-2019\Desktop 22-07-19\Pendrive 05-03\Backup 01-07\45233 - RFQ _ A4216_RFQ_29020 - Manutenção RJ_ES_SUL\3. Documentos\1. Editais\Doc TIM RJ_SL - 12-06\Especificacao Tecnica FMM\ok - ANEXO XI - Laudo Vistoria Estrutura Vertical v20150603.xlsx</t>
  </si>
  <si>
    <t>ok - ANEXO XII - Programação Preventiva v20150603.xls</t>
  </si>
  <si>
    <t>D:\Backup 12-11-2019\Desktop 22-07-19\Pendrive 05-03\Backup 01-07\45233 - RFQ _ A4216_RFQ_29020 - Manutenção RJ_ES_SUL\3. Documentos\1. Editais\Doc TIM RJ_SL - 12-06\Especificacao Tecnica FMM\ok - ANEXO XII - Programação Preventiva v20150603.xls</t>
  </si>
  <si>
    <t>C:\Users\suelenmm\OneDrive - Grupo Algar\Desktop 22-07-19\Pendrive 05-03\Backup 01-07\45233 - RFQ _ A4216_RFQ_29020 - Manutenção RJ_ES_SUL\3. Documentos\1. Editais\Doc TIM RJ_SL - 12-06\Especificacao Tecnica FMM\</t>
  </si>
  <si>
    <t>ok - Dados Rede TSL e TRJ v20150608.xlsx</t>
  </si>
  <si>
    <t>D:\Backup 12-11-2019\Desktop 22-07-19\Pendrive 05-03\Backup 01-07\45233 - RFQ _ A4216_RFQ_29020 - Manutenção RJ_ES_SUL\3. Documentos\1. Editais\Doc TIM RJ_SL - 12-06\Especificacao Tecnica FMM\ok - Dados Rede TSL e TRJ v20150608.xlsx</t>
  </si>
  <si>
    <t>ok - Sites Industriais TRJ e TSL v20150608.xlsx</t>
  </si>
  <si>
    <t>D:\Backup 12-11-2019\Desktop 22-07-19\Pendrive 05-03\Backup 01-07\45233 - RFQ _ A4216_RFQ_29020 - Manutenção RJ_ES_SUL\3. Documentos\1. Editais\Doc TIM RJ_SL - 12-06\Especificacao Tecnica FMM\ok - Sites Industriais TRJ e TSL v20150608.xlsx</t>
  </si>
  <si>
    <t>C:\Users\suelenmm\OneDrive - Grupo Algar\Desktop 22-07-19\Pendrive 05-03\Backup 01-07\45233 - RFQ _ A4216_RFQ_29020 - Manutenção RJ_ES_SUL\3. Documentos\1. Editais\Doc TIM RJ_SL - 12-06\Especificacao Tecnica FMT Rev05\</t>
  </si>
  <si>
    <t>ok - Proposta de LPU Rev 4 050515.xlsx</t>
  </si>
  <si>
    <t>D:\Backup 12-11-2019\Desktop 22-07-19\Pendrive 05-03\Backup 01-07\45233 - RFQ _ A4216_RFQ_29020 - Manutenção RJ_ES_SUL\3. Documentos\1. Editais\Doc TIM RJ_SL - 12-06\Especificacao Tecnica FMT Rev05\ok - Proposta de LPU Rev 4 050515.xlsx</t>
  </si>
  <si>
    <t>D:\Backup 12-11-2019\Desktop 22-07-19\Pendrive 05-03\Backup 01-07\45233 - RFQ _ A4216_RFQ_29020 - Manutenção RJ_ES_SUL\3. Documentos\1. Editais\Doc TIM RJ_SL - 12-06\LPUS ATUALIZADAS\2 - ANEXO II - LPU FMM INFRA FM TIM RJ SUL - FAT A REV_05.xls</t>
  </si>
  <si>
    <t>D:\Backup 12-11-2019\Desktop 22-07-19\Pendrive 05-03\Backup 01-07\45233 - RFQ _ A4216_RFQ_29020 - Manutenção RJ_ES_SUL\3. Documentos\1. Editais\Doc TIM RJ_SL - 12-06\LPUS ATUALIZADAS\2 - ANEXO II - LPU FMM INFRA FM TIM RJ_SUL - FAT B - APENDICE A REV_05.xls</t>
  </si>
  <si>
    <t>D:\Backup 12-11-2019\Desktop 22-07-19\Pendrive 05-03\Backup 01-07\45233 - RFQ _ A4216_RFQ_29020 - Manutenção RJ_ES_SUL\3. Documentos\1. Editais\Doc TIM RJ_SL - 12-06\LPUS ATUALIZADAS\2 - ANEXO II - LPU FMM INFRA FM TIM RJ_SUL- FAT B - APENDICE B REV_05.xls</t>
  </si>
  <si>
    <t>C:\Users\suelenmm\OneDrive - Grupo Algar\Desktop 22-07-19\Pendrive 05-03\Backup 01-07\45233 - RFQ _ A4216_RFQ_29020 - Manutenção RJ_ES_SUL\3. Documentos\1. Editais\Doc TIM RJ_SL - 12-06\LPUS ATUALIZADAS\</t>
  </si>
  <si>
    <t>D:\Backup 12-11-2019\Desktop 22-07-19\Pendrive 05-03\Backup 01-07\45233 - RFQ _ A4216_RFQ_29020 - Manutenção RJ_ES_SUL\3. Documentos\1. Editais\Doc TIM RJ_SL - 12-06\LPUS ATUALIZADAS\2 - LPU FMT - TIM RJ SUL - REV_05.xlsx</t>
  </si>
  <si>
    <t>C:\Users\suelenmm\OneDrive - Grupo Algar\Desktop 22-07-19\Pendrive 05-03\Backup 01-07\45233 - RFQ _ A4216_RFQ_29020 - Manutenção RJ_ES_SUL\3. Documentos\1. Editais\Reabertura de RFQ - 28-05\1 - ANEXO I - Eespecificacoes tecnicas FMT_TRJ_TSUL_Rev 4 050515.z</t>
  </si>
  <si>
    <t>D:\Backup 12-11-2019\Desktop 22-07-19\Pendrive 05-03\Backup 01-07\45233 - RFQ _ A4216_RFQ_29020 - Manutenção RJ_ES_SUL\3. Documentos\1. Editais\Reabertura de RFQ - 28-05\1 - ANEXO I - Eespecificacoes tecnicas FMT_TRJ_TSUL_Rev 4 050515.zip</t>
  </si>
  <si>
    <t>C:\Users\suelenmm\OneDrive - Grupo Algar\Desktop 22-07-19\Pendrive 05-03\Backup 01-07\45233 - RFQ _ A4216_RFQ_29020 - Manutenção RJ_ES_SUL\3. Documentos\1. Editais\Reabertura de RFQ - 28-05\1 - ANEXO I - Especificações Tecnicas FMM (TRJ e TSL) 20150526.zip</t>
  </si>
  <si>
    <t>ANEXO VIII LPU FM TRJ e TSL - FAT A.xlsx</t>
  </si>
  <si>
    <t>D:\Backup 12-11-2019\Desktop 22-07-19\Pendrive 05-03\Backup 01-07\45233 - RFQ _ A4216_RFQ_29020 - Manutenção RJ_ES_SUL\3. Documentos\1. Editais\Reabertura de RFQ - 28-05\1 - ANEXO I - Especificações Tecnicas FMM (TRJ e TSL) 20150526.zip</t>
  </si>
  <si>
    <t>ANEXO VIII LPU FM TRJ e TSL - FAT B - APENDICE A.xls</t>
  </si>
  <si>
    <t>ANEXO VIII LPU FM TRJ e TSL - FAT B - APENDICE B.xls</t>
  </si>
  <si>
    <t>ANEXO X - Ficha de Interven‡Æo Corretiva.xls</t>
  </si>
  <si>
    <t>ANEXO XI - Laudo Vistoria Estrutura Vertical.xls</t>
  </si>
  <si>
    <t>ANEXO XII - Programa‡Æo Preventiva.xls</t>
  </si>
  <si>
    <t>Dados Rede TSL e TRJ.xlsx</t>
  </si>
  <si>
    <t>Indica‡Æo da infraestrutura para a presta‡Æo do servi‡o TRJ e TSL.xls</t>
  </si>
  <si>
    <t>Pr‚dios Industriais TRJ e TSL.xlsx</t>
  </si>
  <si>
    <t>Sites 2015 - TRJ e TSL.xlsx</t>
  </si>
  <si>
    <t>C:\Users\suelenmm\OneDrive - Grupo Algar\Desktop 22-07-19\Pendrive 05-03\Backup 01-07\45233 - RFQ _ A4216_RFQ_29020 - Manutenção RJ_ES_SUL\3. Documentos\1. Editais\Reabertura de RFQ - 28-05\</t>
  </si>
  <si>
    <t>D:\Backup 12-11-2019\Desktop 22-07-19\Pendrive 05-03\Backup 01-07\45233 - RFQ _ A4216_RFQ_29020 - Manutenção RJ_ES_SUL\3. Documentos\1. Editais\Reabertura de RFQ - 28-05\2 - ANEXO II - LPU FMM INFRA FM TIM RJ_SUL - FAT A REV_04.xls</t>
  </si>
  <si>
    <t>D:\Backup 12-11-2019\Desktop 22-07-19\Pendrive 05-03\Backup 01-07\45233 - RFQ _ A4216_RFQ_29020 - Manutenção RJ_ES_SUL\3. Documentos\1. Editais\Reabertura de RFQ - 28-05\2 - ANEXO II - LPU FMM INFRA FM TIM RJ_SUL - FAT B - APENDICE A REV_04_2.xls</t>
  </si>
  <si>
    <t>D:\Backup 12-11-2019\Desktop 22-07-19\Pendrive 05-03\Backup 01-07\45233 - RFQ _ A4216_RFQ_29020 - Manutenção RJ_ES_SUL\3. Documentos\1. Editais\Reabertura de RFQ - 28-05\2 - ANEXO II - LPU FMM INFRA FM TIM RJ_SUL- FAT B - APENDICE B REV_04.xls</t>
  </si>
  <si>
    <t>D:\Backup 12-11-2019\Desktop 22-07-19\Pendrive 05-03\Backup 01-07\45233 - RFQ _ A4216_RFQ_29020 - Manutenção RJ_ES_SUL\3. Documentos\1. Editais\Reabertura de RFQ - 28-05\2 - LPU FMT - TIM RJ SUL - REV_04.xlsx</t>
  </si>
  <si>
    <t>C:\Users\suelenmm\OneDrive - Grupo Algar\Desktop 22-07-19\Pendrive 05-03\Backup 01-07\45233 - RFQ _ A4216_RFQ_29020 - Manutenção RJ_ES_SUL\3. Documentos\1. Editais\Reabertura de RFQ - 28-05\1 - FMM\</t>
  </si>
  <si>
    <t>D:\Backup 12-11-2019\Desktop 22-07-19\Pendrive 05-03\Backup 01-07\45233 - RFQ _ A4216_RFQ_29020 - Manutenção RJ_ES_SUL\3. Documentos\1. Editais\Reabertura de RFQ - 28-05\1 - FMM\ANEXO VIII LPU FM TRJ e TSL - FAT A.xlsx</t>
  </si>
  <si>
    <t>D:\Backup 12-11-2019\Desktop 22-07-19\Pendrive 05-03\Backup 01-07\45233 - RFQ _ A4216_RFQ_29020 - Manutenção RJ_ES_SUL\3. Documentos\1. Editais\Reabertura de RFQ - 28-05\1 - FMM\ANEXO VIII LPU FM TRJ e TSL - FAT B - APENDICE A.xls</t>
  </si>
  <si>
    <t>D:\Backup 12-11-2019\Desktop 22-07-19\Pendrive 05-03\Backup 01-07\45233 - RFQ _ A4216_RFQ_29020 - Manutenção RJ_ES_SUL\3. Documentos\1. Editais\Reabertura de RFQ - 28-05\1 - FMM\ANEXO VIII LPU FM TRJ e TSL - FAT B - APENDICE B.xls</t>
  </si>
  <si>
    <t>ANEXO X - Ficha de Intervenção Corretiva.xls</t>
  </si>
  <si>
    <t>D:\Backup 12-11-2019\Desktop 22-07-19\Pendrive 05-03\Backup 01-07\45233 - RFQ _ A4216_RFQ_29020 - Manutenção RJ_ES_SUL\3. Documentos\1. Editais\Reabertura de RFQ - 28-05\1 - FMM\ANEXO X - Ficha de Intervenção Corretiva.xls</t>
  </si>
  <si>
    <t>D:\Backup 12-11-2019\Desktop 22-07-19\Pendrive 05-03\Backup 01-07\45233 - RFQ _ A4216_RFQ_29020 - Manutenção RJ_ES_SUL\3. Documentos\1. Editais\Reabertura de RFQ - 28-05\1 - FMM\ANEXO XI - Laudo Vistoria Estrutura Vertical.xls</t>
  </si>
  <si>
    <t>ANEXO XII - Programação Preventiva.xls</t>
  </si>
  <si>
    <t>D:\Backup 12-11-2019\Desktop 22-07-19\Pendrive 05-03\Backup 01-07\45233 - RFQ _ A4216_RFQ_29020 - Manutenção RJ_ES_SUL\3. Documentos\1. Editais\Reabertura de RFQ - 28-05\1 - FMM\ANEXO XII - Programação Preventiva.xls</t>
  </si>
  <si>
    <t>Dados Rede TSL e TRJ 1.xlsx</t>
  </si>
  <si>
    <t>D:\Backup 12-11-2019\Desktop 22-07-19\Pendrive 05-03\Backup 01-07\45233 - RFQ _ A4216_RFQ_29020 - Manutenção RJ_ES_SUL\3. Documentos\1. Editais\Reabertura de RFQ - 28-05\1 - FMM\Dados Rede TSL e TRJ 1.xlsx</t>
  </si>
  <si>
    <t>D:\Backup 12-11-2019\Desktop 22-07-19\Pendrive 05-03\Backup 01-07\45233 - RFQ _ A4216_RFQ_29020 - Manutenção RJ_ES_SUL\3. Documentos\1. Editais\Reabertura de RFQ - 28-05\1 - FMM\</t>
  </si>
  <si>
    <t>Indicação da infraestrutura para a prestação do serviço TRJ e TSL.xls</t>
  </si>
  <si>
    <t>D:\Backup 12-11-2019\Desktop 22-07-19\Pendrive 05-03\Backup 01-07\45233 - RFQ _ A4216_RFQ_29020 - Manutenção RJ_ES_SUL\3. Documentos\1. Editais\Reabertura de RFQ - 28-05\1 - FMM\Indicação da infraestrutura para a prestação do serviço TRJ e TSL.xls</t>
  </si>
  <si>
    <t>Prédios Industriais TRJ e TSL.xlsx</t>
  </si>
  <si>
    <t>D:\Backup 12-11-2019\Desktop 22-07-19\Pendrive 05-03\Backup 01-07\45233 - RFQ _ A4216_RFQ_29020 - Manutenção RJ_ES_SUL\3. Documentos\1. Editais\Reabertura de RFQ - 28-05\1 - FMM\Prédios Industriais TRJ e TSL.xlsx</t>
  </si>
  <si>
    <t>D:\Backup 12-11-2019\Desktop 22-07-19\Pendrive 05-03\Backup 01-07\45233 - RFQ _ A4216_RFQ_29020 - Manutenção RJ_ES_SUL\3. Documentos\1. Editais\Reabertura de RFQ - 28-05\1 - FMM\Sites 2015 - TRJ e TSL.xlsx</t>
  </si>
  <si>
    <t>C:\Users\suelenmm\OneDrive - Grupo Algar\Desktop 22-07-19\Pendrive 05-03\Backup 01-07\45233 - RFQ _ A4216_RFQ_29020 - Manutenção RJ_ES_SUL\3. Documentos\1. Editais\Reabertura de RFQ - 28-05\1 - FMT\</t>
  </si>
  <si>
    <t>D:\Backup 12-11-2019\Desktop 22-07-19\Pendrive 05-03\Backup 01-07\45233 - RFQ _ A4216_RFQ_29020 - Manutenção RJ_ES_SUL\3. Documentos\1. Editais\Reabertura de RFQ - 28-05\1 - FMT\Proposta de LPU Rev 4 050515.xlsx</t>
  </si>
  <si>
    <t>C:\Users\suelenmm\OneDrive - Grupo Algar\Desktop 22-07-19\Pendrive 05-03\Backup 01-07\45233 - RFQ _ A4216_RFQ_29020 - Manutenção RJ_ES_SUL\3. Documentos\2. Doc Habilitação\Documentação de habilitação.zip\Documenta‡Æo de habilita‡Æo\</t>
  </si>
  <si>
    <t>2. Balancete - 09-2014.xlsx</t>
  </si>
  <si>
    <t>D:\Backup 12-11-2019\Desktop 22-07-19\Pendrive 05-03\Backup 01-07\45233 - RFQ _ A4216_RFQ_29020 - Manutenção RJ_ES_SUL\3. Documentos\2. Doc Habilitação\Documentação de habilitação.zip</t>
  </si>
  <si>
    <t>C:\Users\suelenmm\OneDrive - Grupo Algar\Desktop 22-07-19\Pendrive 05-03\Backup 01-07\45233 - RFQ _ A4216_RFQ_29020 - Manutenção RJ_ES_SUL\3. Documentos\4. Análises\Re Edital TIM.msg\s122\</t>
  </si>
  <si>
    <t>Ferramentas e equipamentos RV1.xlsx</t>
  </si>
  <si>
    <t>D:\Backup 12-11-2019\Desktop 22-07-19\Pendrive 05-03\Backup 01-07\45233 - RFQ _ A4216_RFQ_29020 - Manutenção RJ_ES_SUL\3. Documentos\4. Análises\Re Edital TIM.msg</t>
  </si>
  <si>
    <t>FERRAMENTAS TÉCNICAS.xlsx</t>
  </si>
  <si>
    <t>C:\Users\suelenmm\OneDrive - Grupo Algar\Desktop 22-07-19\Pendrive 05-03\Backup 01-07\45233 - RFQ _ A4216_RFQ_29020 - Manutenção RJ_ES_SUL\3. Documentos\6. Outros\</t>
  </si>
  <si>
    <t>Logística - 06-03 2 (2).xls</t>
  </si>
  <si>
    <t>D:\Backup 12-11-2019\Desktop 22-07-19\Pendrive 05-03\Backup 01-07\45233 - RFQ _ A4216_RFQ_29020 - Manutenção RJ_ES_SUL\3. Documentos\6. Outros\Logística - 06-03 2 (2).xls</t>
  </si>
  <si>
    <t>Logística - 06-03 2.xls</t>
  </si>
  <si>
    <t>D:\Backup 12-11-2019\Desktop 22-07-19\Pendrive 05-03\Backup 01-07\45233 - RFQ _ A4216_RFQ_29020 - Manutenção RJ_ES_SUL\3. Documentos\6. Outros\Logística - 06-03 2.xls</t>
  </si>
  <si>
    <t>Requisitos Final 2 (Salvo automaticamente) (Salvo automaticamente).xlsx</t>
  </si>
  <si>
    <t>D:\Backup 12-11-2019\Desktop 22-07-19\Pendrive 05-03\Backup 01-07\45233 - RFQ _ A4216_RFQ_29020 - Manutenção RJ_ES_SUL\3. Documentos\6. Outros\Requisitos Final 2 (Salvo automaticamente) (Salvo automaticamente).xlsx</t>
  </si>
  <si>
    <t>C:\Users\suelenmm\OneDrive - Grupo Algar\Desktop 22-07-19\Pendrive 05-03\Backup 01-07\45233 - RFQ _ A4216_RFQ_29020 - Manutenção RJ_ES_SUL\4. Cotações\Cotação TIM - FUTURE PARTE 1.msg\s91\</t>
  </si>
  <si>
    <t>TIM_LPU de Materiais.xlsx</t>
  </si>
  <si>
    <t>D:\Backup 12-11-2019\Desktop 22-07-19\Pendrive 05-03\Backup 01-07\45233 - RFQ _ A4216_RFQ_29020 - Manutenção RJ_ES_SUL\4. Cotações\Cotação TIM - FUTURE PARTE 1.msg</t>
  </si>
  <si>
    <t>C:\Users\suelenmm\OneDrive - Grupo Algar\Desktop 22-07-19\Pendrive 05-03\Backup 01-07\45233 - RFQ _ A4216_RFQ_29020 - Manutenção RJ_ES_SUL\4. Cotações\Cotação TIM - FUTURE PARTE 4.msg\s115\</t>
  </si>
  <si>
    <t>FAT.B (Apendice A).xlsx</t>
  </si>
  <si>
    <t>D:\Backup 12-11-2019\Desktop 22-07-19\Pendrive 05-03\Backup 01-07\45233 - RFQ _ A4216_RFQ_29020 - Manutenção RJ_ES_SUL\4. Cotações\Cotação TIM - FUTURE PARTE 4.msg</t>
  </si>
  <si>
    <t>C:\Users\suelenmm\OneDrive - Grupo Algar\Desktop 22-07-19\Pendrive 05-03\Backup 01-07\45233 - RFQ _ A4216_RFQ_29020 - Manutenção RJ_ES_SUL\4. Cotações\Enc Contatoe.msg\s121\</t>
  </si>
  <si>
    <t>Equipamentos_JDSU.xlsx</t>
  </si>
  <si>
    <t>D:\Backup 12-11-2019\Desktop 22-07-19\Pendrive 05-03\Backup 01-07\45233 - RFQ _ A4216_RFQ_29020 - Manutenção RJ_ES_SUL\4. Cotações\Enc Contatoe.msg</t>
  </si>
  <si>
    <t>C:\Users\suelenmm\OneDrive - Grupo Algar\Desktop 22-07-19\Pendrive 05-03\Backup 01-07\45233 - RFQ _ A4216_RFQ_29020 - Manutenção RJ_ES_SUL\4. Cotações\ENC Equipamentos TIM.msg\s124\</t>
  </si>
  <si>
    <t>Equipamentos TIM.xlsx</t>
  </si>
  <si>
    <t>D:\Backup 12-11-2019\Desktop 22-07-19\Pendrive 05-03\Backup 01-07\45233 - RFQ _ A4216_RFQ_29020 - Manutenção RJ_ES_SUL\4. Cotações\ENC Equipamentos TIM.msg</t>
  </si>
  <si>
    <t>C:\Users\suelenmm\OneDrive - Grupo Algar\Desktop 22-07-19\Pendrive 05-03\Backup 01-07\45233 - RFQ _ A4216_RFQ_29020 - Manutenção RJ_ES_SUL\4. Cotações\RES LPU TIM - ATUAL ELETRICA.msg\s91\</t>
  </si>
  <si>
    <t>tim algar.xlsx</t>
  </si>
  <si>
    <t>D:\Backup 12-11-2019\Desktop 22-07-19\Pendrive 05-03\Backup 01-07\45233 - RFQ _ A4216_RFQ_29020 - Manutenção RJ_ES_SUL\4. Cotações\RES LPU TIM - ATUAL ELETRICA.msg</t>
  </si>
  <si>
    <t>C:\Users\suelenmm\OneDrive - Grupo Algar\Desktop 22-07-19\Pendrive 05-03\Backup 01-07\45233 - RFQ _ A4216_RFQ_29020 - Manutenção RJ_ES_SUL\4. Cotações\RES LPU TIM - FUTURE PARTE 2.msg\s91\</t>
  </si>
  <si>
    <t>TIM_Apendice B.xlsx</t>
  </si>
  <si>
    <t>D:\Backup 12-11-2019\Desktop 22-07-19\Pendrive 05-03\Backup 01-07\45233 - RFQ _ A4216_RFQ_29020 - Manutenção RJ_ES_SUL\4. Cotações\RES LPU TIM - FUTURE PARTE 2.msg</t>
  </si>
  <si>
    <t>C:\Users\suelenmm\OneDrive - Grupo Algar\Desktop 22-07-19\Pendrive 05-03\Backup 01-07\45233 - RFQ _ A4216_RFQ_29020 - Manutenção RJ_ES_SUL\4. Cotações\RES LPU TIM - LOJA ELETRICA PARTE 2.msg\s91\</t>
  </si>
  <si>
    <t>materiais revisada11.xlsx</t>
  </si>
  <si>
    <t>D:\Backup 12-11-2019\Desktop 22-07-19\Pendrive 05-03\Backup 01-07\45233 - RFQ _ A4216_RFQ_29020 - Manutenção RJ_ES_SUL\4. Cotações\RES LPU TIM - LOJA ELETRICA PARTE 2.msg</t>
  </si>
  <si>
    <t>C:\Users\suelenmm\OneDrive - Grupo Algar\Desktop 22-07-19\Pendrive 05-03\Backup 01-07\45233 - RFQ _ A4216_RFQ_29020 - Manutenção RJ_ES_SUL\5. Rascunhos\</t>
  </si>
  <si>
    <t>Capex TIM.xlsx</t>
  </si>
  <si>
    <t>D:\Backup 12-11-2019\Desktop 22-07-19\Pendrive 05-03\Backup 01-07\45233 - RFQ _ A4216_RFQ_29020 - Manutenção RJ_ES_SUL\5. Rascunhos\Capex TIM.xlsx</t>
  </si>
  <si>
    <t>Cópia de CONTRATOS - TODOS - editado2 (1).xlsx</t>
  </si>
  <si>
    <t>D:\Backup 12-11-2019\Desktop 22-07-19\Pendrive 05-03\Backup 01-07\45233 - RFQ _ A4216_RFQ_29020 - Manutenção RJ_ES_SUL\5. Rascunhos\Cópia de CONTRATOS - TODOS - editado2 (1).xlsx</t>
  </si>
  <si>
    <t>Equipamentos TIM original.xlsx</t>
  </si>
  <si>
    <t>D:\Backup 12-11-2019\Desktop 22-07-19\Pendrive 05-03\Backup 01-07\45233 - RFQ _ A4216_RFQ_29020 - Manutenção RJ_ES_SUL\5. Rascunhos\Equipamentos TIM original.xlsx</t>
  </si>
  <si>
    <t>Equipamentos TIM preenchido.xlsx</t>
  </si>
  <si>
    <t>D:\Backup 12-11-2019\Desktop 22-07-19\Pendrive 05-03\Backup 01-07\45233 - RFQ _ A4216_RFQ_29020 - Manutenção RJ_ES_SUL\5. Rascunhos\Equipamentos TIM preenchido.xlsx</t>
  </si>
  <si>
    <t>D:\Backup 12-11-2019\Desktop 22-07-19\Pendrive 05-03\Backup 01-07\45233 - RFQ _ A4216_RFQ_29020 - Manutenção RJ_ES_SUL\5. Rascunhos\Equipamentos TIM.xlsx</t>
  </si>
  <si>
    <t>EQUIPAMENTO_INFRA.xlsx</t>
  </si>
  <si>
    <t>D:\Backup 12-11-2019\Desktop 22-07-19\Pendrive 05-03\Backup 01-07\45233 - RFQ _ A4216_RFQ_29020 - Manutenção RJ_ES_SUL\5. Rascunhos\EQUIPAMENTO_INFRA.xlsx</t>
  </si>
  <si>
    <t>ETD_POP_SHELTER.xlsx</t>
  </si>
  <si>
    <t>D:\Backup 12-11-2019\Desktop 22-07-19\Pendrive 05-03\Backup 01-07\45233 - RFQ _ A4216_RFQ_29020 - Manutenção RJ_ES_SUL\5. Rascunhos\ETD_POP_SHELTER.xlsx</t>
  </si>
  <si>
    <t>FEMTOCEL EQUIPAMENTOS.xlsm</t>
  </si>
  <si>
    <t>D:\Backup 12-11-2019\Desktop 22-07-19\Pendrive 05-03\Backup 01-07\45233 - RFQ _ A4216_RFQ_29020 - Manutenção RJ_ES_SUL\5. Rascunhos\FEMTOCEL EQUIPAMENTOS.xlsm</t>
  </si>
  <si>
    <t>FEMTOCEL.xlsx</t>
  </si>
  <si>
    <t>D:\Backup 12-11-2019\Desktop 22-07-19\Pendrive 05-03\Backup 01-07\45233 - RFQ _ A4216_RFQ_29020 - Manutenção RJ_ES_SUL\5. Rascunhos\FEMTOCEL.xlsx</t>
  </si>
  <si>
    <t>Ferramentas e equipamentos.xlsx</t>
  </si>
  <si>
    <t>D:\Backup 12-11-2019\Desktop 22-07-19\Pendrive 05-03\Backup 01-07\45233 - RFQ _ A4216_RFQ_29020 - Manutenção RJ_ES_SUL\5. Rascunhos\Ferramentas e equipamentos.xlsx</t>
  </si>
  <si>
    <t>Folha TIM.xlsx</t>
  </si>
  <si>
    <t>D:\Backup 12-11-2019\Desktop 22-07-19\Pendrive 05-03\Backup 01-07\45233 - RFQ _ A4216_RFQ_29020 - Manutenção RJ_ES_SUL\5. Rascunhos\Folha TIM.xlsx</t>
  </si>
  <si>
    <t>C:\Users\suelenmm\OneDrive - Grupo Algar\Desktop 22-07-19\Pendrive 05-03\Backup 01-07\45233 - RFQ _ A4216_RFQ_29020 - Manutenção RJ_ES_SUL\5. Rascunhos\Info importante.docx\</t>
  </si>
  <si>
    <t>D:\Backup 12-11-2019\Desktop 22-07-19\Pendrive 05-03\Backup 01-07\45233 - RFQ _ A4216_RFQ_29020 - Manutenção RJ_ES_SUL\5. Rascunhos\Info importante.docx</t>
  </si>
  <si>
    <t>Logística - 06-03.xls</t>
  </si>
  <si>
    <t>D:\Backup 12-11-2019\Desktop 22-07-19\Pendrive 05-03\Backup 01-07\45233 - RFQ _ A4216_RFQ_29020 - Manutenção RJ_ES_SUL\5. Rascunhos\Logística - 06-03.xls</t>
  </si>
  <si>
    <t>Logística1 (Salvo automaticamente).xls</t>
  </si>
  <si>
    <t>D:\Backup 12-11-2019\Desktop 22-07-19\Pendrive 05-03\Backup 01-07\45233 - RFQ _ A4216_RFQ_29020 - Manutenção RJ_ES_SUL\5. Rascunhos\Logística1 (Salvo automaticamente).xls</t>
  </si>
  <si>
    <t>Logística1.xls</t>
  </si>
  <si>
    <t>D:\Backup 12-11-2019\Desktop 22-07-19\Pendrive 05-03\Backup 01-07\45233 - RFQ _ A4216_RFQ_29020 - Manutenção RJ_ES_SUL\5. Rascunhos\Logística1.xls</t>
  </si>
  <si>
    <t>Manut Eqptos Tx e Clientes Corporativos.xls</t>
  </si>
  <si>
    <t>D:\Backup 12-11-2019\Desktop 22-07-19\Pendrive 05-03\Backup 01-07\45233 - RFQ _ A4216_RFQ_29020 - Manutenção RJ_ES_SUL\5. Rascunhos\Manut Eqptos Tx e Clientes Corporativos.xls</t>
  </si>
  <si>
    <t>mapa femtocel.xlsx</t>
  </si>
  <si>
    <t>D:\Backup 12-11-2019\Desktop 22-07-19\Pendrive 05-03\Backup 01-07\45233 - RFQ _ A4216_RFQ_29020 - Manutenção RJ_ES_SUL\5. Rascunhos\mapa femtocel.xlsx</t>
  </si>
  <si>
    <t>Materiais TIM com preços - V2.xlsx</t>
  </si>
  <si>
    <t>D:\Backup 12-11-2019\Desktop 22-07-19\Pendrive 05-03\Backup 01-07\45233 - RFQ _ A4216_RFQ_29020 - Manutenção RJ_ES_SUL\5. Rascunhos\Materiais TIM com preços - V2.xlsx</t>
  </si>
  <si>
    <t>Materiais TIM com preços - V3.xlsx</t>
  </si>
  <si>
    <t>D:\Backup 12-11-2019\Desktop 22-07-19\Pendrive 05-03\Backup 01-07\45233 - RFQ _ A4216_RFQ_29020 - Manutenção RJ_ES_SUL\5. Rascunhos\Materiais TIM com preços - V3.xlsx</t>
  </si>
  <si>
    <t>Materiais TIM com preços.xlsx</t>
  </si>
  <si>
    <t>D:\Backup 12-11-2019\Desktop 22-07-19\Pendrive 05-03\Backup 01-07\45233 - RFQ _ A4216_RFQ_29020 - Manutenção RJ_ES_SUL\5. Rascunhos\Materiais TIM com preços.xlsx</t>
  </si>
  <si>
    <t>MSANs.xlsx</t>
  </si>
  <si>
    <t>D:\Backup 12-11-2019\Desktop 22-07-19\Pendrive 05-03\Backup 01-07\45233 - RFQ _ A4216_RFQ_29020 - Manutenção RJ_ES_SUL\5. Rascunhos\MSANs.xlsx</t>
  </si>
  <si>
    <t>PRAs.xlsx</t>
  </si>
  <si>
    <t>D:\Backup 12-11-2019\Desktop 22-07-19\Pendrive 05-03\Backup 01-07\45233 - RFQ _ A4216_RFQ_29020 - Manutenção RJ_ES_SUL\5. Rascunhos\PRAs.xlsx</t>
  </si>
  <si>
    <t>PREDIOS_ABCDE.xlsx</t>
  </si>
  <si>
    <t>D:\Backup 12-11-2019\Desktop 22-07-19\Pendrive 05-03\Backup 01-07\45233 - RFQ _ A4216_RFQ_29020 - Manutenção RJ_ES_SUL\5. Rascunhos\PREDIOS_ABCDE.xlsx</t>
  </si>
  <si>
    <t>proposta.xlsx</t>
  </si>
  <si>
    <t>D:\Backup 12-11-2019\Desktop 22-07-19\Pendrive 05-03\Backup 01-07\45233 - RFQ _ A4216_RFQ_29020 - Manutenção RJ_ES_SUL\5. Rascunhos\proposta.xlsx</t>
  </si>
  <si>
    <t>Prédios Industriais TRJ e TSL - ABCDE.xlsx</t>
  </si>
  <si>
    <t>D:\Backup 12-11-2019\Desktop 22-07-19\Pendrive 05-03\Backup 01-07\45233 - RFQ _ A4216_RFQ_29020 - Manutenção RJ_ES_SUL\5. Rascunhos\Prédios Industriais TRJ e TSL - ABCDE.xlsx</t>
  </si>
  <si>
    <t>Quadro a seguir prestação do serviço TRJ e TSL.xls</t>
  </si>
  <si>
    <t>D:\Backup 12-11-2019\Desktop 22-07-19\Pendrive 05-03\Backup 01-07\45233 - RFQ _ A4216_RFQ_29020 - Manutenção RJ_ES_SUL\5. Rascunhos\Quadro a seguir prestação do serviço TRJ e TSL.xls</t>
  </si>
  <si>
    <t>Requisitos Final 2 (Salvo automaticamente).xlsx</t>
  </si>
  <si>
    <t>D:\Backup 12-11-2019\Desktop 22-07-19\Pendrive 05-03\Backup 01-07\45233 - RFQ _ A4216_RFQ_29020 - Manutenção RJ_ES_SUL\5. Rascunhos\Requisitos Final 2 (Salvo automaticamente).xlsx</t>
  </si>
  <si>
    <t>Requisitos Final 2.xlsx</t>
  </si>
  <si>
    <t>D:\Backup 12-11-2019\Desktop 22-07-19\Pendrive 05-03\Backup 01-07\45233 - RFQ _ A4216_RFQ_29020 - Manutenção RJ_ES_SUL\5. Rascunhos\Requisitos Final 2.xlsx</t>
  </si>
  <si>
    <t>Requisitos Final.xlsx</t>
  </si>
  <si>
    <t>D:\Backup 12-11-2019\Desktop 22-07-19\Pendrive 05-03\Backup 01-07\45233 - RFQ _ A4216_RFQ_29020 - Manutenção RJ_ES_SUL\5. Rascunhos\Requisitos Final.xlsx</t>
  </si>
  <si>
    <t>Revisao TIM v2.xlsx</t>
  </si>
  <si>
    <t>D:\Backup 12-11-2019\Desktop 22-07-19\Pendrive 05-03\Backup 01-07\45233 - RFQ _ A4216_RFQ_29020 - Manutenção RJ_ES_SUL\5. Rascunhos\Revisao TIM v2.xlsx</t>
  </si>
  <si>
    <t>D:\Backup 12-11-2019\Desktop 22-07-19\Pendrive 05-03\Backup 01-07\45233 - RFQ _ A4216_RFQ_29020 - Manutenção RJ_ES_SUL\5. Rascunhos\Revisao TIM v3.xlsx</t>
  </si>
  <si>
    <t>Revisao TIM.xlsx</t>
  </si>
  <si>
    <t>D:\Backup 12-11-2019\Desktop 22-07-19\Pendrive 05-03\Backup 01-07\45233 - RFQ _ A4216_RFQ_29020 - Manutenção RJ_ES_SUL\5. Rascunhos\Revisao TIM.xlsx</t>
  </si>
  <si>
    <t>SHELTER.xlsx</t>
  </si>
  <si>
    <t>D:\Backup 12-11-2019\Desktop 22-07-19\Pendrive 05-03\Backup 01-07\45233 - RFQ _ A4216_RFQ_29020 - Manutenção RJ_ES_SUL\5. Rascunhos\SHELTER.xlsx</t>
  </si>
  <si>
    <t>Sites 2014 - TRJ e TSL - EQUIPAMENTO+INFRA.xlsx</t>
  </si>
  <si>
    <t>D:\Backup 12-11-2019\Desktop 22-07-19\Pendrive 05-03\Backup 01-07\45233 - RFQ _ A4216_RFQ_29020 - Manutenção RJ_ES_SUL\5. Rascunhos\Sites 2014 - TRJ e TSL - EQUIPAMENTO+INFRA.xlsx</t>
  </si>
  <si>
    <t>SITES ETD POP SHELTER EQUIPAMENTO.xls</t>
  </si>
  <si>
    <t>D:\Backup 12-11-2019\Desktop 22-07-19\Pendrive 05-03\Backup 01-07\45233 - RFQ _ A4216_RFQ_29020 - Manutenção RJ_ES_SUL\5. Rascunhos\SITES ETD POP SHELTER EQUIPAMENTO.xls</t>
  </si>
  <si>
    <t>Tabela Resumo ppt.xlsx</t>
  </si>
  <si>
    <t>D:\Backup 12-11-2019\Desktop 22-07-19\Pendrive 05-03\Backup 01-07\45233 - RFQ _ A4216_RFQ_29020 - Manutenção RJ_ES_SUL\5. Rascunhos\Tabela Resumo ppt.xlsx</t>
  </si>
  <si>
    <t>D:\Backup 12-11-2019\Desktop 22-07-19\Pendrive 05-03\Backup 01-07\45233 - RFQ _ A4216_RFQ_29020 - Manutenção RJ_ES_SUL\5. Rascunhos\45233 - RFQ _ A4216_RFQ_29020 - Manutenção RJ_ES_SUL - REDE\Cópia de CONTRATOS - TODOS - editado2 (1).xlsx</t>
  </si>
  <si>
    <t>D:\Backup 12-11-2019\Desktop 22-07-19\Pendrive 05-03\Backup 01-07\45233 - RFQ _ A4216_RFQ_29020 - Manutenção RJ_ES_SUL\5. Rascunhos\45233 - RFQ _ A4216_RFQ_29020 - Manutenção RJ_ES_SUL - REDE\EQUIPAMENTO_INFRA.xlsx</t>
  </si>
  <si>
    <t>D:\Backup 12-11-2019\Desktop 22-07-19\Pendrive 05-03\Backup 01-07\45233 - RFQ _ A4216_RFQ_29020 - Manutenção RJ_ES_SUL\5. Rascunhos\45233 - RFQ _ A4216_RFQ_29020 - Manutenção RJ_ES_SUL - REDE\ETD_POP_SHELTER.xlsx</t>
  </si>
  <si>
    <t>D:\Backup 12-11-2019\Desktop 22-07-19\Pendrive 05-03\Backup 01-07\45233 - RFQ _ A4216_RFQ_29020 - Manutenção RJ_ES_SUL\5. Rascunhos\45233 - RFQ _ A4216_RFQ_29020 - Manutenção RJ_ES_SUL - REDE\FEMTOCEL EQUIPAMENTOS.xlsm</t>
  </si>
  <si>
    <t>D:\Backup 12-11-2019\Desktop 22-07-19\Pendrive 05-03\Backup 01-07\45233 - RFQ _ A4216_RFQ_29020 - Manutenção RJ_ES_SUL\5. Rascunhos\45233 - RFQ _ A4216_RFQ_29020 - Manutenção RJ_ES_SUL - REDE\FEMTOCEL.xlsx</t>
  </si>
  <si>
    <t>D:\Backup 12-11-2019\Desktop 22-07-19\Pendrive 05-03\Backup 01-07\45233 - RFQ _ A4216_RFQ_29020 - Manutenção RJ_ES_SUL\5. Rascunhos\45233 - RFQ _ A4216_RFQ_29020 - Manutenção RJ_ES_SUL - REDE\Ferramentas e equipamentos.xlsx</t>
  </si>
  <si>
    <t>D:\Backup 12-11-2019\Desktop 22-07-19\Pendrive 05-03\Backup 01-07\45233 - RFQ _ A4216_RFQ_29020 - Manutenção RJ_ES_SUL\5. Rascunhos\45233 - RFQ _ A4216_RFQ_29020 - Manutenção RJ_ES_SUL - REDE\Info importante.docx</t>
  </si>
  <si>
    <t>C:\Users\suelenmm\OneDrive - Grupo Algar\Desktop 22-07-19\Pendrive 05-03\Backup 01-07\45233 - RFQ _ A4216_RFQ_29020 - Manutenção RJ_ES_SUL\5. Rascunhos\45233 - RFQ _ A4216_RFQ_29020 - Manutenção RJ_ES_SUL - REDE\</t>
  </si>
  <si>
    <t>D:\Backup 12-11-2019\Desktop 22-07-19\Pendrive 05-03\Backup 01-07\45233 - RFQ _ A4216_RFQ_29020 - Manutenção RJ_ES_SUL\5. Rascunhos\45233 - RFQ _ A4216_RFQ_29020 - Manutenção RJ_ES_SUL - REDE\Logística - 06-03 2.xls</t>
  </si>
  <si>
    <t>D:\Backup 12-11-2019\Desktop 22-07-19\Pendrive 05-03\Backup 01-07\45233 - RFQ _ A4216_RFQ_29020 - Manutenção RJ_ES_SUL\5. Rascunhos\45233 - RFQ _ A4216_RFQ_29020 - Manutenção RJ_ES_SUL - REDE\Logística - 06-03.xls</t>
  </si>
  <si>
    <t>D:\Backup 12-11-2019\Desktop 22-07-19\Pendrive 05-03\Backup 01-07\45233 - RFQ _ A4216_RFQ_29020 - Manutenção RJ_ES_SUL\5. Rascunhos\45233 - RFQ _ A4216_RFQ_29020 - Manutenção RJ_ES_SUL - REDE\Logística1 (Salvo automaticamente).xls</t>
  </si>
  <si>
    <t>D:\Backup 12-11-2019\Desktop 22-07-19\Pendrive 05-03\Backup 01-07\45233 - RFQ _ A4216_RFQ_29020 - Manutenção RJ_ES_SUL\5. Rascunhos\45233 - RFQ _ A4216_RFQ_29020 - Manutenção RJ_ES_SUL - REDE\Logística1.xls</t>
  </si>
  <si>
    <t>D:\Backup 12-11-2019\Desktop 22-07-19\Pendrive 05-03\Backup 01-07\45233 - RFQ _ A4216_RFQ_29020 - Manutenção RJ_ES_SUL\5. Rascunhos\45233 - RFQ _ A4216_RFQ_29020 - Manutenção RJ_ES_SUL - REDE\Manut Eqptos Tx e Clientes Corporativos.xls</t>
  </si>
  <si>
    <t>D:\Backup 12-11-2019\Desktop 22-07-19\Pendrive 05-03\Backup 01-07\45233 - RFQ _ A4216_RFQ_29020 - Manutenção RJ_ES_SUL\5. Rascunhos\45233 - RFQ _ A4216_RFQ_29020 - Manutenção RJ_ES_SUL - REDE\mapa femtocel.xlsx</t>
  </si>
  <si>
    <t>D:\Backup 12-11-2019\Desktop 22-07-19\Pendrive 05-03\Backup 01-07\45233 - RFQ _ A4216_RFQ_29020 - Manutenção RJ_ES_SUL\5. Rascunhos\45233 - RFQ _ A4216_RFQ_29020 - Manutenção RJ_ES_SUL - REDE\Materiais TIM com preços - V2.xlsx</t>
  </si>
  <si>
    <t>D:\Backup 12-11-2019\Desktop 22-07-19\Pendrive 05-03\Backup 01-07\45233 - RFQ _ A4216_RFQ_29020 - Manutenção RJ_ES_SUL\5. Rascunhos\45233 - RFQ _ A4216_RFQ_29020 - Manutenção RJ_ES_SUL - REDE\Materiais TIM com preços.xlsx</t>
  </si>
  <si>
    <t>D:\Backup 12-11-2019\Desktop 22-07-19\Pendrive 05-03\Backup 01-07\45233 - RFQ _ A4216_RFQ_29020 - Manutenção RJ_ES_SUL\5. Rascunhos\45233 - RFQ _ A4216_RFQ_29020 - Manutenção RJ_ES_SUL - REDE\MSANs.xlsx</t>
  </si>
  <si>
    <t>D:\Backup 12-11-2019\Desktop 22-07-19\Pendrive 05-03\Backup 01-07\45233 - RFQ _ A4216_RFQ_29020 - Manutenção RJ_ES_SUL\5. Rascunhos\45233 - RFQ _ A4216_RFQ_29020 - Manutenção RJ_ES_SUL - REDE\PRAs.xlsx</t>
  </si>
  <si>
    <t>D:\Backup 12-11-2019\Desktop 22-07-19\Pendrive 05-03\Backup 01-07\45233 - RFQ _ A4216_RFQ_29020 - Manutenção RJ_ES_SUL\5. Rascunhos\45233 - RFQ _ A4216_RFQ_29020 - Manutenção RJ_ES_SUL - REDE\PREDIOS_ABCDE.xlsx</t>
  </si>
  <si>
    <t>D:\Backup 12-11-2019\Desktop 22-07-19\Pendrive 05-03\Backup 01-07\45233 - RFQ _ A4216_RFQ_29020 - Manutenção RJ_ES_SUL\5. Rascunhos\45233 - RFQ _ A4216_RFQ_29020 - Manutenção RJ_ES_SUL - REDE\Prédios Industriais TRJ e TSL - ABCDE.xlsx</t>
  </si>
  <si>
    <t>D:\Backup 12-11-2019\Desktop 22-07-19\Pendrive 05-03\Backup 01-07\45233 - RFQ _ A4216_RFQ_29020 - Manutenção RJ_ES_SUL\5. Rascunhos\45233 - RFQ _ A4216_RFQ_29020 - Manutenção RJ_ES_SUL - REDE\Quadro a seguir prestação do serviço TRJ e TSL.xls</t>
  </si>
  <si>
    <t>D:\Backup 12-11-2019\Desktop 22-07-19\Pendrive 05-03\Backup 01-07\45233 - RFQ _ A4216_RFQ_29020 - Manutenção RJ_ES_SUL\5. Rascunhos\45233 - RFQ _ A4216_RFQ_29020 - Manutenção RJ_ES_SUL - REDE\SHELTER.xlsx</t>
  </si>
  <si>
    <t>D:\Backup 12-11-2019\Desktop 22-07-19\Pendrive 05-03\Backup 01-07\45233 - RFQ _ A4216_RFQ_29020 - Manutenção RJ_ES_SUL\5. Rascunhos\45233 - RFQ _ A4216_RFQ_29020 - Manutenção RJ_ES_SUL - REDE\Sites 2014 - TRJ e TSL - EQUIPAMENTO+INFRA.xlsx</t>
  </si>
  <si>
    <t>D:\Backup 12-11-2019\Desktop 22-07-19\Pendrive 05-03\Backup 01-07\45233 - RFQ _ A4216_RFQ_29020 - Manutenção RJ_ES_SUL\5. Rascunhos\45233 - RFQ _ A4216_RFQ_29020 - Manutenção RJ_ES_SUL - REDE\SITES ETD POP SHELTER EQUIPAMENTO.xls</t>
  </si>
  <si>
    <t>C:\Users\suelenmm\OneDrive - Grupo Algar\Desktop 22-07-19\Pendrive 05-03\Backup 01-07\45233 - RFQ _ A4216_RFQ_29020 - Manutenção RJ_ES_SUL\5. Rascunhos\45233 - RFQ _ A4216_RFQ_29020 - Manutenção RJ_ES_SUL - REDE\1. Precificação\</t>
  </si>
  <si>
    <t>D:\Backup 12-11-2019\Desktop 22-07-19\Pendrive 05-03\Backup 01-07\45233 - RFQ _ A4216_RFQ_29020 - Manutenção RJ_ES_SUL\5. Rascunhos\45233 - RFQ _ A4216_RFQ_29020 - Manutenção RJ_ES_SUL - REDE\1. Precificação\45233 - BP Campo v1.xlsb</t>
  </si>
  <si>
    <t>D:\Backup 12-11-2019\Desktop 22-07-19\Pendrive 05-03\Backup 01-07\45233 - RFQ _ A4216_RFQ_29020 - Manutenção RJ_ES_SUL\5. Rascunhos\45233 - RFQ _ A4216_RFQ_29020 - Manutenção RJ_ES_SUL - REDE\1. Precificação\</t>
  </si>
  <si>
    <t>D:\Backup 12-11-2019\Desktop 22-07-19\Pendrive 05-03\Backup 01-07\45233 - RFQ _ A4216_RFQ_29020 - Manutenção RJ_ES_SUL\5. Rascunhos\45233 - RFQ _ A4216_RFQ_29020 - Manutenção RJ_ES_SUL - REDE\1. Precificação\45233 - BP Campo v12 - Alterado Rogerio.xlsb</t>
  </si>
  <si>
    <t>D:\Backup 12-11-2019\Desktop 22-07-19\Pendrive 05-03\Backup 01-07\45233 - RFQ _ A4216_RFQ_29020 - Manutenção RJ_ES_SUL\5. Rascunhos\45233 - RFQ _ A4216_RFQ_29020 - Manutenção RJ_ES_SUL - REDE\1. Precificação\45233 - BP Campo v12.xlsb</t>
  </si>
  <si>
    <t>D:\Backup 12-11-2019\Desktop 22-07-19\Pendrive 05-03\Backup 01-07\45233 - RFQ _ A4216_RFQ_29020 - Manutenção RJ_ES_SUL\5. Rascunhos\45233 - RFQ _ A4216_RFQ_29020 - Manutenção RJ_ES_SUL - REDE\1. Precificação\bp tim.xlsb</t>
  </si>
  <si>
    <t>D:\Backup 12-11-2019\Desktop 22-07-19\Pendrive 05-03\Backup 01-07\45233 - RFQ _ A4216_RFQ_29020 - Manutenção RJ_ES_SUL\5. Rascunhos\45233 - RFQ _ A4216_RFQ_29020 - Manutenção RJ_ES_SUL - REDE\1. Precificação\Kits.xlsb</t>
  </si>
  <si>
    <t>D:\Backup 12-11-2019\Desktop 22-07-19\Pendrive 05-03\Backup 01-07\45233 - RFQ _ A4216_RFQ_29020 - Manutenção RJ_ES_SUL\5. Rascunhos\45233 - RFQ _ A4216_RFQ_29020 - Manutenção RJ_ES_SUL - REDE\1. Precificação\Map - Precificação MSV 15 &amp; CPRB V.2015-2-000.xlsb</t>
  </si>
  <si>
    <t>D:\Backup 12-11-2019\Desktop 22-07-19\Pendrive 05-03\Backup 01-07\45233 - RFQ _ A4216_RFQ_29020 - Manutenção RJ_ES_SUL\5. Rascunhos\45233 - RFQ _ A4216_RFQ_29020 - Manutenção RJ_ES_SUL - REDE\1. Precificação\Antigos\</t>
  </si>
  <si>
    <t>D:\Backup 12-11-2019\Desktop 22-07-19\Pendrive 05-03\Backup 01-07\45233 - RFQ _ A4216_RFQ_29020 - Manutenção RJ_ES_SUL\5. Rascunhos\45233 - RFQ _ A4216_RFQ_29020 - Manutenção RJ_ES_SUL - REDE\1. Precificação\Antigos\45233 - BP Equipamentos v1.xlsb</t>
  </si>
  <si>
    <t>D:\Backup 12-11-2019\Desktop 22-07-19\Pendrive 05-03\Backup 01-07\45233 - RFQ _ A4216_RFQ_29020 - Manutenção RJ_ES_SUL\5. Rascunhos\45233 - RFQ _ A4216_RFQ_29020 - Manutenção RJ_ES_SUL - REDE\1. Precificação\Antigos\bp tim.xlsb</t>
  </si>
  <si>
    <t>D:\Backup 12-11-2019\Desktop 22-07-19\Pendrive 05-03\Backup 01-07\45233 - RFQ _ A4216_RFQ_29020 - Manutenção RJ_ES_SUL\5. Rascunhos\45233 - RFQ _ A4216_RFQ_29020 - Manutenção RJ_ES_SUL - REDE\3. Documentos\1. Editais\edital baixado 04-02\RFQ TIM.zip\</t>
  </si>
  <si>
    <t>2 - ANEXO II - LPU - LPU de Manutencao Equipamentos.xls</t>
  </si>
  <si>
    <t>D:\Backup 12-11-2019\Desktop 22-07-19\Pendrive 05-03\Backup 01-07\45233 - RFQ _ A4216_RFQ_29020 - Manutenção RJ_ES_SUL\5. Rascunhos\45233 - RFQ _ A4216_RFQ_29020 - Manutenção RJ_ES_SUL - REDE\3. Documentos\1. Editais\edital baixado 04-02\RFQ TIM.zip</t>
  </si>
  <si>
    <t xml:space="preserve">D:\Backup 12-11-2019\Desktop 22-07-19\Pendrive 05-03\Backup 01-07\45233 - RFQ _ A4216_RFQ_29020 - Manutenção RJ_ES_SUL\5. Rascunhos\45233 - RFQ _ A4216_RFQ_29020 - Manutenção RJ_ES_SUL - REDE\3. Documentos\1. Editais\edital baixado 04-02\RFQ TIM.zip\ANEXO </t>
  </si>
  <si>
    <t>ANEXO VIII LSU FM TRJ e TSL - FAT A.xlsx</t>
  </si>
  <si>
    <t>ANEXO VIII LSU FM TRJ e TSL - FAT B - APENDICE A.xls</t>
  </si>
  <si>
    <t>ANEXO VIII LSU FM TRJ e TSL - FAT B - APENDICE B.xls</t>
  </si>
  <si>
    <t>Sites 2014 - TRJ e TSL.xlsx</t>
  </si>
  <si>
    <t>Lista de Servi‡os.xlsx</t>
  </si>
  <si>
    <t>D:\Backup 12-11-2019\Desktop 22-07-19\Pendrive 05-03\Backup 01-07\45233 - RFQ _ A4216_RFQ_29020 - Manutenção RJ_ES_SUL\5. Rascunhos\45233 - RFQ _ A4216_RFQ_29020 - Manutenção RJ_ES_SUL - REDE\3. Documentos\2. Doc Habilitação\Documentação de habilitação.zip</t>
  </si>
  <si>
    <t>C:\Users\suelenmm\OneDrive - Grupo Algar\Desktop 22-07-19\Pendrive 05-03\Backup 01-07\45233 - RFQ _ A4216_RFQ_29020 - Manutenção RJ_ES_SUL\5. Rascunhos\45233 - RFQ _ A4216_RFQ_29020 - Manutenção RJ_ES_SUL - REDE\3. Documentos\4. Análises\Re Edital TIM.msg\</t>
  </si>
  <si>
    <t>D:\Backup 12-11-2019\Desktop 22-07-19\Pendrive 05-03\Backup 01-07\45233 - RFQ _ A4216_RFQ_29020 - Manutenção RJ_ES_SUL\5. Rascunhos\45233 - RFQ _ A4216_RFQ_29020 - Manutenção RJ_ES_SUL - REDE\3. Documentos\4. Análises\Re Edital TIM.msg</t>
  </si>
  <si>
    <t>D:\Backup 12-11-2019\Desktop 22-07-19\Pendrive 05-03\Backup 01-07\45233 - RFQ _ A4216_RFQ_29020 - Manutenção RJ_ES_SUL\5. Rascunhos\45233 - RFQ _ A4216_RFQ_29020 - Manutenção RJ_ES_SUL - REDE\3. Documentos\6. Outros\Requisitos Final 2.xlsx</t>
  </si>
  <si>
    <t>D:\Backup 12-11-2019\Desktop 22-07-19\Pendrive 05-03\Backup 01-07\45233 - RFQ _ A4216_RFQ_29020 - Manutenção RJ_ES_SUL\5. Rascunhos\45233 - RFQ _ A4216_RFQ_29020 - Manutenção RJ_ES_SUL - REDE\3. Documentos\6. Outros\Requisitos Final.xlsx</t>
  </si>
  <si>
    <t>C:\Users\suelenmm\OneDrive - Grupo Algar\Desktop 22-07-19\Pendrive 05-03\Backup 01-07\45233 - RFQ _ A4216_RFQ_29020 - Manutenção RJ_ES_SUL\5. Rascunhos\45233 - RFQ _ A4216_RFQ_29020 - Manutenção RJ_ES_SUL - REDE\4. Cotações\Cotação TIM - FUTURE PARTE 1.msg</t>
  </si>
  <si>
    <t>D:\Backup 12-11-2019\Desktop 22-07-19\Pendrive 05-03\Backup 01-07\45233 - RFQ _ A4216_RFQ_29020 - Manutenção RJ_ES_SUL\5. Rascunhos\45233 - RFQ _ A4216_RFQ_29020 - Manutenção RJ_ES_SUL - REDE\4. Cotações\Cotação TIM - FUTURE PARTE 1.msg</t>
  </si>
  <si>
    <t>C:\Users\suelenmm\OneDrive - Grupo Algar\Desktop 22-07-19\Pendrive 05-03\Backup 01-07\45233 - RFQ _ A4216_RFQ_29020 - Manutenção RJ_ES_SUL\5. Rascunhos\45233 - RFQ _ A4216_RFQ_29020 - Manutenção RJ_ES_SUL - REDE\4. Cotações\RES LPU TIM - ATUAL ELETRICA.msg</t>
  </si>
  <si>
    <t>D:\Backup 12-11-2019\Desktop 22-07-19\Pendrive 05-03\Backup 01-07\45233 - RFQ _ A4216_RFQ_29020 - Manutenção RJ_ES_SUL\5. Rascunhos\45233 - RFQ _ A4216_RFQ_29020 - Manutenção RJ_ES_SUL - REDE\4. Cotações\RES LPU TIM - ATUAL ELETRICA.msg</t>
  </si>
  <si>
    <t>C:\Users\suelenmm\OneDrive - Grupo Algar\Desktop 22-07-19\Pendrive 05-03\Backup 01-07\45233 - RFQ _ A4216_RFQ_29020 - Manutenção RJ_ES_SUL\5. Rascunhos\45233 - RFQ _ A4216_RFQ_29020 - Manutenção RJ_ES_SUL - REDE\4. Cotações\RES LPU TIM - FUTURE PARTE 2.msg</t>
  </si>
  <si>
    <t>D:\Backup 12-11-2019\Desktop 22-07-19\Pendrive 05-03\Backup 01-07\45233 - RFQ _ A4216_RFQ_29020 - Manutenção RJ_ES_SUL\5. Rascunhos\45233 - RFQ _ A4216_RFQ_29020 - Manutenção RJ_ES_SUL - REDE\4. Cotações\RES LPU TIM - FUTURE PARTE 2.msg</t>
  </si>
  <si>
    <t>D:\Backup 12-11-2019\Desktop 22-07-19\Pendrive 05-03\Backup 01-07\45233 - RFQ _ A4216_RFQ_29020 - Manutenção RJ_ES_SUL\5. Rascunhos\45233 - RFQ _ A4216_RFQ_29020 - Manutenção RJ_ES_SUL - REDE\4. Cotações\RES LPU TIM - LOJA ELETRICA PARTE 2.msg</t>
  </si>
  <si>
    <t>C:\Users\suelenmm\OneDrive - Grupo Algar\Desktop 22-07-19\Pendrive 05-03\Backup 01-07\45233 - RFQ _ A4216_RFQ_29020 - Manutenção RJ_ES_SUL\6. Envio\v1\RESPOSTA DE QUALIFICAÇÃO 1.zip\RESPOSTA DE QUALIFICA€ÇO 1\</t>
  </si>
  <si>
    <t>D:\Backup 12-11-2019\Desktop 22-07-19\Pendrive 05-03\Backup 01-07\45233 - RFQ _ A4216_RFQ_29020 - Manutenção RJ_ES_SUL\6. Envio\v1\RESPOSTA DE QUALIFICAÇÃO 1.zip</t>
  </si>
  <si>
    <t>C:\Users\suelenmm\OneDrive - Grupo Algar\Desktop 22-07-19\Pendrive 05-03\Backup 01-07\45233 - RFQ _ A4216_RFQ_29020 - Manutenção RJ_ES_SUL\6. Envio\v1\RESPOSTA ECONÔMICA.zip\RESPOSTA ECONâMICA\</t>
  </si>
  <si>
    <t>D:\Backup 12-11-2019\Desktop 22-07-19\Pendrive 05-03\Backup 01-07\45233 - RFQ _ A4216_RFQ_29020 - Manutenção RJ_ES_SUL\6. Envio\v1\RESPOSTA ECONÔMICA.zip</t>
  </si>
  <si>
    <t>C:\Users\suelenmm\OneDrive - Grupo Algar\Desktop 22-07-19\Pendrive 05-03\Backup 01-07\45233 - RFQ _ A4216_RFQ_29020 - Manutenção RJ_ES_SUL\6. Envio\v1\RESPOSTA TÉCNICA.zip\RESPOSTA TCNICA\</t>
  </si>
  <si>
    <t>Resposta Atendimento T‚cnico.xlsx</t>
  </si>
  <si>
    <t>D:\Backup 12-11-2019\Desktop 22-07-19\Pendrive 05-03\Backup 01-07\45233 - RFQ _ A4216_RFQ_29020 - Manutenção RJ_ES_SUL\6. Envio\v1\RESPOSTA TÉCNICA.zip</t>
  </si>
  <si>
    <t>C:\Users\suelenmm\OneDrive - Grupo Algar\Desktop 22-07-19\Pendrive 05-03\Backup 01-07\45233 - RFQ _ A4216_RFQ_29020 - Manutenção RJ_ES_SUL\6. Envio\v1\RESPOSTA DE QUALIFICAÇÃO 1\</t>
  </si>
  <si>
    <t>D:\Backup 12-11-2019\Desktop 22-07-19\Pendrive 05-03\Backup 01-07\45233 - RFQ _ A4216_RFQ_29020 - Manutenção RJ_ES_SUL\6. Envio\v1\RESPOSTA DE QUALIFICAÇÃO 1\2. Balancete - 09-2014.xlsx</t>
  </si>
  <si>
    <t>C:\Users\suelenmm\OneDrive - Grupo Algar\Desktop 22-07-19\Pendrive 05-03\Backup 01-07\45233 - RFQ _ A4216_RFQ_29020 - Manutenção RJ_ES_SUL\6. Envio\v1\RESPOSTA ECONÔMICA\</t>
  </si>
  <si>
    <t>D:\Backup 12-11-2019\Desktop 22-07-19\Pendrive 05-03\Backup 01-07\45233 - RFQ _ A4216_RFQ_29020 - Manutenção RJ_ES_SUL\6. Envio\v1\RESPOSTA ECONÔMICA\2 - ANEXO II - LPU - LPU de Manutencao Equipamentos REV_01.xls</t>
  </si>
  <si>
    <t>D:\Backup 12-11-2019\Desktop 22-07-19\Pendrive 05-03\Backup 01-07\45233 - RFQ _ A4216_RFQ_29020 - Manutenção RJ_ES_SUL\6. Envio\v1\RESPOSTA ECONÔMICA\2 - ANEXO II - LPU INFRA FM TRJ e TSL - FAT A.xls</t>
  </si>
  <si>
    <t>D:\Backup 12-11-2019\Desktop 22-07-19\Pendrive 05-03\Backup 01-07\45233 - RFQ _ A4216_RFQ_29020 - Manutenção RJ_ES_SUL\6. Envio\v1\RESPOSTA ECONÔMICA\2 - ANEXO II - LPU INFRA FM TRJ e TSL - FAT B - APENDICE A.xls</t>
  </si>
  <si>
    <t>D:\Backup 12-11-2019\Desktop 22-07-19\Pendrive 05-03\Backup 01-07\45233 - RFQ _ A4216_RFQ_29020 - Manutenção RJ_ES_SUL\6. Envio\v1\RESPOSTA ECONÔMICA\2 - ANEXO II - LPU INFRA FM TRJ e TSL - FAT B - APENDICE B.xls</t>
  </si>
  <si>
    <t>C:\Users\suelenmm\OneDrive - Grupo Algar\Desktop 22-07-19\Pendrive 05-03\Backup 01-07\45233 - RFQ _ A4216_RFQ_29020 - Manutenção RJ_ES_SUL\6. Envio\v1\RESPOSTA TÉCNICA\</t>
  </si>
  <si>
    <t>D:\Backup 12-11-2019\Desktop 22-07-19\Pendrive 05-03\Backup 01-07\45233 - RFQ _ A4216_RFQ_29020 - Manutenção RJ_ES_SUL\6. Envio\v1\RESPOSTA TÉCNICA\Resposta Atendimento Técnico.xlsx</t>
  </si>
  <si>
    <t>C:\Users\suelenmm\OneDrive - Grupo Algar\Desktop 22-07-19\Pendrive 05-03\Backup 01-07\45233 - RFQ _ A4216_RFQ_29020 - Manutenção RJ_ES_SUL\6. Envio\v2\1º envio v2\Proposta Comercial - v2 - 28_04.zip\Proposta Comercial\</t>
  </si>
  <si>
    <t>D:\Backup 12-11-2019\Desktop 22-07-19\Pendrive 05-03\Backup 01-07\45233 - RFQ _ A4216_RFQ_29020 - Manutenção RJ_ES_SUL\6. Envio\v2\1º envio v2\Proposta Comercial - v2 - 28_04.zip</t>
  </si>
  <si>
    <t>C:\Users\suelenmm\OneDrive - Grupo Algar\Desktop 22-07-19\Pendrive 05-03\Backup 01-07\45233 - RFQ _ A4216_RFQ_29020 - Manutenção RJ_ES_SUL\6. Envio\v2\2º envio v2\d) LPU´s.zip\d) LPUïs\</t>
  </si>
  <si>
    <t>D:\Backup 12-11-2019\Desktop 22-07-19\Pendrive 05-03\Backup 01-07\45233 - RFQ _ A4216_RFQ_29020 - Manutenção RJ_ES_SUL\6. Envio\v2\2º envio v2\d) LPU´s.zip</t>
  </si>
  <si>
    <t>C:\Users\suelenmm\OneDrive - Grupo Algar\Desktop 22-07-19\Pendrive 05-03\Backup 01-07\45233 - RFQ _ A4216_RFQ_29020 - Manutenção RJ_ES_SUL\6. Envio\v2\2º envio v2\d) LPU´s\</t>
  </si>
  <si>
    <t>D:\Backup 12-11-2019\Desktop 22-07-19\Pendrive 05-03\Backup 01-07\45233 - RFQ _ A4216_RFQ_29020 - Manutenção RJ_ES_SUL\6. Envio\v2\2º envio v2\d) LPU´s\2 - ANEXO II - LPU INFRA FM TRJ e TSL - FAT B - APENDICE A REV_01.xls</t>
  </si>
  <si>
    <t>D:\Backup 12-11-2019\Desktop 22-07-19\Pendrive 05-03\Backup 01-07\45233 - RFQ _ A4216_RFQ_29020 - Manutenção RJ_ES_SUL\6. Envio\v2\2º envio v2\d) LPU´s\2 - ANEXO II - LPU INFRA FM TRJ e TSL - FAT B - APENDICE B REV_01.xls</t>
  </si>
  <si>
    <t>D:\Backup 12-11-2019\Desktop 22-07-19\Pendrive 05-03\Backup 01-07\45233 - RFQ _ A4216_RFQ_29020 - Manutenção RJ_ES_SUL\6. Envio\v2\2º envio v2\d) LPU´s\2 - LPU EQUIPAMENTOS - BOM - REV_01.xlsx</t>
  </si>
  <si>
    <t>D:\Backup 12-11-2019\Desktop 22-07-19\Pendrive 05-03\Backup 01-07\45233 - RFQ _ A4216_RFQ_29020 - Manutenção RJ_ES_SUL\6. Envio\v2\2º envio v2\d) LPU´s\2_-_ANEXO_II_-_LPU_INFRA_FM_TRJ_e_TSL_-_FAT_A_REV_02.xls</t>
  </si>
  <si>
    <t>C:\Users\suelenmm\OneDrive - Grupo Algar\Desktop 22-07-19\Pendrive 05-03\Backup 01-07\45233 - RFQ _ A4216_RFQ_29020 - Manutenção RJ_ES_SUL\6. Envio\v2\Luciano\</t>
  </si>
  <si>
    <t>Retificando Resposta Atendimento Técnico.xlsx</t>
  </si>
  <si>
    <t>D:\Backup 12-11-2019\Desktop 22-07-19\Pendrive 05-03\Backup 01-07\45233 - RFQ _ A4216_RFQ_29020 - Manutenção RJ_ES_SUL\6. Envio\v2\Luciano\Retificando Resposta Atendimento Técnico.xlsx</t>
  </si>
  <si>
    <t>C:\Users\suelenmm\OneDrive - Grupo Algar\Desktop 22-07-19\Pendrive 05-03\Backup 01-07\45233 - RFQ _ A4216_RFQ_29020 - Manutenção RJ_ES_SUL\6. Envio\v3\Pacote Comercial v5.zip\Pacote Comercial\</t>
  </si>
  <si>
    <t>D:\Backup 12-11-2019\Desktop 22-07-19\Pendrive 05-03\Backup 01-07\45233 - RFQ _ A4216_RFQ_29020 - Manutenção RJ_ES_SUL\6. Envio\v3\Pacote Comercial v5.zip</t>
  </si>
  <si>
    <t>C:\Users\suelenmm\OneDrive - Grupo Algar\Desktop 22-07-19\Pendrive 05-03\Backup 01-07\45233 - RFQ _ A4216_RFQ_29020 - Manutenção RJ_ES_SUL\6. Envio\v3\Pacote Técnico v5.zip\Pacote T‚cnico\</t>
  </si>
  <si>
    <t>Resposta Atendimento T‚cnico v5.xlsx</t>
  </si>
  <si>
    <t>D:\Backup 12-11-2019\Desktop 22-07-19\Pendrive 05-03\Backup 01-07\45233 - RFQ _ A4216_RFQ_29020 - Manutenção RJ_ES_SUL\6. Envio\v3\Pacote Técnico v5.zip</t>
  </si>
  <si>
    <t>C:\Users\suelenmm\OneDrive - Grupo Algar\Desktop 22-07-19\Pendrive 05-03\Backup 01-07\45233 - RFQ _ A4216_RFQ_29020 - Manutenção RJ_ES_SUL\6. Envio\v4\Pacote Comercial v6 - alternativa da v5.zip\Pacote Comercial\</t>
  </si>
  <si>
    <t>D:\Backup 12-11-2019\Desktop 22-07-19\Pendrive 05-03\Backup 01-07\45233 - RFQ _ A4216_RFQ_29020 - Manutenção RJ_ES_SUL\6. Envio\v4\Pacote Comercial v6 - alternativa da v5.zip</t>
  </si>
  <si>
    <t>C:\Users\suelenmm\OneDrive - Grupo Algar\Desktop 22-07-19\Pendrive 05-03\Backup 01-07\45233 - RFQ _ A4216_RFQ_29020 - Manutenção RJ_ES_SUL\6. Envio\v4\Pacote Técnico v6 - alternativa da v5.zip\Pacote T‚cnico\</t>
  </si>
  <si>
    <t>Resposta Atendimento T‚cnico v6.xlsx</t>
  </si>
  <si>
    <t>D:\Backup 12-11-2019\Desktop 22-07-19\Pendrive 05-03\Backup 01-07\45233 - RFQ _ A4216_RFQ_29020 - Manutenção RJ_ES_SUL\6. Envio\v4\Pacote Técnico v6 - alternativa da v5.zip</t>
  </si>
  <si>
    <t>C:\Users\suelenmm\OneDrive - Grupo Algar\Desktop 22-07-19\Pendrive 05-03\Backup 01-07\45233 - RFQ _ A4216_RFQ_29020 - Manutenção RJ_ES_SUL\Info Huawei\Fwd ContratoTIM.msg\s88\CONTRATO TIM.rar\CONTRATO 2010-2013\</t>
  </si>
  <si>
    <t>ANEXO IX â€“ Ficha de ManutenÃ§Ã£o Preventiva PeriÃ³dica - Modelo Laudo Estrutura Vertical.doc.xls</t>
  </si>
  <si>
    <t>D:\Backup 12-11-2019\Desktop 22-07-19\Pendrive 05-03\Backup 01-07\45233 - RFQ _ A4216_RFQ_29020 - Manutenção RJ_ES_SUL\Info Huawei\Fwd ContratoTIM.msg</t>
  </si>
  <si>
    <t>ANEXO VIII - C - ManutenÃ§ao de Equipamentos.xlsx</t>
  </si>
  <si>
    <t>Anexo X - FICHA DE INTERVENÃ‡ÃƒO CORRETIVA.xls</t>
  </si>
  <si>
    <t>Anexo XI - PROGRAMA DE MANUTENÃ‡ÃƒO PREVENTIVA.xls</t>
  </si>
  <si>
    <t>ANEXO XIII - Lista de municÃ­pios ISS TIM ATUARÃ.xls</t>
  </si>
  <si>
    <t>C:\Users\suelenmm\OneDrive - Grupo Algar\Desktop 22-07-19\Pendrive 05-03\Backup 01-07\45233 - RFQ _ A4216_RFQ_29020 - Manutenção RJ_ES_SUL\Info Huawei\Fwd Fatura A e B de Julho-2014.msg\s89\</t>
  </si>
  <si>
    <t>Relatório Gerencial Julho-2104 Fatura A e Fatura B do RJ e ES.xlsx</t>
  </si>
  <si>
    <t>D:\Backup 12-11-2019\Desktop 22-07-19\Pendrive 05-03\Backup 01-07\45233 - RFQ _ A4216_RFQ_29020 - Manutenção RJ_ES_SUL\Info Huawei\Fwd Fatura A e B de Julho-2014.msg</t>
  </si>
  <si>
    <t>C:\Users\suelenmm\OneDrive - Grupo Algar\Desktop 22-07-19\Pendrive 05-03\Backup 01-07\45233 - RFQ _ A4216_RFQ_29020 - Manutenção RJ_ES_SUL\Info Huawei\Fwd LPU projeto TIM.msg\s89\</t>
  </si>
  <si>
    <t>(TIM) ANEXO VIII LPU Manutenção de Campo_May 15 2014 - Huawei.xlsx</t>
  </si>
  <si>
    <t>D:\Backup 12-11-2019\Desktop 22-07-19\Pendrive 05-03\Backup 01-07\45233 - RFQ _ A4216_RFQ_29020 - Manutenção RJ_ES_SUL\Info Huawei\Fwd LPU projeto TIM.msg</t>
  </si>
  <si>
    <t>ANEXO VIII - B - Manuten ao de Infraestrutura_ 2014 06 02.xlsx</t>
  </si>
  <si>
    <t>ANEXO VIII - C - Manuten ao de Equipamentos_ 2014 06 02.xlsx</t>
  </si>
  <si>
    <t>C:\Users\suelenmm\OneDrive - Grupo Algar\Desktop 22-07-19\Pendrive 05-03\Backup 01-07\45233 - RFQ _ A4216_RFQ_29020 - Manutenção RJ_ES_SUL\Info Huawei\Fwd Projeto TIM.msg\s89\</t>
  </si>
  <si>
    <t>Informações do Projeto TIM -TRJ e TSL 16-04-2014.xlsx</t>
  </si>
  <si>
    <t>D:\Backup 12-11-2019\Desktop 22-07-19\Pendrive 05-03\Backup 01-07\45233 - RFQ _ A4216_RFQ_29020 - Manutenção RJ_ES_SUL\Info Huawei\Fwd Projeto TIM.msg</t>
  </si>
  <si>
    <t>C:\Users\suelenmm\OneDrive - Grupo Algar\Desktop 22-07-19\Pendrive 05-03\Backup 01-07\70208 - RFQ _ A4216_RFQ_29095 - Manutenção TCO_TNE_TNO\</t>
  </si>
  <si>
    <t>Logística 29-06.xlsx</t>
  </si>
  <si>
    <t>D:\Backup 12-11-2019\Desktop 22-07-19\Pendrive 05-03\Backup 01-07\70208 - RFQ _ A4216_RFQ_29095 - Manutenção TCO_TNE_TNO\Logística 29-06.xlsx</t>
  </si>
  <si>
    <t>D:\Backup 12-11-2019\Desktop 22-07-19\Pendrive 05-03\Backup 01-07\70208 - RFQ _ A4216_RFQ_29095 - Manutenção TCO_TNE_TNO\PRAs.xlsx</t>
  </si>
  <si>
    <t>Relatório PoM - 201505 - Nordeste.xlsx</t>
  </si>
  <si>
    <t>D:\Backup 12-11-2019\Desktop 22-07-19\Pendrive 05-03\Backup 01-07\70208 - RFQ _ A4216_RFQ_29095 - Manutenção TCO_TNE_TNO\Relatório PoM - 201505 - Nordeste.xlsx</t>
  </si>
  <si>
    <t>Reunião 18-06 - Renato TIM.xlsx</t>
  </si>
  <si>
    <t>D:\Backup 12-11-2019\Desktop 22-07-19\Pendrive 05-03\Backup 01-07\70208 - RFQ _ A4216_RFQ_29095 - Manutenção TCO_TNE_TNO\Reunião 18-06 - Renato TIM.xlsx</t>
  </si>
  <si>
    <t>Sites de Acesso Ativos_TCO TNE TNO REV_01.xlsx</t>
  </si>
  <si>
    <t>D:\Backup 12-11-2019\Desktop 22-07-19\Pendrive 05-03\Backup 01-07\70208 - RFQ _ A4216_RFQ_29095 - Manutenção TCO_TNE_TNO\Sites de Acesso Ativos_TCO TNE TNO REV_01.xlsx</t>
  </si>
  <si>
    <t>C:\Users\suelenmm\OneDrive - Grupo Algar\Desktop 22-07-19\Pendrive 05-03\Backup 01-07\70208 - RFQ _ A4216_RFQ_29095 - Manutenção TCO_TNE_TNO\Envio\PACOTE COMERCIAL.zip\PACOTE COMERCIAL\</t>
  </si>
  <si>
    <t>2 - ANEXO II - LPU FMM INFRA FM TIM CO_NO_NE - FAT A REV_05.xls</t>
  </si>
  <si>
    <t>D:\Backup 12-11-2019\Desktop 22-07-19\Pendrive 05-03\Backup 01-07\70208 - RFQ _ A4216_RFQ_29095 - Manutenção TCO_TNE_TNO\Envio\PACOTE COMERCIAL.zip</t>
  </si>
  <si>
    <t>2 - ANEXO II - LPU FMM INFRA FM TIM CO_NO_NE - FAT B - APENDICE A REV_05.xls</t>
  </si>
  <si>
    <t>2 - ANEXO II - LPU FMM INFRA FM TIM CO_NO_NE - FAT B - APENDICE B REV_05.xls</t>
  </si>
  <si>
    <t>2 - ANEXO II - LPU FMT - TIM CO - REV_01.xlsx</t>
  </si>
  <si>
    <t>C:\Users\suelenmm\OneDrive - Grupo Algar\Desktop - 12-11-19\PreVendas - Governo Diogo\ICMBIO\</t>
  </si>
  <si>
    <t>Rampa.xlsx</t>
  </si>
  <si>
    <t>C:\Users\suelenmm\OneDrive - Grupo Algar\Desktop 22-07-19\Pendrive 05-03\Backup 01-07\70208 - RFQ _ A4216_RFQ_29095 - Manutenção TCO_TNE_TNO\Envio\PACOTE TÉCNICO.zip\PACOTE TCNICO\</t>
  </si>
  <si>
    <t>Resposta Atendimento T‚cnico v1.xlsx</t>
  </si>
  <si>
    <t>D:\Backup 12-11-2019\Desktop 22-07-19\Pendrive 05-03\Backup 01-07\70208 - RFQ _ A4216_RFQ_29095 - Manutenção TCO_TNE_TNO\Envio\PACOTE TÉCNICO.zip</t>
  </si>
  <si>
    <t>C:\Users\suelenmm\OneDrive - Grupo Algar\Desktop 22-07-19\Pendrive 05-03\Backup 01-07\70208 - RFQ _ A4216_RFQ_29095 - Manutenção TCO_TNE_TNO\Envio\PACOTE COMERCIAL\</t>
  </si>
  <si>
    <t>D:\Backup 12-11-2019\Desktop 22-07-19\Pendrive 05-03\Backup 01-07\70208 - RFQ _ A4216_RFQ_29095 - Manutenção TCO_TNE_TNO\Envio\PACOTE COMERCIAL\2 - ANEXO II - LPU FMM INFRA FM TIM CO_NO_NE - FAT A REV_05.xls</t>
  </si>
  <si>
    <t>D:\Backup 12-11-2019\Desktop 22-07-19\Pendrive 05-03\Backup 01-07\70208 - RFQ _ A4216_RFQ_29095 - Manutenção TCO_TNE_TNO\Envio\PACOTE COMERCIAL\2 - ANEXO II - LPU FMM INFRA FM TIM CO_NO_NE - FAT B - APENDICE A REV_05.xls</t>
  </si>
  <si>
    <t>D:\Backup 12-11-2019\Desktop 22-07-19\Pendrive 05-03\Backup 01-07\70208 - RFQ _ A4216_RFQ_29095 - Manutenção TCO_TNE_TNO\Envio\PACOTE COMERCIAL\2 - ANEXO II - LPU FMM INFRA FM TIM CO_NO_NE - FAT B - APENDICE B REV_05.xls</t>
  </si>
  <si>
    <t>D:\Backup 12-11-2019\Desktop 22-07-19\Pendrive 05-03\Backup 01-07\70208 - RFQ _ A4216_RFQ_29095 - Manutenção TCO_TNE_TNO\Envio\PACOTE COMERCIAL\2 - ANEXO II - LPU FMT - TIM CO - REV_01.xlsx</t>
  </si>
  <si>
    <t>C:\Users\suelenmm\OneDrive - Grupo Algar\Desktop 22-07-19\Pendrive 05-03\Backup 01-07\70208 - RFQ _ A4216_RFQ_29095 - Manutenção TCO_TNE_TNO\Envio\PACOTE TÉCNICO\</t>
  </si>
  <si>
    <t>Resposta Atendimento Técnico v1.xlsx</t>
  </si>
  <si>
    <t>D:\Backup 12-11-2019\Desktop 22-07-19\Pendrive 05-03\Backup 01-07\70208 - RFQ _ A4216_RFQ_29095 - Manutenção TCO_TNE_TNO\Envio\PACOTE TÉCNICO\Resposta Atendimento Técnico v1.xlsx</t>
  </si>
  <si>
    <t>C:\Users\suelenmm\OneDrive - Grupo Algar\Desktop 22-07-19\Pendrive 05-03\Backup 01-07\70208 - RFQ _ A4216_RFQ_29095 - Manutenção TCO_TNE_TNO\ok - Doc TIM CO_NE_NO - 19-06\ok - Pacote Comercial\ok - 2 - ANEXO II - LPUs.zip\</t>
  </si>
  <si>
    <t>D:\Backup 12-11-2019\Desktop 22-07-19\Pendrive 05-03\Backup 01-07\70208 - RFQ _ A4216_RFQ_29095 - Manutenção TCO_TNE_TNO\ok - Doc TIM CO_NE_NO - 19-06\ok - Pacote Comercial\ok - 2 - ANEXO II - LPUs.zip</t>
  </si>
  <si>
    <t>D:\Backup 12-11-2019\Desktop 22-07-19\Pendrive 05-03\Backup 01-07\70208 - RFQ _ A4216_RFQ_29095 - Manutenção TCO_TNE_TNO\ok - Doc TIM CO_NE_NO - 19-06\ok - Pacote Comercial\ok - 2 - ANEXO II - LPUs\2 - ANEXO II - LPU FMT - TIM CO - REV_01.xlsx</t>
  </si>
  <si>
    <t>C:\Users\suelenmm\OneDrive - Grupo Algar\Desktop 22-07-19\Pendrive 05-03\Backup 01-07\70208 - RFQ _ A4216_RFQ_29095 - Manutenção TCO_TNE_TNO\ok - Doc TIM CO_NE_NO - 19-06\ok - Pacote Tecnico\ok - Especificacao Tecnica FMT Rev 5 050515.zip\</t>
  </si>
  <si>
    <t>D:\Backup 12-11-2019\Desktop 22-07-19\Pendrive 05-03\Backup 01-07\70208 - RFQ _ A4216_RFQ_29095 - Manutenção TCO_TNE_TNO\ok - Doc TIM CO_NE_NO - 19-06\ok - Pacote Tecnico\ok - Especificacao Tecnica FMT Rev 5 050515.zip</t>
  </si>
  <si>
    <t>C:\Users\suelenmm\OneDrive - Grupo Algar\Desktop 22-07-19\Pendrive 05-03\Backup 01-07\70208 - RFQ _ A4216_RFQ_29095 - Manutenção TCO_TNE_TNO\ok - Doc TIM CO_NE_NO - 19-06\ok - Pacote Tecnico\ok - Especificacao Tecnica FMT Rev 5 050515.zip\ANEXO VI -Especif</t>
  </si>
  <si>
    <t>ANEXO VIII LPU FM TCO TNO e TNE - FAT A_v20150608.xlsx</t>
  </si>
  <si>
    <t>ANEXO VIII LPU FM TCO TNO e TNE - FAT B - APENDICE A.xls</t>
  </si>
  <si>
    <t>ANEXO VIII LPU FM TCO TNO e TNE - FAT B - APENDICE B.xls</t>
  </si>
  <si>
    <t>Dados Rede TCO TNO e TNE v20150608.xlsx</t>
  </si>
  <si>
    <t>Indica‡Æo da infraestrutura para a presta‡Æo do servi‡o TCO TNO e TNE v20150525.xlsx</t>
  </si>
  <si>
    <t>Sites Industriais TCO TNO e TNE_v20150525.xlsx</t>
  </si>
  <si>
    <t>C:\Users\suelenmm\OneDrive - Grupo Algar\Desktop 22-07-19\Pendrive 05-03\Backup 01-07\70208 - RFQ _ A4216_RFQ_29095 - Manutenção TCO_TNE_TNO\ok - Doc TIM CO_NE_NO - 19-06\ok - Pacote Tecnico\ok - Especificacao Tecnica FMT Rev 5 050515.zip\ET_NW_GOV_013 - S</t>
  </si>
  <si>
    <t>C:\Users\suelenmm\OneDrive - Grupo Algar\Desktop 22-07-19\Pendrive 05-03\Backup 01-07\70208 - RFQ _ A4216_RFQ_29095 - Manutenção TCO_TNE_TNO\ok - Doc TIM CO_NE_NO - 19-06\ok - Pacote Tecnico\ok - Especificacao Tecnica FMT Rev 5 050515.zip\ET_NW_GOV_015 - S</t>
  </si>
  <si>
    <t>D:\Backup 12-11-2019\Desktop - 12-11-19\188270_v3 - PAN FINAL.xlsb</t>
  </si>
  <si>
    <t>C:\Users\suelenmm\OneDrive - Grupo Algar\Desktop 22-07-19\Pendrive 05-03\Backup 01-07\70208 - RFQ _ A4216_RFQ_29095 - Manutenção TCO_TNE_TNO\ok - Doc TIM CO_NE_NO - 19-06\ok - Pacote Tecnico\ok - Especificacoes Tecnicas de FMM Rev. 06.zip\</t>
  </si>
  <si>
    <t>D:\Backup 12-11-2019\Desktop 22-07-19\Pendrive 05-03\Backup 01-07\70208 - RFQ _ A4216_RFQ_29095 - Manutenção TCO_TNE_TNO\ok - Doc TIM CO_NE_NO - 19-06\ok - Pacote Tecnico\ok - Especificacoes Tecnicas de FMM Rev. 06.zip</t>
  </si>
  <si>
    <t>ANEXO X - Ficha de Interven‡Æo Corretiva.xlsx</t>
  </si>
  <si>
    <t>ANEXO XI - Laudo Vistoria Estrutura Vertical.xlsx</t>
  </si>
  <si>
    <t xml:space="preserve">C:\Users\suelenmm\OneDrive - Grupo Algar\Desktop 22-07-19\Pendrive 05-03\Backup 01-07\70208 - RFQ _ A4216_RFQ_29095 - Manutenção TCO_TNE_TNO\ok - Doc TIM CO_NE_NO - 19-06\ok - Pacote Tecnico\ok - Especificacoes Tecnicas de FMM Rev. 06.zip\ANEXO IX - Ficha </t>
  </si>
  <si>
    <t>D:\Backup 12-11-2019\Desktop - 12-11-19\188270_v3 - Plan Precificacao C017 B017 Last Call r4 17_10_2019_r3 - suelen.xlsb</t>
  </si>
  <si>
    <t>D:\Backup 12-11-2019\Desktop - 12-11-19\199274_IBM_v5_Bodyshop_MULTI_(C017_B0171 - rev5 - BP COM CARGOS ATUALIZADOS.xlsb</t>
  </si>
  <si>
    <t>D:\Backup 12-11-2019\Desktop 22-07-19\Pendrive 05-03\Backup 01-07\70208 - RFQ _ A4216_RFQ_29095 - Manutenção TCO_TNE_TNO\ok - Doc TIM CO_NE_NO - 19-06\ok - Pacote Tecnico\ok - Especificacao Tecnica FMT Rev 5 050515\</t>
  </si>
  <si>
    <t>D:\Backup 12-11-2019\Desktop 22-07-19\Pendrive 05-03\Backup 01-07\70208 - RFQ _ A4216_RFQ_29095 - Manutenção TCO_TNE_TNO\ok - Doc TIM CO_NE_NO - 19-06\ok - Pacote Tecnico\ok - Especificacao Tecnica FMT Rev 5 050515\ok - Proposta de LPU Rev 4 050515.xlsx</t>
  </si>
  <si>
    <t>D:\Backup 12-11-2019\Desktop - 12-11-19\214371 - Plan Precificacao C017 B017.xlsb</t>
  </si>
  <si>
    <t>D:\Backup 12-11-2019\Desktop 22-07-19\Pendrive 05-03\Backup 01-07\70208 - RFQ _ A4216_RFQ_29095 - Manutenção TCO_TNE_TNO\ok - Doc TIM CO_NE_NO - 19-06\ok - Pacote Tecnico\ok - Especificacoes Tecnicas de FMM Rev. 06\</t>
  </si>
  <si>
    <t>ok - ANEXO XII - Programação Preventiva.xls</t>
  </si>
  <si>
    <t>D:\Backup 12-11-2019\Desktop 22-07-19\Pendrive 05-03\Backup 01-07\70208 - RFQ _ A4216_RFQ_29095 - Manutenção TCO_TNE_TNO\ok - Doc TIM CO_NE_NO - 19-06\ok - Pacote Tecnico\ok - Especificacoes Tecnicas de FMM Rev. 06\ok - ANEXO XII - Programação Preventiva.xls</t>
  </si>
  <si>
    <t>ok - Dados Rede TCO TNO e TNE v20150608.xlsx</t>
  </si>
  <si>
    <t>D:\Backup 12-11-2019\Desktop 22-07-19\Pendrive 05-03\Backup 01-07\70208 - RFQ _ A4216_RFQ_29095 - Manutenção TCO_TNE_TNO\ok - Doc TIM CO_NE_NO - 19-06\ok - Pacote Tecnico\ok - Especificacoes Tecnicas de FMM Rev. 06\ok - Dados Rede TCO TNO e TNE v20150608.xlsx</t>
  </si>
  <si>
    <t>D:\Backup 12-11-2019\Desktop - 12-11-19\Apresentacao - Business Performance_Renault v1.0 - Ata.pptx</t>
  </si>
  <si>
    <t>C:\Users\suelenmm\OneDrive - Grupo Algar\Desktop 22-07-19\Pendrive 05-03\Backup 01-07\Reembolso\</t>
  </si>
  <si>
    <t>7 - Formulário - Protocolo Relatório de Despesas Capgemini.xls</t>
  </si>
  <si>
    <t>D:\Backup 12-11-2019\Desktop 22-07-19\Pendrive 05-03\Backup 01-07\Reembolso\7 - Formulário - Protocolo Relatório de Despesas Capgemini.xls</t>
  </si>
  <si>
    <t>D:\Backup 12-11-2019\Desktop - 12-11-19\Apresentacao - Business Performance_Renault v1.0 - Ata.zip</t>
  </si>
  <si>
    <t>D:\Backup 12-11-2019\Desktop - 12-11-19\Apresentacao - Business Performance_Renault v1.0 - Suelen.pptx</t>
  </si>
  <si>
    <t>C:\Users\suelenmm\OneDrive - Grupo Algar\Desktop 22-07-19\Pendrive 05-03\Mary Kay\Silvania\</t>
  </si>
  <si>
    <t>D:\Backup 12-11-2019\Desktop 22-07-19\Pendrive 05-03\Mary Kay\Silvania\Mary Kay - Silvania v2.xlsx</t>
  </si>
  <si>
    <t>D:\Backup 12-11-2019\Desktop 22-07-19\Pendrive 05-03\Mary Kay\Silvania\Mary Kay - Silvania.xlsx</t>
  </si>
  <si>
    <t>C:\Users\suelenmm\OneDrive - Grupo Algar\Desktop 22-07-19\Pendrive 05-03\Mary Kay\Suélen\</t>
  </si>
  <si>
    <t>D:\Backup 12-11-2019\Desktop 22-07-19\Pendrive 05-03\Mary Kay\Suélen\Mary Kay - Nomes.xlsx</t>
  </si>
  <si>
    <t>D:\Backup 12-11-2019\Desktop 22-07-19\Pendrive 05-03\Mary Kay\Suélen\Tarefas.xlsx</t>
  </si>
  <si>
    <t>D:\Backup 12-11-2019\Desktop - 12-11-19\Apresentacao - Business Performance_Renault v1.0 - Suelen.zip</t>
  </si>
  <si>
    <t>D:\Backup 12-11-2019\Desktop - 12-11-19\Base Fusion.xlsx</t>
  </si>
  <si>
    <t>C:\Users\suelenmm\OneDrive - Grupo Algar\Desktop 22-07-19\Pendrive 05-03\Mary Kay\Suélen\Cartão\</t>
  </si>
  <si>
    <t>D:\Backup 12-11-2019\Desktop 22-07-19\Pendrive 05-03\Mary Kay\Suélen\Cartão\cartao.xlsx</t>
  </si>
  <si>
    <t>C:\Users\suelenmm\OneDrive - Grupo Algar\Desktop 22-07-19\Pendrive 05-03\Mary Kay\Suélen\Consórcio\</t>
  </si>
  <si>
    <t>1AFA047F.tmp</t>
  </si>
  <si>
    <t>D:\Backup 12-11-2019\Desktop 22-07-19\Pendrive 05-03\Mary Kay\Suélen\Consórcio\1AFA047F.tmp</t>
  </si>
  <si>
    <t>D:\Backup 12-11-2019\Desktop 22-07-19\Pendrive 05-03\Mary Kay\Suélen\Consórcio\Consorcio.xlsx</t>
  </si>
  <si>
    <t>D:\Backup 12-11-2019\Desktop - 12-11-19\BP Preço C017 B017-Renault Latam LOT5 (insite) v1.7 - 26%MC (fechamento pós BAFO) - Suelen.xlsb</t>
  </si>
  <si>
    <t>C:\Users\suelenmm\OneDrive - Grupo Algar\Desktop - 12-11-19\PreVendas - Governo Diogo\ICMBIO\Preço.xlsb\</t>
  </si>
  <si>
    <t>D:\Backup 12-11-2019\Desktop - 12-11-19\Capilaridade Field Service GAT v2.xlsx</t>
  </si>
  <si>
    <t>D:\Backup 12-11-2019\Desktop - 12-11-19\Catalogo de produtos.xlsx</t>
  </si>
  <si>
    <t>C:\Users\suelenmm\OneDrive - Grupo Algar\Desktop 22-07-19\Pendrive 05-03\Mary Kay\Suélen\Pedidos\</t>
  </si>
  <si>
    <t>67DB0308.tmp</t>
  </si>
  <si>
    <t>D:\Backup 12-11-2019\Desktop 22-07-19\Pendrive 05-03\Mary Kay\Suélen\Pedidos\67DB0308.tmp</t>
  </si>
  <si>
    <t>6D30D65F.tmp</t>
  </si>
  <si>
    <t>D:\Backup 12-11-2019\Desktop 22-07-19\Pendrive 05-03\Mary Kay\Suélen\Pedidos\6D30D65F.tmp</t>
  </si>
  <si>
    <t>ED93CB3A.tmp</t>
  </si>
  <si>
    <t>D:\Backup 12-11-2019\Desktop 22-07-19\Pendrive 05-03\Mary Kay\Suélen\Pedidos\ED93CB3A.tmp</t>
  </si>
  <si>
    <t>D:\Backup 12-11-2019\Desktop - 12-11-19\Cópia de Cópia de 188270_v3 - PAN FINAL - 30_10_2019 rMaluf.xlsb</t>
  </si>
  <si>
    <t>D:\Backup 12-11-2019\Desktop 22-07-19\Pendrive 05-03\Mary Kay\Suélen\Pedidos\Mary Kay - Suélen.xlsx</t>
  </si>
  <si>
    <t>D:\Backup 12-11-2019\Desktop - 12-11-19\Cópia de Dimensionamento_SD (Semana).xlsx</t>
  </si>
  <si>
    <t>D:\Backup 12-11-2019\Desktop - 12-11-19\Defesa Tecnica Renault v2.5.pptx</t>
  </si>
  <si>
    <t>D:\Backup 12-11-2019\Desktop - 12-11-19\Demandas - 11-10.xlsx</t>
  </si>
  <si>
    <t>D:\Backup 12-11-2019\Desktop - 12-11-19\Demandas 02-09-19.xlsx</t>
  </si>
  <si>
    <t>D:\Backup 12-11-2019\Desktop - 12-11-19\Demandas.xlsx</t>
  </si>
  <si>
    <t>C:\Users\suelenmm\OneDrive - Grupo Algar\Desktop - 12-11-19\PreVendas - Governo Diogo\INCRA\</t>
  </si>
  <si>
    <t>D:\Backup 12-11-2019\Desktop - 12-11-19\ErlangXL97.xla</t>
  </si>
  <si>
    <t>D:\Backup 12-11-2019\Desktop - 12-11-19\Formulário Solicitações Cancelamento de Férias Fora do Portal.xls</t>
  </si>
  <si>
    <t>D:\Backup 12-11-2019\Desktop - 12-11-19\Hierarquia_Pesquisa de Clima_GAT - Suélen.xlsx</t>
  </si>
  <si>
    <t>D:\Backup 12-11-2019\Desktop - 12-11-19\Mapa GAT 06-11-2019.xlsx</t>
  </si>
  <si>
    <t>D:\Backup 12-11-2019\Desktop - 12-11-19\objetivos.xlsx</t>
  </si>
  <si>
    <t>D:\Backup 12-11-2019\Desktop - 12-11-19\Oportunidades por data criação - bu approval - SEM NO GO E DUPLICADAS.xlsx</t>
  </si>
  <si>
    <t>D:\Backup 12-11-2019\Desktop - 12-11-19\Pensão e Produtos detamatologista.xlsx</t>
  </si>
  <si>
    <t>D:\Backup 12-11-2019\Desktop - 12-11-19\Plan Precificacao C017 B017_v12082018 V2.xlsb</t>
  </si>
  <si>
    <t>D:\Backup 12-11-2019\Desktop - 12-11-19\Plan Precificacao C017 B017_v12082018 v3.xlsb</t>
  </si>
  <si>
    <t>D:\Backup 12-11-2019\Desktop - 12-11-19\Plan Precificacao C017 B017_v12082018 v4.xlsb</t>
  </si>
  <si>
    <t>D:\Backup 12-11-2019\Desktop - 12-11-19\Plan Precificacao C017 B017_v12082018 v5.xlsb</t>
  </si>
  <si>
    <t>D:\Backup 12-11-2019\Desktop - 12-11-19\Plan Precificacao C017 B017_v12082018 v6.xlsb</t>
  </si>
  <si>
    <t>D:\Backup 12-11-2019\Desktop - 12-11-19\Propostas Pendentes Comitê de Business.xlsx</t>
  </si>
  <si>
    <t>D:\Backup 12-11-2019\Desktop - 12-11-19\Quantidade Técnicos x Cidade - SCC.xlsx</t>
  </si>
  <si>
    <t>C:\Users\suelenmm\OneDrive - Grupo Algar\Desktop 22-07-19\Pendrive 05-03\Procedimentos Atuais\</t>
  </si>
  <si>
    <t>Controle de terceiros.xlsx</t>
  </si>
  <si>
    <t>D:\Backup 12-11-2019\Desktop 22-07-19\Pendrive 05-03\Procedimentos Atuais\Controle de terceiros.xlsx</t>
  </si>
  <si>
    <t>D:\Backup 12-11-2019\Desktop - 12-11-19\Soluções 30-10-2019.pptx</t>
  </si>
  <si>
    <t>MATRIZ DE PRECIFICACAO - Algar Tech - abr14.xlsx</t>
  </si>
  <si>
    <t>D:\Backup 12-11-2019\Desktop 22-07-19\Pendrive 05-03\Procedimentos Atuais\MATRIZ DE PRECIFICACAO - Algar Tech - abr14.xlsx</t>
  </si>
  <si>
    <t>D:\Backup 12-11-2019\Desktop - 12-11-19\teste de planilha (Latam - Insite) - 26% MC v1.2 (fechamento) - Suelen.xlsx</t>
  </si>
  <si>
    <t>MATRIZ DE TRIBUTACAO - Algar Tech - DEZ14.xlsx</t>
  </si>
  <si>
    <t>D:\Backup 12-11-2019\Desktop 22-07-19\Pendrive 05-03\Procedimentos Atuais\MATRIZ DE TRIBUTACAO - Algar Tech - DEZ14.xlsx</t>
  </si>
  <si>
    <t>D:\Backup 12-11-2019\Desktop - 12-11-19\Vale - Apresentacao - Business Performance_ VF3 18_10_2019.pptx</t>
  </si>
  <si>
    <t>MATRIZ TRIBUTACAO - Algar Tec - Synos - Engeset -------2014.xlsx</t>
  </si>
  <si>
    <t>D:\Backup 12-11-2019\Desktop 22-07-19\Pendrive 05-03\Procedimentos Atuais\MATRIZ TRIBUTACAO - Algar Tec - Synos - Engeset -------2014.xlsx</t>
  </si>
  <si>
    <t>D:\Backup 12-11-2019\Desktop - 12-11-19\Vale - Apresentacao - Business Performance_ VF3 18_10_2019.zip</t>
  </si>
  <si>
    <t>Relação Filiais Algar Tech.xls</t>
  </si>
  <si>
    <t>D:\Backup 12-11-2019\Desktop 22-07-19\Pendrive 05-03\Procedimentos Atuais\Relação Filiais Algar Tech.xls</t>
  </si>
  <si>
    <t>C:\Users\suelenmm\OneDrive - Grupo Algar\Desktop 22-07-19\Pendrive 05-03\Procedimentos Atuais\Backup\Caixas\</t>
  </si>
  <si>
    <t>ANEXO 1A - ANALISE ECONÔMICA FINANCEIRA DETALHADA.xls</t>
  </si>
  <si>
    <t>D:\Backup 12-11-2019\Desktop 22-07-19\Pendrive 05-03\Procedimentos Atuais\Backup\Caixas\ANEXO 1A - ANALISE ECONÔMICA FINANCEIRA DETALHADA.xls</t>
  </si>
  <si>
    <t>ANEXO 2A - ANÁLISE ECONÔMICA FINANCEIRA SIMPLIFICADA - rev 28_08_13.xls</t>
  </si>
  <si>
    <t>D:\Backup 12-11-2019\Desktop 22-07-19\Pendrive 05-03\Procedimentos Atuais\Backup\Caixas\ANEXO 2A - ANÁLISE ECONÔMICA FINANCEIRA SIMPLIFICADA - rev 28_08_13.xls</t>
  </si>
  <si>
    <t>REVENDA PADRÃO COMSTOR.xls</t>
  </si>
  <si>
    <t>D:\Backup 12-11-2019\Desktop 22-07-19\Pendrive 05-03\Procedimentos Atuais\Backup\Caixas\REVENDA PADRÃO COMSTOR.xls</t>
  </si>
  <si>
    <t>C:\Users\suelenmm\OneDrive - Grupo Algar\Desktop 22-07-19\Pendrive 05-03\Procedimentos Atuais\Backup\Caixas\Diversos\</t>
  </si>
  <si>
    <t>ANEXO 1B - ANALISE ECONÔMICA FINANCEIRA DETALHADA - 60 MESES.xls</t>
  </si>
  <si>
    <t>D:\Backup 12-11-2019\Desktop 22-07-19\Pendrive 05-03\Procedimentos Atuais\Backup\Caixas\Diversos\ANEXO 1B - ANALISE ECONÔMICA FINANCEIRA DETALHADA - 60 MESES.xls</t>
  </si>
  <si>
    <t>ANEXO 2B - ANÁLISE ECONÔMICA FINANCEIRA SIMPLIFICADA CONST REDES.xls</t>
  </si>
  <si>
    <t>D:\Backup 12-11-2019\Desktop 22-07-19\Pendrive 05-03\Procedimentos Atuais\Backup\Caixas\Diversos\ANEXO 2B - ANÁLISE ECONÔMICA FINANCEIRA SIMPLIFICADA CONST REDES.xls</t>
  </si>
  <si>
    <t>C:\Users\suelenmm\OneDrive - Grupo Algar\Desktop - 12-11-19\Download\</t>
  </si>
  <si>
    <t>18e139cde2de4372825902960e6dad43.xls</t>
  </si>
  <si>
    <t>D:\Backup 12-11-2019\Desktop - 12-11-19\Download\18e139cde2de4372825902960e6dad43.xls</t>
  </si>
  <si>
    <t>2zrevcce.24l.csv</t>
  </si>
  <si>
    <t>D:\Backup 12-11-2019\Desktop - 12-11-19\Download\2zrevcce.24l.csv</t>
  </si>
  <si>
    <t>2zrevcce.24l.csv:Zone.Identifier</t>
  </si>
  <si>
    <t>D:\Backup 12-11-2019\Desktop - 12-11-19\Download\2zrevcce.24l.csv:Zone.Identifier</t>
  </si>
  <si>
    <t>5duox23l.zkt (1).csv</t>
  </si>
  <si>
    <t>D:\Backup 12-11-2019\Desktop - 12-11-19\Download\5duox23l.zkt (1).csv</t>
  </si>
  <si>
    <t>5duox23l.zkt (1).csv:Zone.Identifier</t>
  </si>
  <si>
    <t>D:\Backup 12-11-2019\Desktop - 12-11-19\Download\5duox23l.zkt (1).csv:Zone.Identifier</t>
  </si>
  <si>
    <t>5duox23l.zkt.csv</t>
  </si>
  <si>
    <t>D:\Backup 12-11-2019\Desktop - 12-11-19\Download\5duox23l.zkt.csv</t>
  </si>
  <si>
    <t>5duox23l.zkt.csv:Zone.Identifier</t>
  </si>
  <si>
    <t>D:\Backup 12-11-2019\Desktop - 12-11-19\Download\5duox23l.zkt.csv:Zone.Identifier</t>
  </si>
  <si>
    <t>77bc503d1f12420b9b06152f04ab7304.csv</t>
  </si>
  <si>
    <t>D:\Backup 12-11-2019\Desktop - 12-11-19\Download\77bc503d1f12420b9b06152f04ab7304.csv</t>
  </si>
  <si>
    <t>77bc503d1f12420b9b06152f04ab7304.csv:Zone.Identifier</t>
  </si>
  <si>
    <t>D:\Backup 12-11-2019\Desktop - 12-11-19\Download\77bc503d1f12420b9b06152f04ab7304.csv:Zone.Identifier</t>
  </si>
  <si>
    <t>a4ojcwdi.3qd.csv</t>
  </si>
  <si>
    <t>D:\Backup 12-11-2019\Desktop - 12-11-19\Download\a4ojcwdi.3qd.csv</t>
  </si>
  <si>
    <t>a4ojcwdi.3qd.csv:Zone.Identifier</t>
  </si>
  <si>
    <t>D:\Backup 12-11-2019\Desktop - 12-11-19\Download\a4ojcwdi.3qd.csv:Zone.Identifier</t>
  </si>
  <si>
    <t>C:\Users\suelenmm\OneDrive - Grupo Algar\Desktop 22-07-19\Pendrive 05-03\Procedimentos Atuais\Diversos\Backup modelo fluxo de caixa\</t>
  </si>
  <si>
    <t>ANEXO 1A - ANALISE ECONÔMICA FINANCEIRA DETALHADA - Manoel.xls</t>
  </si>
  <si>
    <t>D:\Backup 12-11-2019\Desktop 22-07-19\Pendrive 05-03\Procedimentos Atuais\Diversos\Backup modelo fluxo de caixa\ANEXO 1A - ANALISE ECONÔMICA FINANCEIRA DETALHADA - Manoel.xls</t>
  </si>
  <si>
    <t>C:\Users\suelenmm\OneDrive - Grupo Algar\Desktop 22-07-19\Pendrive 05-03\Procedimentos Atuais\LPU\</t>
  </si>
  <si>
    <t>ANEXO 6A - LPU - TX - Rev 27_06_12.xls</t>
  </si>
  <si>
    <t>D:\Backup 12-11-2019\Desktop 22-07-19\Pendrive 05-03\Procedimentos Atuais\LPU\ANEXO 6A - LPU - TX - Rev 27_06_12.xls</t>
  </si>
  <si>
    <t>ANEXO 6B - LPU - CABEAMENTO ESTRUTURADO - Rev 28_08_12.xls</t>
  </si>
  <si>
    <t>D:\Backup 12-11-2019\Desktop 22-07-19\Pendrive 05-03\Procedimentos Atuais\LPU\ANEXO 6B - LPU - CABEAMENTO ESTRUTURADO - Rev 28_08_12.xls</t>
  </si>
  <si>
    <t>ANEXO 6C.1 - LPU - CONSTRUÇÃO DE REDES METÁLICAS E ÓPTICAS.xls</t>
  </si>
  <si>
    <t>D:\Backup 12-11-2019\Desktop 22-07-19\Pendrive 05-03\Procedimentos Atuais\LPU\ANEXO 6C.1 - LPU - CONSTRUÇÃO DE REDES METÁLICAS E ÓPTICAS.xls</t>
  </si>
  <si>
    <t>ANEXO 6D - LPU - REDE EXTERNA EXPANSÃO.xlsx</t>
  </si>
  <si>
    <t>D:\Backup 12-11-2019\Desktop 22-07-19\Pendrive 05-03\Procedimentos Atuais\LPU\ANEXO 6D - LPU - REDE EXTERNA EXPANSÃO.xlsx</t>
  </si>
  <si>
    <t>ANEXO 6E - LPU - CSI.xlsx</t>
  </si>
  <si>
    <t>D:\Backup 12-11-2019\Desktop 22-07-19\Pendrive 05-03\Procedimentos Atuais\LPU\ANEXO 6E - LPU - CSI.xlsx</t>
  </si>
  <si>
    <t>C:\Users\suelenmm\OneDrive - Grupo Algar\Desktop 22-07-19\Pendrive 05-03\Procedimentos Atuais\Modelo de fluxo de caixa\</t>
  </si>
  <si>
    <t>D:\Backup 12-11-2019\Desktop 22-07-19\Pendrive 05-03\Procedimentos Atuais\Modelo de fluxo de caixa\ANEXO 1A - ANALISE ECONÔMICA FINANCEIRA DETALHADA.xls</t>
  </si>
  <si>
    <t>D:\Backup 12-11-2019\Desktop 22-07-19\Pendrive 05-03\Procedimentos Atuais\Modelo de fluxo de caixa\ANEXO 2A - ANÁLISE ECONÔMICA FINANCEIRA SIMPLIFICADA - rev 28_08_13.xls</t>
  </si>
  <si>
    <t>Map - Sistema de Precificação Novo Portifolio 2014-12-022.xlsb</t>
  </si>
  <si>
    <t>D:\Backup 12-11-2019\Desktop 22-07-19\Pendrive 05-03\Procedimentos Atuais\Modelo de fluxo de caixa\Map - Sistema de Precificação Novo Portifolio 2014-12-022.xlsb</t>
  </si>
  <si>
    <t>D:\Backup 12-11-2019\Desktop 22-07-19\Pendrive 05-03\Procedimentos Atuais\Modelo de fluxo de caixa\REVENDA PADRÃO COMSTOR.xls</t>
  </si>
  <si>
    <t>C:\Users\suelenmm\OneDrive - Grupo Algar\Desktop 22-07-19\Pendrive 05-03\Procedimentos Atuais\Modelo de fluxo de caixa\Diversos\</t>
  </si>
  <si>
    <t>D:\Backup 12-11-2019\Desktop 22-07-19\Pendrive 05-03\Procedimentos Atuais\Modelo de fluxo de caixa\Diversos\ANEXO 1B - ANALISE ECONÔMICA FINANCEIRA DETALHADA - 60 MESES.xls</t>
  </si>
  <si>
    <t>D:\Backup 12-11-2019\Desktop 22-07-19\Pendrive 05-03\Procedimentos Atuais\Modelo de fluxo de caixa\Diversos\ANEXO 2B - ANÁLISE ECONÔMICA FINANCEIRA SIMPLIFICADA CONST REDES.xls</t>
  </si>
  <si>
    <t>C:\Users\suelenmm\OneDrive - Grupo Algar\Desktop 22-07-19\Pendrive 05-03\Procedimentos Atuais\Premissas\</t>
  </si>
  <si>
    <t>ANEXO 5 - PREMISSAS CPV - Novembro2013.xlsx</t>
  </si>
  <si>
    <t>D:\Backup 12-11-2019\Desktop 22-07-19\Pendrive 05-03\Procedimentos Atuais\Premissas\ANEXO 5 - PREMISSAS CPV - Novembro2013.xlsx</t>
  </si>
  <si>
    <t>C:\Users\suelenmm\OneDrive - Grupo Algar\Desktop 22-07-19\Pendrive 05-03\Procedimentos Atuais\REVENDA\</t>
  </si>
  <si>
    <t>ANEXO 1A - ANALISE ECONÔMICA FINANCEIRA DETALHADA (LIMPA).xls</t>
  </si>
  <si>
    <t>D:\Backup 12-11-2019\Desktop 22-07-19\Pendrive 05-03\Procedimentos Atuais\REVENDA\ANEXO 1A - ANALISE ECONÔMICA FINANCEIRA DETALHADA (LIMPA).xls</t>
  </si>
  <si>
    <t>ANEXO 1A - ANALISE ECONÔMICA FINANCEIRA DETALHADA (LIMPA2).xls</t>
  </si>
  <si>
    <t>D:\Backup 12-11-2019\Desktop 22-07-19\Pendrive 05-03\Procedimentos Atuais\REVENDA\ANEXO 1A - ANALISE ECONÔMICA FINANCEIRA DETALHADA (LIMPA2).xls</t>
  </si>
  <si>
    <t>ANEXO 1A - ANALISE ECONÔMICA FINANCEIRA DETALHADA (LIMPA3).xls</t>
  </si>
  <si>
    <t>D:\Backup 12-11-2019\Desktop 22-07-19\Pendrive 05-03\Procedimentos Atuais\REVENDA\ANEXO 1A - ANALISE ECONÔMICA FINANCEIRA DETALHADA (LIMPA3).xls</t>
  </si>
  <si>
    <t>C:\Users\suelenmm\OneDrive - Grupo Algar\Desktop 22-07-19\Pendrive 05-03\Procedimentos Atuais\REVENDA\PADRAO\</t>
  </si>
  <si>
    <t>REVENDA PADRÃO.xls</t>
  </si>
  <si>
    <t>D:\Backup 12-11-2019\Desktop 22-07-19\Pendrive 05-03\Procedimentos Atuais\REVENDA\PADRAO\REVENDA PADRÃO.xls</t>
  </si>
  <si>
    <t>BP 01.xlsb</t>
  </si>
  <si>
    <t>ca60c31a3ac14c10b930efc1c8a52755.xls</t>
  </si>
  <si>
    <t>D:\Backup 12-11-2019\Desktop - 12-11-19\Download\ca60c31a3ac14c10b930efc1c8a52755.xls</t>
  </si>
  <si>
    <t>C:\Users\suelenmm\OneDrive - Grupo Algar\Desktop - 12-11-19\Download\DE ACORDO MARGEM - 141417 - WEG - RFP Service Desk (1).msg\s420\141417 Weg Apresentacao.pptx\</t>
  </si>
  <si>
    <t>D:\Backup 12-11-2019\Desktop - 12-11-19\Download\DE ACORDO MARGEM - 141417 - WEG - RFP Service Desk (1).msg</t>
  </si>
  <si>
    <t>C:\Users\suelenmm\OneDrive - Grupo Algar\Desktop - 12-11-19\Download\DE ACORDO MARGEM - 141417 - WEG - RFP Service Desk (2).msg\s420\141417 Weg Apresentacao.pptx\</t>
  </si>
  <si>
    <t>D:\Backup 12-11-2019\Desktop - 12-11-19\Download\DE ACORDO MARGEM - 141417 - WEG - RFP Service Desk (2).msg</t>
  </si>
  <si>
    <t>C:\Users\suelenmm\OneDrive - Grupo Algar\Desktop - 12-11-19\Download\DE ACORDO MARGEM - 141417 - WEG - RFP Service Desk.msg\s420\141417 Weg Apresentacao.pptx\</t>
  </si>
  <si>
    <t>D:\Backup 12-11-2019\Desktop - 12-11-19\Download\DE ACORDO MARGEM - 141417 - WEG - RFP Service Desk.msg</t>
  </si>
  <si>
    <t>em4yqxpj.hyp.csv</t>
  </si>
  <si>
    <t>D:\Backup 12-11-2019\Desktop - 12-11-19\Download\em4yqxpj.hyp.csv</t>
  </si>
  <si>
    <t>em4yqxpj.hyp.csv:Zone.Identifier</t>
  </si>
  <si>
    <t>D:\Backup 12-11-2019\Desktop - 12-11-19\Download\em4yqxpj.hyp.csv:Zone.Identifier</t>
  </si>
  <si>
    <t>Formulario_Ferias_Irregulares_-_Algar_Tech (1).xls</t>
  </si>
  <si>
    <t>D:\Backup 12-11-2019\Desktop - 12-11-19\Download\Formulario_Ferias_Irregulares_-_Algar_Tech (1).xls</t>
  </si>
  <si>
    <t>10.200.62.17</t>
  </si>
  <si>
    <t>/o=exchangelabs/ou=exchange administrative group (fydibohf23spdlt)/cn=recipients/cn=0bafe1ed27024338be4e911e19871cd1-william rob;/o=exchangelabs/ou=exchange administrative group (fydibohf23spdlt)/cn=recipients/cn=3a012bf056ef4500b23c2ae377fc3536-laura agost;/o=exchangelabs/ou=exchange administrative group (fydibohf23spdlt)/cn=recipients/cn=651324bc204a42f6bbcdf62273ebdc5c-aluisio ant;/o=exchangelabs/ou=exchange administrative group (fydibohf23spdlt)/cn=recipients/cn=userdc05fc7c;</t>
  </si>
  <si>
    <t>ENC: Levantamento de Dados - Service Desk/Field</t>
  </si>
  <si>
    <t>Levamentamento_Dados_SD-ISD.xlsx</t>
  </si>
  <si>
    <t>/o=exchangelabs/ou=exchange administrative group (fydibohf23spdlt)/cn=recipients/cn=0bafe1ed27024338be4e911e19871cd1-william rob,/o=exchangelabs/ou=exchange administrative group (fydibohf23spdlt)/cn=recipients/cn=3a012bf056ef4500b23c2ae377fc3536-laura agost,/o=exchangelabs/ou=exchange administrative group (fydibohf23spdlt)/cn=recipients/cn=651324bc204a42f6bbcdf62273ebdc5c-aluisio ant,/o=exchangelabs/ou=exchange administrative group (fydibohf23spdlt)/cn=recipients/cn=userdc05fc7c</t>
  </si>
  <si>
    <t>Formulario_Ferias_Irregulares_-_Algar_Tech (2).xls</t>
  </si>
  <si>
    <t>D:\Backup 12-11-2019\Desktop - 12-11-19\Download\Formulario_Ferias_Irregulares_-_Algar_Tech (2).xls</t>
  </si>
  <si>
    <t>D:\Backup 12-11-2019\Desktop - 12-11-19\Download\Formulario_Ferias_Irregulares_-_Algar_Tech.xls</t>
  </si>
  <si>
    <t>gbxawqoe.3fv (1).csv</t>
  </si>
  <si>
    <t>D:\Backup 12-11-2019\Desktop - 12-11-19\Download\gbxawqoe.3fv (1).csv</t>
  </si>
  <si>
    <t>gbxawqoe.3fv (1).csv:Zone.Identifier</t>
  </si>
  <si>
    <t>D:\Backup 12-11-2019\Desktop - 12-11-19\Download\gbxawqoe.3fv (1).csv:Zone.Identifier</t>
  </si>
  <si>
    <t>gbxawqoe.3fv.csv</t>
  </si>
  <si>
    <t>D:\Backup 12-11-2019\Desktop - 12-11-19\Download\gbxawqoe.3fv.csv</t>
  </si>
  <si>
    <t>gbxawqoe.3fv.csv:Zone.Identifier</t>
  </si>
  <si>
    <t>D:\Backup 12-11-2019\Desktop - 12-11-19\Download\gbxawqoe.3fv.csv:Zone.Identifier</t>
  </si>
  <si>
    <t>ggdmlw55.tyi.csv</t>
  </si>
  <si>
    <t>D:\Backup 12-11-2019\Desktop - 12-11-19\Download\ggdmlw55.tyi.csv</t>
  </si>
  <si>
    <t>ggdmlw55.tyi.csv:Zone.Identifier</t>
  </si>
  <si>
    <t>D:\Backup 12-11-2019\Desktop - 12-11-19\Download\ggdmlw55.tyi.csv:Zone.Identifier</t>
  </si>
  <si>
    <t>D:\Backup 12-11-2019\Desktop - 12-11-19\Download\Mapa GAT 06-11-2019.xlsx</t>
  </si>
  <si>
    <t>D:\Backup 12-11-2019\Desktop - 12-11-19\Download\Meta e Real 3º Tri v2 - Inclusao PV na base.xlsx</t>
  </si>
  <si>
    <t>ok24zv04.05a (1).csv</t>
  </si>
  <si>
    <t>D:\Backup 12-11-2019\Desktop - 12-11-19\Download\ok24zv04.05a (1).csv</t>
  </si>
  <si>
    <t>ok24zv04.05a (1).csv:Zone.Identifier</t>
  </si>
  <si>
    <t>D:\Backup 12-11-2019\Desktop - 12-11-19\Download\ok24zv04.05a (1).csv:Zone.Identifier</t>
  </si>
  <si>
    <t>ok24zv04.05a.csv</t>
  </si>
  <si>
    <t>D:\Backup 12-11-2019\Desktop - 12-11-19\Download\ok24zv04.05a.csv</t>
  </si>
  <si>
    <t>ok24zv04.05a.csv:Zone.Identifier</t>
  </si>
  <si>
    <t>D:\Backup 12-11-2019\Desktop - 12-11-19\Download\ok24zv04.05a.csv:Zone.Identifier</t>
  </si>
  <si>
    <t>Oportunidades por data criação - bu approval - COM NO GO.xlsx</t>
  </si>
  <si>
    <t>D:\Backup 12-11-2019\Desktop - 12-11-19\Download\Oportunidades por data criação - bu approval - COM NO GO.xlsx</t>
  </si>
  <si>
    <t>D:\Backup 12-11-2019\Desktop - 12-11-19\Download\Oportunidades por data criação - bu approval - SEM NO GO E DUPLICADAS.xlsx</t>
  </si>
  <si>
    <t>D:\Backup 12-11-2019\Desktop - 12-11-19\Download\Oportunidades por data criação - bu approval.xlsx</t>
  </si>
  <si>
    <t>Oportunidades por data criação - detalhado - emissão proposta (1).xlsx</t>
  </si>
  <si>
    <t>D:\Backup 12-11-2019\Desktop - 12-11-19\Download\Oportunidades por data criação - detalhado - emissão proposta (1).xlsx</t>
  </si>
  <si>
    <t>Oportunidades por data criação - detalhado - emissão proposta (2).xlsx</t>
  </si>
  <si>
    <t>D:\Backup 12-11-2019\Desktop - 12-11-19\Download\Oportunidades por data criação - detalhado - emissão proposta (2).xlsx</t>
  </si>
  <si>
    <t>Oportunidades por data criação - detalhado - emissão proposta.xlsx</t>
  </si>
  <si>
    <t>D:\Backup 12-11-2019\Desktop - 12-11-19\Download\Oportunidades por data criação - detalhado - emissão proposta.xlsx</t>
  </si>
  <si>
    <t>Pipeline Detalhado emissão proposta (1).xlsx</t>
  </si>
  <si>
    <t>D:\Backup 12-11-2019\Desktop - 12-11-19\Download\Pipeline Detalhado emissão proposta (1).xlsx</t>
  </si>
  <si>
    <t>Pipeline Detalhado emissão proposta (2).xlsx</t>
  </si>
  <si>
    <t>D:\Backup 12-11-2019\Desktop - 12-11-19\Download\Pipeline Detalhado emissão proposta (2).xlsx</t>
  </si>
  <si>
    <t>D:\Backup 12-11-2019\Desktop - 12-11-19\Download\Pipeline Detalhado emissão proposta.xlsx</t>
  </si>
  <si>
    <t>PosicaoHistorico_3044719.xls</t>
  </si>
  <si>
    <t>D:\Backup 12-11-2019\Desktop - 12-11-19\Download\PosicaoHistorico_3044719.xls</t>
  </si>
  <si>
    <t>Vendas Detalhado com CAPEX_OPEX.xlsx</t>
  </si>
  <si>
    <t>D:\Backup 12-11-2019\Desktop - 12-11-19\Download\Vendas Detalhado com CAPEX_OPEX.xlsx</t>
  </si>
  <si>
    <t>D:\Backup 12-11-2019\Desktop - 12-11-19\Download\Vendas Detalhado.xlsx</t>
  </si>
  <si>
    <t>vkauqcop.0fm (1).csv</t>
  </si>
  <si>
    <t>D:\Backup 12-11-2019\Desktop - 12-11-19\Download\vkauqcop.0fm (1).csv</t>
  </si>
  <si>
    <t>vkauqcop.0fm (1).csv:Zone.Identifier</t>
  </si>
  <si>
    <t>D:\Backup 12-11-2019\Desktop - 12-11-19\Download\vkauqcop.0fm (1).csv:Zone.Identifier</t>
  </si>
  <si>
    <t>vkauqcop.0fm.csv</t>
  </si>
  <si>
    <t>D:\Backup 12-11-2019\Desktop - 12-11-19\Download\vkauqcop.0fm.csv</t>
  </si>
  <si>
    <t>vkauqcop.0fm.csv:Zone.Identifier</t>
  </si>
  <si>
    <t>D:\Backup 12-11-2019\Desktop - 12-11-19\Download\vkauqcop.0fm.csv:Zone.Identifier</t>
  </si>
  <si>
    <t>xjissdhr.3xm (1).csv</t>
  </si>
  <si>
    <t>D:\Backup 12-11-2019\Desktop - 12-11-19\Download\xjissdhr.3xm (1).csv</t>
  </si>
  <si>
    <t>xjissdhr.3xm (1).csv:Zone.Identifier</t>
  </si>
  <si>
    <t>D:\Backup 12-11-2019\Desktop - 12-11-19\Download\xjissdhr.3xm (1).csv:Zone.Identifier</t>
  </si>
  <si>
    <t>xjissdhr.3xm.csv</t>
  </si>
  <si>
    <t>D:\Backup 12-11-2019\Desktop - 12-11-19\Download\xjissdhr.3xm.csv</t>
  </si>
  <si>
    <t>xjissdhr.3xm.csv:Zone.Identifier</t>
  </si>
  <si>
    <t>D:\Backup 12-11-2019\Desktop - 12-11-19\Download\xjissdhr.3xm.csv:Zone.Identifier</t>
  </si>
  <si>
    <t>xq0riycp.55q.csv</t>
  </si>
  <si>
    <t>D:\Backup 12-11-2019\Desktop - 12-11-19\Download\xq0riycp.55q.csv</t>
  </si>
  <si>
    <t>xq0riycp.55q.csv:Zone.Identifier</t>
  </si>
  <si>
    <t>D:\Backup 12-11-2019\Desktop - 12-11-19\Download\xq0riycp.55q.csv:Zone.Identifier</t>
  </si>
  <si>
    <t>xxxx - BP Preço C015 B014- 4equipe +1 vistoriador v2.xlsb</t>
  </si>
  <si>
    <t>D:\Backup 12-11-2019\Desktop - 12-11-19\Download\xxxx - BP Preço C015 B014- 4equipe +1 vistoriador v2.xlsb</t>
  </si>
  <si>
    <t>C:\Users\suelenmm\OneDrive - Grupo Algar\Desktop - 12-11-19\Download\xxxx - BP Preço C015 B014- 4equipe +1 vistoriador v2.xlsb\</t>
  </si>
  <si>
    <t>C:\Users\suelenmm\OneDrive - Grupo Algar\Desktop - 12-11-19\Download\Meus Arquivos Recebidos\144783-DesenhoProjeto_TIM_Final(1).pptx\</t>
  </si>
  <si>
    <t>D:\Backup 12-11-2019\Desktop - 12-11-19\Download\Meus Arquivos Recebidos\144783-DesenhoProjeto_TIM_Final(1).pptx</t>
  </si>
  <si>
    <t>C:\Users\suelenmm\OneDrive - Grupo Algar\Desktop - 12-11-19\Download\Meus Arquivos Recebidos\</t>
  </si>
  <si>
    <t>BP C011 B012 Deson - Petrobras - Suporte-Melhorias Fabrica.xlsb</t>
  </si>
  <si>
    <t>D:\Backup 12-11-2019\Desktop - 12-11-19\Download\Meus Arquivos Recebidos\BP C011 B012 Deson - Petrobras - Suporte-Melhorias Fabrica.xlsb</t>
  </si>
  <si>
    <t>C:\Users\suelenmm\OneDrive - Grupo Algar\Desktop - 12-11-19\Download\Meus Arquivos Recebidos\BP C011 B012 Deson - Petrobras - Suporte-Melhorias Fabrica.xlsb\</t>
  </si>
  <si>
    <t>BP ITI.xlsb</t>
  </si>
  <si>
    <t>D:\Backup 12-11-2019\Desktop - 12-11-19\Download\Meus Arquivos Recebidos\BP ITI.xlsb</t>
  </si>
  <si>
    <t>C:\Users\suelenmm\OneDrive - Grupo Algar\Desktop - 12-11-19\Download\Meus Arquivos Recebidos\BP ITI.xlsb\</t>
  </si>
  <si>
    <t>BP-GEFCO-FINAL.xlsb</t>
  </si>
  <si>
    <t>D:\Backup 12-11-2019\Desktop - 12-11-19\Download\Meus Arquivos Recebidos\BP-GEFCO-FINAL.xlsb</t>
  </si>
  <si>
    <t>C:\Users\suelenmm\OneDrive - Grupo Algar\Desktop - 12-11-19\Download\Meus Arquivos Recebidos\BP-GEFCO-FINAL.xlsb\</t>
  </si>
  <si>
    <t>CAPEX EVOLUÇÃO DE VENDAS.xlsx</t>
  </si>
  <si>
    <t>D:\Backup 12-11-2019\Desktop - 12-11-19\Download\Meus Arquivos Recebidos\CAPEX EVOLUÇÃO DE VENDAS.xlsx</t>
  </si>
  <si>
    <t>Comissão Força de Vendas - 3º Tri - 2018 - OFICIAL - Fabiano - CORRETO.xlsb</t>
  </si>
  <si>
    <t>D:\Backup 12-11-2019\Desktop - 12-11-19\Download\Meus Arquivos Recebidos\Comissão Força de Vendas - 3º Tri - 2018 - OFICIAL - Fabiano - CORRETO.xlsb</t>
  </si>
  <si>
    <t>consolidado.xlsb</t>
  </si>
  <si>
    <t>D:\Backup 12-11-2019\Desktop - 12-11-19\Download\Meus Arquivos Recebidos\consolidado.xlsb</t>
  </si>
  <si>
    <t>C:\Users\suelenmm\OneDrive - Grupo Algar\Desktop - 12-11-19\Download\Meus Arquivos Recebidos\consolidado.xlsb\</t>
  </si>
  <si>
    <t>CV Moderno - Modelo .xlsx</t>
  </si>
  <si>
    <t>D:\Backup 12-11-2019\Desktop - 12-11-19\Download\Meus Arquivos Recebidos\CV Moderno - Modelo .xlsx</t>
  </si>
  <si>
    <t>Cópia de Anexo 2 – QQP_v4.xlsx</t>
  </si>
  <si>
    <t>D:\Backup 12-11-2019\Desktop - 12-11-19\Download\Meus Arquivos Recebidos\Cópia de Anexo 2 – QQP_v4.xlsx</t>
  </si>
  <si>
    <t>Distribuição vs Comparativo_v2.xlsx</t>
  </si>
  <si>
    <t>D:\Backup 12-11-2019\Desktop - 12-11-19\Download\Meus Arquivos Recebidos\Distribuição vs Comparativo_v2.xlsx</t>
  </si>
  <si>
    <t>D:\Backup 12-11-2019\Desktop - 12-11-19\Download\Meus Arquivos Recebidos\Field.xlsb</t>
  </si>
  <si>
    <t>C:\Users\suelenmm\OneDrive - Grupo Algar\Desktop - 12-11-19\Download\Meus Arquivos Recebidos\Field.xlsb\</t>
  </si>
  <si>
    <t>D:\Backup 12-11-2019\Desktop - 12-11-19\Download\Meus Arquivos Recebidos\FLEXFIELDS - Códigos de Contabilização OEBS - Algar Tech .xlsx</t>
  </si>
  <si>
    <t>Forecast de Receita Oficial_2019(1).xlsx</t>
  </si>
  <si>
    <t>D:\Backup 12-11-2019\Desktop - 12-11-19\Download\Meus Arquivos Recebidos\Forecast de Receita Oficial_2019(1).xlsx</t>
  </si>
  <si>
    <t>D:\Backup 12-11-2019\Desktop - 12-11-19\Download\Meus Arquivos Recebidos\Forecast de Receita Oficial_2019.xlsx</t>
  </si>
  <si>
    <t>LPU_DataCenter_Comercial_V2.xlsm</t>
  </si>
  <si>
    <t>D:\Backup 12-11-2019\Desktop - 12-11-19\Download\Meus Arquivos Recebidos\LPU_DataCenter_Comercial_V2.xlsm</t>
  </si>
  <si>
    <t>LPU_DataCenter_Comercial_V6_Julho-2018.xlsm</t>
  </si>
  <si>
    <t>D:\Backup 12-11-2019\Desktop - 12-11-19\Download\Meus Arquivos Recebidos\LPU_DataCenter_Comercial_V6_Julho-2018.xlsm</t>
  </si>
  <si>
    <t>D:\Backup 12-11-2019\Desktop - 12-11-19\Download\Meus Arquivos Recebidos\LPU_DataCenter_Comercial_V8_Maio-2019.xlsm</t>
  </si>
  <si>
    <t>PlanilhaPreco_Base.xlsb</t>
  </si>
  <si>
    <t>D:\Backup 12-11-2019\Desktop - 12-11-19\Download\Meus Arquivos Recebidos\PlanilhaPreco_Base.xlsb</t>
  </si>
  <si>
    <t>C:\Users\suelenmm\OneDrive - Grupo Algar\Desktop - 12-11-19\Download\Meus Arquivos Recebidos\PlanilhaPreco_Base.xlsb\</t>
  </si>
  <si>
    <t>D:\Backup 12-11-2019\Desktop - 12-11-19\Download\Meus Arquivos Recebidos\pricing.xlsx</t>
  </si>
  <si>
    <t>D:\Backup 12-11-2019\Desktop - 12-11-19\Download\Meus Arquivos Recebidos\Prudential - BP ISD - Versão Novembro 2019.xlsb</t>
  </si>
  <si>
    <t>C:\Users\suelenmm\OneDrive - Grupo Algar\Desktop - 12-11-19\Download\Meus Arquivos Recebidos\Prudential - BP ISD - Versão Novembro 2019.xlsb\</t>
  </si>
  <si>
    <t>D:\Backup 12-11-2019\Desktop - 12-11-19\Download\Meus Arquivos Recebidos\pth_1.xlsx</t>
  </si>
  <si>
    <t>PTH_GAT_CML.xlsx</t>
  </si>
  <si>
    <t>D:\Backup 12-11-2019\Desktop - 12-11-19\Download\Meus Arquivos Recebidos\PTH_GAT_CML.xlsx</t>
  </si>
  <si>
    <t>STH - Analista de Negócios PL.xlsx</t>
  </si>
  <si>
    <t>D:\Backup 12-11-2019\Desktop - 12-11-19\Download\Meus Arquivos Recebidos\STH - Analista de Negócios PL.xlsx</t>
  </si>
  <si>
    <t>D:\Backup 12-11-2019\Desktop - 12-11-19\Download\Meus Arquivos Recebidos\Template_Proposta_Transacional.xls</t>
  </si>
  <si>
    <t>D:\Backup 12-11-2019\Desktop - 12-11-19\PreVendas - Governo Diogo\cotacao funarte.xlsx</t>
  </si>
  <si>
    <t>D:\Backup 12-11-2019\Desktop - 12-11-19\PreVendas - Governo Diogo\Cálculo de Comissões.xlsx</t>
  </si>
  <si>
    <t>D:\Backup 12-11-2019\Desktop - 12-11-19\PreVendas - Governo Diogo\Sylvio.xlsb</t>
  </si>
  <si>
    <t>D:\Backup 12-11-2019\Desktop - 12-11-19\PreVendas - Governo Diogo\ABDI\cotação Envio.xlsx</t>
  </si>
  <si>
    <t>D:\Backup 12-11-2019\Desktop - 12-11-19\PreVendas - Governo Diogo\ABDI\cotação.xlsx</t>
  </si>
  <si>
    <t>D:\Backup 12-11-2019\Desktop - 12-11-19\PreVendas - Governo Diogo\adasa\previa preço.xlsx</t>
  </si>
  <si>
    <t>D:\Backup 12-11-2019\Desktop - 12-11-19\PreVendas - Governo Diogo\ALESP\Preco.xlsb</t>
  </si>
  <si>
    <t>D:\Backup 12-11-2019\Desktop - 12-11-19\PreVendas - Governo Diogo\Alphaville\Per Call Reset Senha.xlsb</t>
  </si>
  <si>
    <t>D:\Backup 12-11-2019\Desktop - 12-11-19\PreVendas - Governo Diogo\AMAGGI\Bilíngue compartilhado.xlsb</t>
  </si>
  <si>
    <t>D:\Backup 12-11-2019\Desktop - 12-11-19\PreVendas - Governo Diogo\AMAGGI\Bilíngue Dedicado.xlsb</t>
  </si>
  <si>
    <t>D:\Backup 12-11-2019\Desktop - 12-11-19\PreVendas - Governo Diogo\AMAGGI\Field.xlsb</t>
  </si>
  <si>
    <t>D:\Backup 12-11-2019\Desktop - 12-11-19\PreVendas - Governo Diogo\AMAGGI\NOC.xlsb</t>
  </si>
  <si>
    <t>D:\Backup 12-11-2019\Desktop - 12-11-19\PreVendas - Governo Diogo\AMAGGI\PS.xlsb</t>
  </si>
  <si>
    <t>C:\Users\suelenmm\OneDrive - Grupo Algar\Desktop - 12-11-19\PreVendas - Governo Diogo\AMAGGI\Revisão 1\</t>
  </si>
  <si>
    <t>D:\Backup 12-11-2019\Desktop - 12-11-19\PreVendas - Governo Diogo\AMAGGI\Revisão 1\Field.xlsb</t>
  </si>
  <si>
    <t>C:\Users\suelenmm\OneDrive - Grupo Algar\Desktop - 12-11-19\PreVendas - Governo Diogo\AMAGGI\Revisão 1\Field.xlsb\</t>
  </si>
  <si>
    <t>C:\Users\suelenmm\OneDrive - Grupo Algar\Desktop - 12-11-19\PreVendas - Governo Diogo\AMAGGI\Revisão 1\Revisão 1.zip\</t>
  </si>
  <si>
    <t>D:\Backup 12-11-2019\Desktop - 12-11-19\PreVendas - Governo Diogo\AMAGGI\Revisão 1\Revisão 1.zip</t>
  </si>
  <si>
    <t>11/13/2019 08:41:30</t>
  </si>
  <si>
    <t>SD.xlsb</t>
  </si>
  <si>
    <t>C:\Users\suelenmm\OneDrive - Grupo Algar\Desktop - 12-11-19\PreVendas - Governo Diogo\AMAGGI\Revisão 1\Revisão 1.zip\Field.xlsb\</t>
  </si>
  <si>
    <t>C:\Users\suelenmm\OneDrive - Grupo Algar\Desktop - 12-11-19\PreVendas - Governo Diogo\AMAGGI\Revisão 1\Revisão 1.zip\SD.xlsb\</t>
  </si>
  <si>
    <t>D:\Backup 12-11-2019\Desktop - 12-11-19\PreVendas - Governo Diogo\AMAGGI\Revisão 1\SD.xlsb</t>
  </si>
  <si>
    <t>C:\Users\suelenmm\OneDrive - Grupo Algar\Desktop - 12-11-19\PreVendas - Governo Diogo\AMAGGI\Revisão 1\SD.xlsb\</t>
  </si>
  <si>
    <t>C:\Users\suelenmm\OneDrive - Grupo Algar\Desktop - 12-11-19\PreVendas - Governo Diogo\AMAGGI\Revisão 2\</t>
  </si>
  <si>
    <t>D:\Backup 12-11-2019\Desktop - 12-11-19\PreVendas - Governo Diogo\AMAGGI\Revisão 2\Field.xlsb</t>
  </si>
  <si>
    <t>C:\Users\suelenmm\OneDrive - Grupo Algar\Desktop - 12-11-19\PreVendas - Governo Diogo\AMAGGI\Revisão 2\Field.xlsb\</t>
  </si>
  <si>
    <t>SD N1.xlsb</t>
  </si>
  <si>
    <t>D:\Backup 12-11-2019\Desktop - 12-11-19\PreVendas - Governo Diogo\AMAGGI\Revisão 2\SD N1.xlsb</t>
  </si>
  <si>
    <t>C:\Users\suelenmm\OneDrive - Grupo Algar\Desktop - 12-11-19\PreVendas - Governo Diogo\AMAGGI\Revisão 2\SD N1.xlsb\</t>
  </si>
  <si>
    <t>C:\Users\suelenmm\OneDrive - Grupo Algar\Desktop - 12-11-19\PreVendas - Governo Diogo\ANA\Cotação Infra\</t>
  </si>
  <si>
    <t>Proposta de Indicadores.xlsx</t>
  </si>
  <si>
    <t>D:\Backup 12-11-2019\Desktop - 12-11-19\PreVendas - Governo Diogo\ANA\Cotação Infra\Proposta de Indicadores.xlsx</t>
  </si>
  <si>
    <t>C:\Users\suelenmm\OneDrive - Grupo Algar\Desktop - 12-11-19\PreVendas - Governo Diogo\ANA\Service-desk Publicado\</t>
  </si>
  <si>
    <t>D:\Backup 12-11-2019\Desktop - 12-11-19\PreVendas - Governo Diogo\ANA\Service-desk Publicado\Planilha de Preço - Serviços Gerenciados.xlsb</t>
  </si>
  <si>
    <t>Preço Desonerado.xlsb</t>
  </si>
  <si>
    <t>D:\Backup 12-11-2019\Desktop - 12-11-19\PreVendas - Governo Diogo\ANA\Service-desk Publicado\Preço Desonerado.xlsb</t>
  </si>
  <si>
    <t>D:\Backup 12-11-2019\Desktop - 12-11-19\PreVendas - Governo Diogo\ANA\Service-desk Publicado\Volumetria.xlsx</t>
  </si>
  <si>
    <t>D:\Backup 12-11-2019\Desktop - 12-11-19\PreVendas - Governo Diogo\ANAC\Estrutura e preço PS.xlsx</t>
  </si>
  <si>
    <t>C:\Users\suelenmm\OneDrive - Grupo Algar\Desktop - 12-11-19\PreVendas - Governo Diogo\ANAC\2017\cotação\</t>
  </si>
  <si>
    <t>D:\Backup 12-11-2019\Desktop - 12-11-19\PreVendas - Governo Diogo\ANAC\2017\cotação\Cotação.xlsx</t>
  </si>
  <si>
    <t>D:\Backup 12-11-2019\Desktop - 12-11-19\PreVendas - Governo Diogo\ANATEL\Cenário 1.xlsb</t>
  </si>
  <si>
    <t>D:\Backup 12-11-2019\Desktop - 12-11-19\PreVendas - Governo Diogo\ANATEL\Cenário 2.xlsb</t>
  </si>
  <si>
    <t>C:\Users\suelenmm\OneDrive - Grupo Algar\Desktop - 12-11-19\PreVendas - Governo Diogo\ANATEL\2017\Infra\Cotação\</t>
  </si>
  <si>
    <t>Cotação Infra.xlsx</t>
  </si>
  <si>
    <t>D:\Backup 12-11-2019\Desktop - 12-11-19\PreVendas - Governo Diogo\ANATEL\2017\Infra\Cotação\Cotação Infra.xlsx</t>
  </si>
  <si>
    <t>C:\Users\suelenmm\OneDrive - Grupo Algar\Desktop - 12-11-19\PreVendas - Governo Diogo\ANCINE\ANEEL\</t>
  </si>
  <si>
    <t>D:\Backup 12-11-2019\Desktop - 12-11-19\PreVendas - Governo Diogo\ANCINE\ANEEL\Desenho.xlsx</t>
  </si>
  <si>
    <t>Preço Consolidado.xlsb</t>
  </si>
  <si>
    <t>D:\Backup 12-11-2019\Desktop - 12-11-19\PreVendas - Governo Diogo\ANCINE\ANEEL\Preço Consolidado.xlsb</t>
  </si>
  <si>
    <t>Preço Migração + Treinamento.xlsb</t>
  </si>
  <si>
    <t>D:\Backup 12-11-2019\Desktop - 12-11-19\PreVendas - Governo Diogo\ANCINE\ANEEL\Preço Migração + Treinamento.xlsb</t>
  </si>
  <si>
    <t>Preço Operação.xlsb</t>
  </si>
  <si>
    <t>D:\Backup 12-11-2019\Desktop - 12-11-19\PreVendas - Governo Diogo\ANCINE\ANEEL\Preço Operação.xlsb</t>
  </si>
  <si>
    <t>C:\Users\suelenmm\OneDrive - Grupo Algar\Desktop - 12-11-19\PreVendas - Governo Diogo\ANCINE\ANEEL\2015\</t>
  </si>
  <si>
    <t>D:\Backup 12-11-2019\Desktop - 12-11-19\PreVendas - Governo Diogo\ANCINE\ANEEL\2015\Cotação.xlsx</t>
  </si>
  <si>
    <t>C:\Users\suelenmm\OneDrive - Grupo Algar\Desktop - 12-11-19\PreVendas - Governo Diogo\ANCINE\ANEEL\2018\SD\</t>
  </si>
  <si>
    <t>Pricing.xlsx</t>
  </si>
  <si>
    <t>D:\Backup 12-11-2019\Desktop - 12-11-19\PreVendas - Governo Diogo\ANCINE\ANEEL\2018\SD\Pricing.xlsx</t>
  </si>
  <si>
    <t>C:\Users\suelenmm\OneDrive - Grupo Algar\Desktop - 12-11-19\PreVendas - Governo Diogo\ANP\2018\Infraestrutura\Cotação\</t>
  </si>
  <si>
    <t>D:\Backup 12-11-2019\Desktop - 12-11-19\PreVendas - Governo Diogo\ANP\2018\Infraestrutura\Cotação\Cotação.xlsx</t>
  </si>
  <si>
    <t>D:\Backup 12-11-2019\Desktop - 12-11-19\PreVendas - Governo Diogo\ANS\Cotação.xlsx</t>
  </si>
  <si>
    <t>D:\Backup 12-11-2019\Desktop - 12-11-19\PreVendas - Governo Diogo\ANTT\Funcionalidades-Ferramenta-CA.xlsx</t>
  </si>
  <si>
    <t>D:\Backup 12-11-2019\Desktop - 12-11-19\PreVendas - Governo Diogo\ANS\2016\Cotação 07-2016\Cotação.xlsx</t>
  </si>
  <si>
    <t>C:\Users\suelenmm\OneDrive - Grupo Algar\Desktop - 12-11-19\PreVendas - Governo Diogo\ANVISA\2016\SD\</t>
  </si>
  <si>
    <t>COTAÇÃO Planilha de Preços - ANVISA SD.xlsm</t>
  </si>
  <si>
    <t>D:\Backup 12-11-2019\Desktop - 12-11-19\PreVendas - Governo Diogo\ANVISA\2016\SD\COTAÇÃO Planilha de Preços - ANVISA SD.xlsm</t>
  </si>
  <si>
    <t>C:\Users\suelenmm\OneDrive - Grupo Algar\Desktop - 12-11-19\PreVendas - Governo Diogo\ANVISA\2017\</t>
  </si>
  <si>
    <t>Cotação N1.xlsb</t>
  </si>
  <si>
    <t>D:\Backup 12-11-2019\Desktop - 12-11-19\PreVendas - Governo Diogo\ANVISA\2017\Cotação N1.xlsb</t>
  </si>
  <si>
    <t>C:\Users\suelenmm\OneDrive - Grupo Algar\Desktop - 12-11-19\PreVendas - Governo Diogo\ANVISA\2017\Cotação N1.xlsb\</t>
  </si>
  <si>
    <t>Cotação N2.xlsb</t>
  </si>
  <si>
    <t>D:\Backup 12-11-2019\Desktop - 12-11-19\PreVendas - Governo Diogo\ANVISA\2017\Cotação N2.xlsb</t>
  </si>
  <si>
    <t>C:\Users\suelenmm\OneDrive - Grupo Algar\Desktop - 12-11-19\PreVendas - Governo Diogo\ANVISA\2017\Cotação N2.xlsb\</t>
  </si>
  <si>
    <t>D:\Backup 12-11-2019\Desktop - 12-11-19\PreVendas - Governo Diogo\ANVISA\2017\Resumo.xlsx</t>
  </si>
  <si>
    <t>C:\Users\suelenmm\OneDrive - Grupo Algar\Desktop - 12-11-19\PreVendas - Governo Diogo\ANVISA\2017\Edital Publicado\</t>
  </si>
  <si>
    <t>D:\Backup 12-11-2019\Desktop - 12-11-19\PreVendas - Governo Diogo\ANVISA\2017\Edital Publicado\BP Preço C010 B011 Desonerada.xlsb</t>
  </si>
  <si>
    <t>C:\Users\suelenmm\OneDrive - Grupo Algar\Desktop - 12-11-19\PreVendas - Governo Diogo\ANVISA\2017\Edital Publicado\BP Preço C010 B011 Desonerada.xlsb\</t>
  </si>
  <si>
    <t>C:\Users\suelenmm\OneDrive - Grupo Algar\Desktop - 12-11-19\PreVendas - Governo Diogo\ANVISA\Cotação\</t>
  </si>
  <si>
    <t>Cotação.xlsb</t>
  </si>
  <si>
    <t>D:\Backup 12-11-2019\Desktop - 12-11-19\PreVendas - Governo Diogo\ANVISA\Cotação\Cotação.xlsb</t>
  </si>
  <si>
    <t>Racional UST Cotação.xlsx</t>
  </si>
  <si>
    <t>D:\Backup 12-11-2019\Desktop - 12-11-19\PreVendas - Governo Diogo\ANVISA\Cotação\Racional UST Cotação.xlsx</t>
  </si>
  <si>
    <t>C:\Users\suelenmm\OneDrive - Grupo Algar\Desktop - 12-11-19\PreVendas - Governo Diogo\Arquivo Nacional\Cotação\</t>
  </si>
  <si>
    <t>D:\Backup 12-11-2019\Desktop - 12-11-19\PreVendas - Governo Diogo\Arquivo Nacional\Cotação\Cotação.xlsx</t>
  </si>
  <si>
    <t>D:\Backup 12-11-2019\Desktop - 12-11-19\PreVendas - Governo Diogo\BACEN\Preco.xlsb</t>
  </si>
  <si>
    <t>C:\Users\suelenmm\OneDrive - Grupo Algar\Desktop - 12-11-19\PreVendas - Governo Diogo\BBTS\BBTS TV\</t>
  </si>
  <si>
    <t>D:\Backup 12-11-2019\Desktop - 12-11-19\PreVendas - Governo Diogo\BBTS\BBTS TV\Pricing.xlsx</t>
  </si>
  <si>
    <t>C:\Users\suelenmm\OneDrive - Grupo Algar\Desktop - 12-11-19\PreVendas - Governo Diogo\BDMG\Final\</t>
  </si>
  <si>
    <t>Cotação BDMG.xlsb</t>
  </si>
  <si>
    <t>D:\Backup 12-11-2019\Desktop - 12-11-19\PreVendas - Governo Diogo\BDMG\Final\Cotação BDMG.xlsb</t>
  </si>
  <si>
    <t>D:\Backup 12-11-2019\Desktop - 12-11-19\PreVendas - Governo Diogo\BDMG\Final\dimensionamento Monitoramento.xlsx</t>
  </si>
  <si>
    <t>D:\Backup 12-11-2019\Desktop - 12-11-19\PreVendas - Governo Diogo\BNB\Map - Sistema de Precificação Novo Portifolio.xlsb</t>
  </si>
  <si>
    <t>D:\Backup 12-11-2019\Desktop - 12-11-19\PreVendas - Governo Diogo\BNB\Simulação - Valdeira.xlsx</t>
  </si>
  <si>
    <t>D:\Backup 12-11-2019\Desktop - 12-11-19\PreVendas - Governo Diogo\BNB\Simulação.xlsx</t>
  </si>
  <si>
    <t>C:\Users\suelenmm\OneDrive - Grupo Algar\Desktop - 12-11-19\PreVendas - Governo Diogo\BNB\2015\</t>
  </si>
  <si>
    <t>Análise Macro BNB 2015.xlsx</t>
  </si>
  <si>
    <t>D:\Backup 12-11-2019\Desktop - 12-11-19\PreVendas - Governo Diogo\BNB\2015\Análise Macro BNB 2015.xlsx</t>
  </si>
  <si>
    <t>Cópia de Map - Precificação MSV 15 &amp; CPRB V (Recuperado).xlsb</t>
  </si>
  <si>
    <t>D:\Backup 12-11-2019\Desktop - 12-11-19\PreVendas - Governo Diogo\BNB\2015\Cópia de Map - Precificação MSV 15 &amp; CPRB V (Recuperado).xlsb</t>
  </si>
  <si>
    <t>Cópia de Map - Precificação MSV 15 &amp; CPRB V.2015-2-000.xlsb</t>
  </si>
  <si>
    <t>D:\Backup 12-11-2019\Desktop - 12-11-19\PreVendas - Governo Diogo\BNB\2015\Cópia de Map - Precificação MSV 15 &amp; CPRB V.2015-2-000.xlsb</t>
  </si>
  <si>
    <t>C:\Users\suelenmm\OneDrive - Grupo Algar\Desktop - 12-11-19\PreVendas - Governo Diogo\BNB\2018\SD\Cotação\</t>
  </si>
  <si>
    <t>D:\Backup 12-11-2019\Desktop - 12-11-19\PreVendas - Governo Diogo\BNB\2018\SD\Cotação\Cotação.xlsx</t>
  </si>
  <si>
    <t>D:\Backup 12-11-2019\Desktop - 12-11-19\PreVendas - Governo Diogo\BNB\2018\SD\Cotação\Pricing.xlsb</t>
  </si>
  <si>
    <t>C:\Users\suelenmm\OneDrive - Grupo Algar\Desktop - 12-11-19\PreVendas - Governo Diogo\BNB\2018\SD\Cotação\Pricing.xlsb\</t>
  </si>
  <si>
    <t>C:\Users\suelenmm\OneDrive - Grupo Algar\Desktop - 12-11-19\PreVendas - Governo Diogo\BNB PS\Edital Publicado\Preificacao\</t>
  </si>
  <si>
    <t>BP Viagens.xlsb</t>
  </si>
  <si>
    <t>D:\Backup 12-11-2019\Desktop - 12-11-19\PreVendas - Governo Diogo\BNB PS\Edital Publicado\Preificacao\BP Viagens.xlsb</t>
  </si>
  <si>
    <t>Preco Servico.xlsb</t>
  </si>
  <si>
    <t>D:\Backup 12-11-2019\Desktop - 12-11-19\PreVendas - Governo Diogo\BNB PS\Edital Publicado\Preificacao\Preco Servico.xlsb</t>
  </si>
  <si>
    <t>C:\Users\suelenmm\OneDrive - Grupo Algar\Desktop - 12-11-19\PreVendas - Governo Diogo\BNB PS\Edital Republicado\</t>
  </si>
  <si>
    <t>Cargos_Banco_Nordeste.xls</t>
  </si>
  <si>
    <t>D:\Backup 12-11-2019\Desktop - 12-11-19\PreVendas - Governo Diogo\BNB PS\Edital Republicado\Cargos_Banco_Nordeste.xls</t>
  </si>
  <si>
    <t>Escala Preposto.xlsx</t>
  </si>
  <si>
    <t>D:\Backup 12-11-2019\Desktop - 12-11-19\PreVendas - Governo Diogo\BNB PS\Edital Republicado\Escala Preposto.xlsx</t>
  </si>
  <si>
    <t>Pricing Cheio.xlsb</t>
  </si>
  <si>
    <t>D:\Backup 12-11-2019\Desktop - 12-11-19\PreVendas - Governo Diogo\BNB PS\Edital Republicado\Pricing Cheio.xlsb</t>
  </si>
  <si>
    <t>C:\Users\suelenmm\OneDrive - Grupo Algar\Desktop - 12-11-19\PreVendas - Governo Diogo\Infraero\</t>
  </si>
  <si>
    <t>Anexo_VII_Plan_Custos.xls</t>
  </si>
  <si>
    <t>Pricing Ganho Monitoramento.xlsb</t>
  </si>
  <si>
    <t>D:\Backup 12-11-2019\Desktop - 12-11-19\PreVendas - Governo Diogo\BNB PS\Edital Republicado\Pricing Ganho Monitoramento.xlsb</t>
  </si>
  <si>
    <t>D:\Backup 12-11-2019\Desktop - 12-11-19\PreVendas - Governo Diogo\BNDES\Planilha de Preço por ítem(REVISADO).xlsx</t>
  </si>
  <si>
    <t>D:\Backup 12-11-2019\Desktop - 12-11-19\PreVendas - Governo Diogo\BNDES\Planilha de Preço por ítem.xlsx</t>
  </si>
  <si>
    <t>C:\Users\suelenmm\OneDrive - Grupo Algar\Desktop - 12-11-19\PreVendas - Governo Diogo\BRB\Apresentação\</t>
  </si>
  <si>
    <t>D:\Backup 12-11-2019\Desktop - 12-11-19\PreVendas - Governo Diogo\BRB\Apresentação\Impacto X Urgência.xlsx</t>
  </si>
  <si>
    <t>C:\Users\suelenmm\OneDrive - Grupo Algar\Desktop - 12-11-19\PreVendas - Governo Diogo\BRB_\Apresentação\</t>
  </si>
  <si>
    <t>D:\Backup 12-11-2019\Desktop - 12-11-19\PreVendas - Governo Diogo\BRB_\Apresentação\Impacto X Urgência.xlsx</t>
  </si>
  <si>
    <t>D:\Backup 12-11-2019\Desktop - 12-11-19\PreVendas - Governo Diogo\CADE\BP Item 1.xlsb</t>
  </si>
  <si>
    <t>D:\Backup 12-11-2019\Desktop - 12-11-19\PreVendas - Governo Diogo\CADE\BP Item 2.xlsb</t>
  </si>
  <si>
    <t>D:\Backup 12-11-2019\Desktop - 12-11-19\PreVendas - Governo Diogo\CADE\BP Item 4.xlsb</t>
  </si>
  <si>
    <t>D:\Backup 12-11-2019\Desktop - 12-11-19\PreVendas - Governo Diogo\CADE\Cotação.xlsx</t>
  </si>
  <si>
    <t>C:\Users\suelenmm\OneDrive - Grupo Algar\Desktop - 12-11-19\PreVendas - Governo Diogo\Caixa\2016\Republicado\</t>
  </si>
  <si>
    <t>Análise.xlsx</t>
  </si>
  <si>
    <t>D:\Backup 12-11-2019\Desktop - 12-11-19\PreVendas - Governo Diogo\Caixa\2016\Republicado\Análise.xlsx</t>
  </si>
  <si>
    <t>BP - BASE.xlsb</t>
  </si>
  <si>
    <t>D:\Backup 12-11-2019\Desktop - 12-11-19\PreVendas - Governo Diogo\Caixa\2016\Republicado\BP - BASE.xlsb</t>
  </si>
  <si>
    <t>C:\Users\suelenmm\OneDrive - Grupo Algar\Desktop - 12-11-19\PreVendas - Governo Diogo\Caixa\2016\Republicado\BP - BASE.xlsb\</t>
  </si>
  <si>
    <t>BP 1.0.xlsb</t>
  </si>
  <si>
    <t>D:\Backup 12-11-2019\Desktop - 12-11-19\PreVendas - Governo Diogo\Caixa\2016\Republicado\BP 1.0.xlsb</t>
  </si>
  <si>
    <t>C:\Users\suelenmm\OneDrive - Grupo Algar\Desktop - 12-11-19\PreVendas - Governo Diogo\Caixa\2016\Republicado\BP 1.0.xlsb\</t>
  </si>
  <si>
    <t>BP 1.1.xlsb</t>
  </si>
  <si>
    <t>D:\Backup 12-11-2019\Desktop - 12-11-19\PreVendas - Governo Diogo\Caixa\2016\Republicado\BP 1.1.xlsb</t>
  </si>
  <si>
    <t>C:\Users\suelenmm\OneDrive - Grupo Algar\Desktop - 12-11-19\PreVendas - Governo Diogo\Caixa\2016\Republicado\BP 1.1.xlsb\</t>
  </si>
  <si>
    <t>Precificação+Adoção.xlsm</t>
  </si>
  <si>
    <t>BP 1.2.xlsb</t>
  </si>
  <si>
    <t>D:\Backup 12-11-2019\Desktop - 12-11-19\PreVendas - Governo Diogo\Caixa\2016\Republicado\BP 1.2.xlsb</t>
  </si>
  <si>
    <t>C:\Users\suelenmm\OneDrive - Grupo Algar\Desktop - 12-11-19\PreVendas - Governo Diogo\Caixa\2016\Republicado\BP 1.2.xlsb\</t>
  </si>
  <si>
    <t>BP 1.3.xlsb</t>
  </si>
  <si>
    <t>D:\Backup 12-11-2019\Desktop - 12-11-19\PreVendas - Governo Diogo\Caixa\2016\Republicado\BP 1.3.xlsb</t>
  </si>
  <si>
    <t>C:\Users\suelenmm\OneDrive - Grupo Algar\Desktop - 12-11-19\PreVendas - Governo Diogo\Caixa\2016\Republicado\BP 1.3.xlsb\</t>
  </si>
  <si>
    <t>BP 1.4.xlsb</t>
  </si>
  <si>
    <t>D:\Backup 12-11-2019\Desktop - 12-11-19\PreVendas - Governo Diogo\Caixa\2016\Republicado\BP 1.4.xlsb</t>
  </si>
  <si>
    <t>C:\Users\suelenmm\OneDrive - Grupo Algar\Desktop - 12-11-19\PreVendas - Governo Diogo\Caixa\2016\Republicado\BP 1.4.xlsb\</t>
  </si>
  <si>
    <t>BP 1.5.xlsb</t>
  </si>
  <si>
    <t>D:\Backup 12-11-2019\Desktop - 12-11-19\PreVendas - Governo Diogo\Caixa\2016\Republicado\BP 1.5.xlsb</t>
  </si>
  <si>
    <t>C:\Users\suelenmm\OneDrive - Grupo Algar\Desktop - 12-11-19\PreVendas - Governo Diogo\Caixa\2016\Republicado\BP 1.5.xlsb\</t>
  </si>
  <si>
    <t>BP 1.6.xlsb</t>
  </si>
  <si>
    <t>D:\Backup 12-11-2019\Desktop - 12-11-19\PreVendas - Governo Diogo\Caixa\2016\Republicado\BP 1.6.xlsb</t>
  </si>
  <si>
    <t>C:\Users\suelenmm\OneDrive - Grupo Algar\Desktop - 12-11-19\PreVendas - Governo Diogo\Caixa\2016\Republicado\BP 1.6.xlsb\</t>
  </si>
  <si>
    <t>BP 1.7.xlsb</t>
  </si>
  <si>
    <t>D:\Backup 12-11-2019\Desktop - 12-11-19\PreVendas - Governo Diogo\Caixa\2016\Republicado\BP 1.7.xlsb</t>
  </si>
  <si>
    <t>C:\Users\suelenmm\OneDrive - Grupo Algar\Desktop - 12-11-19\PreVendas - Governo Diogo\Caixa\2016\Republicado\BP 1.7.xlsb\</t>
  </si>
  <si>
    <t>BP 2.0.xlsb</t>
  </si>
  <si>
    <t>D:\Backup 12-11-2019\Desktop - 12-11-19\PreVendas - Governo Diogo\Caixa\2016\Republicado\BP 2.0.xlsb</t>
  </si>
  <si>
    <t>C:\Users\suelenmm\OneDrive - Grupo Algar\Desktop - 12-11-19\PreVendas - Governo Diogo\Caixa\2016\Republicado\BP 2.0.xlsb\</t>
  </si>
  <si>
    <t>BP 2.1.xlsb</t>
  </si>
  <si>
    <t>D:\Backup 12-11-2019\Desktop - 12-11-19\PreVendas - Governo Diogo\Caixa\2016\Republicado\BP 2.1.xlsb</t>
  </si>
  <si>
    <t>C:\Users\suelenmm\OneDrive - Grupo Algar\Desktop - 12-11-19\PreVendas - Governo Diogo\Caixa\2016\Republicado\BP 2.1.xlsb\</t>
  </si>
  <si>
    <t>BP 2.2.xlsb</t>
  </si>
  <si>
    <t>D:\Backup 12-11-2019\Desktop - 12-11-19\PreVendas - Governo Diogo\Caixa\2016\Republicado\BP 2.2.xlsb</t>
  </si>
  <si>
    <t>C:\Users\suelenmm\OneDrive - Grupo Algar\Desktop - 12-11-19\PreVendas - Governo Diogo\Caixa\2016\Republicado\BP 2.2.xlsb\</t>
  </si>
  <si>
    <t>BP 2.3.xlsb</t>
  </si>
  <si>
    <t>D:\Backup 12-11-2019\Desktop - 12-11-19\PreVendas - Governo Diogo\Caixa\2016\Republicado\BP 2.3.xlsb</t>
  </si>
  <si>
    <t>C:\Users\suelenmm\OneDrive - Grupo Algar\Desktop - 12-11-19\PreVendas - Governo Diogo\Caixa\2016\Republicado\BP 2.3.xlsb\</t>
  </si>
  <si>
    <t>BP FLEX.xlsb</t>
  </si>
  <si>
    <t>D:\Backup 12-11-2019\Desktop - 12-11-19\PreVendas - Governo Diogo\Caixa\2016\Republicado\BP FLEX.xlsb</t>
  </si>
  <si>
    <t>C:\Users\suelenmm\OneDrive - Grupo Algar\Desktop - 12-11-19\PreVendas - Governo Diogo\Caixa\2016\Republicado\BP FLEX.xlsb\</t>
  </si>
  <si>
    <t>Intraday Real Caixa.xlsx</t>
  </si>
  <si>
    <t>D:\Backup 12-11-2019\Desktop - 12-11-19\PreVendas - Governo Diogo\Caixa\2016\Republicado\Intraday Real Caixa.xlsx</t>
  </si>
  <si>
    <t>C:\Users\suelenmm\OneDrive - Grupo Algar\Desktop - 12-11-19\PreVendas - Governo Diogo\Caixa\2016\SD Negócio - CERATI\</t>
  </si>
  <si>
    <t>Cópia de BP Preço C004 B006.xlsb</t>
  </si>
  <si>
    <t>D:\Backup 12-11-2019\Desktop - 12-11-19\PreVendas - Governo Diogo\Caixa\2016\SD Negócio - CERATI\Cópia de BP Preço C004 B006.xlsb</t>
  </si>
  <si>
    <t>C:\Users\suelenmm\OneDrive - Grupo Algar\Desktop - 12-11-19\PreVendas - Governo Diogo\Caixa\2016\SD Negócio - CERATI\Cópia de BP Preço C004 B006.xlsb\</t>
  </si>
  <si>
    <t>Hist¢rico de Demandas do màs.xlsm</t>
  </si>
  <si>
    <t>D:\Backup 12-11-2019\Desktop - 12-11-19\PreVendas - Governo Diogo\Caixa\2016\SD Negócio - CERATI\Hist¢rico de Demandas do màs.xlsm</t>
  </si>
  <si>
    <t>Insumos SITE.xlsx</t>
  </si>
  <si>
    <t>D:\Backup 12-11-2019\Desktop - 12-11-19\PreVendas - Governo Diogo\Caixa\2016\SD Negócio - CERATI\Insumos SITE.xlsx</t>
  </si>
  <si>
    <t>Republicado.xlsb</t>
  </si>
  <si>
    <t>D:\Backup 12-11-2019\Desktop - 12-11-19\PreVendas - Governo Diogo\Caixa\2016\SD Negócio - CERATI\Republicado.xlsb</t>
  </si>
  <si>
    <t>C:\Users\suelenmm\OneDrive - Grupo Algar\Desktop - 12-11-19\PreVendas - Governo Diogo\Caixa\2016\SD Negócio - CERATI\Republicado.xlsb\</t>
  </si>
  <si>
    <t>Resumo de Informação.xlsx</t>
  </si>
  <si>
    <t>D:\Backup 12-11-2019\Desktop - 12-11-19\PreVendas - Governo Diogo\Caixa\2016\SD Negócio - CERATI\Resumo de Informação.xlsx</t>
  </si>
  <si>
    <t>C:\Users\suelenmm\OneDrive - Grupo Algar\Desktop - 12-11-19\PreVendas - Governo Diogo\Caixa\2016\SD Remoto\</t>
  </si>
  <si>
    <t>Estudos.xlsx</t>
  </si>
  <si>
    <t>D:\Backup 12-11-2019\Desktop - 12-11-19\PreVendas - Governo Diogo\Caixa\2016\SD Remoto\Estudos.xlsx</t>
  </si>
  <si>
    <t>Intraday Padrão SG.xlsx</t>
  </si>
  <si>
    <t>D:\Backup 12-11-2019\Desktop - 12-11-19\PreVendas - Governo Diogo\Caixa\2016\SD Remoto\Intraday Padrão SG.xlsx</t>
  </si>
  <si>
    <t>Pre desenho.xlsx</t>
  </si>
  <si>
    <t>D:\Backup 12-11-2019\Desktop - 12-11-19\PreVendas - Governo Diogo\Caixa\2016\SD Remoto\Pre desenho.xlsx</t>
  </si>
  <si>
    <t>C:\Users\suelenmm\OneDrive - Grupo Algar\Desktop - 12-11-19\PreVendas - Governo Diogo\Caixa Seguros\BP`s\</t>
  </si>
  <si>
    <t>MC28_SEM_PBM.xlsb</t>
  </si>
  <si>
    <t>D:\Backup 12-11-2019\Desktop - 12-11-19\PreVendas - Governo Diogo\Caixa Seguros\BP`s\MC28_SEM_PBM.xlsb</t>
  </si>
  <si>
    <t>C:\Users\suelenmm\OneDrive - Grupo Algar\Desktop - 12-11-19\PreVendas - Governo Diogo\Caixa Seguros\RFP SD + HaaS 2019\</t>
  </si>
  <si>
    <t>bid_export.xlsx</t>
  </si>
  <si>
    <t>D:\Backup 12-11-2019\Desktop - 12-11-19\PreVendas - Governo Diogo\Caixa Seguros\RFP SD + HaaS 2019\bid_export.xlsx</t>
  </si>
  <si>
    <t>D:\Backup 12-11-2019\Desktop - 12-11-19\PreVendas - Governo Diogo\Caixa Seguros\RFP SD + HaaS 2019\BP.xlsb</t>
  </si>
  <si>
    <t>C:\Users\suelenmm\OneDrive - Grupo Algar\Desktop - 12-11-19\PreVendas - Governo Diogo\Caixa Seguros\RFP SD + HaaS 2019\BP.xlsb\</t>
  </si>
  <si>
    <t>C:\Users\suelenmm\OneDrive - Grupo Algar\Desktop - 12-11-19\PreVendas - Governo Diogo\INPI\</t>
  </si>
  <si>
    <t>C:\Users\suelenmm\OneDrive - Grupo Algar\Desktop - 12-11-19\PreVendas - Governo Diogo\CAPES\2016\red hat\</t>
  </si>
  <si>
    <t>Consultor.xlsb</t>
  </si>
  <si>
    <t>D:\Backup 12-11-2019\Desktop - 12-11-19\PreVendas - Governo Diogo\CAPES\2016\red hat\Consultor.xlsb</t>
  </si>
  <si>
    <t>BP Preço C010 B009.xlsb</t>
  </si>
  <si>
    <t>C:\Users\suelenmm\OneDrive - Grupo Algar\Desktop - 12-11-19\PreVendas - Governo Diogo\INPI\BP Preço C010 B009.xlsb\</t>
  </si>
  <si>
    <t>C:\Users\suelenmm\OneDrive - Grupo Algar\Desktop - 12-11-19\PreVendas - Governo Diogo\CAPES\2017\Consulta Pública\Novo SD 09-17\</t>
  </si>
  <si>
    <t>D:\Backup 12-11-2019\Desktop - 12-11-19\PreVendas - Governo Diogo\CAPES\2017\Consulta Pública\Novo SD 09-17\Cotação.xlsb</t>
  </si>
  <si>
    <t>C:\Users\suelenmm\OneDrive - Grupo Algar\Desktop - 12-11-19\PreVendas - Governo Diogo\CAPES\2017\Consulta Pública\Novo SD 09-17\Cotação.xlsb\</t>
  </si>
  <si>
    <t>C:\Users\suelenmm\OneDrive - Grupo Algar\Desktop - 12-11-19\PreVendas - Governo Diogo\CAPES\2018\Cotação\</t>
  </si>
  <si>
    <t>D:\Backup 12-11-2019\Desktop - 12-11-19\PreVendas - Governo Diogo\CAPES\2018\Cotação\Cotação.xlsx</t>
  </si>
  <si>
    <t>C:\Users\suelenmm\OneDrive - Grupo Algar\Desktop - 12-11-19\PreVendas - Governo Diogo\CAPES\2018\Infra\</t>
  </si>
  <si>
    <t>BP CAPES GIAT 2018.xlsb</t>
  </si>
  <si>
    <t>D:\Backup 12-11-2019\Desktop - 12-11-19\PreVendas - Governo Diogo\CAPES\2018\Infra\BP CAPES GIAT 2018.xlsb</t>
  </si>
  <si>
    <t>C:\Users\suelenmm\OneDrive - Grupo Algar\Desktop - 12-11-19\PreVendas - Governo Diogo\CAPES\2018\Infra\BP CAPES GIAT 2018.xlsb\</t>
  </si>
  <si>
    <t>C:\Users\suelenmm\OneDrive - Grupo Algar\Desktop - 12-11-19\PreVendas - Governo Diogo\IPEA\</t>
  </si>
  <si>
    <t>D:\Backup 12-11-2019\Desktop - 12-11-19\PreVendas - Governo Diogo\CAPES\2018\Infra\pricing.xlsx</t>
  </si>
  <si>
    <t>C:\Users\suelenmm\OneDrive - Grupo Algar\Desktop - 12-11-19\PreVendas - Governo Diogo\CAPES\Infraestrutura\Comitês\Change CAPES - Sustentação de Infra V2.ppt\s2\</t>
  </si>
  <si>
    <t>Microsoft Excel 97 - 2004 Worksheet.xls</t>
  </si>
  <si>
    <t>D:\Backup 12-11-2019\Desktop - 12-11-19\PreVendas - Governo Diogo\CAPES\Infraestrutura\Comitês\Change CAPES - Sustentação de Infra V2.ppt</t>
  </si>
  <si>
    <t>C:\Users\suelenmm\OneDrive - Grupo Algar\Desktop - 12-11-19\PreVendas - Governo Diogo\CAPES\Infraestrutura\Comitês\Change CAPES - Sustentação de Infra.ppt\s2\</t>
  </si>
  <si>
    <t>D:\Backup 12-11-2019\Desktop - 12-11-19\PreVendas - Governo Diogo\CAPES\Infraestrutura\Comitês\Change CAPES - Sustentação de Infra.ppt</t>
  </si>
  <si>
    <t>Racional V2.xlsx</t>
  </si>
  <si>
    <t>C:\Users\suelenmm\OneDrive - Grupo Algar\Desktop - 12-11-19\PreVendas - Governo Diogo\CAPES\Infraestrutura\IN-02\</t>
  </si>
  <si>
    <t>IN-02 FULL.xlsx</t>
  </si>
  <si>
    <t>D:\Backup 12-11-2019\Desktop - 12-11-19\PreVendas - Governo Diogo\CAPES\Infraestrutura\IN-02\IN-02 FULL.xlsx</t>
  </si>
  <si>
    <t>Jardini.xls</t>
  </si>
  <si>
    <t>D:\Backup 12-11-2019\Desktop - 12-11-19\PreVendas - Governo Diogo\CAPES\Infraestrutura\IN-02\Jardini.xls</t>
  </si>
  <si>
    <t>Jardini.xlsx</t>
  </si>
  <si>
    <t>D:\Backup 12-11-2019\Desktop - 12-11-19\PreVendas - Governo Diogo\CAPES\Infraestrutura\IN-02\Jardini.xlsx</t>
  </si>
  <si>
    <t>Planilhas da IN02.xlsx</t>
  </si>
  <si>
    <t>D:\Backup 12-11-2019\Desktop - 12-11-19\PreVendas - Governo Diogo\CAPES\Infraestrutura\IN-02\Planilhas da IN02.xlsx</t>
  </si>
  <si>
    <t>C:\Users\suelenmm\OneDrive - Grupo Algar\Desktop - 12-11-19\PreVendas - Governo Diogo\CAPES\Infraestrutura\Precificação\</t>
  </si>
  <si>
    <t>Atualizada.xlsb</t>
  </si>
  <si>
    <t>D:\Backup 12-11-2019\Desktop - 12-11-19\PreVendas - Governo Diogo\CAPES\Infraestrutura\Precificação\Atualizada.xlsb</t>
  </si>
  <si>
    <t>D:\Backup 12-11-2019\Desktop - 12-11-19\PreVendas - Governo Diogo\CAPES\Infraestrutura\Precificação\Cargos e Salários.xlsx</t>
  </si>
  <si>
    <t>Com Change V2.xlsb</t>
  </si>
  <si>
    <t>D:\Backup 12-11-2019\Desktop - 12-11-19\PreVendas - Governo Diogo\CAPES\Infraestrutura\Precificação\Com Change V2.xlsb</t>
  </si>
  <si>
    <t>Cotação V2.xlsx</t>
  </si>
  <si>
    <t>Com Change V3.xlsb</t>
  </si>
  <si>
    <t>D:\Backup 12-11-2019\Desktop - 12-11-19\PreVendas - Governo Diogo\CAPES\Infraestrutura\Precificação\Com Change V3.xlsb</t>
  </si>
  <si>
    <t>Com Change V4.xlsb</t>
  </si>
  <si>
    <t>D:\Backup 12-11-2019\Desktop - 12-11-19\PreVendas - Governo Diogo\CAPES\Infraestrutura\Precificação\Com Change V4.xlsb</t>
  </si>
  <si>
    <t>Com Change.xlsb</t>
  </si>
  <si>
    <t>D:\Backup 12-11-2019\Desktop - 12-11-19\PreVendas - Governo Diogo\CAPES\Infraestrutura\Precificação\Com Change.xlsb</t>
  </si>
  <si>
    <t>D:\Backup 12-11-2019\Desktop - 12-11-19\PreVendas - Governo Diogo\CAPES\Infraestrutura\Precificação\Desenho.xlsx</t>
  </si>
  <si>
    <t>D:\Backup 12-11-2019\Desktop - 12-11-19\PreVendas - Governo Diogo\CAPES\Infraestrutura\Precificação\Precificação com Adoção.xlsb</t>
  </si>
  <si>
    <t>C:\Users\suelenmm\OneDrive - Grupo Algar\Desktop - 12-11-19\PreVendas - Governo Diogo\CAPES\Infraestrutura\Pregão\</t>
  </si>
  <si>
    <t>Posicionamento.xlsx</t>
  </si>
  <si>
    <t>D:\Backup 12-11-2019\Desktop - 12-11-19\PreVendas - Governo Diogo\CAPES\Infraestrutura\Pregão\Posicionamento.xlsx</t>
  </si>
  <si>
    <t>C:\Users\suelenmm\OneDrive - Grupo Algar\Desktop - 12-11-19\PreVendas - Governo Diogo\CAPES\Infraestrutura\Repactuação\</t>
  </si>
  <si>
    <t>D:\Backup 12-11-2019\Desktop - 12-11-19\PreVendas - Governo Diogo\CAPES\Infraestrutura\Repactuação\Planilhas da IN02.xlsx</t>
  </si>
  <si>
    <t>C:\Users\suelenmm\OneDrive - Grupo Algar\Desktop - 12-11-19\PreVendas - Governo Diogo\CAPES\NOVO\Servicedesk\</t>
  </si>
  <si>
    <t>Estabilização Complementar.xlsb</t>
  </si>
  <si>
    <t>D:\Backup 12-11-2019\Desktop - 12-11-19\PreVendas - Governo Diogo\CAPES\NOVO\Servicedesk\Estabilização Complementar.xlsb</t>
  </si>
  <si>
    <t>Estabilização Regular.xlsb</t>
  </si>
  <si>
    <t>D:\Backup 12-11-2019\Desktop - 12-11-19\PreVendas - Governo Diogo\CAPES\NOVO\Servicedesk\Estabilização Regular.xlsb</t>
  </si>
  <si>
    <t>C:\Users\suelenmm\OneDrive - Grupo Algar\Desktop - 12-11-19\PreVendas - Governo Diogo\CAPES\NOVO\Servicedesk\Publicado\Comitê de Soluções - CAPES SD.pptx\</t>
  </si>
  <si>
    <t>D:\Backup 12-11-2019\Desktop - 12-11-19\PreVendas - Governo Diogo\CAPES\NOVO\Servicedesk\Publicado\Comitê de Soluções - CAPES SD.pptx</t>
  </si>
  <si>
    <t>C:\Users\suelenmm\OneDrive - Grupo Algar\Desktop - 12-11-19\PreVendas - Governo Diogo\CAPES\NOVO\Servicedesk\Publicado\</t>
  </si>
  <si>
    <t>dimensionamento.xlsx</t>
  </si>
  <si>
    <t>D:\Backup 12-11-2019\Desktop - 12-11-19\PreVendas - Governo Diogo\CAPES\NOVO\Servicedesk\Publicado\dimensionamento.xlsx</t>
  </si>
  <si>
    <t>Equipe de Suporte.xlsb</t>
  </si>
  <si>
    <t>D:\Backup 12-11-2019\Desktop - 12-11-19\PreVendas - Governo Diogo\CAPES\NOVO\Servicedesk\Publicado\Equipe de Suporte.xlsb</t>
  </si>
  <si>
    <t>D:\Backup 12-11-2019\Desktop - 12-11-19\PreVendas - Governo Diogo\CAPES\NOVO\Servicedesk\Publicado\Estabilização Complementar.xlsb</t>
  </si>
  <si>
    <t>D:\Backup 12-11-2019\Desktop - 12-11-19\PreVendas - Governo Diogo\CAPES\NOVO\Servicedesk\Publicado\Estabilização Regular.xlsb</t>
  </si>
  <si>
    <t>PCP - Cenários e Premissas - CAPES.xlsx</t>
  </si>
  <si>
    <t>D:\Backup 12-11-2019\Desktop - 12-11-19\PreVendas - Governo Diogo\CAPES\NOVO\Servicedesk\Publicado\PCP - Cenários e Premissas - CAPES.xlsx</t>
  </si>
  <si>
    <t>Perfis Profissionais.xlsx</t>
  </si>
  <si>
    <t>D:\Backup 12-11-2019\Desktop - 12-11-19\PreVendas - Governo Diogo\CAPES\NOVO\Servicedesk\Publicado\Perfis Profissionais.xlsx</t>
  </si>
  <si>
    <t>C:\Users\suelenmm\OneDrive - Grupo Algar\Desktop - 12-11-19\PreVendas - Governo Diogo\CEB\2017\Infra\Cotação\</t>
  </si>
  <si>
    <t>Cotaçãoxlsb.xlsb</t>
  </si>
  <si>
    <t>D:\Backup 12-11-2019\Desktop - 12-11-19\PreVendas - Governo Diogo\CEB\2017\Infra\Cotação\Cotaçãoxlsb.xlsb</t>
  </si>
  <si>
    <t>C:\Users\suelenmm\OneDrive - Grupo Algar\Desktop - 12-11-19\PreVendas - Governo Diogo\CEB\2017\Infra\Cotação\Cotaçãoxlsb.xlsb\</t>
  </si>
  <si>
    <t>C:\Users\suelenmm\OneDrive - Grupo Algar\Desktop - 12-11-19\PreVendas - Governo Diogo\CEB\2017\Infra\Publicado\</t>
  </si>
  <si>
    <t>Preço Infra - MC20.xlsb</t>
  </si>
  <si>
    <t>D:\Backup 12-11-2019\Desktop - 12-11-19\PreVendas - Governo Diogo\CEB\2017\Infra\Publicado\Preço Infra - MC20.xlsb</t>
  </si>
  <si>
    <t>C:\Users\suelenmm\OneDrive - Grupo Algar\Desktop - 12-11-19\PreVendas - Governo Diogo\CEB\2017\Infra\Publicado\Preço Infra - MC20.xlsb\</t>
  </si>
  <si>
    <t>Preço Infra.xlsb</t>
  </si>
  <si>
    <t>D:\Backup 12-11-2019\Desktop - 12-11-19\PreVendas - Governo Diogo\CEB\2017\Infra\Publicado\Preço Infra.xlsb</t>
  </si>
  <si>
    <t>C:\Users\suelenmm\OneDrive - Grupo Algar\Desktop - 12-11-19\PreVendas - Governo Diogo\CEB\2017\Infra\Publicado\Preço Infra.xlsb\</t>
  </si>
  <si>
    <t>Preço Projetos - MC20.xlsb</t>
  </si>
  <si>
    <t>D:\Backup 12-11-2019\Desktop - 12-11-19\PreVendas - Governo Diogo\CEB\2017\Infra\Publicado\Preço Projetos - MC20.xlsb</t>
  </si>
  <si>
    <t>C:\Users\suelenmm\OneDrive - Grupo Algar\Desktop - 12-11-19\PreVendas - Governo Diogo\CEB\2017\Infra\Publicado\Preço Projetos - MC20.xlsb\</t>
  </si>
  <si>
    <t>Preço Projetos.xlsb</t>
  </si>
  <si>
    <t>D:\Backup 12-11-2019\Desktop - 12-11-19\PreVendas - Governo Diogo\CEB\2017\Infra\Publicado\Preço Projetos.xlsb</t>
  </si>
  <si>
    <t>C:\Users\suelenmm\OneDrive - Grupo Algar\Desktop - 12-11-19\PreVendas - Governo Diogo\CEB\2017\Infra\Publicado\Preço Projetos.xlsb\</t>
  </si>
  <si>
    <t>Proposta - MC20.xlsx</t>
  </si>
  <si>
    <t>D:\Backup 12-11-2019\Desktop - 12-11-19\PreVendas - Governo Diogo\CEB\2017\Infra\Publicado\Proposta - MC20.xlsx</t>
  </si>
  <si>
    <t>Proposta.xlsx</t>
  </si>
  <si>
    <t>D:\Backup 12-11-2019\Desktop - 12-11-19\PreVendas - Governo Diogo\CEB\2017\Infra\Publicado\Proposta.xlsx</t>
  </si>
  <si>
    <t>C:\Users\suelenmm\OneDrive - Grupo Algar\Desktop - 12-11-19\PreVendas - Governo Diogo\CEB\Adesão\</t>
  </si>
  <si>
    <t>adoção.xlsx</t>
  </si>
  <si>
    <t>D:\Backup 12-11-2019\Desktop - 12-11-19\PreVendas - Governo Diogo\CEB\Adesão\adoção.xlsx</t>
  </si>
  <si>
    <t>Catálogo Revisado.xlsx</t>
  </si>
  <si>
    <t>D:\Backup 12-11-2019\Desktop - 12-11-19\PreVendas - Governo Diogo\CEB\Adesão\Catálogo Revisado.xlsx</t>
  </si>
  <si>
    <t>D:\Backup 12-11-2019\Desktop - 12-11-19\PreVendas - Governo Diogo\CEB\Adesão\Precificação com Adoção.xlsb</t>
  </si>
  <si>
    <t>C:\Users\suelenmm\OneDrive - Grupo Algar\Desktop - 12-11-19\PreVendas - Governo Diogo\CEB\Adesão\Comitês\Change - CEB Sustentação de Infraestrutura.ppt\s2\</t>
  </si>
  <si>
    <t>D:\Backup 12-11-2019\Desktop - 12-11-19\PreVendas - Governo Diogo\CEB\Adesão\Comitês\Change - CEB Sustentação de Infraestrutura.ppt</t>
  </si>
  <si>
    <t>C:\Users\suelenmm\OneDrive - Grupo Algar\Desktop - 12-11-19\PreVendas - Governo Diogo\CEB\Pregão\</t>
  </si>
  <si>
    <t>D:\Backup 12-11-2019\Desktop - 12-11-19\PreVendas - Governo Diogo\CEB\Pregão\dimensionamento Monitoramento.xlsx</t>
  </si>
  <si>
    <t>Planilha da Proposta.xlsx</t>
  </si>
  <si>
    <t>D:\Backup 12-11-2019\Desktop - 12-11-19\PreVendas - Governo Diogo\CEB\Pregão\Planilha da Proposta.xlsx</t>
  </si>
  <si>
    <t>Precificação com Adoção ano 2.xlsb</t>
  </si>
  <si>
    <t>D:\Backup 12-11-2019\Desktop - 12-11-19\PreVendas - Governo Diogo\CEB\Pregão\Precificação com Adoção ano 2.xlsb</t>
  </si>
  <si>
    <t>D:\Backup 12-11-2019\Desktop - 12-11-19\PreVendas - Governo Diogo\CEB\Pregão\Precificação com Adoção.xlsb</t>
  </si>
  <si>
    <t>D:\Backup 12-11-2019\Desktop - 12-11-19\PreVendas - Governo Diogo\CENTRUS\Cópia de Planilha de Preço - Serviços Gerenciados.xlsb</t>
  </si>
  <si>
    <t>D:\Backup 12-11-2019\Desktop - 12-11-19\PreVendas - Governo Diogo\CEPEL\BP1 6 Suporte Jr.xlsb</t>
  </si>
  <si>
    <t>D:\Backup 12-11-2019\Desktop - 12-11-19\PreVendas - Governo Diogo\CGU\Atividade Scripts.xlsb</t>
  </si>
  <si>
    <t>D:\Backup 12-11-2019\Desktop - 12-11-19\PreVendas - Governo Diogo\CGU\Atividades de Redes.xlsb</t>
  </si>
  <si>
    <t>C:\Users\suelenmm\OneDrive - Grupo Algar\Desktop - 12-11-19\PreVendas - Governo Diogo\CGU\2016\Infra\</t>
  </si>
  <si>
    <t>D:\Backup 12-11-2019\Desktop - 12-11-19\PreVendas - Governo Diogo\CGU\2016\Infra\cotação.xlsx</t>
  </si>
  <si>
    <t>C:\Users\suelenmm\OneDrive - Grupo Algar\Desktop - 12-11-19\PreVendas - Governo Diogo\CGU\2017\Cotação\</t>
  </si>
  <si>
    <t>Cotação 1.xlsx</t>
  </si>
  <si>
    <t>D:\Backup 12-11-2019\Desktop - 12-11-19\PreVendas - Governo Diogo\CGU\2017\Cotação\Cotação 1.xlsx</t>
  </si>
  <si>
    <t>C:\Users\suelenmm\OneDrive - Grupo Algar\Desktop - 12-11-19\PreVendas - Governo Diogo\CGU\2017\Cotação\Infra\</t>
  </si>
  <si>
    <t>Monitoramento 27-06.xlsx</t>
  </si>
  <si>
    <t>D:\Backup 12-11-2019\Desktop - 12-11-19\PreVendas - Governo Diogo\CGU\2017\Cotação\Infra\Monitoramento 27-06.xlsx</t>
  </si>
  <si>
    <t>C:\Users\suelenmm\OneDrive - Grupo Algar\Desktop - 12-11-19\PreVendas - Governo Diogo\CGU\2017\Edital\Infra\</t>
  </si>
  <si>
    <t>D:\Backup 12-11-2019\Desktop - 12-11-19\PreVendas - Governo Diogo\CGU\2017\Edital\Infra\BP Preço C010 B011 Desonerada.xlsb</t>
  </si>
  <si>
    <t>C:\Users\suelenmm\OneDrive - Grupo Algar\Desktop - 12-11-19\PreVendas - Governo Diogo\CGU\2017\Edital\Infra\BP Preço C010 B011 Desonerada.xlsb\</t>
  </si>
  <si>
    <t>CGU Revisado Operação-Novembro.xlsb</t>
  </si>
  <si>
    <t>D:\Backup 12-11-2019\Desktop - 12-11-19\PreVendas - Governo Diogo\CGU\2017\Edital\Infra\CGU Revisado Operação-Novembro.xlsb</t>
  </si>
  <si>
    <t>C:\Users\suelenmm\OneDrive - Grupo Algar\Desktop - 12-11-19\PreVendas - Governo Diogo\CGU\2017\Edital\Infra\CGU Revisado Operação-Novembro.xlsb\</t>
  </si>
  <si>
    <t>CGU Revisado Operação.xlsb</t>
  </si>
  <si>
    <t>D:\Backup 12-11-2019\Desktop - 12-11-19\PreVendas - Governo Diogo\CGU\2017\Edital\Infra\CGU Revisado Operação.xlsb</t>
  </si>
  <si>
    <t>C:\Users\suelenmm\OneDrive - Grupo Algar\Desktop - 12-11-19\PreVendas - Governo Diogo\CGU\2017\Edital\Infra\CGU Revisado Operação.xlsb\</t>
  </si>
  <si>
    <t>C:\Users\suelenmm\OneDrive - Grupo Algar\Desktop - 12-11-19\PreVendas - Governo Diogo\CGU\2017\Edital\SD\</t>
  </si>
  <si>
    <t>BP Preço C010 B010.xlsb</t>
  </si>
  <si>
    <t>D:\Backup 12-11-2019\Desktop - 12-11-19\PreVendas - Governo Diogo\CGU\2017\Edital\SD\BP Preço C010 B010.xlsb</t>
  </si>
  <si>
    <t>C:\Users\suelenmm\OneDrive - Grupo Algar\Desktop - 12-11-19\PreVendas - Governo Diogo\CGU\2017\Edital\SD\BP Preço C010 B010.xlsb\</t>
  </si>
  <si>
    <t>D:\Backup 12-11-2019\Desktop - 12-11-19\PreVendas - Governo Diogo\CGU\2017\Edital\SD\Cenário 1.xlsb</t>
  </si>
  <si>
    <t>C:\Users\suelenmm\OneDrive - Grupo Algar\Desktop - 12-11-19\PreVendas - Governo Diogo\CGU\2017\Edital\SD\Cenário 1.xlsb\</t>
  </si>
  <si>
    <t>D:\Backup 12-11-2019\Desktop - 12-11-19\PreVendas - Governo Diogo\CGU\2017\Edital\SD\Cenário 2.xlsb</t>
  </si>
  <si>
    <t>C:\Users\suelenmm\OneDrive - Grupo Algar\Desktop - 12-11-19\PreVendas - Governo Diogo\CGU\2017\Edital\SD\Cenário 2.xlsb\</t>
  </si>
  <si>
    <t>Cenário 3.xlsb</t>
  </si>
  <si>
    <t>D:\Backup 12-11-2019\Desktop - 12-11-19\PreVendas - Governo Diogo\CGU\2017\Edital\SD\Cenário 3.xlsb</t>
  </si>
  <si>
    <t>C:\Users\suelenmm\OneDrive - Grupo Algar\Desktop - 12-11-19\PreVendas - Governo Diogo\CGU\2017\Edital\SD\Cenário 3.xlsb\</t>
  </si>
  <si>
    <t>Compartilhado 10.xlsb</t>
  </si>
  <si>
    <t>D:\Backup 12-11-2019\Desktop - 12-11-19\PreVendas - Governo Diogo\CGU\2017\Edital\SD\Compartilhado 10.xlsb</t>
  </si>
  <si>
    <t>C:\Users\suelenmm\OneDrive - Grupo Algar\Desktop - 12-11-19\PreVendas - Governo Diogo\CGU\2017\Edital\SD\Compartilhado 10.xlsb\</t>
  </si>
  <si>
    <t>Compartilhado 16.xlsb</t>
  </si>
  <si>
    <t>D:\Backup 12-11-2019\Desktop - 12-11-19\PreVendas - Governo Diogo\CGU\2017\Edital\SD\Compartilhado 16.xlsb</t>
  </si>
  <si>
    <t>C:\Users\suelenmm\OneDrive - Grupo Algar\Desktop - 12-11-19\PreVendas - Governo Diogo\CGU\2017\Edital\SD\Compartilhado 16.xlsb\</t>
  </si>
  <si>
    <t>Compartilhado 23.xlsb</t>
  </si>
  <si>
    <t>D:\Backup 12-11-2019\Desktop - 12-11-19\PreVendas - Governo Diogo\CGU\2017\Edital\SD\Compartilhado 23.xlsb</t>
  </si>
  <si>
    <t>C:\Users\suelenmm\OneDrive - Grupo Algar\Desktop - 12-11-19\PreVendas - Governo Diogo\CGU\2017\Edital\SD\Compartilhado 23.xlsb\</t>
  </si>
  <si>
    <t>Custo Torre Onerado.xlsb</t>
  </si>
  <si>
    <t>D:\Backup 12-11-2019\Desktop - 12-11-19\PreVendas - Governo Diogo\CGU\2017\Edital\SD\Custo Torre Onerado.xlsb</t>
  </si>
  <si>
    <t>C:\Users\suelenmm\OneDrive - Grupo Algar\Desktop - 12-11-19\PreVendas - Governo Diogo\CGU\2017\Edital\SD\Custo Torre Onerado.xlsb\</t>
  </si>
  <si>
    <t>Custo Torre VPL Ano 1 50%.xlsb</t>
  </si>
  <si>
    <t>D:\Backup 12-11-2019\Desktop - 12-11-19\PreVendas - Governo Diogo\CGU\2017\Edital\SD\Custo Torre VPL Ano 1 50%.xlsb</t>
  </si>
  <si>
    <t>C:\Users\suelenmm\OneDrive - Grupo Algar\Desktop - 12-11-19\PreVendas - Governo Diogo\CGU\2017\Edital\SD\Custo Torre VPL Ano 1 50%.xlsb\</t>
  </si>
  <si>
    <t>Custo Torre VPL Ano 1.xlsb</t>
  </si>
  <si>
    <t>D:\Backup 12-11-2019\Desktop - 12-11-19\PreVendas - Governo Diogo\CGU\2017\Edital\SD\Custo Torre VPL Ano 1.xlsb</t>
  </si>
  <si>
    <t>C:\Users\suelenmm\OneDrive - Grupo Algar\Desktop - 12-11-19\PreVendas - Governo Diogo\CGU\2017\Edital\SD\Custo Torre VPL Ano 1.xlsb\</t>
  </si>
  <si>
    <t>Custo Torre.xlsb</t>
  </si>
  <si>
    <t>D:\Backup 12-11-2019\Desktop - 12-11-19\PreVendas - Governo Diogo\CGU\2017\Edital\SD\Custo Torre.xlsb</t>
  </si>
  <si>
    <t>C:\Users\suelenmm\OneDrive - Grupo Algar\Desktop - 12-11-19\PreVendas - Governo Diogo\CGU\2017\Edital\SD\Custo Torre.xlsb\</t>
  </si>
  <si>
    <t>C:\Users\suelenmm\OneDrive - Grupo Algar\Desktop - 12-11-19\PreVendas - Governo Diogo\CGU\2018\SD\Cotação\</t>
  </si>
  <si>
    <t>D:\Backup 12-11-2019\Desktop - 12-11-19\PreVendas - Governo Diogo\CGU\2018\SD\Cotação\Cotação.xlsx</t>
  </si>
  <si>
    <t>C:\Users\suelenmm\OneDrive - Grupo Algar\Desktop - 12-11-19\PreVendas - Governo Diogo\CGU\2018\SD\Publicado\</t>
  </si>
  <si>
    <t>Pricing CGU.xlsx</t>
  </si>
  <si>
    <t>D:\Backup 12-11-2019\Desktop - 12-11-19\PreVendas - Governo Diogo\CGU\2018\SD\Publicado\Pricing CGU.xlsx</t>
  </si>
  <si>
    <t>C:\Users\suelenmm\OneDrive - Grupo Algar\Desktop - 12-11-19\PreVendas - Governo Diogo\CGU\2019\</t>
  </si>
  <si>
    <t>D:\Backup 12-11-2019\Desktop - 12-11-19\PreVendas - Governo Diogo\CGU\2019\cotação.xlsx</t>
  </si>
  <si>
    <t>C:\Users\suelenmm\OneDrive - Grupo Algar\Desktop - 12-11-19\PreVendas - Governo Diogo\CGU\Supressao\</t>
  </si>
  <si>
    <t>suporte local.xlsb</t>
  </si>
  <si>
    <t>D:\Backup 12-11-2019\Desktop - 12-11-19\PreVendas - Governo Diogo\CGU\Supressao\suporte local.xlsb</t>
  </si>
  <si>
    <t>D:\Backup 12-11-2019\Desktop - 12-11-19\PreVendas - Governo Diogo\CHS Sorocaba\Cotacao.xlsb</t>
  </si>
  <si>
    <t>D:\Backup 12-11-2019\Desktop - 12-11-19\PreVendas - Governo Diogo\Cidadão Digital\BP_Matheus.xlsb</t>
  </si>
  <si>
    <t>D:\Backup 12-11-2019\Desktop - 12-11-19\PreVendas - Governo Diogo\Cidadão Digital\Indicadores BP.xlsx</t>
  </si>
  <si>
    <t>D:\Backup 12-11-2019\Desktop - 12-11-19\PreVendas - Governo Diogo\CJF\Pontos Relevantes.xlsx</t>
  </si>
  <si>
    <t>C:\Users\suelenmm\OneDrive - Grupo Algar\Desktop - 12-11-19\PreVendas - Governo Diogo\CJF\2014\Infraestrutura\</t>
  </si>
  <si>
    <t>C&amp;R.xlsx</t>
  </si>
  <si>
    <t>D:\Backup 12-11-2019\Desktop - 12-11-19\PreVendas - Governo Diogo\CJF\2014\Infraestrutura\C&amp;R.xlsx</t>
  </si>
  <si>
    <t>CJF Estudos Preliminares.xlsx</t>
  </si>
  <si>
    <t>D:\Backup 12-11-2019\Desktop - 12-11-19\PreVendas - Governo Diogo\CJF\2014\Infraestrutura\CJF Estudos Preliminares.xlsx</t>
  </si>
  <si>
    <t>CJF Final.xlsx</t>
  </si>
  <si>
    <t>D:\Backup 12-11-2019\Desktop - 12-11-19\PreVendas - Governo Diogo\CJF\2014\Infraestrutura\CJF Final.xlsx</t>
  </si>
  <si>
    <t>Curva de OPEX.xlsx</t>
  </si>
  <si>
    <t>D:\Backup 12-11-2019\Desktop - 12-11-19\PreVendas - Governo Diogo\CJF\2014\Infraestrutura\Curva de OPEX.xlsx</t>
  </si>
  <si>
    <t>Estratificação da Adoção.xlsx</t>
  </si>
  <si>
    <t>D:\Backup 12-11-2019\Desktop - 12-11-19\PreVendas - Governo Diogo\CJF\2014\Infraestrutura\Estratificação da Adoção.xlsx</t>
  </si>
  <si>
    <t>Lote 1.xlsb</t>
  </si>
  <si>
    <t>D:\Backup 12-11-2019\Desktop - 12-11-19\PreVendas - Governo Diogo\CJF\2014\Infraestrutura\Lote 1.xlsb</t>
  </si>
  <si>
    <t>Lote 2.xlsb</t>
  </si>
  <si>
    <t>D:\Backup 12-11-2019\Desktop - 12-11-19\PreVendas - Governo Diogo\CJF\2014\Infraestrutura\Lote 2.xlsb</t>
  </si>
  <si>
    <t>C:\Users\suelenmm\OneDrive - Grupo Algar\Desktop - 12-11-19\PreVendas - Governo Diogo\ITAIPU\</t>
  </si>
  <si>
    <t>C:\Users\suelenmm\OneDrive - Grupo Algar\Desktop - 12-11-19\PreVendas - Governo Diogo\ITAIPU\Preço.xlsb\</t>
  </si>
  <si>
    <t>Lote 3.xlsb</t>
  </si>
  <si>
    <t>D:\Backup 12-11-2019\Desktop - 12-11-19\PreVendas - Governo Diogo\CJF\2014\Infraestrutura\Lote 3.xlsb</t>
  </si>
  <si>
    <t>C:\Users\suelenmm\OneDrive - Grupo Algar\Desktop - 12-11-19\PreVendas - Governo Diogo\CJF\2014\Segurança\</t>
  </si>
  <si>
    <t>Item 1.xlsb</t>
  </si>
  <si>
    <t>D:\Backup 12-11-2019\Desktop - 12-11-19\PreVendas - Governo Diogo\CJF\2014\Segurança\Item 1.xlsb</t>
  </si>
  <si>
    <t>C:\Users\suelenmm\OneDrive - Grupo Algar\Desktop - 12-11-19\PreVendas - Governo Diogo\CJF\2016\SD\Pré Publicação\05-2016\</t>
  </si>
  <si>
    <t>D:\Backup 12-11-2019\Desktop - 12-11-19\PreVendas - Governo Diogo\CJF\2016\SD\Pré Publicação\05-2016\Cotação.xlsx</t>
  </si>
  <si>
    <t>C:\Users\suelenmm\OneDrive - Grupo Algar\Desktop - 12-11-19\PreVendas - Governo Diogo\CJF\2016\SD\Publicado\</t>
  </si>
  <si>
    <t>D:\Backup 12-11-2019\Desktop - 12-11-19\PreVendas - Governo Diogo\CJF\2016\SD\Publicado\BP.xlsb</t>
  </si>
  <si>
    <t>C:\Users\suelenmm\OneDrive - Grupo Algar\Desktop - 12-11-19\PreVendas - Governo Diogo\CJF\2016\SD\Publicado\BP.xlsb\</t>
  </si>
  <si>
    <t>C:\Users\suelenmm\OneDrive - Grupo Algar\Desktop - 12-11-19\PreVendas - Governo Diogo\CJF\2016\SD\Publicado\Republicado\</t>
  </si>
  <si>
    <t>D:\Backup 12-11-2019\Desktop - 12-11-19\PreVendas - Governo Diogo\CJF\2016\SD\Publicado\Republicado\BP.xlsb</t>
  </si>
  <si>
    <t>C:\Users\suelenmm\OneDrive - Grupo Algar\Desktop - 12-11-19\PreVendas - Governo Diogo\CJF\2016\SD\Publicado\Republicado\BP.xlsb\</t>
  </si>
  <si>
    <t>Insumos.xlsx</t>
  </si>
  <si>
    <t>D:\Backup 12-11-2019\Desktop - 12-11-19\PreVendas - Governo Diogo\CJF\2016\SD\Publicado\Republicado\Insumos.xlsx</t>
  </si>
  <si>
    <t>C:\Users\suelenmm\OneDrive - Grupo Algar\Desktop - 12-11-19\PreVendas - Governo Diogo\CJF\2019\Infra\Cotação\</t>
  </si>
  <si>
    <t>Pricing 04-04.xlsx</t>
  </si>
  <si>
    <t>D:\Backup 12-11-2019\Desktop - 12-11-19\PreVendas - Governo Diogo\CJF\2019\Infra\Cotação\Pricing 04-04.xlsx</t>
  </si>
  <si>
    <t>D:\Backup 12-11-2019\Desktop - 12-11-19\PreVendas - Governo Diogo\CMOC\Recorrente.xlsb</t>
  </si>
  <si>
    <t>D:\Backup 12-11-2019\Desktop - 12-11-19\PreVendas - Governo Diogo\CMOC\SETUP.xlsb</t>
  </si>
  <si>
    <t>D:\Backup 12-11-2019\Desktop - 12-11-19\PreVendas - Governo Diogo\CNEN RJ\BP.xlsb</t>
  </si>
  <si>
    <t>C:\Users\suelenmm\OneDrive - Grupo Algar\Desktop - 12-11-19\PreVendas - Governo Diogo\CNJ\2015\Infra\</t>
  </si>
  <si>
    <t>Cópia de BP de Preços Projetos _Nova Início - V 2015-6-009.xlsb</t>
  </si>
  <si>
    <t>D:\Backup 12-11-2019\Desktop - 12-11-19\PreVendas - Governo Diogo\CNJ\2015\Infra\Cópia de BP de Preços Projetos _Nova Início - V 2015-6-009.xlsb</t>
  </si>
  <si>
    <t>C:\Users\suelenmm\OneDrive - Grupo Algar\Desktop - 12-11-19\PreVendas - Governo Diogo\CNJ\2015\Infra\republicado\</t>
  </si>
  <si>
    <t>D:\Backup 12-11-2019\Desktop - 12-11-19\PreVendas - Governo Diogo\CNJ\2015\Infra\republicado\Cópia de BP de Preços Projetos _Nova Início - V 2015-6-009.xlsb</t>
  </si>
  <si>
    <t>D:\Backup 12-11-2019\Desktop - 12-11-19\PreVendas - Governo Diogo\CNJ\2015\Infra\republicado\Desenho.xlsx</t>
  </si>
  <si>
    <t>IN-02-Diogo_note.xls</t>
  </si>
  <si>
    <t>D:\Backup 12-11-2019\Desktop - 12-11-19\PreVendas - Governo Diogo\CNJ\2015\Infra\republicado\IN-02-Diogo_note.xls</t>
  </si>
  <si>
    <t>IN-02.xls</t>
  </si>
  <si>
    <t>D:\Backup 12-11-2019\Desktop - 12-11-19\PreVendas - Governo Diogo\CNJ\2015\Infra\republicado\IN-02.xls</t>
  </si>
  <si>
    <t>C:\Users\suelenmm\OneDrive - Grupo Algar\Desktop - 12-11-19\PreVendas - Governo Diogo\CNJ\2017\SD\</t>
  </si>
  <si>
    <t>D:\Backup 12-11-2019\Desktop - 12-11-19\PreVendas - Governo Diogo\CNJ\2017\SD\BP Preço C010 B009.xlsb</t>
  </si>
  <si>
    <t>C:\Users\suelenmm\OneDrive - Grupo Algar\Desktop - 12-11-19\PreVendas - Governo Diogo\CNJ\2017\SD\BP Preço C010 B009.xlsb\</t>
  </si>
  <si>
    <t>desonerado.xlsb</t>
  </si>
  <si>
    <t>D:\Backup 12-11-2019\Desktop - 12-11-19\PreVendas - Governo Diogo\CNJ\2017\SD\desonerado.xlsb</t>
  </si>
  <si>
    <t>C:\Users\suelenmm\OneDrive - Grupo Algar\Desktop - 12-11-19\PreVendas - Governo Diogo\CNJ\2017\SD\desonerado.xlsb\</t>
  </si>
  <si>
    <t>IN02 - GERAL.xlsx</t>
  </si>
  <si>
    <t>D:\Backup 12-11-2019\Desktop - 12-11-19\PreVendas - Governo Diogo\CNJ\2017\SD\IN02 - GERAL.xlsx</t>
  </si>
  <si>
    <t>Pasta de trabalho1.xlsx</t>
  </si>
  <si>
    <t>D:\Backup 12-11-2019\Desktop - 12-11-19\PreVendas - Governo Diogo\CNJ\2017\SD\Pasta de trabalho1.xlsx</t>
  </si>
  <si>
    <t>C:\Users\suelenmm\OneDrive - Grupo Algar\Desktop - 12-11-19\PreVendas - Governo Diogo\CNJ\2017\SD\Republicado\</t>
  </si>
  <si>
    <t>144406 - 2017 - CNJ SD - Novembro.xlsb</t>
  </si>
  <si>
    <t>D:\Backup 12-11-2019\Desktop - 12-11-19\PreVendas - Governo Diogo\CNJ\2017\SD\Republicado\144406 - 2017 - CNJ SD - Novembro.xlsb</t>
  </si>
  <si>
    <t>C:\Users\suelenmm\OneDrive - Grupo Algar\Desktop - 12-11-19\PreVendas - Governo Diogo\CNJ\2017\SD\Republicado\144406 - 2017 - CNJ SD - Novembro.xlsb\</t>
  </si>
  <si>
    <t>C:\Users\suelenmm\OneDrive - Grupo Algar\Desktop - 12-11-19\PreVendas - Governo Diogo\CNJ\2017\SD\Republicado\CNJ_-_Pregão_Eletrônico_nº_22%2f2017_-_Edital_e_esclarecimentos.zip\</t>
  </si>
  <si>
    <t>Planilha_de_Formacao_de_Precos_TIC_v2.xls</t>
  </si>
  <si>
    <t>D:\Backup 12-11-2019\Desktop - 12-11-19\PreVendas - Governo Diogo\CNJ\2017\SD\Republicado\CNJ_-_Pregão_Eletrônico_nº_22%2f2017_-_Edital_e_esclarecimentos.zip</t>
  </si>
  <si>
    <t>Cópia de BP Preço C010 B011 Desonerada.xlsb</t>
  </si>
  <si>
    <t>D:\Backup 12-11-2019\Desktop - 12-11-19\PreVendas - Governo Diogo\CNJ\2017\SD\Republicado\Cópia de BP Preço C010 B011 Desonerada.xlsb</t>
  </si>
  <si>
    <t>C:\Users\suelenmm\OneDrive - Grupo Algar\Desktop - 12-11-19\PreVendas - Governo Diogo\CNJ\2017\SD\Republicado\Cópia de BP Preço C010 B011 Desonerada.xlsb\</t>
  </si>
  <si>
    <t>C:\Users\suelenmm\OneDrive - Grupo Algar\Desktop - 12-11-19\PreVendas - Governo Diogo\CNJ\2017\SD\Republicado\CNJ_-_Pregão_Eletrônico_nº_22%2f2017_-_Edital_e_esclarecimentos\</t>
  </si>
  <si>
    <t>D:\Backup 12-11-2019\Desktop - 12-11-19\PreVendas - Governo Diogo\CNJ\2017\SD\Republicado\CNJ_-_Pregão_Eletrônico_nº_22%2f2017_-_Edital_e_esclarecimentos\Planilha_de_Formacao_de_Precos_TIC_v2.xls</t>
  </si>
  <si>
    <t>Planilha_de_Formacao_de_Precos_TIC_v3.xls</t>
  </si>
  <si>
    <t>D:\Backup 12-11-2019\Desktop - 12-11-19\PreVendas - Governo Diogo\CNJ\2017\SD\Republicado\CNJ_-_Pregão_Eletrônico_nº_22%2f2017_-_Edital_e_esclarecimentos\Planilha_de_Formacao_de_Precos_TIC_v3.xls</t>
  </si>
  <si>
    <t>C:\Users\suelenmm\OneDrive - Grupo Algar\Desktop - 12-11-19\PreVendas - Governo Diogo\CNJ\2019\Emergencial Segurança\</t>
  </si>
  <si>
    <t>BP de Preço.xlsb</t>
  </si>
  <si>
    <t>D:\Backup 12-11-2019\Desktop - 12-11-19\PreVendas - Governo Diogo\CNJ\2019\Emergencial Segurança\BP de Preço.xlsb</t>
  </si>
  <si>
    <t>C:\Users\suelenmm\OneDrive - Grupo Algar\Desktop - 12-11-19\PreVendas - Governo Diogo\CNJ\2019\Emergencial Segurança\BP de Preço.xlsb\</t>
  </si>
  <si>
    <t>NC 2329-17 Anexo III - Planilha de Preços.xls</t>
  </si>
  <si>
    <t>C:\Users\suelenmm\OneDrive - Grupo Algar\Desktop - 12-11-19\PreVendas - Governo Diogo\CNJ\2019\INFRA ADITIVO\</t>
  </si>
  <si>
    <t>BP Aditivo CNJ Sobreaviso.xlsb</t>
  </si>
  <si>
    <t>D:\Backup 12-11-2019\Desktop - 12-11-19\PreVendas - Governo Diogo\CNJ\2019\INFRA ADITIVO\BP Aditivo CNJ Sobreaviso.xlsb</t>
  </si>
  <si>
    <t>C:\Users\suelenmm\OneDrive - Grupo Algar\Desktop - 12-11-19\PreVendas - Governo Diogo\CNJ\2019\INFRA ADITIVO\BP Aditivo CNJ Sobreaviso.xlsb\</t>
  </si>
  <si>
    <t>BP de Preço Recuperado.xlsb</t>
  </si>
  <si>
    <t>D:\Backup 12-11-2019\Desktop - 12-11-19\PreVendas - Governo Diogo\CNJ\2019\INFRA ADITIVO\BP de Preço Recuperado.xlsb</t>
  </si>
  <si>
    <t>C:\Users\suelenmm\OneDrive - Grupo Algar\Desktop - 12-11-19\PreVendas - Governo Diogo\CNJ\2019\INFRA ADITIVO\BP de Preço Recuperado.xlsb\</t>
  </si>
  <si>
    <t>D:\Backup 12-11-2019\Desktop - 12-11-19\PreVendas - Governo Diogo\CNJ\2019\INFRA ADITIVO\BP de Preço.xlsb</t>
  </si>
  <si>
    <t>C:\Users\suelenmm\OneDrive - Grupo Algar\Desktop - 12-11-19\PreVendas - Governo Diogo\CNJ\2019\INFRA ADITIVO\BP de Preço.xlsb\</t>
  </si>
  <si>
    <t>D:\Backup 12-11-2019\Desktop - 12-11-19\PreVendas - Governo Diogo\CNJ\2019\INFRA ADITIVO\IN-02.xls</t>
  </si>
  <si>
    <t>C:\Users\suelenmm\OneDrive - Grupo Algar\Desktop - 12-11-19\PreVendas - Governo Diogo\CNJ\2019\Monitoramento\</t>
  </si>
  <si>
    <t>BP CNJ NOC.xlsb</t>
  </si>
  <si>
    <t>D:\Backup 12-11-2019\Desktop - 12-11-19\PreVendas - Governo Diogo\CNJ\2019\Monitoramento\BP CNJ NOC.xlsb</t>
  </si>
  <si>
    <t>C:\Users\suelenmm\OneDrive - Grupo Algar\Desktop - 12-11-19\PreVendas - Governo Diogo\CNJ\2019\Monitoramento\BP CNJ NOC.xlsb\</t>
  </si>
  <si>
    <t>Dimensionamento NOC - CNJ.xlsx</t>
  </si>
  <si>
    <t>D:\Backup 12-11-2019\Desktop - 12-11-19\PreVendas - Governo Diogo\CNJ\2019\Monitoramento\Dimensionamento NOC - CNJ.xlsx</t>
  </si>
  <si>
    <t>C:\Users\suelenmm\OneDrive - Grupo Algar\Desktop - 12-11-19\PreVendas - Governo Diogo\CNJ\2019\Monitoramento\Cotação\</t>
  </si>
  <si>
    <t>Cópia de BP Preço C012 B013 Desonerada.xlsb</t>
  </si>
  <si>
    <t>D:\Backup 12-11-2019\Desktop - 12-11-19\PreVendas - Governo Diogo\CNJ\2019\Monitoramento\Cotação\Cópia de BP Preço C012 B013 Desonerada.xlsb</t>
  </si>
  <si>
    <t>C:\Users\suelenmm\OneDrive - Grupo Algar\Desktop - 12-11-19\PreVendas - Governo Diogo\CNJ\2019\Monitoramento\Cotação\Cópia de BP Preço C012 B013 Desonerada.xlsb\</t>
  </si>
  <si>
    <t>C:\Users\suelenmm\OneDrive - Grupo Algar\Desktop - 12-11-19\PreVendas - Governo Diogo\CNJ\2019\Repactuação INFRA\</t>
  </si>
  <si>
    <t>BP Repactuação Consolidado.xlsb</t>
  </si>
  <si>
    <t>D:\Backup 12-11-2019\Desktop - 12-11-19\PreVendas - Governo Diogo\CNJ\2019\Repactuação INFRA\BP Repactuação Consolidado.xlsb</t>
  </si>
  <si>
    <t>C:\Users\suelenmm\OneDrive - Grupo Algar\Desktop - 12-11-19\PreVendas - Governo Diogo\CNJ\2019\Repactuação INFRA\BP Repactuação Consolidado.xlsb\</t>
  </si>
  <si>
    <t>C:\Users\suelenmm\OneDrive - Grupo Algar\Desktop - 12-11-19\PreVendas - Governo Diogo\CNJ\2019\SD Aditivo\</t>
  </si>
  <si>
    <t>Aditivo 6x1150.xlsb</t>
  </si>
  <si>
    <t>D:\Backup 12-11-2019\Desktop - 12-11-19\PreVendas - Governo Diogo\CNJ\2019\SD Aditivo\Aditivo 6x1150.xlsb</t>
  </si>
  <si>
    <t>C:\Users\suelenmm\OneDrive - Grupo Algar\Desktop - 12-11-19\PreVendas - Governo Diogo\CNJ\2019\SD Aditivo\Aditivo 6x1150.xlsb\</t>
  </si>
  <si>
    <t>C:\Users\suelenmm\OneDrive - Grupo Algar\Desktop - 12-11-19\PreVendas - Governo Diogo\CNJ\Pre-Publicação\</t>
  </si>
  <si>
    <t>BP.xlsm</t>
  </si>
  <si>
    <t>D:\Backup 12-11-2019\Desktop - 12-11-19\PreVendas - Governo Diogo\CNJ\Pre-Publicação\BP.xlsm</t>
  </si>
  <si>
    <t>C:\Users\suelenmm\OneDrive - Grupo Algar\Desktop - 12-11-19\PreVendas - Governo Diogo\CNJ\Publicado\</t>
  </si>
  <si>
    <t>D:\Backup 12-11-2019\Desktop - 12-11-19\PreVendas - Governo Diogo\CNJ\Publicado\Planilha de Preço - Serviços Gerenciados.xlsb</t>
  </si>
  <si>
    <t>D:\Backup 12-11-2019\Desktop - 12-11-19\PreVendas - Governo Diogo\CNJ\Publicado\Premissas.xlsx</t>
  </si>
  <si>
    <t>D:\Backup 12-11-2019\Desktop - 12-11-19\PreVendas - Governo Diogo\CNMP\Racional.xlsx</t>
  </si>
  <si>
    <t>D:\Backup 12-11-2019\Desktop - 12-11-19\PreVendas - Governo Diogo\CNPq\CNPq.1.zip</t>
  </si>
  <si>
    <t>C:\Users\suelenmm\OneDrive - Grupo Algar\Desktop - 12-11-19\PreVendas - Governo Diogo\CNPq\2016\</t>
  </si>
  <si>
    <t>D:\Backup 12-11-2019\Desktop - 12-11-19\PreVendas - Governo Diogo\CNPq\2016\Desenho.xlsx</t>
  </si>
  <si>
    <t>LOTE 1 - IN02.xlsx</t>
  </si>
  <si>
    <t>D:\Backup 12-11-2019\Desktop - 12-11-19\PreVendas - Governo Diogo\CNPq\2016\LOTE 1 - IN02.xlsx</t>
  </si>
  <si>
    <t>LOTE 2 - IN02.xlsx</t>
  </si>
  <si>
    <t>D:\Backup 12-11-2019\Desktop - 12-11-19\PreVendas - Governo Diogo\CNPq\2016\LOTE 2 - IN02.xlsx</t>
  </si>
  <si>
    <t>LOTE 3 - IN02.xlsx</t>
  </si>
  <si>
    <t>D:\Backup 12-11-2019\Desktop - 12-11-19\PreVendas - Governo Diogo\CNPq\2016\LOTE 3 - IN02.xlsx</t>
  </si>
  <si>
    <t>Lote I.xlsb</t>
  </si>
  <si>
    <t>D:\Backup 12-11-2019\Desktop - 12-11-19\PreVendas - Governo Diogo\CNPq\2016\Lote I.xlsb</t>
  </si>
  <si>
    <t>Lote II.xlsb</t>
  </si>
  <si>
    <t>D:\Backup 12-11-2019\Desktop - 12-11-19\PreVendas - Governo Diogo\CNPq\2016\Lote II.xlsb</t>
  </si>
  <si>
    <t>C:\Users\suelenmm\OneDrive - Grupo Algar\Desktop - 12-11-19\PreVendas - Governo Diogo\CNPq\2018\</t>
  </si>
  <si>
    <t>1. DESENHO_SOLUÇÃO_SG_TI_V10.3.xlsx</t>
  </si>
  <si>
    <t>D:\Backup 12-11-2019\Desktop - 12-11-19\PreVendas - Governo Diogo\CNPq\2018\1. DESENHO_SOLUÇÃO_SG_TI_V10.3.xlsx</t>
  </si>
  <si>
    <t>bckp.xlsx</t>
  </si>
  <si>
    <t>D:\Backup 12-11-2019\Desktop - 12-11-19\PreVendas - Governo Diogo\CNPq\2018\bckp.xlsx</t>
  </si>
  <si>
    <t>BP CNPq - BROADCOM.xlsb</t>
  </si>
  <si>
    <t>D:\Backup 12-11-2019\Desktop - 12-11-19\PreVendas - Governo Diogo\CNPq\2018\BP CNPq - BROADCOM.xlsb</t>
  </si>
  <si>
    <t>C:\Users\suelenmm\OneDrive - Grupo Algar\Desktop - 12-11-19\PreVendas - Governo Diogo\CNPq\2018\BP CNPq - BROADCOM.xlsb\</t>
  </si>
  <si>
    <t>BP CNPq.xlsb</t>
  </si>
  <si>
    <t>D:\Backup 12-11-2019\Desktop - 12-11-19\PreVendas - Governo Diogo\CNPq\2018\BP CNPq.xlsb</t>
  </si>
  <si>
    <t>C:\Users\suelenmm\OneDrive - Grupo Algar\Desktop - 12-11-19\PreVendas - Governo Diogo\CNPq\2018\BP CNPq.xlsb\</t>
  </si>
  <si>
    <t>CNPq - GIAT SD.xlsx</t>
  </si>
  <si>
    <t>D:\Backup 12-11-2019\Desktop - 12-11-19\PreVendas - Governo Diogo\CNPq\2018\CNPq - GIAT SD.xlsx</t>
  </si>
  <si>
    <t>Dimensionamento NOC_2018 v1.0.xlsx</t>
  </si>
  <si>
    <t>D:\Backup 12-11-2019\Desktop - 12-11-19\PreVendas - Governo Diogo\CNPq\2018\Dimensionamento NOC_2018 v1.0.xlsx</t>
  </si>
  <si>
    <t>FINAL CNPq - GIAT SD.xlsx</t>
  </si>
  <si>
    <t>D:\Backup 12-11-2019\Desktop - 12-11-19\PreVendas - Governo Diogo\CNPq\2018\FINAL CNPq - GIAT SD.xlsx</t>
  </si>
  <si>
    <t>C:\Users\suelenmm\OneDrive - Grupo Algar\Desktop - 12-11-19\PreVendas - Governo Diogo\CNPq\2019\Análise CNPJ Infra\</t>
  </si>
  <si>
    <t>Impactos.xlsx</t>
  </si>
  <si>
    <t>D:\Backup 12-11-2019\Desktop - 12-11-19\PreVendas - Governo Diogo\CNPq\2019\Análise CNPJ Infra\Impactos.xlsx</t>
  </si>
  <si>
    <t>C:\Users\suelenmm\OneDrive - Grupo Algar\Desktop - 12-11-19\PreVendas - Governo Diogo\CNPq\CNPq.1\</t>
  </si>
  <si>
    <t>Formulário de Proposta Comercial - Lote 4.xls</t>
  </si>
  <si>
    <t>D:\Backup 12-11-2019\Desktop - 12-11-19\PreVendas - Governo Diogo\CNPq\CNPq.1\Formulário de Proposta Comercial - Lote 4.xls</t>
  </si>
  <si>
    <t>C:\Users\suelenmm\OneDrive - Grupo Algar\Desktop - 12-11-19\PreVendas - Governo Diogo\CNPq\CNPq.1 2\</t>
  </si>
  <si>
    <t>D:\Backup 12-11-2019\Desktop - 12-11-19\PreVendas - Governo Diogo\CNPq\CNPq.1 2\2.1 - ADMINISTRADOR DE BANCO DE DADOS.xlsx</t>
  </si>
  <si>
    <t>D:\Backup 12-11-2019\Desktop - 12-11-19\PreVendas - Governo Diogo\CNPq\CNPq.1 2\2.2 - ANALISTA DE MIDLEWARE.xlsx</t>
  </si>
  <si>
    <t>D:\Backup 12-11-2019\Desktop - 12-11-19\PreVendas - Governo Diogo\CNPq\CNPq.1 2\2.3 - ANALISTA DE INTERNET_WEB.xlsx</t>
  </si>
  <si>
    <t>2.4 - ANALISTA DE MENSAGERIA E COLABORAÇÃO.xlsx</t>
  </si>
  <si>
    <t>D:\Backup 12-11-2019\Desktop - 12-11-19\PreVendas - Governo Diogo\CNPq\CNPq.1 2\2.4 - ANALISTA DE MENSAGERIA E COLABORAÇÃO.xlsx</t>
  </si>
  <si>
    <t>D:\Backup 12-11-2019\Desktop - 12-11-19\PreVendas - Governo Diogo\CNPq\CNPq.1 2\Formulário de Proposta Comercial - Lote 4.xls</t>
  </si>
  <si>
    <t>C:\Users\suelenmm\OneDrive - Grupo Algar\Desktop - 12-11-19\PreVendas - Governo Diogo\CODEVASF\2019\Republicado\</t>
  </si>
  <si>
    <t>Cálculos USTs.xlsx</t>
  </si>
  <si>
    <t>D:\Backup 12-11-2019\Desktop - 12-11-19\PreVendas - Governo Diogo\CODEVASF\2019\Republicado\Cálculos USTs.xlsx</t>
  </si>
  <si>
    <t>D:\Backup 12-11-2019\Desktop - 12-11-19\PreVendas - Governo Diogo\CODEVASF\2019\Republicado\Plan Precificacao C017 B017.xlsb</t>
  </si>
  <si>
    <t>C:\Users\suelenmm\OneDrive - Grupo Algar\Desktop - 12-11-19\PreVendas - Governo Diogo\CODEVASF\2019\Republicado\Plan Precificacao C017 B017.xlsb\</t>
  </si>
  <si>
    <t>C:\Users\suelenmm\OneDrive - Grupo Algar\Desktop - 12-11-19\PreVendas - Governo Diogo\ITAÚ\</t>
  </si>
  <si>
    <t>SIZING + Resumo.xlsx</t>
  </si>
  <si>
    <t>D:\Backup 12-11-2019\Desktop - 12-11-19\PreVendas - Governo Diogo\CODEVASF\2019\Republicado\Preço.xlsb</t>
  </si>
  <si>
    <t>C:\Users\suelenmm\OneDrive - Grupo Algar\Desktop - 12-11-19\PreVendas - Governo Diogo\CODEVASF\2019\Republicado\Preço.xlsb\</t>
  </si>
  <si>
    <t>C:\Users\suelenmm\OneDrive - Grupo Algar\Desktop - 12-11-19\PreVendas - Governo Diogo\Compucenter\Rollout Bodyshop\</t>
  </si>
  <si>
    <t>Computacenter - Bodyshop - Rollout.xlsb</t>
  </si>
  <si>
    <t>D:\Backup 12-11-2019\Desktop - 12-11-19\PreVendas - Governo Diogo\Compucenter\Rollout Bodyshop\Computacenter - Bodyshop - Rollout.xlsb</t>
  </si>
  <si>
    <t>C:\Users\suelenmm\OneDrive - Grupo Algar\Desktop - 12-11-19\PreVendas - Governo Diogo\Compucenter\Rollout Bodyshop\Computacenter - Bodyshop - Rollout.xlsb\</t>
  </si>
  <si>
    <t>D:\Backup 12-11-2019\Desktop - 12-11-19\PreVendas - Governo Diogo\CPFL\BP Central Algar.xlsb</t>
  </si>
  <si>
    <t>D:\Backup 12-11-2019\Desktop - 12-11-19\PreVendas - Governo Diogo\CPFL\BP Preço C010 B011 Desonerada.xlsb</t>
  </si>
  <si>
    <t>D:\Backup 12-11-2019\Desktop - 12-11-19\PreVendas - Governo Diogo\CPFL\Duvidas_Respostas_CPFL.XLSX</t>
  </si>
  <si>
    <t>D:\Backup 12-11-2019\Desktop - 12-11-19\PreVendas - Governo Diogo\CPFL\Sizing.xlsx</t>
  </si>
  <si>
    <t>D:\Backup 12-11-2019\Desktop - 12-11-19\PreVendas - Governo Diogo\CPFL\TI Operação - Base .xlsx</t>
  </si>
  <si>
    <t>C:\Users\suelenmm\OneDrive - Grupo Algar\Desktop - 12-11-19\PreVendas - Governo Diogo\CPFL\Revisão 3\</t>
  </si>
  <si>
    <t>CPFL Cenário 02_v4_BP Preço C010 B011 Desonerada.xlsb</t>
  </si>
  <si>
    <t>D:\Backup 12-11-2019\Desktop - 12-11-19\PreVendas - Governo Diogo\CPFL\Revisão 3\CPFL Cenário 02_v4_BP Preço C010 B011 Desonerada.xlsb</t>
  </si>
  <si>
    <t>C:\Users\suelenmm\OneDrive - Grupo Algar\Desktop - 12-11-19\PreVendas - Governo Diogo\CPFL\Revisão 3\CPFL Cenário 02_v4_BP Preço C010 B011 Desonerada.xlsb\</t>
  </si>
  <si>
    <t>CPFL Cenário 02_v4_REV3.xlsb</t>
  </si>
  <si>
    <t>D:\Backup 12-11-2019\Desktop - 12-11-19\PreVendas - Governo Diogo\CPFL\Revisão 3\CPFL Cenário 02_v4_REV3.xlsb</t>
  </si>
  <si>
    <t>C:\Users\suelenmm\OneDrive - Grupo Algar\Desktop - 12-11-19\PreVendas - Governo Diogo\CPFL\Revisão 3\CPFL Cenário 02_v4_REV3.xlsb\</t>
  </si>
  <si>
    <t>D:\Backup 12-11-2019\Desktop - 12-11-19\PreVendas - Governo Diogo\CPRM\Racionais.xlsx</t>
  </si>
  <si>
    <t>D:\Backup 12-11-2019\Desktop - 12-11-19\PreVendas - Governo Diogo\CREA-SP\BP_Final_36_Meses.xlsb</t>
  </si>
  <si>
    <t>C:\Users\suelenmm\OneDrive - Grupo Algar\Desktop - 12-11-19\PreVendas - Governo Diogo\Cyrella\BS Field\</t>
  </si>
  <si>
    <t>Cyrella BS FS.xlsb</t>
  </si>
  <si>
    <t>D:\Backup 12-11-2019\Desktop - 12-11-19\PreVendas - Governo Diogo\Cyrella\BS Field\Cyrella BS FS.xlsb</t>
  </si>
  <si>
    <t>C:\Users\suelenmm\OneDrive - Grupo Algar\Desktop - 12-11-19\PreVendas - Governo Diogo\Cyrella\BS Field\Cyrella BS FS.xlsb\</t>
  </si>
  <si>
    <t>D:\Backup 12-11-2019\Desktop - 12-11-19\PreVendas - Governo Diogo\Câmara\Cópia de Planilha de Preço - Serviços Gerenciados.xlsb</t>
  </si>
  <si>
    <t>D:\Backup 12-11-2019\Desktop - 12-11-19\PreVendas - Governo Diogo\Câmara\Pasta1.xlsx</t>
  </si>
  <si>
    <t>D:\Backup 12-11-2019\Desktop - 12-11-19\PreVendas - Governo Diogo\Câmara\Planilha de Preço - Serviços Gerenciados.xlsb</t>
  </si>
  <si>
    <t>D:\Backup 12-11-2019\Desktop - 12-11-19\PreVendas - Governo Diogo\Câmara\Preço - Serviços Gerenciados COM PBM Aux. Alim..xlsb</t>
  </si>
  <si>
    <t>D:\Backup 12-11-2019\Desktop - 12-11-19\PreVendas - Governo Diogo\Câmara\Preço - Serviços Gerenciados COM PBM.xlsb</t>
  </si>
  <si>
    <t>D:\Backup 12-11-2019\Desktop - 12-11-19\PreVendas - Governo Diogo\Câmara\Preço - Serviços Gerenciados SEM PBM.xlsb</t>
  </si>
  <si>
    <t>C:\Users\suelenmm\OneDrive - Grupo Algar\Desktop - 12-11-19\PreVendas - Governo Diogo\Câmara\Atualizado\</t>
  </si>
  <si>
    <t>ABERTO - Planilha de Preço - Serviços Gerenciados V2.xlsb</t>
  </si>
  <si>
    <t>D:\Backup 12-11-2019\Desktop - 12-11-19\PreVendas - Governo Diogo\Câmara\Atualizado\ABERTO - Planilha de Preço - Serviços Gerenciados V2.xlsb</t>
  </si>
  <si>
    <t>ABERTO - SEM MENOR E INSS.xlsb</t>
  </si>
  <si>
    <t>D:\Backup 12-11-2019\Desktop - 12-11-19\PreVendas - Governo Diogo\Câmara\Atualizado\ABERTO - SEM MENOR E INSS.xlsb</t>
  </si>
  <si>
    <t>custos câmara.xlsx</t>
  </si>
  <si>
    <t>D:\Backup 12-11-2019\Desktop - 12-11-19\PreVendas - Governo Diogo\Câmara\Atualizado\custos câmara.xlsx</t>
  </si>
  <si>
    <t>Planilha de Preço - Serviços Gerenciados V2.xlsb</t>
  </si>
  <si>
    <t>D:\Backup 12-11-2019\Desktop - 12-11-19\PreVendas - Governo Diogo\Câmara\Atualizado\Planilha de Preço - Serviços Gerenciados V2.xlsb</t>
  </si>
  <si>
    <t>C:\Users\suelenmm\OneDrive - Grupo Algar\Desktop - 12-11-19\PreVendas - Governo Diogo\Câmara\Cervello SaaS\</t>
  </si>
  <si>
    <t>1.2 Parametrização.xlsb</t>
  </si>
  <si>
    <t>D:\Backup 12-11-2019\Desktop - 12-11-19\PreVendas - Governo Diogo\Câmara\Cervello SaaS\1.2 Parametrização.xlsb</t>
  </si>
  <si>
    <t>1.3 1.4 1.5 Treinamentos.xlsb</t>
  </si>
  <si>
    <t>D:\Backup 12-11-2019\Desktop - 12-11-19\PreVendas - Governo Diogo\Câmara\Cervello SaaS\1.3 1.4 1.5 Treinamentos.xlsb</t>
  </si>
  <si>
    <t>D:\Backup 12-11-2019\Desktop - 12-11-19\PreVendas - Governo Diogo\Câmara\Cervello SaaS\Consolidado.xlsx</t>
  </si>
  <si>
    <t>Licenças.xlsb</t>
  </si>
  <si>
    <t>D:\Backup 12-11-2019\Desktop - 12-11-19\PreVendas - Governo Diogo\Câmara\Cervello SaaS\Licenças.xlsb</t>
  </si>
  <si>
    <t>C:\Users\suelenmm\OneDrive - Grupo Algar\Desktop - 12-11-19\PreVendas - Governo Diogo\Câmara\Igor\</t>
  </si>
  <si>
    <t>D:\Backup 12-11-2019\Desktop - 12-11-19\PreVendas - Governo Diogo\Câmara\Igor\Cópia de Planilha de Preço - Serviços Gerenciados.xlsb</t>
  </si>
  <si>
    <t>DRE.xlsx</t>
  </si>
  <si>
    <t>D:\Backup 12-11-2019\Desktop - 12-11-19\PreVendas - Governo Diogo\Câmara\Igor\DRE.xlsx</t>
  </si>
  <si>
    <t>Matriz Favorabilidade.xlsx</t>
  </si>
  <si>
    <t>D:\Backup 12-11-2019\Desktop - 12-11-19\PreVendas - Governo Diogo\Câmara\Igor\Matriz Favorabilidade.xlsx</t>
  </si>
  <si>
    <t>D:\Backup 12-11-2019\Desktop - 12-11-19\PreVendas - Governo Diogo\Câmara Legislativa\BP.xlsb</t>
  </si>
  <si>
    <t>C:\Users\suelenmm\OneDrive - Grupo Algar\Desktop - 12-11-19\PreVendas - Governo Diogo\Datasus\2013\</t>
  </si>
  <si>
    <t>Catálogo.xlsx</t>
  </si>
  <si>
    <t>D:\Backup 12-11-2019\Desktop - 12-11-19\PreVendas - Governo Diogo\Datasus\2013\Catálogo.xlsx</t>
  </si>
  <si>
    <t>Dimensionamento Produtividade.xlsx</t>
  </si>
  <si>
    <t>D:\Backup 12-11-2019\Desktop - 12-11-19\PreVendas - Governo Diogo\Datasus\2013\Dimensionamento Produtividade.xlsx</t>
  </si>
  <si>
    <t>Preço.xlsm</t>
  </si>
  <si>
    <t>D:\Backup 12-11-2019\Desktop - 12-11-19\PreVendas - Governo Diogo\Datasus\2013\Preço.xlsm</t>
  </si>
  <si>
    <t>C:\Users\suelenmm\OneDrive - Grupo Algar\Desktop - 12-11-19\PreVendas - Governo Diogo\Datasus\2017\SD\</t>
  </si>
  <si>
    <t>D:\Backup 12-11-2019\Desktop - 12-11-19\PreVendas - Governo Diogo\Datasus\2017\SD\Auxiliar.xlsx</t>
  </si>
  <si>
    <t>D:\Backup 12-11-2019\Desktop - 12-11-19\PreVendas - Governo Diogo\Datasus\2017\SD\BP Preço C009 B009.xlsb</t>
  </si>
  <si>
    <t>C:\Users\suelenmm\OneDrive - Grupo Algar\Desktop - 12-11-19\PreVendas - Governo Diogo\Datasus\2017\SD\BP Preço C009 B009.xlsb\</t>
  </si>
  <si>
    <t>C:\Users\suelenmm\OneDrive - Grupo Algar\Desktop - 12-11-19\PreVendas - Governo Diogo\Datasus\Assessoria\Pré Publicação\Documentos Enviados\</t>
  </si>
  <si>
    <t>Catálogo Macro.xlsx</t>
  </si>
  <si>
    <t>D:\Backup 12-11-2019\Desktop - 12-11-19\PreVendas - Governo Diogo\Datasus\Assessoria\Pré Publicação\Documentos Enviados\Catálogo Macro.xlsx</t>
  </si>
  <si>
    <t>C:\Users\suelenmm\OneDrive - Grupo Algar\Desktop - 12-11-19\PreVendas - Governo Diogo\Datasus\Cotação\</t>
  </si>
  <si>
    <t>Cotação 2018.xlsx</t>
  </si>
  <si>
    <t>D:\Backup 12-11-2019\Desktop - 12-11-19\PreVendas - Governo Diogo\Datasus\Cotação\Cotação 2018.xlsx</t>
  </si>
  <si>
    <t>Desenho Cotação.xlsx</t>
  </si>
  <si>
    <t>D:\Backup 12-11-2019\Desktop - 12-11-19\PreVendas - Governo Diogo\Datasus\Cotação\Desenho Cotação.xlsx</t>
  </si>
  <si>
    <t>D:\Backup 12-11-2019\Desktop - 12-11-19\PreVendas - Governo Diogo\DETRAN SP\Cotação.xlsx</t>
  </si>
  <si>
    <t>C:\Users\suelenmm\OneDrive - Grupo Algar\Desktop - 12-11-19\PreVendas - Governo Diogo\DNIT\2019\Cotação\</t>
  </si>
  <si>
    <t>D:\Backup 12-11-2019\Desktop - 12-11-19\PreVendas - Governo Diogo\DNIT\2019\Cotação\Cotação.xlsx</t>
  </si>
  <si>
    <t>D:\Backup 12-11-2019\Desktop - 12-11-19\PreVendas - Governo Diogo\Documentação de Apoio\Cargos e Salários.xlsx</t>
  </si>
  <si>
    <t>D:\Backup 12-11-2019\Desktop - 12-11-19\PreVendas - Governo Diogo\Documentação de Apoio\Departamental - set11.xlsx</t>
  </si>
  <si>
    <t>D:\Backup 12-11-2019\Desktop - 12-11-19\PreVendas - Governo Diogo\Documentação de Apoio\dimensionamento Monitoramento.xlsx</t>
  </si>
  <si>
    <t>D:\Backup 12-11-2019\Desktop - 12-11-19\PreVendas - Governo Diogo\Documentação de Apoio\Impacto X Urgência.xlsx</t>
  </si>
  <si>
    <t>D:\Backup 12-11-2019\Desktop - 12-11-19\PreVendas - Governo Diogo\Documentação de Apoio\IN-02.xlsx</t>
  </si>
  <si>
    <t>D:\Backup 12-11-2019\Desktop - 12-11-19\PreVendas - Governo Diogo\Documentação de Apoio\Intradiario DIOGO.xls</t>
  </si>
  <si>
    <t>D:\Backup 12-11-2019\Desktop - 12-11-19\PreVendas - Governo Diogo\Documentação de Apoio\Planilha de Custos - Resumo e IN-02.xlsx</t>
  </si>
  <si>
    <t>D:\Backup 12-11-2019\Desktop - 12-11-19\PreVendas - Governo Diogo\Documentação de Apoio\Precificação com Adoção.xlsb</t>
  </si>
  <si>
    <t>D:\Backup 12-11-2019\Desktop - 12-11-19\PreVendas - Governo Diogo\Documentação de Apoio\Proposta de Resumo Executivo_v2.xlsx</t>
  </si>
  <si>
    <t>D:\Backup 12-11-2019\Desktop - 12-11-19\PreVendas - Governo Diogo\Documentação de Apoio\Simulação REAJUSTE.xlsx</t>
  </si>
  <si>
    <t>D:\Backup 12-11-2019\Desktop - 12-11-19\PreVendas - Governo Diogo\Documentação de Apoio\Sist. Precificação TI - BPO - BSA.xlsb</t>
  </si>
  <si>
    <t>C:\Users\suelenmm\OneDrive - Grupo Algar\Desktop - 12-11-19\PreVendas - Governo Diogo\Documentação de Apoio\Apoio a TR\</t>
  </si>
  <si>
    <t>SLA Infra.xlsx</t>
  </si>
  <si>
    <t>D:\Backup 12-11-2019\Desktop - 12-11-19\PreVendas - Governo Diogo\Documentação de Apoio\Apoio a TR\SLA Infra.xlsx</t>
  </si>
  <si>
    <t>D:\Backup 12-11-2019\Desktop - 12-11-19\PreVendas - Governo Diogo\DPDF\BP Preço C009 B009.xlsb</t>
  </si>
  <si>
    <t>D:\Backup 12-11-2019\Desktop - 12-11-19\PreVendas - Governo Diogo\DPDF\Desenho.xlsx</t>
  </si>
  <si>
    <t>D:\Backup 12-11-2019\Desktop - 12-11-19\PreVendas - Governo Diogo\DPDF\Preço Final.xlsb</t>
  </si>
  <si>
    <t>D:\Backup 12-11-2019\Desktop - 12-11-19\PreVendas - Governo Diogo\DPF\Anexo 1 - Detalhe das macro-atividades.xlsx</t>
  </si>
  <si>
    <t>C:\Users\suelenmm\OneDrive - Grupo Algar\Desktop - 12-11-19\PreVendas - Governo Diogo\DPF\2015\</t>
  </si>
  <si>
    <t>D:\Backup 12-11-2019\Desktop - 12-11-19\PreVendas - Governo Diogo\DPF\2015\Desenho.xlsx</t>
  </si>
  <si>
    <t>C:\Users\suelenmm\OneDrive - Grupo Algar\Desktop - 12-11-19\PreVendas - Governo Diogo\DPF\2015\INC\</t>
  </si>
  <si>
    <t>D:\Backup 12-11-2019\Desktop - 12-11-19\PreVendas - Governo Diogo\DPF\2015\INC\PS.xlsb</t>
  </si>
  <si>
    <t>D:\Backup 12-11-2019\Desktop - 12-11-19\PreVendas - Governo Diogo\DPF\2015\INC\SD.xlsb</t>
  </si>
  <si>
    <t>C:\Users\suelenmm\OneDrive - Grupo Algar\Desktop - 12-11-19\PreVendas - Governo Diogo\DPF\2015\Publicado Suporte e Infra\Republicado\</t>
  </si>
  <si>
    <t>BP CA 2017.xlsb</t>
  </si>
  <si>
    <t>D:\Backup 12-11-2019\Desktop - 12-11-19\PreVendas - Governo Diogo\DPF\2015\Publicado Suporte e Infra\Republicado\BP CA 2017.xlsb</t>
  </si>
  <si>
    <t>BP Cenário Aprovado.xlsb</t>
  </si>
  <si>
    <t>D:\Backup 12-11-2019\Desktop - 12-11-19\PreVendas - Governo Diogo\DPF\2015\Publicado Suporte e Infra\Republicado\BP Cenário Aprovado.xlsb</t>
  </si>
  <si>
    <t>BP Change 18-01-2016.xlsb</t>
  </si>
  <si>
    <t>D:\Backup 12-11-2019\Desktop - 12-11-19\PreVendas - Governo Diogo\DPF\2015\Publicado Suporte e Infra\Republicado\BP Change 18-01-2016.xlsb</t>
  </si>
  <si>
    <t>BP Change 22-12-2015.xlsb</t>
  </si>
  <si>
    <t>D:\Backup 12-11-2019\Desktop - 12-11-19\PreVendas - Governo Diogo\DPF\2015\Publicado Suporte e Infra\Republicado\BP Change 22-12-2015.xlsb</t>
  </si>
  <si>
    <t>BP Change CA Completa 36 meses.xlsb</t>
  </si>
  <si>
    <t>D:\Backup 12-11-2019\Desktop - 12-11-19\PreVendas - Governo Diogo\DPF\2015\Publicado Suporte e Infra\Republicado\BP Change CA Completa 36 meses.xlsb</t>
  </si>
  <si>
    <t>BP Change Implantação CA 2016 - 1,2MM.xlsb</t>
  </si>
  <si>
    <t>D:\Backup 12-11-2019\Desktop - 12-11-19\PreVendas - Governo Diogo\DPF\2015\Publicado Suporte e Infra\Republicado\BP Change Implantação CA 2016 - 1,2MM.xlsb</t>
  </si>
  <si>
    <t>BP Change Implantação CA 2016 - 744K.xlsb</t>
  </si>
  <si>
    <t>D:\Backup 12-11-2019\Desktop - 12-11-19\PreVendas - Governo Diogo\DPF\2015\Publicado Suporte e Infra\Republicado\BP Change Implantação CA 2016 - 744K.xlsb</t>
  </si>
  <si>
    <t>BP Change Implantação CA 2016 656k.xlsb</t>
  </si>
  <si>
    <t>D:\Backup 12-11-2019\Desktop - 12-11-19\PreVendas - Governo Diogo\DPF\2015\Publicado Suporte e Infra\Republicado\BP Change Implantação CA 2016 656k.xlsb</t>
  </si>
  <si>
    <t>BP Change Implantação CA 2016.xlsb</t>
  </si>
  <si>
    <t>D:\Backup 12-11-2019\Desktop - 12-11-19\PreVendas - Governo Diogo\DPF\2015\Publicado Suporte e Infra\Republicado\BP Change Implantação CA 2016.xlsb</t>
  </si>
  <si>
    <t>BP Change Pessoas.xlsb</t>
  </si>
  <si>
    <t>D:\Backup 12-11-2019\Desktop - 12-11-19\PreVendas - Governo Diogo\DPF\2015\Publicado Suporte e Infra\Republicado\BP Change Pessoas.xlsb</t>
  </si>
  <si>
    <t>Diferença link.xlsx</t>
  </si>
  <si>
    <t>D:\Backup 12-11-2019\Desktop - 12-11-19\PreVendas - Governo Diogo\DPF\2015\Publicado Suporte e Infra\Republicado\Diferença link.xlsx</t>
  </si>
  <si>
    <t>D:\Backup 12-11-2019\Desktop - 12-11-19\PreVendas - Governo Diogo\DPF\2015\Publicado Suporte e Infra\Republicado\IN-02.xls</t>
  </si>
  <si>
    <t>C:\Users\suelenmm\OneDrive - Grupo Algar\Desktop - 12-11-19\PreVendas - Governo Diogo\DPF\2015\SRDPF SP\</t>
  </si>
  <si>
    <t>D:\Backup 12-11-2019\Desktop - 12-11-19\PreVendas - Governo Diogo\DPF\2015\SRDPF SP\BP.xlsb</t>
  </si>
  <si>
    <t>C:\Users\suelenmm\OneDrive - Grupo Algar\Desktop - 12-11-19\PreVendas - Governo Diogo\DPF\2016\EP\</t>
  </si>
  <si>
    <t>BP-EP.xlsb</t>
  </si>
  <si>
    <t>D:\Backup 12-11-2019\Desktop - 12-11-19\PreVendas - Governo Diogo\DPF\2016\EP\BP-EP.xlsb</t>
  </si>
  <si>
    <t>C:\Users\suelenmm\OneDrive - Grupo Algar\Desktop - 12-11-19\PreVendas - Governo Diogo\DPF\2017\Field + N3 Unidades\</t>
  </si>
  <si>
    <t>D:\Backup 12-11-2019\Desktop - 12-11-19\PreVendas - Governo Diogo\DPF\2017\Field + N3 Unidades\Consolidado.xlsx</t>
  </si>
  <si>
    <t>Suporte Jr.xlsb</t>
  </si>
  <si>
    <t>D:\Backup 12-11-2019\Desktop - 12-11-19\PreVendas - Governo Diogo\DPF\2017\Field + N3 Unidades\Suporte Jr.xlsb</t>
  </si>
  <si>
    <t>C:\Users\suelenmm\OneDrive - Grupo Algar\Desktop - 12-11-19\PreVendas - Governo Diogo\DPF\2017\Field + N3 Unidades\Suporte Jr.xlsb\</t>
  </si>
  <si>
    <t>C:\Users\suelenmm\OneDrive - Grupo Algar\Desktop - 12-11-19\PreVendas - Governo Diogo\DPF\2017\Field + N3 Unidades\SRSE\</t>
  </si>
  <si>
    <t>N2.xlsb</t>
  </si>
  <si>
    <t>D:\Backup 12-11-2019\Desktop - 12-11-19\PreVendas - Governo Diogo\DPF\2017\Field + N3 Unidades\SRSE\N2.xlsb</t>
  </si>
  <si>
    <t>C:\Users\suelenmm\OneDrive - Grupo Algar\Desktop - 12-11-19\PreVendas - Governo Diogo\DPF\2017\Field + N3 Unidades\SRSE\N2.xlsb\</t>
  </si>
  <si>
    <t>N3.xlsb</t>
  </si>
  <si>
    <t>D:\Backup 12-11-2019\Desktop - 12-11-19\PreVendas - Governo Diogo\DPF\2017\Field + N3 Unidades\SRSE\N3.xlsb</t>
  </si>
  <si>
    <t>C:\Users\suelenmm\OneDrive - Grupo Algar\Desktop - 12-11-19\PreVendas - Governo Diogo\DPF\2017\Field + N3 Unidades\SRSE\N3.xlsb\</t>
  </si>
  <si>
    <t>D:\Backup 12-11-2019\Desktop - 12-11-19\PreVendas - Governo Diogo\DPF\2017\Field + N3 Unidades\SRSE\Cenário 2\N2.xlsb</t>
  </si>
  <si>
    <t>D:\Backup 12-11-2019\Desktop - 12-11-19\PreVendas - Governo Diogo\DPF\2017\Field + N3 Unidades\SRSE\Cenário 2\N3.xlsb</t>
  </si>
  <si>
    <t>C:\Users\suelenmm\OneDrive - Grupo Algar\Desktop - 12-11-19\PreVendas - Governo Diogo\DPF\2018\EP\</t>
  </si>
  <si>
    <t>VPL zero.xlsb</t>
  </si>
  <si>
    <t>D:\Backup 12-11-2019\Desktop - 12-11-19\PreVendas - Governo Diogo\DPF\2018\EP\VPL zero.xlsb</t>
  </si>
  <si>
    <t>C:\Users\suelenmm\OneDrive - Grupo Algar\Desktop - 12-11-19\PreVendas - Governo Diogo\DPF\2018\EP\VPL zero.xlsb\</t>
  </si>
  <si>
    <t>C:\Users\suelenmm\OneDrive - Grupo Algar\Desktop - 12-11-19\PreVendas - Governo Diogo\DPF\2018\EP\Cotação\</t>
  </si>
  <si>
    <t>D:\Backup 12-11-2019\Desktop - 12-11-19\PreVendas - Governo Diogo\DPF\2018\EP\Cotação\Racional.xlsx</t>
  </si>
  <si>
    <t>C:\Users\suelenmm\OneDrive - Grupo Algar\Desktop - 12-11-19\PreVendas - Governo Diogo\DPF\2018\Suporte RJ\</t>
  </si>
  <si>
    <t>Habilitação.xlsx</t>
  </si>
  <si>
    <t>D:\Backup 12-11-2019\Desktop - 12-11-19\PreVendas - Governo Diogo\DPF\2018\Suporte RJ\Habilitação.xlsx</t>
  </si>
  <si>
    <t>C:\Users\suelenmm\OneDrive - Grupo Algar\Desktop - 12-11-19\PreVendas - Governo Diogo\DPF\2019\aditivo\</t>
  </si>
  <si>
    <t>Levantamento_aditivo_pf.xlsx</t>
  </si>
  <si>
    <t>D:\Backup 12-11-2019\Desktop - 12-11-19\PreVendas - Governo Diogo\DPF\2019\aditivo\Levantamento_aditivo_pf.xlsx</t>
  </si>
  <si>
    <t>racional.xlsx</t>
  </si>
  <si>
    <t>D:\Backup 12-11-2019\Desktop - 12-11-19\PreVendas - Governo Diogo\DPF\2019\aditivo\racional.xlsx</t>
  </si>
  <si>
    <t>C:\Users\suelenmm\OneDrive - Grupo Algar\Desktop - 12-11-19\PreVendas - Governo Diogo\DPF\Repactuação\Lote 4\Lote 4.zip\Lote 4\5,49%\</t>
  </si>
  <si>
    <t>2 - Lote 4 - ConsolidaaÌâˆ†o dos preaÌos.xls</t>
  </si>
  <si>
    <t>D:\Backup 12-11-2019\Desktop - 12-11-19\PreVendas - Governo Diogo\DPF\Repactuação\Lote 4\Lote 4.zip</t>
  </si>
  <si>
    <t>2.1 - Lote 4 - Assistente de Gerente de Projetos.xlsx</t>
  </si>
  <si>
    <t>2.2 - Lote 4 - Gerente de Projetos Pleno.xlsx</t>
  </si>
  <si>
    <t>2.3 - Lote 4 - Coordenador de Projetos.xlsx</t>
  </si>
  <si>
    <t>C:\Users\suelenmm\OneDrive - Grupo Algar\Desktop - 12-11-19\PreVendas - Governo Diogo\DPF\Repactuação\Lote 4\Lote 4.zip\Lote 4\7%\</t>
  </si>
  <si>
    <t>C:\Users\suelenmm\OneDrive - Grupo Algar\Desktop - 12-11-19\PreVendas - Governo Diogo\DPF\Repactuação\Lote 4\Lote 4.zip\Lote 4\Original\</t>
  </si>
  <si>
    <t>C:\Users\suelenmm\OneDrive - Grupo Algar\Desktop - 12-11-19\PreVendas - Governo Diogo\DPF\Repactuação\Lote 4\5,49%\</t>
  </si>
  <si>
    <t>2 - Lote 4 - Consolidaá∆o dos preáos.xls</t>
  </si>
  <si>
    <t>D:\Backup 12-11-2019\Desktop - 12-11-19\PreVendas - Governo Diogo\DPF\Repactuação\Lote 4\5,49%\2 - Lote 4 - Consolidaá∆o dos preáos.xls</t>
  </si>
  <si>
    <t>D:\Backup 12-11-2019\Desktop - 12-11-19\PreVendas - Governo Diogo\DPF\Repactuação\Lote 4\5,49%\2.1 - Lote 4 - Assistente de Gerente de Projetos.xlsx</t>
  </si>
  <si>
    <t>D:\Backup 12-11-2019\Desktop - 12-11-19\PreVendas - Governo Diogo\DPF\Repactuação\Lote 4\5,49%\2.2 - Lote 4 - Gerente de Projetos Pleno.xlsx</t>
  </si>
  <si>
    <t>C:\Users\suelenmm\OneDrive - Grupo Algar\Desktop - 12-11-19\PreVendas - Governo Diogo\DPF\Repactuação\Lote 4\7%\</t>
  </si>
  <si>
    <t>D:\Backup 12-11-2019\Desktop - 12-11-19\PreVendas - Governo Diogo\DPF\Repactuação\Lote 4\7%\2 - Lote 4 - Consolidaá∆o dos preáos.xls</t>
  </si>
  <si>
    <t>D:\Backup 12-11-2019\Desktop - 12-11-19\PreVendas - Governo Diogo\DPF\Repactuação\Lote 4\7%\2.1 - Lote 4 - Assistente de Gerente de Projetos.xlsx</t>
  </si>
  <si>
    <t>D:\Backup 12-11-2019\Desktop - 12-11-19\PreVendas - Governo Diogo\DPF\Repactuação\Lote 4\7%\2.2 - Lote 4 - Gerente de Projetos Pleno.xlsx</t>
  </si>
  <si>
    <t>D:\Backup 12-11-2019\Desktop - 12-11-19\PreVendas - Governo Diogo\DPF\Repactuação\Lote 4\7%\2.3 - Lote 4 - Coordenador de Projetos.xlsx</t>
  </si>
  <si>
    <t>C:\Users\suelenmm\OneDrive - Grupo Algar\Desktop - 12-11-19\PreVendas - Governo Diogo\DPF\Repactuação\Lote 4\Original\</t>
  </si>
  <si>
    <t>D:\Backup 12-11-2019\Desktop - 12-11-19\PreVendas - Governo Diogo\DPF\Repactuação\Lote 4\Original\2 - Lote 4 - Consolidaá∆o dos preáos.xls</t>
  </si>
  <si>
    <t>D:\Backup 12-11-2019\Desktop - 12-11-19\PreVendas - Governo Diogo\DPF\Repactuação\Lote 4\Original\2.1 - Lote 4 - Assistente de Gerente de Projetos.xlsx</t>
  </si>
  <si>
    <t>D:\Backup 12-11-2019\Desktop - 12-11-19\PreVendas - Governo Diogo\DPF\Repactuação\Lote 4\Original\2.2 - Lote 4 - Gerente de Projetos Pleno.xlsx</t>
  </si>
  <si>
    <t>D:\Backup 12-11-2019\Desktop - 12-11-19\PreVendas - Governo Diogo\DPF\Repactuação\Lote 4\Original\2.3 - Lote 4 - Coordenador de Projetos.xlsx</t>
  </si>
  <si>
    <t>D:\Backup 12-11-2019\Desktop - 12-11-19\PreVendas - Governo Diogo\DPRF\cotação.xlsx</t>
  </si>
  <si>
    <t>C:\Users\suelenmm\OneDrive - Grupo Algar\Desktop - 12-11-19\PreVendas - Governo Diogo\DPRF\2017\</t>
  </si>
  <si>
    <t>RFQ.xlsx</t>
  </si>
  <si>
    <t>D:\Backup 12-11-2019\Desktop - 12-11-19\PreVendas - Governo Diogo\DPRF\2017\RFQ.xlsx</t>
  </si>
  <si>
    <t>C:\Users\suelenmm\OneDrive - Grupo Algar\Desktop - 12-11-19\PreVendas - Governo Diogo\DPRF\2017\INFRA + SD\DPRF\</t>
  </si>
  <si>
    <t>Pricing (CAPEX) Com reajuste.xlsb</t>
  </si>
  <si>
    <t>D:\Backup 12-11-2019\Desktop - 12-11-19\PreVendas - Governo Diogo\DPRF\2017\INFRA + SD\DPRF\Pricing (CAPEX) Com reajuste.xlsb</t>
  </si>
  <si>
    <t>C:\Users\suelenmm\OneDrive - Grupo Algar\Desktop - 12-11-19\PreVendas - Governo Diogo\DPRF\2017\INFRA + SD\DPRF\Pricing (CAPEX) Com reajuste.xlsb\</t>
  </si>
  <si>
    <t>Pricing (CAPEX).xlsb</t>
  </si>
  <si>
    <t>D:\Backup 12-11-2019\Desktop - 12-11-19\PreVendas - Governo Diogo\DPRF\2017\INFRA + SD\DPRF\Pricing (CAPEX).xlsb</t>
  </si>
  <si>
    <t>C:\Users\suelenmm\OneDrive - Grupo Algar\Desktop - 12-11-19\PreVendas - Governo Diogo\DPRF\2017\INFRA + SD\DPRF\Pricing (CAPEX).xlsb\</t>
  </si>
  <si>
    <t>D:\Backup 12-11-2019\Desktop - 12-11-19\PreVendas - Governo Diogo\DPRF\2017\INFRA + SD\DPRF\Pricing.xlsb</t>
  </si>
  <si>
    <t>C:\Users\suelenmm\OneDrive - Grupo Algar\Desktop - 12-11-19\PreVendas - Governo Diogo\DPRF\2017\INFRA + SD\DPRF\Pricing.xlsb\</t>
  </si>
  <si>
    <t>C:\Users\suelenmm\OneDrive - Grupo Algar\Desktop - 12-11-19\PreVendas - Governo Diogo\DPRF\2017\INFRA + SD\DPRF\PROPOSTA CIMCORP\</t>
  </si>
  <si>
    <t>CUSTOS DE MÃO DE OBRA.xlsx</t>
  </si>
  <si>
    <t>D:\Backup 12-11-2019\Desktop - 12-11-19\PreVendas - Governo Diogo\DPRF\2017\INFRA + SD\DPRF\PROPOSTA CIMCORP\CUSTOS DE MÃO DE OBRA.xlsx</t>
  </si>
  <si>
    <t>D:\Backup 12-11-2019\Desktop - 12-11-19\PreVendas - Governo Diogo\DPRF\2017\RFQ Sede\RFQ.xlsx</t>
  </si>
  <si>
    <t>C:\Users\suelenmm\OneDrive - Grupo Algar\Desktop - 12-11-19\PreVendas - Governo Diogo\DPRF\2018\</t>
  </si>
  <si>
    <t>Cotação Envio.xlsx</t>
  </si>
  <si>
    <t>D:\Backup 12-11-2019\Desktop - 12-11-19\PreVendas - Governo Diogo\DPRF\2018\Cotação Envio.xlsx</t>
  </si>
  <si>
    <t>D:\Backup 12-11-2019\Desktop - 12-11-19\PreVendas - Governo Diogo\DPRF\2018\Cotação.xlsx</t>
  </si>
  <si>
    <t>CotaçãoNovo.xlsx</t>
  </si>
  <si>
    <t>D:\Backup 12-11-2019\Desktop - 12-11-19\PreVendas - Governo Diogo\DPRF\2018\CotaçãoNovo.xlsx</t>
  </si>
  <si>
    <t>F255E300</t>
  </si>
  <si>
    <t>D:\Backup 12-11-2019\Desktop - 12-11-19\PreVendas - Governo Diogo\DPRF\2018\F255E300</t>
  </si>
  <si>
    <t>D:\Backup 12-11-2019\Desktop - 12-11-19\PreVendas - Governo Diogo\DPU-RN\Impantação DPE.xlsx</t>
  </si>
  <si>
    <t>D:\Backup 12-11-2019\Desktop - 12-11-19\PreVendas - Governo Diogo\DPU-RN\Preço (6hs) (Cheio).xlsb</t>
  </si>
  <si>
    <t>D:\Backup 12-11-2019\Desktop - 12-11-19\PreVendas - Governo Diogo\DPU-RN\Preço (6hs).xlsb</t>
  </si>
  <si>
    <t>D:\Backup 12-11-2019\Desktop - 12-11-19\PreVendas - Governo Diogo\DPU-RN\Preço.xlsb</t>
  </si>
  <si>
    <t>D:\Backup 12-11-2019\Desktop - 12-11-19\PreVendas - Governo Diogo\DPU-RN\Simulação.xlsx</t>
  </si>
  <si>
    <t>D:\Backup 12-11-2019\Desktop - 12-11-19\PreVendas - Governo Diogo\Drogaria Araújo\COTAÇÃO.xlsb</t>
  </si>
  <si>
    <t>C:\Users\suelenmm\OneDrive - Grupo Algar\Desktop - 12-11-19\PreVendas - Governo Diogo\EBC\2014\</t>
  </si>
  <si>
    <t>cotacao.xlsb</t>
  </si>
  <si>
    <t>D:\Backup 12-11-2019\Desktop - 12-11-19\PreVendas - Governo Diogo\EBC\2014\cotacao.xlsb</t>
  </si>
  <si>
    <t>monitoramento.xlsb</t>
  </si>
  <si>
    <t>D:\Backup 12-11-2019\Desktop - 12-11-19\PreVendas - Governo Diogo\EBC\2014\monitoramento.xlsb</t>
  </si>
  <si>
    <t>D:\Backup 12-11-2019\Desktop - 12-11-19\PreVendas - Governo Diogo\EBC\2014\SD.xlsb</t>
  </si>
  <si>
    <t>C:\Users\suelenmm\OneDrive - Grupo Algar\Desktop - 12-11-19\PreVendas - Governo Diogo\EBC\2016\Novo TR\EBC\</t>
  </si>
  <si>
    <t>Fatores de Complexidades.xlsx</t>
  </si>
  <si>
    <t>D:\Backup 12-11-2019\Desktop - 12-11-19\PreVendas - Governo Diogo\EBC\2016\Novo TR\EBC\Fatores de Complexidades.xlsx</t>
  </si>
  <si>
    <t>Modelo INFRA.xlsx</t>
  </si>
  <si>
    <t>D:\Backup 12-11-2019\Desktop - 12-11-19\PreVendas - Governo Diogo\EBC\2016\Novo TR\EBC\Modelo INFRA.xlsx</t>
  </si>
  <si>
    <t>C:\Users\suelenmm\OneDrive - Grupo Algar\Desktop - 12-11-19\PreVendas - Governo Diogo\EBC\2016\Novo TR\EBC\Sustentação de Infraestrutura\</t>
  </si>
  <si>
    <t>D:\Backup 12-11-2019\Desktop - 12-11-19\PreVendas - Governo Diogo\EBC\2016\Novo TR\EBC\Sustentação de Infraestrutura\Fatores de Complexidades.xlsx</t>
  </si>
  <si>
    <t>Perfis Básicos.xlsx</t>
  </si>
  <si>
    <t>D:\Backup 12-11-2019\Desktop - 12-11-19\PreVendas - Governo Diogo\EBC\2016\Novo TR\EBC\Sustentação de Infraestrutura\Perfis Básicos.xlsx</t>
  </si>
  <si>
    <t>D:\Backup 12-11-2019\Desktop - 12-11-19\PreVendas - Governo Diogo\EBSERH\Pasta de trabalho2.xlsx</t>
  </si>
  <si>
    <t>D:\Backup 12-11-2019\Desktop - 12-11-19\PreVendas - Governo Diogo\ect\Brasília.xlsm</t>
  </si>
  <si>
    <t>Proposta Comercial.xlsx</t>
  </si>
  <si>
    <t>D:\Backup 12-11-2019\Desktop - 12-11-19\PreVendas - Governo Diogo\ect\Precificação + Adoção.xlsm</t>
  </si>
  <si>
    <t>C:\Users\suelenmm\OneDrive - Grupo Algar\Desktop - 12-11-19\PreVendas - Governo Diogo\ITI\</t>
  </si>
  <si>
    <t>C:\Users\suelenmm\OneDrive - Grupo Algar\Desktop - 12-11-19\PreVendas - Governo Diogo\ITI\BP ITI.xlsb\</t>
  </si>
  <si>
    <t>C:\Users\suelenmm\OneDrive - Grupo Algar\Desktop - 12-11-19\PreVendas - Governo Diogo\ect\ECT MG\DESCRICAO TECNICA\</t>
  </si>
  <si>
    <t>Apendice_1_Relaá∆o de marcas e modelos dos equipamentos.xls</t>
  </si>
  <si>
    <t>D:\Backup 12-11-2019\Desktop - 12-11-19\PreVendas - Governo Diogo\ect\ECT MG\DESCRICAO TECNICA\Apendice_1_Relaá∆o de marcas e modelos dos equipamentos.xls</t>
  </si>
  <si>
    <t>C:\Users\suelenmm\OneDrive - Grupo Algar\Desktop - 12-11-19\PreVendas - Governo Diogo\ect\ECT MG\DESCRICAO TECNICA\DESCRICAO TECNICA.zip\</t>
  </si>
  <si>
    <t>Apendice_1_Rela‡Æo de marcas e modelos dos equipamentos.xls</t>
  </si>
  <si>
    <t>D:\Backup 12-11-2019\Desktop - 12-11-19\PreVendas - Governo Diogo\ect\ECT MG\DESCRICAO TECNICA\DESCRICAO TECNICA.zip</t>
  </si>
  <si>
    <t>D:\Backup 12-11-2019\Desktop - 12-11-19\PreVendas - Governo Diogo\Eletrobrás\Estudo.xlsx</t>
  </si>
  <si>
    <t>D:\Backup 12-11-2019\Desktop - 12-11-19\PreVendas - Governo Diogo\Eletronorte\BP1.xlsb</t>
  </si>
  <si>
    <t>D:\Backup 12-11-2019\Desktop - 12-11-19\PreVendas - Governo Diogo\Eletronorte\Precificação com Adoção.xlsb</t>
  </si>
  <si>
    <t>D:\Backup 12-11-2019\Desktop - 12-11-19\PreVendas - Governo Diogo\Eletronorte\Racional de Manutenção.xlsx</t>
  </si>
  <si>
    <t>C:\Users\suelenmm\OneDrive - Grupo Algar\Desktop - 12-11-19\PreVendas - Governo Diogo\Eletronorte\Eletrobrás\</t>
  </si>
  <si>
    <t>Design Thinking - Propostas de Soluções.xlsx</t>
  </si>
  <si>
    <t>D:\Backup 12-11-2019\Desktop - 12-11-19\PreVendas - Governo Diogo\Eletronorte\Eletrobrás\Design Thinking - Propostas de Soluções.xlsx</t>
  </si>
  <si>
    <t>C:\Users\suelenmm\OneDrive - Grupo Algar\Desktop - 12-11-19\PreVendas - Governo Diogo\Eletronorte\Suporte 2015\</t>
  </si>
  <si>
    <t>D:\Backup 12-11-2019\Desktop - 12-11-19\PreVendas - Governo Diogo\Eletronorte\Suporte 2015\Precificação.xlsb</t>
  </si>
  <si>
    <t>Preço por item.xlsx</t>
  </si>
  <si>
    <t>D:\Backup 12-11-2019\Desktop - 12-11-19\PreVendas - Governo Diogo\Eletronorte\Suporte 2015\Preço por item.xlsx</t>
  </si>
  <si>
    <t>racional Peças.xlsx</t>
  </si>
  <si>
    <t>D:\Backup 12-11-2019\Desktop - 12-11-19\PreVendas - Governo Diogo\Eletronorte\Suporte 2015\racional Peças.xlsx</t>
  </si>
  <si>
    <t>C:\Users\suelenmm\OneDrive - Grupo Algar\Desktop - 12-11-19\PreVendas - Governo Diogo\lexmark\</t>
  </si>
  <si>
    <t>Pricing.xlsm</t>
  </si>
  <si>
    <t>ISD Linha - Componentização dos Custos_V1.1.xlsx</t>
  </si>
  <si>
    <t>D:\Backup 12-11-2019\Desktop - 12-11-19\PreVendas - Governo Diogo\EMBRATUR\Precificação.xlsb</t>
  </si>
  <si>
    <t>D:\Backup 12-11-2019\Desktop - 12-11-19\PreVendas - Governo Diogo\Exercito\Cotação.xlsx</t>
  </si>
  <si>
    <t>D:\Backup 12-11-2019\Desktop - 12-11-19\PreVendas - Governo Diogo\FAPESP\BP (Com SA assistente N1).xlsb</t>
  </si>
  <si>
    <t>D:\Backup 12-11-2019\Desktop - 12-11-19\PreVendas - Governo Diogo\FAPESP\BP (Com SA SEM N1).xlsb</t>
  </si>
  <si>
    <t>D:\Backup 12-11-2019\Desktop - 12-11-19\PreVendas - Governo Diogo\FAPESP\BP (Com SA).xlsb</t>
  </si>
  <si>
    <t>D:\Backup 12-11-2019\Desktop - 12-11-19\PreVendas - Governo Diogo\FAPESP\BP (Sem SA assistente N1 Metade HE).xlsb</t>
  </si>
  <si>
    <t>D:\Backup 12-11-2019\Desktop - 12-11-19\PreVendas - Governo Diogo\FAPESP\BP (Sem SA assistente N1).xlsb</t>
  </si>
  <si>
    <t>D:\Backup 12-11-2019\Desktop - 12-11-19\PreVendas - Governo Diogo\FAPESP\BP (SEM SA SEM N1).xlsb</t>
  </si>
  <si>
    <t>D:\Backup 12-11-2019\Desktop - 12-11-19\PreVendas - Governo Diogo\FAPESP\BP (SEM SA).xlsb</t>
  </si>
  <si>
    <t>D:\Backup 12-11-2019\Desktop - 12-11-19\PreVendas - Governo Diogo\FAPESP\Desenho.xlsx</t>
  </si>
  <si>
    <t>D:\Backup 12-11-2019\Desktop - 12-11-19\PreVendas - Governo Diogo\FAPESP\Planilha de Preços COM SOBREAVISO.xlsx</t>
  </si>
  <si>
    <t>D:\Backup 12-11-2019\Desktop - 12-11-19\PreVendas - Governo Diogo\FAPESP\Planilha de Preços SEM SOBREAVISO Metade HE.xlsx</t>
  </si>
  <si>
    <t>D:\Backup 12-11-2019\Desktop - 12-11-19\PreVendas - Governo Diogo\FAPESP\Planilha de Preços SEM SOBREAVISO.xlsx</t>
  </si>
  <si>
    <t>D:\Backup 12-11-2019\Desktop - 12-11-19\PreVendas - Governo Diogo\FNDE\Cenários e Premissas.xlsx</t>
  </si>
  <si>
    <t>D:\Backup 12-11-2019\Desktop - 12-11-19\PreVendas - Governo Diogo\FNDE\Premissas.xlsx</t>
  </si>
  <si>
    <t>D:\Backup 12-11-2019\Desktop - 12-11-19\PreVendas - Governo Diogo\FNDE\Preço Fixo 60 meses.xlsb</t>
  </si>
  <si>
    <t>D:\Backup 12-11-2019\Desktop - 12-11-19\PreVendas - Governo Diogo\FNDE\Preço Fixo.xlsb</t>
  </si>
  <si>
    <t>D:\Backup 12-11-2019\Desktop - 12-11-19\PreVendas - Governo Diogo\FNDE\UST sob Demanda.xlsb</t>
  </si>
  <si>
    <t>C:\Users\suelenmm\OneDrive - Grupo Algar\Desktop - 12-11-19\PreVendas - Governo Diogo\FNDE\2016\Adesão Ata\</t>
  </si>
  <si>
    <t>Cópia de BP Preço C002 B004 _Encargos.xlsb</t>
  </si>
  <si>
    <t>D:\Backup 12-11-2019\Desktop - 12-11-19\PreVendas - Governo Diogo\FNDE\2016\Adesão Ata\Cópia de BP Preço C002 B004 _Encargos.xlsb</t>
  </si>
  <si>
    <t>D:\Backup 12-11-2019\Desktop - 12-11-19\PreVendas - Governo Diogo\FNDE\2016\Adesão Ata\DRE.xlsx</t>
  </si>
  <si>
    <t>FNDE - Adesão ATA TSE - Final.xlsb</t>
  </si>
  <si>
    <t>D:\Backup 12-11-2019\Desktop - 12-11-19\PreVendas - Governo Diogo\FNDE\2016\Adesão Ata\FNDE - Adesão ATA TSE - Final.xlsb</t>
  </si>
  <si>
    <t>C:\Users\suelenmm\OneDrive - Grupo Algar\Desktop - 12-11-19\PreVendas - Governo Diogo\FNDE\2017\Cotação\</t>
  </si>
  <si>
    <t>D:\Backup 12-11-2019\Desktop - 12-11-19\PreVendas - Governo Diogo\FNDE\2017\Cotação\Cotação.xlsb</t>
  </si>
  <si>
    <t>C:\Users\suelenmm\OneDrive - Grupo Algar\Desktop - 12-11-19\PreVendas - Governo Diogo\FNDE\2017\Cotação\Cotação.xlsb\</t>
  </si>
  <si>
    <t>C:\Users\suelenmm\OneDrive - Grupo Algar\Desktop - 12-11-19\PreVendas - Governo Diogo\FNDE\2018\Assessoria Sistemas\</t>
  </si>
  <si>
    <t>BP Preço.xlsb</t>
  </si>
  <si>
    <t>D:\Backup 12-11-2019\Desktop - 12-11-19\PreVendas - Governo Diogo\FNDE\2018\Assessoria Sistemas\BP Preço.xlsb</t>
  </si>
  <si>
    <t>C:\Users\suelenmm\OneDrive - Grupo Algar\Desktop - 12-11-19\PreVendas - Governo Diogo\FNDE\2018\Assessoria Sistemas\BP Preço.xlsb\</t>
  </si>
  <si>
    <t>catálogo.xlsx</t>
  </si>
  <si>
    <t>D:\Backup 12-11-2019\Desktop - 12-11-19\PreVendas - Governo Diogo\FNDE\2018\Assessoria Sistemas\catálogo.xlsx</t>
  </si>
  <si>
    <t>C:\Users\suelenmm\OneDrive - Grupo Algar\Desktop - 12-11-19\PreVendas - Governo Diogo\FNDE\2018\Cotação\</t>
  </si>
  <si>
    <t>Para Envio.xlsx</t>
  </si>
  <si>
    <t>D:\Backup 12-11-2019\Desktop - 12-11-19\PreVendas - Governo Diogo\FNDE\2018\Cotação\Para Envio.xlsx</t>
  </si>
  <si>
    <t>D:\Backup 12-11-2019\Desktop - 12-11-19\PreVendas - Governo Diogo\FNDE\2018\Cotação\Racional.xlsx</t>
  </si>
  <si>
    <t>C:\Users\suelenmm\OneDrive - Grupo Algar\Desktop - 12-11-19\PreVendas - Governo Diogo\FNDE\2018\SD\Cotação\</t>
  </si>
  <si>
    <t>D:\Backup 12-11-2019\Desktop - 12-11-19\PreVendas - Governo Diogo\FNDE\2018\SD\Cotação\Pasta1.xlsx</t>
  </si>
  <si>
    <t>C:\Users\suelenmm\OneDrive - Grupo Algar\Desktop - 12-11-19\PreVendas - Governo Diogo\FNDE\2018\SD\Edital\</t>
  </si>
  <si>
    <t>D:\Backup 12-11-2019\Desktop - 12-11-19\PreVendas - Governo Diogo\FNDE\2018\SD\Edital\BP.xlsb</t>
  </si>
  <si>
    <t>C:\Users\suelenmm\OneDrive - Grupo Algar\Desktop - 12-11-19\PreVendas - Governo Diogo\FNDE\2018\SD\Edital\BP.xlsb\</t>
  </si>
  <si>
    <t>FNDE.xlsx</t>
  </si>
  <si>
    <t>D:\Backup 12-11-2019\Desktop - 12-11-19\PreVendas - Governo Diogo\FNDE\2018\SD\Edital\FNDE.xlsx</t>
  </si>
  <si>
    <t>C:\Users\suelenmm\OneDrive - Grupo Algar\Desktop - 12-11-19\PreVendas - Governo Diogo\FNDE\Infraestrutura\</t>
  </si>
  <si>
    <t>Analise de Riscos.xlsx</t>
  </si>
  <si>
    <t>D:\Backup 12-11-2019\Desktop - 12-11-19\PreVendas - Governo Diogo\FNDE\Infraestrutura\Analise de Riscos.xlsx</t>
  </si>
  <si>
    <t>D:\Backup 12-11-2019\Desktop - 12-11-19\PreVendas - Governo Diogo\FNDE\Infraestrutura\Matriz Favorabilidade.xlsx</t>
  </si>
  <si>
    <t>D:\Backup 12-11-2019\Desktop - 12-11-19\PreVendas - Governo Diogo\FUNAI\Preço.xlsb</t>
  </si>
  <si>
    <t>C:\Users\suelenmm\OneDrive - Grupo Algar\Desktop - 12-11-19\PreVendas - Governo Diogo\FUNASA\31.2011\Edital dia 21\</t>
  </si>
  <si>
    <t>Atividades Edital.xlsx</t>
  </si>
  <si>
    <t>D:\Backup 12-11-2019\Desktop - 12-11-19\PreVendas - Governo Diogo\FUNASA\31.2011\Edital dia 21\Atividades Edital.xlsx</t>
  </si>
  <si>
    <t>Cargos e Salários FUNASA.xlsx</t>
  </si>
  <si>
    <t>D:\Backup 12-11-2019\Desktop - 12-11-19\PreVendas - Governo Diogo\FUNASA\31.2011\Edital dia 21\Cargos e Salários FUNASA.xlsx</t>
  </si>
  <si>
    <t>Estratégias e Preços.xlsx</t>
  </si>
  <si>
    <t>D:\Backup 12-11-2019\Desktop - 12-11-19\PreVendas - Governo Diogo\FUNASA\31.2011\Edital dia 21\Estratégias e Preços.xlsx</t>
  </si>
  <si>
    <t>Lote II - SEM PPR 5% LOTE 1 GANHO.xlsb</t>
  </si>
  <si>
    <t>D:\Backup 12-11-2019\Desktop - 12-11-19\PreVendas - Governo Diogo\FUNASA\31.2011\Edital dia 21\Lote II - SEM PPR 5% LOTE 1 GANHO.xlsb</t>
  </si>
  <si>
    <t>Lote II - SEM PPR 5%.xlsb</t>
  </si>
  <si>
    <t>D:\Backup 12-11-2019\Desktop - 12-11-19\PreVendas - Governo Diogo\FUNASA\31.2011\Edital dia 21\Lote II - SEM PPR 5%.xlsb</t>
  </si>
  <si>
    <t>Níveis de Serviço.xlsx</t>
  </si>
  <si>
    <t>D:\Backup 12-11-2019\Desktop - 12-11-19\PreVendas - Governo Diogo\FUNASA\31.2011\Edital dia 21\Níveis de Serviço.xlsx</t>
  </si>
  <si>
    <t>Planilha de Custos - IN-02 LoteII.xlsx</t>
  </si>
  <si>
    <t>D:\Backup 12-11-2019\Desktop - 12-11-19\PreVendas - Governo Diogo\FUNASA\31.2011\Edital dia 21\Planilha de Custos - IN-02 LoteII.xlsx</t>
  </si>
  <si>
    <t>C:\Users\suelenmm\OneDrive - Grupo Algar\Desktop - 12-11-19\PreVendas - Governo Diogo\FUNASA\31.2011\Edital dia 21\Planilha de Custos - IN-02 LoteII.xlsx.zip\</t>
  </si>
  <si>
    <t>D:\Backup 12-11-2019\Desktop - 12-11-19\PreVendas - Governo Diogo\FUNASA\31.2011\Edital dia 21\Planilha de Custos - IN-02 LoteII.xlsx.zip</t>
  </si>
  <si>
    <t>Planilha de Custos - Resumo e IN-02 Lote 1.xlsx</t>
  </si>
  <si>
    <t>D:\Backup 12-11-2019\Desktop - 12-11-19\PreVendas - Governo Diogo\FUNASA\31.2011\Edital dia 21\Planilha de Custos - Resumo e IN-02 Lote 1.xlsx</t>
  </si>
  <si>
    <t>D:\Backup 12-11-2019\Desktop - 12-11-19\PreVendas - Governo Diogo\FUNASA\31.2011\Edital dia 21\Planilha de Custos - Resumo e IN-02.xlsx</t>
  </si>
  <si>
    <t>Service-Desk Com Licenças - SEM PPR.xlsb</t>
  </si>
  <si>
    <t>D:\Backup 12-11-2019\Desktop - 12-11-19\PreVendas - Governo Diogo\FUNASA\31.2011\Edital dia 21\Service-Desk Com Licenças - SEM PPR.xlsb</t>
  </si>
  <si>
    <t>C:\Users\suelenmm\OneDrive - Grupo Algar\Desktop - 12-11-19\PreVendas - Governo Diogo\FUNASA\FUNASA 30.2012\</t>
  </si>
  <si>
    <t>D:\Backup 12-11-2019\Desktop - 12-11-19\PreVendas - Governo Diogo\FUNASA\FUNASA 30.2012\Precificação com Adoção.xlsb</t>
  </si>
  <si>
    <t>C:\Users\suelenmm\OneDrive - Grupo Algar\Desktop - 12-11-19\PreVendas - Governo Diogo\FUNASA\SD Nacional\</t>
  </si>
  <si>
    <t>D:\Backup 12-11-2019\Desktop - 12-11-19\PreVendas - Governo Diogo\FUNASA\SD Nacional\BP1.xlsb</t>
  </si>
  <si>
    <t>C:\Users\suelenmm\OneDrive - Grupo Algar\Desktop - 12-11-19\PreVendas - Governo Diogo\FUNASA\SD Nacional\Comitê_Soluções.pptx\</t>
  </si>
  <si>
    <t>D:\Backup 12-11-2019\Desktop - 12-11-19\PreVendas - Governo Diogo\FUNASA\SD Nacional\Comitê_Soluções.pptx</t>
  </si>
  <si>
    <t>Planilha de Custos.xlsx</t>
  </si>
  <si>
    <t>D:\Backup 12-11-2019\Desktop - 12-11-19\PreVendas - Governo Diogo\FUNASA\SD Nacional\Planilha de Custos.xlsx</t>
  </si>
  <si>
    <t>racionais.xlsx</t>
  </si>
  <si>
    <t>D:\Backup 12-11-2019\Desktop - 12-11-19\PreVendas - Governo Diogo\FUNASA\SD Nacional\racionais.xlsx</t>
  </si>
  <si>
    <t>C:\Users\suelenmm\OneDrive - Grupo Algar\Desktop - 12-11-19\PreVendas - Governo Diogo\FUNASA\SD Nacional\2017\COTAÇÃO\</t>
  </si>
  <si>
    <t>Cópia de BP Preço C011 B012 Desonerada.xlsb</t>
  </si>
  <si>
    <t>D:\Backup 12-11-2019\Desktop - 12-11-19\PreVendas - Governo Diogo\FUNASA\SD Nacional\2017\COTAÇÃO\Cópia de BP Preço C011 B012 Desonerada.xlsb</t>
  </si>
  <si>
    <t>C:\Users\suelenmm\OneDrive - Grupo Algar\Desktop - 12-11-19\PreVendas - Governo Diogo\FUNASA\SD Nacional\2017\COTAÇÃO\Cópia de BP Preço C011 B012 Desonerada.xlsb\</t>
  </si>
  <si>
    <t>D:\Backup 12-11-2019\Desktop - 12-11-19\PreVendas - Governo Diogo\FUNDACENTRO\COTAÇÃO.xlsb</t>
  </si>
  <si>
    <t>C:\Users\suelenmm\OneDrive - Grupo Algar\Desktop - 12-11-19\PreVendas - Governo Diogo\FUNDACENTRO\Sustentação 2015\</t>
  </si>
  <si>
    <t>BP Atualizado após pregão.xlsb</t>
  </si>
  <si>
    <t>D:\Backup 12-11-2019\Desktop - 12-11-19\PreVendas - Governo Diogo\FUNDACENTRO\Sustentação 2015\BP Atualizado após pregão.xlsb</t>
  </si>
  <si>
    <t>Custo da Implantação.xls</t>
  </si>
  <si>
    <t>D:\Backup 12-11-2019\Desktop - 12-11-19\PreVendas - Governo Diogo\FUNDACENTRO\Sustentação 2015\Custo da Implantação.xls</t>
  </si>
  <si>
    <t>C:\Users\suelenmm\OneDrive - Grupo Algar\Desktop - 12-11-19\PreVendas - Governo Diogo\FUNDACENTRO\Sustentação 2015\Documentação para TAP.zip\DocumentacÌ§aÌƒo para TAP\</t>
  </si>
  <si>
    <t>BP Atualizado.xlsb</t>
  </si>
  <si>
    <t>D:\Backup 12-11-2019\Desktop - 12-11-19\PreVendas - Governo Diogo\FUNDACENTRO\Sustentação 2015\Documentação para TAP.zip</t>
  </si>
  <si>
    <t>Custo da ImplantacÌ§aÌƒo.xls</t>
  </si>
  <si>
    <t>Planilhas IN02.xlsx</t>
  </si>
  <si>
    <t>Planilhas IN.xlsx</t>
  </si>
  <si>
    <t>D:\Backup 12-11-2019\Desktop - 12-11-19\PreVendas - Governo Diogo\FUNDACENTRO\Sustentação 2015\Planilhas IN.xlsx</t>
  </si>
  <si>
    <t>Precificação MSV 15 &amp; CPRB.xlsb</t>
  </si>
  <si>
    <t>D:\Backup 12-11-2019\Desktop - 12-11-19\PreVendas - Governo Diogo\FUNDACENTRO\Sustentação 2015\Precificação MSV 15 &amp; CPRB.xlsb</t>
  </si>
  <si>
    <t>C:\Users\suelenmm\OneDrive - Grupo Algar\Desktop - 12-11-19\PreVendas - Governo Diogo\FUNDACENTRO\Sustentação 2015\Documentação para TAP\</t>
  </si>
  <si>
    <t>D:\Backup 12-11-2019\Desktop - 12-11-19\PreVendas - Governo Diogo\FUNDACENTRO\Sustentação 2015\Documentação para TAP\BP Atualizado.xlsb</t>
  </si>
  <si>
    <t>D:\Backup 12-11-2019\Desktop - 12-11-19\PreVendas - Governo Diogo\FUNDACENTRO\Sustentação 2015\Documentação para TAP\Custo da Implantação.xls</t>
  </si>
  <si>
    <t>D:\Backup 12-11-2019\Desktop - 12-11-19\PreVendas - Governo Diogo\FUNDACENTRO\Sustentação 2015\Documentação para TAP\Planilhas IN02.xlsx</t>
  </si>
  <si>
    <t>C:\Users\suelenmm\OneDrive - Grupo Algar\Desktop - 12-11-19\PreVendas - Governo Diogo\FUNDACENTRO\Sustentação 2015\Revisão\</t>
  </si>
  <si>
    <t>BP_Revisado.xlsb</t>
  </si>
  <si>
    <t>D:\Backup 12-11-2019\Desktop - 12-11-19\PreVendas - Governo Diogo\FUNDACENTRO\Sustentação 2015\Revisão\BP_Revisado.xlsb</t>
  </si>
  <si>
    <t>D:\Backup 12-11-2019\Desktop - 12-11-19\PreVendas - Governo Diogo\Fundação Renova\Anexo 2 – QQP.XLSX</t>
  </si>
  <si>
    <t>D:\Backup 12-11-2019\Desktop - 12-11-19\PreVendas - Governo Diogo\Fundação Renova\Anexo 3 - QDD_Fundação.xlsx</t>
  </si>
  <si>
    <t>C:\Users\suelenmm\OneDrive - Grupo Algar\Desktop - 12-11-19\PreVendas - Governo Diogo\Fundação Renova\Pricing\</t>
  </si>
  <si>
    <t>Anexo 2 – QQP.xlsx</t>
  </si>
  <si>
    <t>D:\Backup 12-11-2019\Desktop - 12-11-19\PreVendas - Governo Diogo\Fundação Renova\Pricing\Anexo 2 – QQP.xlsx</t>
  </si>
  <si>
    <t>D:\Backup 12-11-2019\Desktop - 12-11-19\PreVendas - Governo Diogo\Fundação Renova\Pricing\consolidado.xlsb</t>
  </si>
  <si>
    <t>C:\Users\suelenmm\OneDrive - Grupo Algar\Desktop - 12-11-19\PreVendas - Governo Diogo\Fundação Renova\Pricing\consolidado.xlsb\</t>
  </si>
  <si>
    <t>Field Com Carro.xlsb</t>
  </si>
  <si>
    <t>D:\Backup 12-11-2019\Desktop - 12-11-19\PreVendas - Governo Diogo\Fundação Renova\Pricing\Field Com Carro.xlsb</t>
  </si>
  <si>
    <t>C:\Users\suelenmm\OneDrive - Grupo Algar\Desktop - 12-11-19\PreVendas - Governo Diogo\Fundação Renova\Pricing\Field Com Carro.xlsb\</t>
  </si>
  <si>
    <t>Field HORA EXTRA.xlsb</t>
  </si>
  <si>
    <t>D:\Backup 12-11-2019\Desktop - 12-11-19\PreVendas - Governo Diogo\Fundação Renova\Pricing\Field HORA EXTRA.xlsb</t>
  </si>
  <si>
    <t>C:\Users\suelenmm\OneDrive - Grupo Algar\Desktop - 12-11-19\PreVendas - Governo Diogo\Fundação Renova\Pricing\Field HORA EXTRA.xlsb\</t>
  </si>
  <si>
    <t>Field Sem Carro.xlsb</t>
  </si>
  <si>
    <t>D:\Backup 12-11-2019\Desktop - 12-11-19\PreVendas - Governo Diogo\Fundação Renova\Pricing\Field Sem Carro.xlsb</t>
  </si>
  <si>
    <t>C:\Users\suelenmm\OneDrive - Grupo Algar\Desktop - 12-11-19\PreVendas - Governo Diogo\Fundação Renova\Pricing\Field Sem Carro.xlsb\</t>
  </si>
  <si>
    <t>Preço Service-desk.xlsb</t>
  </si>
  <si>
    <t>D:\Backup 12-11-2019\Desktop - 12-11-19\PreVendas - Governo Diogo\Fundação Renova\Pricing\Preço Service-desk.xlsb</t>
  </si>
  <si>
    <t>C:\Users\suelenmm\OneDrive - Grupo Algar\Desktop - 12-11-19\PreVendas - Governo Diogo\Fundação Renova\Pricing\Preço Service-desk.xlsb\</t>
  </si>
  <si>
    <t>C:\Users\suelenmm\OneDrive - Grupo Algar\Desktop - 12-11-19\PreVendas - Governo Diogo\Fundação Renova\Pricing\Revisão\</t>
  </si>
  <si>
    <t>D:\Backup 12-11-2019\Desktop - 12-11-19\PreVendas - Governo Diogo\Fundação Renova\Pricing\Revisão\Cópia de Anexo 2 – QQP_v4.xlsx</t>
  </si>
  <si>
    <t>C:\Users\suelenmm\OneDrive - Grupo Algar\Desktop - 12-11-19\PreVendas - Governo Diogo\Fundação Renova\Pricing\Revisão\Cenário Carlos Maurício\</t>
  </si>
  <si>
    <t>D:\Backup 12-11-2019\Desktop - 12-11-19\PreVendas - Governo Diogo\Fundação Renova\Pricing\Revisão\Cenário Carlos Maurício\Field.xlsb</t>
  </si>
  <si>
    <t>C:\Users\suelenmm\OneDrive - Grupo Algar\Desktop - 12-11-19\PreVendas - Governo Diogo\Fundação Renova\Pricing\Revisão\Cenário Carlos Maurício\Field.xlsb\</t>
  </si>
  <si>
    <t>QQP.xlsx</t>
  </si>
  <si>
    <t>D:\Backup 12-11-2019\Desktop - 12-11-19\PreVendas - Governo Diogo\Fundação Renova\Pricing\Revisão\Cenário Carlos Maurício\QQP.xlsx</t>
  </si>
  <si>
    <t>C:\Users\suelenmm\OneDrive - Grupo Algar\Desktop - 12-11-19\PreVendas - Governo Diogo\Fundação Renova\Proposta\</t>
  </si>
  <si>
    <t>IN02.xlsx</t>
  </si>
  <si>
    <t>D:\Backup 12-11-2019\Desktop - 12-11-19\PreVendas - Governo Diogo\Fundação Renova\Proposta\IN02.xlsx</t>
  </si>
  <si>
    <t>C:\Users\suelenmm\OneDrive - Grupo Algar\Desktop - 12-11-19\PreVendas - Governo Diogo\Fundação Renova\Proposta\Para Envio\</t>
  </si>
  <si>
    <t>BDI V3.xls</t>
  </si>
  <si>
    <t>D:\Backup 12-11-2019\Desktop - 12-11-19\PreVendas - Governo Diogo\Fundação Renova\Proposta\Para Envio\BDI V3.xls</t>
  </si>
  <si>
    <t>QQP V3.xlsx</t>
  </si>
  <si>
    <t>D:\Backup 12-11-2019\Desktop - 12-11-19\PreVendas - Governo Diogo\Fundação Renova\Proposta\Para Envio\QQP V3.xlsx</t>
  </si>
  <si>
    <t>D:\Backup 12-11-2019\Desktop - 12-11-19\PreVendas - Governo Diogo\FURNAS\Dimensionamento.xlsx</t>
  </si>
  <si>
    <t>D:\Backup 12-11-2019\Desktop - 12-11-19\PreVendas - Governo Diogo\FURNAS\Preço.xlsb</t>
  </si>
  <si>
    <t>C:\Users\suelenmm\OneDrive - Grupo Algar\Desktop - 12-11-19\PreVendas - Governo Diogo\FURNAS\FIELD TI\</t>
  </si>
  <si>
    <t>Racional de calculo.xlsx</t>
  </si>
  <si>
    <t>D:\Backup 12-11-2019\Desktop - 12-11-19\PreVendas - Governo Diogo\FURNAS\FIELD TI\Racional de calculo.xlsx</t>
  </si>
  <si>
    <t>D:\Backup 12-11-2019\Desktop - 12-11-19\PreVendas - Governo Diogo\GEFCO\Equipe Sinergia.xlsb</t>
  </si>
  <si>
    <t>D:\Backup 12-11-2019\Desktop - 12-11-19\PreVendas - Governo Diogo\GEFCO\Pricing.xlsb</t>
  </si>
  <si>
    <t>D:\Backup 12-11-2019\Desktop - 12-11-19\PreVendas - Governo Diogo\GEFCO\SD 24x5 - 24 meses.xlsb</t>
  </si>
  <si>
    <t>D:\Backup 12-11-2019\Desktop - 12-11-19\PreVendas - Governo Diogo\GEFCO\SD 24x5 - 36 meses.xlsb</t>
  </si>
  <si>
    <t>D:\Backup 12-11-2019\Desktop - 12-11-19\PreVendas - Governo Diogo\GEFCO\SD 24x6 - 24 meses.xlsb</t>
  </si>
  <si>
    <t>D:\Backup 12-11-2019\Desktop - 12-11-19\PreVendas - Governo Diogo\GEFCO\SD 24x6 - 36 meses.xlsb</t>
  </si>
  <si>
    <t>D:\Backup 12-11-2019\Desktop - 12-11-19\PreVendas - Governo Diogo\GEFCO\Sizing.xlsx</t>
  </si>
  <si>
    <t>C:\Users\suelenmm\OneDrive - Grupo Algar\Desktop - 12-11-19\PreVendas - Governo Diogo\GEFCO\Processos\</t>
  </si>
  <si>
    <t>BP GEFCO Processos V1.xlsb</t>
  </si>
  <si>
    <t>D:\Backup 12-11-2019\Desktop - 12-11-19\PreVendas - Governo Diogo\GEFCO\Processos\BP GEFCO Processos V1.xlsb</t>
  </si>
  <si>
    <t>C:\Users\suelenmm\OneDrive - Grupo Algar\Desktop - 12-11-19\PreVendas - Governo Diogo\GEFCO\Processos\BP GEFCO Processos V1.xlsb\</t>
  </si>
  <si>
    <t>BP GEFCO Processos V2.xlsb</t>
  </si>
  <si>
    <t>D:\Backup 12-11-2019\Desktop - 12-11-19\PreVendas - Governo Diogo\GEFCO\Processos\BP GEFCO Processos V2.xlsb</t>
  </si>
  <si>
    <t>C:\Users\suelenmm\OneDrive - Grupo Algar\Desktop - 12-11-19\PreVendas - Governo Diogo\GEFCO\Processos\BP GEFCO Processos V2.xlsb\</t>
  </si>
  <si>
    <t>C:\Users\suelenmm\OneDrive - Grupo Algar\Desktop - 12-11-19\PreVendas - Governo Diogo\GEFCO\Proposta Ferista\</t>
  </si>
  <si>
    <t>D:\Backup 12-11-2019\Desktop - 12-11-19\PreVendas - Governo Diogo\GEFCO\Proposta Ferista\Pricing.xlsx</t>
  </si>
  <si>
    <t>C:\Users\suelenmm\OneDrive - Grupo Algar\Desktop - 12-11-19\PreVendas - Governo Diogo\GEFCO\Revisão Sinergia\</t>
  </si>
  <si>
    <t>D:\Backup 12-11-2019\Desktop - 12-11-19\PreVendas - Governo Diogo\GEFCO\Revisão Sinergia\1. DESENHO_SOLUÇÃO_SG_TI_V10.3.xlsx</t>
  </si>
  <si>
    <t>D:\Backup 12-11-2019\Desktop - 12-11-19\PreVendas - Governo Diogo\GEFCO\Revisão Sinergia\Equipe Sinergia.xlsb</t>
  </si>
  <si>
    <t>C:\Users\suelenmm\OneDrive - Grupo Algar\Desktop - 12-11-19\PreVendas - Governo Diogo\GEFCO\Revisão Sinergia\Equipe Sinergia.xlsb\</t>
  </si>
  <si>
    <t>D:\Backup 12-11-2019\Desktop - 12-11-19\PreVendas - Governo Diogo\GEFCO\Revisão Sinergia\SD 24x5 - 24 meses.xlsb</t>
  </si>
  <si>
    <t>D:\Backup 12-11-2019\Desktop - 12-11-19\PreVendas - Governo Diogo\GEFCO\Revisão Sinergia\SD 24x5 - 36 meses.xlsb</t>
  </si>
  <si>
    <t>D:\Backup 12-11-2019\Desktop - 12-11-19\PreVendas - Governo Diogo\GEFCO\Revisão Sinergia\SD 24x6 - 24 meses.xlsb</t>
  </si>
  <si>
    <t>D:\Backup 12-11-2019\Desktop - 12-11-19\PreVendas - Governo Diogo\GEFCO\Revisão Sinergia\SD 24x6 - 36 meses.xlsb</t>
  </si>
  <si>
    <t>D:\Backup 12-11-2019\Desktop - 12-11-19\PreVendas - Governo Diogo\GEFCO\Revisão Sinergia\Sizing.xlsx</t>
  </si>
  <si>
    <t>C:\Users\suelenmm\OneDrive - Grupo Algar\Desktop - 12-11-19\PreVendas - Governo Diogo\GEFCO\Revisão Sinergia\Cenário Final\</t>
  </si>
  <si>
    <t>D:\Backup 12-11-2019\Desktop - 12-11-19\PreVendas - Governo Diogo\GEFCO\Revisão Sinergia\Cenário Final\BP-GEFCO-FINAL.xlsb</t>
  </si>
  <si>
    <t>C:\Users\suelenmm\OneDrive - Grupo Algar\Desktop - 12-11-19\PreVendas - Governo Diogo\GEFCO\Revisão Sinergia\Cenário Final\BP-GEFCO-FINAL.xlsb\</t>
  </si>
  <si>
    <t>D:\Backup 12-11-2019\Desktop - 12-11-19\PreVendas - Governo Diogo\GEFCO\Revisão Sinergia\Cenário Final\Sizing.xlsx</t>
  </si>
  <si>
    <t>C:\Users\suelenmm\OneDrive - Grupo Algar\Desktop - 12-11-19\PreVendas - Governo Diogo\GEFCO\Revisão Sinergia\Cenário LATAM\</t>
  </si>
  <si>
    <t>D:\Backup 12-11-2019\Desktop - 12-11-19\PreVendas - Governo Diogo\GEFCO\Revisão Sinergia\Cenário LATAM\1. DESENHO_SOLUÇÃO_SG_TI_V10.3.xlsx</t>
  </si>
  <si>
    <t>D:\Backup 12-11-2019\Desktop - 12-11-19\PreVendas - Governo Diogo\GEFCO\Revisão Sinergia\Cenário LATAM\Equipe Sinergia.xlsb</t>
  </si>
  <si>
    <t>D:\Backup 12-11-2019\Desktop - 12-11-19\PreVendas - Governo Diogo\GEFCO\Revisão Sinergia\Cenário LATAM\SD 24x5 - 24 meses.xlsb</t>
  </si>
  <si>
    <t>D:\Backup 12-11-2019\Desktop - 12-11-19\PreVendas - Governo Diogo\GEFCO\Revisão Sinergia\Cenário LATAM\SD 24x5 - 36 meses.xlsb</t>
  </si>
  <si>
    <t>D:\Backup 12-11-2019\Desktop - 12-11-19\PreVendas - Governo Diogo\GEFCO\Revisão Sinergia\Cenário LATAM\SD 24x6 - 24 meses.xlsb</t>
  </si>
  <si>
    <t>D:\Backup 12-11-2019\Desktop - 12-11-19\PreVendas - Governo Diogo\GEFCO\Revisão Sinergia\Cenário LATAM\SD 24x6 - 36 meses.xlsb</t>
  </si>
  <si>
    <t>D:\Backup 12-11-2019\Desktop - 12-11-19\PreVendas - Governo Diogo\GEFCO\Revisão Sinergia\Cenário LATAM\Sizing.xlsx</t>
  </si>
  <si>
    <t>D:\Backup 12-11-2019\Desktop - 12-11-19\PreVendas - Governo Diogo\GEFCO\Revisão Sinergia\Novos Cenários\Sizing.xlsx</t>
  </si>
  <si>
    <t>D:\Backup 12-11-2019\Desktop - 12-11-19\PreVendas - Governo Diogo\GEFCO\Revisão Sinergia\Novos Cenários - SEM SUPERVISOR\Sizing.xlsx</t>
  </si>
  <si>
    <t>D:\Backup 12-11-2019\Desktop - 12-11-19\PreVendas - Governo Diogo\GEFCO\Revisão Sinergia\Sem Field\Sizing.xlsx</t>
  </si>
  <si>
    <t>D:\Backup 12-11-2019\Desktop - 12-11-19\PreVendas - Governo Diogo\Grupo Petrópolis\Questionamentos Consolidados.xlsx</t>
  </si>
  <si>
    <t>D:\Backup 12-11-2019\Desktop - 12-11-19\PreVendas - Governo Diogo\Grupo Petrópolis\RFQ (ANEXO A).xlsx</t>
  </si>
  <si>
    <t>D:\Backup 12-11-2019\Desktop - 12-11-19\PreVendas - Governo Diogo\Grupo Petrópolis\Tecnologias das Revendas (ANEXO B).xlsx</t>
  </si>
  <si>
    <t>D:\Backup 12-11-2019\Desktop - 12-11-19\PreVendas - Governo Diogo\IBAMA\Desenho_Especialistas.xlsb</t>
  </si>
  <si>
    <t>D:\Backup 12-11-2019\Desktop - 12-11-19\PreVendas - Governo Diogo\IBAMA\Precificação com Adoção.xlsb</t>
  </si>
  <si>
    <t>D:\Backup 12-11-2019\Desktop - 12-11-19\PreVendas - Governo Diogo\IBAMA\Preço_Ajustado.xlsb</t>
  </si>
  <si>
    <t>C:\Users\suelenmm\OneDrive - Grupo Algar\Desktop - 12-11-19\PreVendas - Governo Diogo\IBAMA\Comitês\PMO Governança - Solicitação de Mudança - IBAMA - Sustentação Oracle.ppt\s2\</t>
  </si>
  <si>
    <t>D:\Backup 12-11-2019\Desktop - 12-11-19\PreVendas - Governo Diogo\IBAMA\Comitês\PMO Governança - Solicitação de Mudança - IBAMA - Sustentação Oracle.ppt</t>
  </si>
  <si>
    <t>11/13/2019 08:42:29</t>
  </si>
  <si>
    <t>D:\Backup 12-11-2019\Desktop - 12-11-19\PreVendas - Governo Diogo\IBM\Cópia de BP Preço C015 B015 Desonerada Ajustes Finais-DiogoNote.xlsb</t>
  </si>
  <si>
    <t>D:\Backup 12-11-2019\Desktop - 12-11-19\PreVendas - Governo Diogo\IBM\Cópia de BP Preço C015 B015 Desonerada Ajustes Finais.xlsb</t>
  </si>
  <si>
    <t>D:\Backup 12-11-2019\Desktop - 12-11-19\PreVendas - Governo Diogo\IBM\Pricing.xlsb</t>
  </si>
  <si>
    <t>D:\Backup 12-11-2019\Desktop - 12-11-19\PreVendas - Governo Diogo\IBM\Recursologia_Volumetria_Revisadas.xlsx</t>
  </si>
  <si>
    <t>D:\Backup 12-11-2019\Desktop - 12-11-19\PreVendas - Governo Diogo\ICMBIO\Preço.xlsb</t>
  </si>
  <si>
    <t>D:\Backup 12-11-2019\Desktop - 12-11-19\PreVendas - Governo Diogo\ICMBIO\Rampa.xlsx</t>
  </si>
  <si>
    <t>D:\Backup 12-11-2019\Desktop - 12-11-19\PreVendas - Governo Diogo\INCRA\BP 01.xlsb</t>
  </si>
  <si>
    <t>D:\Backup 12-11-2019\Desktop - 12-11-19\PreVendas - Governo Diogo\INCRA\Estudo.xlsx</t>
  </si>
  <si>
    <t>C:\Users\suelenmm\OneDrive - Grupo Algar\Desktop - 12-11-19\PreVendas - Governo Diogo\INEP\2016\SD + Infra Cotação\Arquivo Comprimido.zip\</t>
  </si>
  <si>
    <t>CatalogoDeServicos_infra-novo.xlsx</t>
  </si>
  <si>
    <t>D:\Backup 12-11-2019\Desktop - 12-11-19\PreVendas - Governo Diogo\INEP\2016\SD + Infra Cotação\Arquivo Comprimido.zip</t>
  </si>
  <si>
    <t>PrecÌ§o CotacÌ§aÌƒo.xlsx</t>
  </si>
  <si>
    <t>C:\Users\suelenmm\OneDrive - Grupo Algar\Desktop - 12-11-19\PreVendas - Governo Diogo\INEP\2016\SD + Infra Cotação\</t>
  </si>
  <si>
    <t>D:\Backup 12-11-2019\Desktop - 12-11-19\PreVendas - Governo Diogo\INEP\2016\SD + Infra Cotação\CatalogoDeServicos_infra-novo.xlsx</t>
  </si>
  <si>
    <t>Preço Cotação.xlsx</t>
  </si>
  <si>
    <t>D:\Backup 12-11-2019\Desktop - 12-11-19\PreVendas - Governo Diogo\INEP\2016\SD + Infra Cotação\Preço Cotação.xlsx</t>
  </si>
  <si>
    <t>D:\Backup 12-11-2019\Desktop - 12-11-19\PreVendas - Governo Diogo\Infraero\Anexo_VII_Plan_Custos.xls</t>
  </si>
  <si>
    <t>D:\Backup 12-11-2019\Desktop - 12-11-19\PreVendas - Governo Diogo\Infraero\Precificação+Adoção.xlsm</t>
  </si>
  <si>
    <t>C:\Users\suelenmm\OneDrive - Grupo Algar\Desktop - 12-11-19\PreVendas - Governo Diogo\Infraero\INFRAESTRUTURA\</t>
  </si>
  <si>
    <t>Anexo_IX_Or%e7_Estimado.xls</t>
  </si>
  <si>
    <t>D:\Backup 12-11-2019\Desktop - 12-11-19\PreVendas - Governo Diogo\Infraero\INFRAESTRUTURA\Anexo_IX_Or%e7_Estimado.xls</t>
  </si>
  <si>
    <t>Anexo_VIII_Planilha_Custos.xls</t>
  </si>
  <si>
    <t>D:\Backup 12-11-2019\Desktop - 12-11-19\PreVendas - Governo Diogo\Infraero\INFRAESTRUTURA\Anexo_VIII_Planilha_Custos.xls</t>
  </si>
  <si>
    <t>Anexo_V_TR_Ficha_Av_Desemp.xls</t>
  </si>
  <si>
    <t>D:\Backup 12-11-2019\Desktop - 12-11-19\PreVendas - Governo Diogo\Infraero\INFRAESTRUTURA\Anexo_V_TR_Ficha_Av_Desemp.xls</t>
  </si>
  <si>
    <t>C:\Users\suelenmm\OneDrive - Grupo Algar\Desktop - 12-11-19\PreVendas - Governo Diogo\INMETRO\2015\</t>
  </si>
  <si>
    <t>PRODUÇÃO ASSISTIDA_ ANO BASE 2015_NOVO BP PREÇO - V 2015-10-01.xlsb</t>
  </si>
  <si>
    <t>D:\Backup 12-11-2019\Desktop - 12-11-19\PreVendas - Governo Diogo\INMETRO\2015\PRODUÇÃO ASSISTIDA_ ANO BASE 2015_NOVO BP PREÇO - V 2015-10-01.xlsb</t>
  </si>
  <si>
    <t>C:\Users\suelenmm\OneDrive - Grupo Algar\Desktop - 12-11-19\PreVendas - Governo Diogo\INMETRO\Pregão 020-2011\</t>
  </si>
  <si>
    <t>Modelo de planilha de custos.xlsx</t>
  </si>
  <si>
    <t>D:\Backup 12-11-2019\Desktop - 12-11-19\PreVendas - Governo Diogo\INMETRO\Pregão 020-2011\Modelo de planilha de custos.xlsx</t>
  </si>
  <si>
    <t>D:\Backup 12-11-2019\Desktop - 12-11-19\PreVendas - Governo Diogo\INPI\BP Preço C010 B009.xlsb</t>
  </si>
  <si>
    <t>D:\Backup 12-11-2019\Desktop - 12-11-19\PreVendas - Governo Diogo\INPI\Desenho.xlsx</t>
  </si>
  <si>
    <t>D:\Backup 12-11-2019\Desktop - 12-11-19\PreVendas - Governo Diogo\IPEA\Cotação V2.xlsx</t>
  </si>
  <si>
    <t>D:\Backup 12-11-2019\Desktop - 12-11-19\PreVendas - Governo Diogo\IPEA\Cotação.xlsx</t>
  </si>
  <si>
    <t>D:\Backup 12-11-2019\Desktop - 12-11-19\PreVendas - Governo Diogo\IPEA\Racional V2.xlsx</t>
  </si>
  <si>
    <t>D:\Backup 12-11-2019\Desktop - 12-11-19\PreVendas - Governo Diogo\IPEA\Racional.xlsx</t>
  </si>
  <si>
    <t>C:\Users\suelenmm\OneDrive - Grupo Algar\Desktop - 12-11-19\PreVendas - Governo Diogo\IPHAN\Preço\</t>
  </si>
  <si>
    <t>componentes IPHAN.xlsx</t>
  </si>
  <si>
    <t>D:\Backup 12-11-2019\Desktop - 12-11-19\PreVendas - Governo Diogo\IPHAN\Preço\componentes IPHAN.xlsx</t>
  </si>
  <si>
    <t>D:\Backup 12-11-2019\Desktop - 12-11-19\PreVendas - Governo Diogo\IPHAN\Preço\Preço.xlsb</t>
  </si>
  <si>
    <t>D:\Backup 12-11-2019\Desktop - 12-11-19\PreVendas - Governo Diogo\ITAIPU\NC 2329-17 Anexo III - Planilha de Preços.xls</t>
  </si>
  <si>
    <t>D:\Backup 12-11-2019\Desktop - 12-11-19\PreVendas - Governo Diogo\ITAIPU\Preço.xlsb</t>
  </si>
  <si>
    <t>D:\Backup 12-11-2019\Desktop - 12-11-19\PreVendas - Governo Diogo\ITAÚ\Proposta Comercial.xlsx</t>
  </si>
  <si>
    <t>D:\Backup 12-11-2019\Desktop - 12-11-19\PreVendas - Governo Diogo\ITAÚ\SIZING + Resumo.xlsx</t>
  </si>
  <si>
    <t>D:\Backup 12-11-2019\Desktop - 12-11-19\PreVendas - Governo Diogo\ITI\BP ITI.xlsb</t>
  </si>
  <si>
    <t>D:\Backup 12-11-2019\Desktop - 12-11-19\PreVendas - Governo Diogo\lexmark\ISD Linha - Componentização dos Custos_V1.1.xlsx</t>
  </si>
  <si>
    <t>D:\Backup 12-11-2019\Desktop - 12-11-19\PreVendas - Governo Diogo\lexmark\Pricing.xlsm</t>
  </si>
  <si>
    <t>C:\Users\suelenmm\OneDrive - Grupo Algar\Desktop - 12-11-19\PreVendas - Governo Diogo\MCTi\</t>
  </si>
  <si>
    <t>D:\Backup 12-11-2019\Desktop - 12-11-19\PreVendas - Governo Diogo\MCTi\Análise.xlsx</t>
  </si>
  <si>
    <t>Cenário_Protocolado.xlsb</t>
  </si>
  <si>
    <t>D:\Backup 12-11-2019\Desktop - 12-11-19\PreVendas - Governo Diogo\MCTi\Cenário_Protocolado.xlsb</t>
  </si>
  <si>
    <t>Cenário_Real.xlsb</t>
  </si>
  <si>
    <t>D:\Backup 12-11-2019\Desktop - 12-11-19\PreVendas - Governo Diogo\MCTi\Cenário_Real.xlsb</t>
  </si>
  <si>
    <t>Componentes.xlsx</t>
  </si>
  <si>
    <t>D:\Backup 12-11-2019\Desktop - 12-11-19\PreVendas - Governo Diogo\MCTi\Componentes.xlsx</t>
  </si>
  <si>
    <t>curva de receita.xlsx</t>
  </si>
  <si>
    <t>D:\Backup 12-11-2019\Desktop - 12-11-19\PreVendas - Governo Diogo\MCTi\curva de receita.xlsx</t>
  </si>
  <si>
    <t>Cópia de CATALOGO DE TAREFAS MCTI-V8.xlsx</t>
  </si>
  <si>
    <t>D:\Backup 12-11-2019\Desktop - 12-11-19\PreVendas - Governo Diogo\MCTi\Cópia de CATALOGO DE TAREFAS MCTI-V8.xlsx</t>
  </si>
  <si>
    <t>EMERGENCIAL.xlsb</t>
  </si>
  <si>
    <t>D:\Backup 12-11-2019\Desktop - 12-11-19\PreVendas - Governo Diogo\MCTi\EMERGENCIAL.xlsb</t>
  </si>
  <si>
    <t>MCT - Final - Cenario pos vistoria_Validado Adocao.xlsb</t>
  </si>
  <si>
    <t>D:\Backup 12-11-2019\Desktop - 12-11-19\PreVendas - Governo Diogo\MCTi\MCT - Final - Cenario pos vistoria_Validado Adocao.xlsb</t>
  </si>
  <si>
    <t>Planilha de Custos - Algar Tecnologia - v2.xlsx</t>
  </si>
  <si>
    <t>D:\Backup 12-11-2019\Desktop - 12-11-19\PreVendas - Governo Diogo\MCTi\Planilha de Custos - Algar Tecnologia - v2.xlsx</t>
  </si>
  <si>
    <t>Prospecção_demandas.xlsb</t>
  </si>
  <si>
    <t>D:\Backup 12-11-2019\Desktop - 12-11-19\PreVendas - Governo Diogo\MCTi\Prospecção_demandas.xlsb</t>
  </si>
  <si>
    <t>C:\Users\suelenmm\OneDrive - Grupo Algar\Desktop - 12-11-19\PreVendas - Governo Diogo\MCTi\2016\Cotação\</t>
  </si>
  <si>
    <t>08-09-2016.xlsx</t>
  </si>
  <si>
    <t>D:\Backup 12-11-2019\Desktop - 12-11-19\PreVendas - Governo Diogo\MCTi\2016\Cotação\08-09-2016.xlsx</t>
  </si>
  <si>
    <t>C:\Users\suelenmm\OneDrive - Grupo Algar\Desktop - 12-11-19\PreVendas - Governo Diogo\MD\</t>
  </si>
  <si>
    <t>Equipe Senior.xlsb</t>
  </si>
  <si>
    <t>D:\Backup 12-11-2019\Desktop - 12-11-19\PreVendas - Governo Diogo\MD\Equipe Senior.xlsb</t>
  </si>
  <si>
    <t>Renovacao.xlsb</t>
  </si>
  <si>
    <t>D:\Backup 12-11-2019\Desktop - 12-11-19\PreVendas - Governo Diogo\MD\Renovacao.xlsb</t>
  </si>
  <si>
    <t>SIMULADO 25%.xlsx</t>
  </si>
  <si>
    <t>D:\Backup 12-11-2019\Desktop - 12-11-19\PreVendas - Governo Diogo\MD\SIMULADO 25%.xlsx</t>
  </si>
  <si>
    <t>C:\Users\suelenmm\OneDrive - Grupo Algar\Desktop - 12-11-19\PreVendas - Governo Diogo\MDIC\</t>
  </si>
  <si>
    <t>D:\Backup 12-11-2019\Desktop - 12-11-19\PreVendas - Governo Diogo\MDIC\Precificação.xlsb</t>
  </si>
  <si>
    <t>C:\Users\suelenmm\OneDrive - Grupo Algar\Desktop - 12-11-19\PreVendas - Governo Diogo\MDIC\Precificação.xlsb\</t>
  </si>
  <si>
    <t>C:\Users\suelenmm\OneDrive - Grupo Algar\Desktop - 12-11-19\PreVendas - Governo Diogo\MDS\</t>
  </si>
  <si>
    <t>Cenário Simulado1.xlsb</t>
  </si>
  <si>
    <t>D:\Backup 12-11-2019\Desktop - 12-11-19\PreVendas - Governo Diogo\MDS\Cenário Simulado1.xlsb</t>
  </si>
  <si>
    <t>C:\Users\suelenmm\OneDrive - Grupo Algar\Desktop - 12-11-19\PreVendas - Governo Diogo\MDS\Adesão Redes\</t>
  </si>
  <si>
    <t>D:\Backup 12-11-2019\Desktop - 12-11-19\PreVendas - Governo Diogo\MDS\Adesão Redes\BP Atualizado.xlsb</t>
  </si>
  <si>
    <t>C:\Users\suelenmm\OneDrive - Grupo Algar\Desktop - 12-11-19\PreVendas - Governo Diogo\MDS\Adesão Redes\Cenario Real\</t>
  </si>
  <si>
    <t>Análise Financeira.xlsx</t>
  </si>
  <si>
    <t>D:\Backup 12-11-2019\Desktop - 12-11-19\PreVendas - Governo Diogo\MDS\Adesão Redes\Cenario Real\Análise Financeira.xlsx</t>
  </si>
  <si>
    <t>Cargos e Salários Validados.xlsx</t>
  </si>
  <si>
    <t>D:\Backup 12-11-2019\Desktop - 12-11-19\PreVendas - Governo Diogo\MDS\Adesão Redes\Cenario Real\Cargos e Salários Validados.xlsx</t>
  </si>
  <si>
    <t>Desenho com Operação.xlsx</t>
  </si>
  <si>
    <t>D:\Backup 12-11-2019\Desktop - 12-11-19\PreVendas - Governo Diogo\MDS\Adesão Redes\Cenario Real\Desenho com Operação.xlsx</t>
  </si>
  <si>
    <t>D:\Backup 12-11-2019\Desktop - 12-11-19\PreVendas - Governo Diogo\MDS\Adesão Redes\Cenario Real\Estrutura.xlsx</t>
  </si>
  <si>
    <t>Monitoramento Compartilhado.xlsx</t>
  </si>
  <si>
    <t>D:\Backup 12-11-2019\Desktop - 12-11-19\PreVendas - Governo Diogo\MDS\Adesão Redes\Cenario Real\Monitoramento Compartilhado.xlsx</t>
  </si>
  <si>
    <t>Planilha de Preço - Serviços Gerenciados-V1.xlsb</t>
  </si>
  <si>
    <t>D:\Backup 12-11-2019\Desktop - 12-11-19\PreVendas - Governo Diogo\MDS\Adesão Redes\Cenario Real\Planilha de Preço - Serviços Gerenciados-V1.xlsb</t>
  </si>
  <si>
    <t>Planilha de Preço - Serviços Gerenciados-V2.xlsb</t>
  </si>
  <si>
    <t>D:\Backup 12-11-2019\Desktop - 12-11-19\PreVendas - Governo Diogo\MDS\Adesão Redes\Cenario Real\Planilha de Preço - Serviços Gerenciados-V2.xlsb</t>
  </si>
  <si>
    <t>Planilha de Preço - Serviços Gerenciados-V3.xlsb</t>
  </si>
  <si>
    <t>D:\Backup 12-11-2019\Desktop - 12-11-19\PreVendas - Governo Diogo\MDS\Adesão Redes\Cenario Real\Planilha de Preço - Serviços Gerenciados-V3.xlsb</t>
  </si>
  <si>
    <t>Planilha de Preço - Serviços Gerenciados-V4.xlsb</t>
  </si>
  <si>
    <t>D:\Backup 12-11-2019\Desktop - 12-11-19\PreVendas - Governo Diogo\MDS\Adesão Redes\Cenario Real\Planilha de Preço - Serviços Gerenciados-V4.xlsb</t>
  </si>
  <si>
    <t>C:\Users\suelenmm\OneDrive - Grupo Algar\Desktop - 12-11-19\PreVendas - Governo Diogo\MDS\Adesão Redes\Cenario Real\IN-02\Original MCTi\</t>
  </si>
  <si>
    <t>D:\Backup 12-11-2019\Desktop - 12-11-19\PreVendas - Governo Diogo\MDS\Adesão Redes\Cenario Real\IN-02\Original MCTi\Planilha de Custos - Algar Tecnologia - v2.xlsx</t>
  </si>
  <si>
    <t>C:\Users\suelenmm\OneDrive - Grupo Algar\Desktop - 12-11-19\PreVendas - Governo Diogo\MDS\Adesão Redes\Cenario Real\IN-02\Repactuação 13-14\</t>
  </si>
  <si>
    <t>Repactuação Envio.xlsx</t>
  </si>
  <si>
    <t>D:\Backup 12-11-2019\Desktop - 12-11-19\PreVendas - Governo Diogo\MDS\Adesão Redes\Cenario Real\IN-02\Repactuação 13-14\Repactuação Envio.xlsx</t>
  </si>
  <si>
    <t>Repactuação.xlsx</t>
  </si>
  <si>
    <t>D:\Backup 12-11-2019\Desktop - 12-11-19\PreVendas - Governo Diogo\MDS\Adesão Redes\Cenario Real\IN-02\Repactuação 13-14\Repactuação.xlsx</t>
  </si>
  <si>
    <t>C:\Users\suelenmm\OneDrive - Grupo Algar\Desktop - 12-11-19\PreVendas - Governo Diogo\MDS\Adesão Redes\Emergencial\</t>
  </si>
  <si>
    <t>Consolidado - Com MDS Atual.xlsb</t>
  </si>
  <si>
    <t>D:\Backup 12-11-2019\Desktop - 12-11-19\PreVendas - Governo Diogo\MDS\Adesão Redes\Emergencial\Consolidado - Com MDS Atual.xlsb</t>
  </si>
  <si>
    <t>Consolidado.xlsb</t>
  </si>
  <si>
    <t>D:\Backup 12-11-2019\Desktop - 12-11-19\PreVendas - Governo Diogo\MDS\Adesão Redes\Emergencial\Consolidado.xlsb</t>
  </si>
  <si>
    <t>Estudo CM.xlsx</t>
  </si>
  <si>
    <t>D:\Backup 12-11-2019\Desktop - 12-11-19\PreVendas - Governo Diogo\MDS\Adesão Redes\Emergencial\Estudo CM.xlsx</t>
  </si>
  <si>
    <t>Lote Banco de Dados.xlsb</t>
  </si>
  <si>
    <t>D:\Backup 12-11-2019\Desktop - 12-11-19\PreVendas - Governo Diogo\MDS\Adesão Redes\Emergencial\Lote Banco de Dados.xlsb</t>
  </si>
  <si>
    <t>Lote Redes.xlsb</t>
  </si>
  <si>
    <t>D:\Backup 12-11-2019\Desktop - 12-11-19\PreVendas - Governo Diogo\MDS\Adesão Redes\Emergencial\Lote Redes.xlsb</t>
  </si>
  <si>
    <t>Lote Servidores.xlsb</t>
  </si>
  <si>
    <t>D:\Backup 12-11-2019\Desktop - 12-11-19\PreVendas - Governo Diogo\MDS\Adesão Redes\Emergencial\Lote Servidores.xlsb</t>
  </si>
  <si>
    <t>Simulacao-Lotes-PS.xlsb</t>
  </si>
  <si>
    <t>D:\Backup 12-11-2019\Desktop - 12-11-19\PreVendas - Governo Diogo\MDS\Adesão Redes\Emergencial\Simulacao-Lotes-PS.xlsb</t>
  </si>
  <si>
    <t>C:\Users\suelenmm\OneDrive - Grupo Algar\Desktop - 12-11-19\PreVendas - Governo Diogo\MDS\Adesão Redes\SUPRESSÃO PBM\</t>
  </si>
  <si>
    <t>Análise de Supressão PBM.xlsx</t>
  </si>
  <si>
    <t>D:\Backup 12-11-2019\Desktop - 12-11-19\PreVendas - Governo Diogo\MDS\Adesão Redes\SUPRESSÃO PBM\Análise de Supressão PBM.xlsx</t>
  </si>
  <si>
    <t>C:\Users\suelenmm\OneDrive - Grupo Algar\Desktop - 12-11-19\PreVendas - Governo Diogo\MDS\Assessoria 2016\</t>
  </si>
  <si>
    <t>D:\Backup 12-11-2019\Desktop - 12-11-19\PreVendas - Governo Diogo\MDS\Assessoria 2016\Análise.xlsx</t>
  </si>
  <si>
    <t>C:\Users\suelenmm\OneDrive - Grupo Algar\Desktop - 12-11-19\PreVendas - Governo Diogo\MDS\Banco de Dados\Bando de Dados\</t>
  </si>
  <si>
    <t>D:\Backup 12-11-2019\Desktop - 12-11-19\PreVendas - Governo Diogo\MDS\Banco de Dados\Bando de Dados\Cotação.xlsx</t>
  </si>
  <si>
    <t>C:\Users\suelenmm\OneDrive - Grupo Algar\Desktop - 12-11-19\PreVendas - Governo Diogo\MDS\Banco de Dados\Renovacao\</t>
  </si>
  <si>
    <t>D:\Backup 12-11-2019\Desktop - 12-11-19\PreVendas - Governo Diogo\MDS\Banco de Dados\Renovacao\Preco.xlsb</t>
  </si>
  <si>
    <t>C:\Users\suelenmm\OneDrive - Grupo Algar\Desktop - 12-11-19\PreVendas - Governo Diogo\ME\Aditivo VoIP 2013\</t>
  </si>
  <si>
    <t>Precificação Aditivo.xlsb</t>
  </si>
  <si>
    <t>D:\Backup 12-11-2019\Desktop - 12-11-19\PreVendas - Governo Diogo\ME\Aditivo VoIP 2013\Precificação Aditivo.xlsb</t>
  </si>
  <si>
    <t>C:\Users\suelenmm\OneDrive - Grupo Algar\Desktop - 12-11-19\PreVendas - Governo Diogo\MEC\</t>
  </si>
  <si>
    <t>MEC SD - Atualizado.xlsm</t>
  </si>
  <si>
    <t>D:\Backup 12-11-2019\Desktop - 12-11-19\PreVendas - Governo Diogo\MEC\MEC SD - Atualizado.xlsm</t>
  </si>
  <si>
    <t>MEC SD - CHEIO_Desonerado.xlsm</t>
  </si>
  <si>
    <t>D:\Backup 12-11-2019\Desktop - 12-11-19\PreVendas - Governo Diogo\MEC\MEC SD - CHEIO_Desonerado.xlsm</t>
  </si>
  <si>
    <t>MEC SD-CHEIO.xlsm</t>
  </si>
  <si>
    <t>D:\Backup 12-11-2019\Desktop - 12-11-19\PreVendas - Governo Diogo\MEC\MEC SD-CHEIO.xlsm</t>
  </si>
  <si>
    <t>MEC SD_Desonerado juniorado.xlsm</t>
  </si>
  <si>
    <t>D:\Backup 12-11-2019\Desktop - 12-11-19\PreVendas - Governo Diogo\MEC\MEC SD_Desonerado juniorado.xlsm</t>
  </si>
  <si>
    <t>MEC SD_Desonerado.xlsm</t>
  </si>
  <si>
    <t>D:\Backup 12-11-2019\Desktop - 12-11-19\PreVendas - Governo Diogo\MEC\MEC SD_Desonerado.xlsm</t>
  </si>
  <si>
    <t>MEC_SD.xlsm</t>
  </si>
  <si>
    <t>D:\Backup 12-11-2019\Desktop - 12-11-19\PreVendas - Governo Diogo\MEC\MEC_SD.xlsm</t>
  </si>
  <si>
    <t>D:\Backup 12-11-2019\Desktop - 12-11-19\PreVendas - Governo Diogo\MEC\Planilha de Custos - Resumo e IN-02.xlsx</t>
  </si>
  <si>
    <t>C:\Users\suelenmm\OneDrive - Grupo Algar\Desktop - 12-11-19\PreVendas - Governo Diogo\MEC\2015\Assessoria Técnica\</t>
  </si>
  <si>
    <t>D:\Backup 12-11-2019\Desktop - 12-11-19\PreVendas - Governo Diogo\MEC\2015\Assessoria Técnica\Proposta.xlsx</t>
  </si>
  <si>
    <t>C:\Users\suelenmm\OneDrive - Grupo Algar\Desktop - 12-11-19\PreVendas - Governo Diogo\MEC\2015\Assessoria Técnica\TR e Documentos.zip\</t>
  </si>
  <si>
    <t>Planilha proposta estimativa - Preenchimento.xlsx</t>
  </si>
  <si>
    <t>D:\Backup 12-11-2019\Desktop - 12-11-19\PreVendas - Governo Diogo\MEC\2015\Assessoria Técnica\TR e Documentos.zip</t>
  </si>
  <si>
    <t>C:\Users\suelenmm\OneDrive - Grupo Algar\Desktop - 12-11-19\PreVendas - Governo Diogo\MEC\2015\Assessoria Técnica\Publicado\</t>
  </si>
  <si>
    <t>D:\Backup 12-11-2019\Desktop - 12-11-19\PreVendas - Governo Diogo\MEC\2015\Assessoria Técnica\Publicado\BP.xlsb</t>
  </si>
  <si>
    <t>Quadro Resumo.xlsx</t>
  </si>
  <si>
    <t>D:\Backup 12-11-2019\Desktop - 12-11-19\PreVendas - Governo Diogo\MEC\2015\Assessoria Técnica\Publicado\Quadro Resumo.xlsx</t>
  </si>
  <si>
    <t>C:\Users\suelenmm\OneDrive - Grupo Algar\Desktop - 12-11-19\PreVendas - Governo Diogo\MEC\2016\Infra\</t>
  </si>
  <si>
    <t>D:\Backup 12-11-2019\Desktop - 12-11-19\PreVendas - Governo Diogo\MEC\2016\Infra\Cópia de BP Preço C002 B004 _Encargos.xlsb</t>
  </si>
  <si>
    <t>MEC - Sustentação de Infraestrutura (REPACTUADO) - 121246.xlsb</t>
  </si>
  <si>
    <t>D:\Backup 12-11-2019\Desktop - 12-11-19\PreVendas - Governo Diogo\MEC\2016\Infra\MEC - Sustentação de Infraestrutura (REPACTUADO) - 121246.xlsb</t>
  </si>
  <si>
    <t>MEC - Sustentação de Infraestrutura - 121246.xlsb</t>
  </si>
  <si>
    <t>D:\Backup 12-11-2019\Desktop - 12-11-19\PreVendas - Governo Diogo\MEC\2016\Infra\MEC - Sustentação de Infraestrutura - 121246.xlsb</t>
  </si>
  <si>
    <t>C:\Users\suelenmm\OneDrive - Grupo Algar\Desktop - 12-11-19\PreVendas - Governo Diogo\MEC\2018\Infra\Cotação\</t>
  </si>
  <si>
    <t>D:\Backup 12-11-2019\Desktop - 12-11-19\PreVendas - Governo Diogo\MEC\2018\Infra\Cotação\Cotação.xlsx</t>
  </si>
  <si>
    <t>C:\Users\suelenmm\OneDrive - Grupo Algar\Desktop - 12-11-19\PreVendas - Governo Diogo\MEC\2018\SD\Cotação\</t>
  </si>
  <si>
    <t>D:\Backup 12-11-2019\Desktop - 12-11-19\PreVendas - Governo Diogo\MEC\2018\SD\Cotação\Desenho Cotação.xlsx</t>
  </si>
  <si>
    <t>Sugestões.xlsx</t>
  </si>
  <si>
    <t>D:\Backup 12-11-2019\Desktop - 12-11-19\PreVendas - Governo Diogo\MEC\2018\SD\Cotação\Sugestões.xlsx</t>
  </si>
  <si>
    <t>C:\Users\suelenmm\OneDrive - Grupo Algar\Desktop - 12-11-19\PreVendas - Governo Diogo\MEC\2018\SD\publicado\</t>
  </si>
  <si>
    <t>D:\Backup 12-11-2019\Desktop - 12-11-19\PreVendas - Governo Diogo\MEC\2018\SD\publicado\BP.xlsb</t>
  </si>
  <si>
    <t>C:\Users\suelenmm\OneDrive - Grupo Algar\Desktop - 12-11-19\PreVendas - Governo Diogo\MEC\2018\SD\publicado\BP.xlsb\</t>
  </si>
  <si>
    <t>Dados.xlsx</t>
  </si>
  <si>
    <t>D:\Backup 12-11-2019\Desktop - 12-11-19\PreVendas - Governo Diogo\MEC\2018\SD\publicado\Dados.xlsx</t>
  </si>
  <si>
    <t>C:\Users\suelenmm\OneDrive - Grupo Algar\Desktop - 12-11-19\PreVendas - Governo Diogo\MEC\2019\Apoio Técnico\Cotação\</t>
  </si>
  <si>
    <t>D:\Backup 12-11-2019\Desktop - 12-11-19\PreVendas - Governo Diogo\MEC\2019\Apoio Técnico\Cotação\Cotação.xlsx</t>
  </si>
  <si>
    <t>C:\Users\suelenmm\OneDrive - Grupo Algar\Desktop - 12-11-19\PreVendas - Governo Diogo\MEC\Aditivo 2014\</t>
  </si>
  <si>
    <t>D:\Backup 12-11-2019\Desktop - 12-11-19\PreVendas - Governo Diogo\MEC\Aditivo 2014\Cópia de Planilha de Preço - Serviços Gerenciados.xlsb</t>
  </si>
  <si>
    <t>C:\Users\suelenmm\OneDrive - Grupo Algar\Desktop - 12-11-19\PreVendas - Governo Diogo\MEC\ATA\</t>
  </si>
  <si>
    <t>BP Preço C002 B004 _Encargos.xlsb</t>
  </si>
  <si>
    <t>D:\Backup 12-11-2019\Desktop - 12-11-19\PreVendas - Governo Diogo\MEC\ATA\BP Preço C002 B004 _Encargos.xlsb</t>
  </si>
  <si>
    <t>MEC ATA.xlsm</t>
  </si>
  <si>
    <t>D:\Backup 12-11-2019\Desktop - 12-11-19\PreVendas - Governo Diogo\MEC\ATA\MEC ATA.xlsm</t>
  </si>
  <si>
    <t>C:\Users\suelenmm\OneDrive - Grupo Algar\Desktop - 12-11-19\PreVendas - Governo Diogo\MEC\Novo\Aditivo EP\</t>
  </si>
  <si>
    <t>MEC Escritorio de Projetos.xlsb</t>
  </si>
  <si>
    <t>D:\Backup 12-11-2019\Desktop - 12-11-19\PreVendas - Governo Diogo\MEC\Novo\Aditivo EP\MEC Escritorio de Projetos.xlsb</t>
  </si>
  <si>
    <t>C:\Users\suelenmm\OneDrive - Grupo Algar\Desktop - 12-11-19\PreVendas - Governo Diogo\MEC\Novo\Publicado\</t>
  </si>
  <si>
    <t>Adoção.xlsx</t>
  </si>
  <si>
    <t>D:\Backup 12-11-2019\Desktop - 12-11-19\PreVendas - Governo Diogo\MEC\Novo\Publicado\Adoção.xlsx</t>
  </si>
  <si>
    <t>D:\Backup 12-11-2019\Desktop - 12-11-19\PreVendas - Governo Diogo\MEC\Novo\Publicado\Cargos e Salários.xlsx</t>
  </si>
  <si>
    <t>Planilha de Preço - Serviços Gerenciados Adocao-CAPEX.xlsm</t>
  </si>
  <si>
    <t>D:\Backup 12-11-2019\Desktop - 12-11-19\PreVendas - Governo Diogo\MEC\Novo\Publicado\Planilha de Preço - Serviços Gerenciados Adocao-CAPEX.xlsm</t>
  </si>
  <si>
    <t>Planilha de Preço - Serviços Gerenciados Agressivo.xlsm</t>
  </si>
  <si>
    <t>D:\Backup 12-11-2019\Desktop - 12-11-19\PreVendas - Governo Diogo\MEC\Novo\Publicado\Planilha de Preço - Serviços Gerenciados Agressivo.xlsm</t>
  </si>
  <si>
    <t>Planilha de Preço - Serviços Gerenciados V1.xlsm</t>
  </si>
  <si>
    <t>D:\Backup 12-11-2019\Desktop - 12-11-19\PreVendas - Governo Diogo\MEC\Novo\Publicado\Planilha de Preço - Serviços Gerenciados V1.xlsm</t>
  </si>
  <si>
    <t>Planilha de Preço - Serviços Gerenciados.xlsm</t>
  </si>
  <si>
    <t>D:\Backup 12-11-2019\Desktop - 12-11-19\PreVendas - Governo Diogo\MEC\Novo\Publicado\Planilha de Preço - Serviços Gerenciados.xlsm</t>
  </si>
  <si>
    <t>D:\Backup 12-11-2019\Desktop - 12-11-19\PreVendas - Governo Diogo\MEC\Novo\Publicado\ATUALIZADOS\Planilha de Preço - Serviços Gerenciados Adocao-CAPEX.xlsm</t>
  </si>
  <si>
    <t>D:\Backup 12-11-2019\Desktop - 12-11-19\PreVendas - Governo Diogo\MEC\Novo\Publicado\ATUALIZADOS\Planilha de Preço - Serviços Gerenciados Agressivo.xlsm</t>
  </si>
  <si>
    <t>C:\Users\suelenmm\OneDrive - Grupo Algar\Desktop - 12-11-19\PreVendas - Governo Diogo\MEC\Novo\Publicado\ATUALIZADOS\</t>
  </si>
  <si>
    <t>Planilha de Preço - Serviços Gerenciados Diligenciada.xlsm</t>
  </si>
  <si>
    <t>D:\Backup 12-11-2019\Desktop - 12-11-19\PreVendas - Governo Diogo\MEC\Novo\Publicado\ATUALIZADOS\Planilha de Preço - Serviços Gerenciados Diligenciada.xlsm</t>
  </si>
  <si>
    <t>D:\Backup 12-11-2019\Desktop - 12-11-19\PreVendas - Governo Diogo\MEC\Novo\Publicado\ATUALIZADOS\Planilha de Preço - Serviços Gerenciados V1.xlsm</t>
  </si>
  <si>
    <t>C:\Users\suelenmm\OneDrive - Grupo Algar\Desktop - 12-11-19\PreVendas - Governo Diogo\MEC\Novo\Publicado\ATUALIZADOS\Diligenciada\</t>
  </si>
  <si>
    <t>Final.xlsm</t>
  </si>
  <si>
    <t>D:\Backup 12-11-2019\Desktop - 12-11-19\PreVendas - Governo Diogo\MEC\Novo\Publicado\ATUALIZADOS\Diligenciada\Final.xlsm</t>
  </si>
  <si>
    <t>MEC Cenario Aprovado.xlsm</t>
  </si>
  <si>
    <t>D:\Backup 12-11-2019\Desktop - 12-11-19\PreVendas - Governo Diogo\MEC\Novo\Publicado\ATUALIZADOS\Diligenciada\MEC Cenario Aprovado.xlsm</t>
  </si>
  <si>
    <t>D:\Backup 12-11-2019\Desktop - 12-11-19\PreVendas - Governo Diogo\MEC\Novo\Publicado\ATUALIZADOS\Diligenciada\Planilha de Preço - Serviços Gerenciados.xlsb</t>
  </si>
  <si>
    <t>C:\Users\suelenmm\OneDrive - Grupo Algar\Desktop - 12-11-19\PreVendas - Governo Diogo\MEC\Novo\Publicado\ATUALIZADOS\Diligenciada\Planilha nova\</t>
  </si>
  <si>
    <t>MEC Cenario Aprovado Change Final SEM PBM.xlsb</t>
  </si>
  <si>
    <t>D:\Backup 12-11-2019\Desktop - 12-11-19\PreVendas - Governo Diogo\MEC\Novo\Publicado\ATUALIZADOS\Diligenciada\Planilha nova\MEC Cenario Aprovado Change Final SEM PBM.xlsb</t>
  </si>
  <si>
    <t>MEC Cenario Aprovado Change Final.xlsb</t>
  </si>
  <si>
    <t>D:\Backup 12-11-2019\Desktop - 12-11-19\PreVendas - Governo Diogo\MEC\Novo\Publicado\ATUALIZADOS\Diligenciada\Planilha nova\MEC Cenario Aprovado Change Final.xlsb</t>
  </si>
  <si>
    <t>MEC Cenario Aprovado Novo Sem PBM.xlsb</t>
  </si>
  <si>
    <t>D:\Backup 12-11-2019\Desktop - 12-11-19\PreVendas - Governo Diogo\MEC\Novo\Publicado\ATUALIZADOS\Diligenciada\Planilha nova\MEC Cenario Aprovado Novo Sem PBM.xlsb</t>
  </si>
  <si>
    <t>MEC Cenario Aprovado Novo.xlsb</t>
  </si>
  <si>
    <t>D:\Backup 12-11-2019\Desktop - 12-11-19\PreVendas - Governo Diogo\MEC\Novo\Publicado\ATUALIZADOS\Diligenciada\Planilha nova\MEC Cenario Aprovado Novo.xlsb</t>
  </si>
  <si>
    <t>MEC Cenario Aprovado Simulação.xlsb</t>
  </si>
  <si>
    <t>D:\Backup 12-11-2019\Desktop - 12-11-19\PreVendas - Governo Diogo\MEC\Novo\Publicado\ATUALIZADOS\Diligenciada\Planilha nova\MEC Cenario Aprovado Simulação.xlsb</t>
  </si>
  <si>
    <t>C:\Users\suelenmm\OneDrive - Grupo Algar\Desktop - 12-11-19\PreVendas - Governo Diogo\MEC\Novo\Publicado\Comitês\Change - 8 - Sustentação de Infra.ppt\s4\</t>
  </si>
  <si>
    <t>D:\Backup 12-11-2019\Desktop - 12-11-19\PreVendas - Governo Diogo\MEC\Novo\Publicado\Comitês\Change - 8 - Sustentação de Infra.ppt</t>
  </si>
  <si>
    <t>C:\Users\suelenmm\OneDrive - Grupo Algar\Desktop - 12-11-19\PreVendas - Governo Diogo\MEC\Novo\Publicado\Comitês\Change 3 MEC - Sustentação de Infra.ppt\s4\</t>
  </si>
  <si>
    <t>Planilha do Microsoft Excel 97-2003.xls</t>
  </si>
  <si>
    <t>D:\Backup 12-11-2019\Desktop - 12-11-19\PreVendas - Governo Diogo\MEC\Novo\Publicado\Comitês\Change 3 MEC - Sustentação de Infra.ppt</t>
  </si>
  <si>
    <t>C:\Users\suelenmm\OneDrive - Grupo Algar\Desktop - 12-11-19\PreVendas - Governo Diogo\MEC\Novo\Publicado\Comitês\</t>
  </si>
  <si>
    <t>Insumos v3.xlsx</t>
  </si>
  <si>
    <t>D:\Backup 12-11-2019\Desktop - 12-11-19\PreVendas - Governo Diogo\MEC\Novo\Publicado\Comitês\Insumos v3.xlsx</t>
  </si>
  <si>
    <t>C:\Users\suelenmm\OneDrive - Grupo Algar\Desktop - 12-11-19\PreVendas - Governo Diogo\MEC\Novo\Publicado\MUDANÇA ISIS-CA\</t>
  </si>
  <si>
    <t>Precificação Adoção MEC Adicionalv2.xlsx</t>
  </si>
  <si>
    <t>D:\Backup 12-11-2019\Desktop - 12-11-19\PreVendas - Governo Diogo\MEC\Novo\Publicado\MUDANÇA ISIS-CA\Precificação Adoção MEC Adicionalv2.xlsx</t>
  </si>
  <si>
    <t>Simulação Preço CA.xlsx</t>
  </si>
  <si>
    <t>D:\Backup 12-11-2019\Desktop - 12-11-19\PreVendas - Governo Diogo\MEC\Novo\Publicado\MUDANÇA ISIS-CA\Simulação Preço CA.xlsx</t>
  </si>
  <si>
    <t>C:\Users\suelenmm\OneDrive - Grupo Algar\Desktop - 12-11-19\PreVendas - Governo Diogo\MEC\Novo\Publicado\MUDANÇA ISIS-CA\BP`s\Change Sustentação de Infra.ppt\s2\</t>
  </si>
  <si>
    <t>D:\Backup 12-11-2019\Desktop - 12-11-19\PreVendas - Governo Diogo\MEC\Novo\Publicado\MUDANÇA ISIS-CA\BP`s\Change Sustentação de Infra.ppt</t>
  </si>
  <si>
    <t>C:\Users\suelenmm\OneDrive - Grupo Algar\Desktop - 12-11-19\PreVendas - Governo Diogo\MEC\Novo\Publicado\MUDANÇA ISIS-CA\BP`s\</t>
  </si>
  <si>
    <t>MEC Cenario Aprovado Change Final SEM PBM(BKP).xlsb</t>
  </si>
  <si>
    <t>D:\Backup 12-11-2019\Desktop - 12-11-19\PreVendas - Governo Diogo\MEC\Novo\Publicado\MUDANÇA ISIS-CA\BP`s\MEC Cenario Aprovado Change Final SEM PBM(BKP).xlsb</t>
  </si>
  <si>
    <t>D:\Backup 12-11-2019\Desktop - 12-11-19\PreVendas - Governo Diogo\MEC\Novo\Publicado\MUDANÇA ISIS-CA\BP`s\MEC Cenario Aprovado Change Final SEM PBM.xlsb</t>
  </si>
  <si>
    <t>D:\Backup 12-11-2019\Desktop - 12-11-19\PreVendas - Governo Diogo\MEC\Novo\Publicado\MUDANÇA ISIS-CA\BP`s\MEC Cenario Aprovado Change Final.xlsb</t>
  </si>
  <si>
    <t>C:\Users\suelenmm\OneDrive - Grupo Algar\Desktop - 12-11-19\PreVendas - Governo Diogo\MEC\Novo\Publicado\MUDANÇA ISIS-CA\BP`s\Change Cargos e Salarios 25-10-13\</t>
  </si>
  <si>
    <t>MEC Change Final COM PBM.xlsb</t>
  </si>
  <si>
    <t>D:\Backup 12-11-2019\Desktop - 12-11-19\PreVendas - Governo Diogo\MEC\Novo\Publicado\MUDANÇA ISIS-CA\BP`s\Change Cargos e Salarios 25-10-13\MEC Change Final COM PBM.xlsb</t>
  </si>
  <si>
    <t>MEC Change Final SEM PBM.xlsb</t>
  </si>
  <si>
    <t>D:\Backup 12-11-2019\Desktop - 12-11-19\PreVendas - Governo Diogo\MEC\Novo\Publicado\MUDANÇA ISIS-CA\BP`s\Change Cargos e Salarios 25-10-13\MEC Change Final SEM PBM.xlsb</t>
  </si>
  <si>
    <t>C:\Users\suelenmm\OneDrive - Grupo Algar\Desktop - 12-11-19\PreVendas - Governo Diogo\MEC\Novo\Publicado\MUDANÇA ISIS-CA\BP`s\Change Cargos e Salários 07-08\</t>
  </si>
  <si>
    <t>D:\Backup 12-11-2019\Desktop - 12-11-19\PreVendas - Governo Diogo\MEC\Novo\Publicado\MUDANÇA ISIS-CA\BP`s\Change Cargos e Salários 07-08\MEC Change Final COM PBM.xlsb</t>
  </si>
  <si>
    <t>D:\Backup 12-11-2019\Desktop - 12-11-19\PreVendas - Governo Diogo\MEC\Novo\Publicado\MUDANÇA ISIS-CA\BP`s\Change Cargos e Salários 07-08\MEC Change Final SEM PBM.xlsb</t>
  </si>
  <si>
    <t>C:\Users\suelenmm\OneDrive - Grupo Algar\Desktop - 12-11-19\PreVendas - Governo Diogo\MEC\Novo\Publicado\MUDANÇA ISIS-CA\BP`s\OCS\</t>
  </si>
  <si>
    <t>D:\Backup 12-11-2019\Desktop - 12-11-19\PreVendas - Governo Diogo\MEC\Novo\Publicado\MUDANÇA ISIS-CA\BP`s\OCS\MEC Cenario Aprovado Change Final SEM PBM.xlsb</t>
  </si>
  <si>
    <t>D:\Backup 12-11-2019\Desktop - 12-11-19\PreVendas - Governo Diogo\MEC\Novo\Publicado\MUDANÇA ISIS-CA\BP`s\OCS\MEC Cenario Aprovado Change Final.xlsb</t>
  </si>
  <si>
    <t>C:\Users\suelenmm\OneDrive - Grupo Algar\Desktop - 12-11-19\PreVendas - Governo Diogo\MEC\Novo\Publicado\MUDANÇA ISIS-CA\BP`s\Simulações\</t>
  </si>
  <si>
    <t>CA + ISIS - 24 meses.xlsb</t>
  </si>
  <si>
    <t>D:\Backup 12-11-2019\Desktop - 12-11-19\PreVendas - Governo Diogo\MEC\Novo\Publicado\MUDANÇA ISIS-CA\BP`s\Simulações\CA + ISIS - 24 meses.xlsb</t>
  </si>
  <si>
    <t>CA + ISIS - Pior Cenário.xlsb</t>
  </si>
  <si>
    <t>D:\Backup 12-11-2019\Desktop - 12-11-19\PreVendas - Governo Diogo\MEC\Novo\Publicado\MUDANÇA ISIS-CA\BP`s\Simulações\CA + ISIS - Pior Cenário.xlsb</t>
  </si>
  <si>
    <t>Targets.xlsx</t>
  </si>
  <si>
    <t>D:\Backup 12-11-2019\Desktop - 12-11-19\PreVendas - Governo Diogo\MEC\Novo\Publicado\MUDANÇA ISIS-CA\BP`s\Simulações\Targets.xlsx</t>
  </si>
  <si>
    <t>C:\Users\suelenmm\OneDrive - Grupo Algar\Desktop - 12-11-19\PreVendas - Governo Diogo\MEC\Novo\Publicado\MUDANÇA ISIS-CA\BP`s\Simulações\1MM invest\</t>
  </si>
  <si>
    <t>D:\Backup 12-11-2019\Desktop - 12-11-19\PreVendas - Governo Diogo\MEC\Novo\Publicado\MUDANÇA ISIS-CA\BP`s\Simulações\1MM invest\MEC Cenario Aprovado Change Final SEM PBM.xlsb</t>
  </si>
  <si>
    <t>ISIS + Multa.xlsb</t>
  </si>
  <si>
    <t>D:\Backup 12-11-2019\Desktop - 12-11-19\PreVendas - Governo Diogo\MEC\Novo\Publicado\MUDANÇA ISIS-CA\BP`s\Simulações\ISIS + Multa.xlsb</t>
  </si>
  <si>
    <t>D:\Backup 12-11-2019\Desktop - 12-11-19\PreVendas - Governo Diogo\MEC\Novo\Publicado\MUDANÇA ISIS-CA\BP`s\Simulações\1MM invest\MEC Cenario Aprovado Change Final.xlsb</t>
  </si>
  <si>
    <t>D:\Backup 12-11-2019\Desktop - 12-11-19\PreVendas - Governo Diogo\MEC\Novo\Publicado\MUDANÇA ISIS-CA\BP`s\SPECTRUM\MEC Cenario Aprovado Change Final SEM PBM.xlsb</t>
  </si>
  <si>
    <t>D:\Backup 12-11-2019\Desktop - 12-11-19\PreVendas - Governo Diogo\MEC\Novo\Publicado\MUDANÇA ISIS-CA\BP`s\SPECTRUM\MEC Cenario Aprovado Change Final.xlsb</t>
  </si>
  <si>
    <t>C:\Users\suelenmm\OneDrive - Grupo Algar\Desktop - 12-11-19\PreVendas - Governo Diogo\MEC\Novo\Publicado\Planilhas IN02\</t>
  </si>
  <si>
    <t>IN-02 100%.xlsx</t>
  </si>
  <si>
    <t>D:\Backup 12-11-2019\Desktop - 12-11-19\PreVendas - Governo Diogo\MEC\Novo\Publicado\Planilhas IN02\IN-02 100%.xlsx</t>
  </si>
  <si>
    <t>IN-02 Diligenciada 8,33 FINAL.xlsx</t>
  </si>
  <si>
    <t>D:\Backup 12-11-2019\Desktop - 12-11-19\PreVendas - Governo Diogo\MEC\Novo\Publicado\Planilhas IN02\IN-02 Diligenciada 8,33 FINAL.xlsx</t>
  </si>
  <si>
    <t>IN-02 Diligenciada 8,33.xlsx</t>
  </si>
  <si>
    <t>D:\Backup 12-11-2019\Desktop - 12-11-19\PreVendas - Governo Diogo\MEC\Novo\Publicado\Planilhas IN02\IN-02 Diligenciada 8,33.xlsx</t>
  </si>
  <si>
    <t>IN-02 Diligenciada.xlsx</t>
  </si>
  <si>
    <t>D:\Backup 12-11-2019\Desktop - 12-11-19\PreVendas - Governo Diogo\MEC\Novo\Publicado\Planilhas IN02\IN-02 Diligenciada.xlsx</t>
  </si>
  <si>
    <t>IN-02 ENVIO.xlsx</t>
  </si>
  <si>
    <t>D:\Backup 12-11-2019\Desktop - 12-11-19\PreVendas - Governo Diogo\MEC\Novo\Publicado\Planilhas IN02\IN-02 ENVIO.xlsx</t>
  </si>
  <si>
    <t>C:\Users\suelenmm\OneDrive - Grupo Algar\Desktop - 12-11-19\PreVendas - Governo Diogo\MEC\Novo\Publicado\Primeira Fatura\</t>
  </si>
  <si>
    <t>Fatura Operação_v3 Contra Proposta.xlsx</t>
  </si>
  <si>
    <t>D:\Backup 12-11-2019\Desktop - 12-11-19\PreVendas - Governo Diogo\MEC\Novo\Publicado\Primeira Fatura\Fatura Operação_v3 Contra Proposta.xlsx</t>
  </si>
  <si>
    <t>C:\Users\suelenmm\OneDrive - Grupo Algar\Desktop - 12-11-19\PreVendas - Governo Diogo\MEC\Novo\Publicado\Repactuação\</t>
  </si>
  <si>
    <t>Repactuação 13-14.xlsx</t>
  </si>
  <si>
    <t>D:\Backup 12-11-2019\Desktop - 12-11-19\PreVendas - Governo Diogo\MEC\Novo\Publicado\Repactuação\Repactuação 13-14.xlsx</t>
  </si>
  <si>
    <t>C:\Users\suelenmm\OneDrive - Grupo Algar\Desktop - 12-11-19\PreVendas - Governo Diogo\MFaz\</t>
  </si>
  <si>
    <t>D:\Backup 12-11-2019\Desktop - 12-11-19\PreVendas - Governo Diogo\MFaz\Cargos.xlsx</t>
  </si>
  <si>
    <t>D:\Backup 12-11-2019\Desktop - 12-11-19\PreVendas - Governo Diogo\MFaz\Planilha de Custos.xlsx</t>
  </si>
  <si>
    <t>Precificação com Adoção - Comercial.xlsb</t>
  </si>
  <si>
    <t>D:\Backup 12-11-2019\Desktop - 12-11-19\PreVendas - Governo Diogo\MFaz\Precificação com Adoção - Comercial.xlsb</t>
  </si>
  <si>
    <t>Precificação com Adoção - Soluções.xlsb</t>
  </si>
  <si>
    <t>D:\Backup 12-11-2019\Desktop - 12-11-19\PreVendas - Governo Diogo\MFaz\Precificação com Adoção - Soluções.xlsb</t>
  </si>
  <si>
    <t>C:\Users\suelenmm\OneDrive - Grupo Algar\Desktop - 12-11-19\PreVendas - Governo Diogo\MFaz\2017\EP\</t>
  </si>
  <si>
    <t>D:\Backup 12-11-2019\Desktop - 12-11-19\PreVendas - Governo Diogo\MFaz\2017\EP\Preço.xlsb</t>
  </si>
  <si>
    <t>C:\Users\suelenmm\OneDrive - Grupo Algar\Desktop - 12-11-19\PreVendas - Governo Diogo\MFaz\2017\EP\Preço.xlsb\</t>
  </si>
  <si>
    <t>Simulação.xlsb</t>
  </si>
  <si>
    <t>D:\Backup 12-11-2019\Desktop - 12-11-19\PreVendas - Governo Diogo\MFaz\2017\EP\Simulação.xlsb</t>
  </si>
  <si>
    <t>C:\Users\suelenmm\OneDrive - Grupo Algar\Desktop - 12-11-19\PreVendas - Governo Diogo\MFaz\2017\EP\Simulação.xlsb\</t>
  </si>
  <si>
    <t>C:\Users\suelenmm\OneDrive - Grupo Algar\Desktop - 12-11-19\PreVendas - Governo Diogo\MFaz\2018\Infra\</t>
  </si>
  <si>
    <t>MFaz - GIAT - 2018.xlsx</t>
  </si>
  <si>
    <t>D:\Backup 12-11-2019\Desktop - 12-11-19\PreVendas - Governo Diogo\MFaz\2018\Infra\MFaz - GIAT - 2018.xlsx</t>
  </si>
  <si>
    <t>D:\Backup 12-11-2019\Desktop - 12-11-19\PreVendas - Governo Diogo\MFaz\2018\Infra\Pricing.xlsx</t>
  </si>
  <si>
    <t>C:\Users\suelenmm\OneDrive - Grupo Algar\Desktop - 12-11-19\PreVendas - Governo Diogo\MinC\</t>
  </si>
  <si>
    <t>D:\Backup 12-11-2019\Desktop - 12-11-19\PreVendas - Governo Diogo\MinC\Preco.xlsb</t>
  </si>
  <si>
    <t>C:\Users\suelenmm\OneDrive - Grupo Algar\Desktop - 12-11-19\PreVendas - Governo Diogo\Ministerio da Defesa\</t>
  </si>
  <si>
    <t>ServiceDesk.xlsb</t>
  </si>
  <si>
    <t>D:\Backup 12-11-2019\Desktop - 12-11-19\PreVendas - Governo Diogo\Ministerio da Defesa\ServiceDesk.xlsb</t>
  </si>
  <si>
    <t>C:\Users\suelenmm\OneDrive - Grupo Algar\Desktop - 12-11-19\PreVendas - Governo Diogo\MJ\2019\</t>
  </si>
  <si>
    <t>7D1A1760</t>
  </si>
  <si>
    <t>D:\Backup 12-11-2019\Desktop - 12-11-19\PreVendas - Governo Diogo\MJ\2019\7D1A1760</t>
  </si>
  <si>
    <t>C:\Users\suelenmm\OneDrive - Grupo Algar\Desktop - 12-11-19\PreVendas - Governo Diogo\MMA\Antigo\</t>
  </si>
  <si>
    <t>Cargos e Salários MMA.xlsx</t>
  </si>
  <si>
    <t>D:\Backup 12-11-2019\Desktop - 12-11-19\PreVendas - Governo Diogo\MMA\Antigo\Cargos e Salários MMA.xlsx</t>
  </si>
  <si>
    <t>Dimensionamento e Monitoramento MMA.xlsx</t>
  </si>
  <si>
    <t>D:\Backup 12-11-2019\Desktop - 12-11-19\PreVendas - Governo Diogo\MMA\Antigo\Dimensionamento e Monitoramento MMA.xlsx</t>
  </si>
  <si>
    <t>Estratégia Pregão.xlsx</t>
  </si>
  <si>
    <t>D:\Backup 12-11-2019\Desktop - 12-11-19\PreVendas - Governo Diogo\MMA\Antigo\Estratégia Pregão.xlsx</t>
  </si>
  <si>
    <t>D:\Backup 12-11-2019\Desktop - 12-11-19\PreVendas - Governo Diogo\MMA\Antigo\Planilha de Custos - Algar Tecnologia - v2.xlsx</t>
  </si>
  <si>
    <t>C:\Users\suelenmm\OneDrive - Grupo Algar\Desktop - 12-11-19\PreVendas - Governo Diogo\MPMT\</t>
  </si>
  <si>
    <t>Lote1.xlsx</t>
  </si>
  <si>
    <t>D:\Backup 12-11-2019\Desktop - 12-11-19\PreVendas - Governo Diogo\MPMT\Lote1.xlsx</t>
  </si>
  <si>
    <t>Lote2.xlsx</t>
  </si>
  <si>
    <t>D:\Backup 12-11-2019\Desktop - 12-11-19\PreVendas - Governo Diogo\MPMT\Lote2.xlsx</t>
  </si>
  <si>
    <t>C:\Users\suelenmm\OneDrive - Grupo Algar\Desktop - 12-11-19\PreVendas - Governo Diogo\MPMT\ITSM\</t>
  </si>
  <si>
    <t>COTAÇÃO-DESKTOP-RUEL37L.xlsx</t>
  </si>
  <si>
    <t>D:\Backup 12-11-2019\Desktop - 12-11-19\PreVendas - Governo Diogo\MPMT\ITSM\COTAÇÃO-DESKTOP-RUEL37L.xlsx</t>
  </si>
  <si>
    <t>COTAÇÃO.xlsx</t>
  </si>
  <si>
    <t>D:\Backup 12-11-2019\Desktop - 12-11-19\PreVendas - Governo Diogo\MPMT\ITSM\COTAÇÃO.xlsx</t>
  </si>
  <si>
    <t>Pontos de Atencao EDER.xlsx</t>
  </si>
  <si>
    <t>D:\Backup 12-11-2019\Desktop - 12-11-19\PreVendas - Governo Diogo\MPMT\ITSM\Pontos de Atencao EDER.xlsx</t>
  </si>
  <si>
    <t>Questionamentos.xlsx</t>
  </si>
  <si>
    <t>D:\Backup 12-11-2019\Desktop - 12-11-19\PreVendas - Governo Diogo\MPMT\ITSM\Questionamentos.xlsx</t>
  </si>
  <si>
    <t>C:\Users\suelenmm\OneDrive - Grupo Algar\Desktop - 12-11-19\PreVendas - Governo Diogo\MPMT\ITSM\Precificação\</t>
  </si>
  <si>
    <t>Cenaryum Simiuleitor Licitassation MPMT.xlsx</t>
  </si>
  <si>
    <t>D:\Backup 12-11-2019\Desktop - 12-11-19\PreVendas - Governo Diogo\MPMT\ITSM\Precificação\Cenaryum Simiuleitor Licitassation MPMT.xlsx</t>
  </si>
  <si>
    <t>Simulação 2.xlsx</t>
  </si>
  <si>
    <t>D:\Backup 12-11-2019\Desktop - 12-11-19\PreVendas - Governo Diogo\MPMT\ITSM\Precificação\Simulação 2.xlsx</t>
  </si>
  <si>
    <t>C:\Users\suelenmm\OneDrive - Grupo Algar\Desktop - 12-11-19\PreVendas - Governo Diogo\MPMT\ITSM\Precificação\Banco de Horas\</t>
  </si>
  <si>
    <t>Valor Hora.xlsb</t>
  </si>
  <si>
    <t>D:\Backup 12-11-2019\Desktop - 12-11-19\PreVendas - Governo Diogo\MPMT\ITSM\Precificação\Banco de Horas\Valor Hora.xlsb</t>
  </si>
  <si>
    <t>C:\Users\suelenmm\OneDrive - Grupo Algar\Desktop - 12-11-19\PreVendas - Governo Diogo\MPMT\ITSM\Precificação\Banco de Horas\Valor Hora.xlsb\</t>
  </si>
  <si>
    <t>C:\Users\suelenmm\OneDrive - Grupo Algar\Desktop - 12-11-19\PreVendas - Governo Diogo\MPMT\ITSM\Precificação\FINAL\</t>
  </si>
  <si>
    <t>Consolidado Adiantado.xlsb</t>
  </si>
  <si>
    <t>D:\Backup 12-11-2019\Desktop - 12-11-19\PreVendas - Governo Diogo\MPMT\ITSM\Precificação\FINAL\Consolidado Adiantado.xlsb</t>
  </si>
  <si>
    <t>C:\Users\suelenmm\OneDrive - Grupo Algar\Desktop - 12-11-19\PreVendas - Governo Diogo\MPMT\ITSM\Precificação\FINAL\Consolidado Adiantado.xlsb\</t>
  </si>
  <si>
    <t>D:\Backup 12-11-2019\Desktop - 12-11-19\PreVendas - Governo Diogo\MPMT\ITSM\Precificação\FINAL\Consolidado.xlsb</t>
  </si>
  <si>
    <t>C:\Users\suelenmm\OneDrive - Grupo Algar\Desktop - 12-11-19\PreVendas - Governo Diogo\MPMT\ITSM\Precificação\FINAL\Consolidado.xlsb\</t>
  </si>
  <si>
    <t>FINAL.xlsx</t>
  </si>
  <si>
    <t>D:\Backup 12-11-2019\Desktop - 12-11-19\PreVendas - Governo Diogo\MPMT\ITSM\Precificação\FINAL\FINAL.xlsx</t>
  </si>
  <si>
    <t>Linha 1.xlsb</t>
  </si>
  <si>
    <t>D:\Backup 12-11-2019\Desktop - 12-11-19\PreVendas - Governo Diogo\MPMT\ITSM\Precificação\FINAL\Linha 1.xlsb</t>
  </si>
  <si>
    <t>C:\Users\suelenmm\OneDrive - Grupo Algar\Desktop - 12-11-19\PreVendas - Governo Diogo\MPMT\ITSM\Precificação\FINAL\Linha 1.xlsb\</t>
  </si>
  <si>
    <t>Linha 2.xlsb</t>
  </si>
  <si>
    <t>D:\Backup 12-11-2019\Desktop - 12-11-19\PreVendas - Governo Diogo\MPMT\ITSM\Precificação\FINAL\Linha 2.xlsb</t>
  </si>
  <si>
    <t>C:\Users\suelenmm\OneDrive - Grupo Algar\Desktop - 12-11-19\PreVendas - Governo Diogo\MPMT\ITSM\Precificação\FINAL\Linha 2.xlsb\</t>
  </si>
  <si>
    <t>Treinamento Avançado.xlsb</t>
  </si>
  <si>
    <t>D:\Backup 12-11-2019\Desktop - 12-11-19\PreVendas - Governo Diogo\MPMT\ITSM\Precificação\FINAL\Treinamento Avançado.xlsb</t>
  </si>
  <si>
    <t>C:\Users\suelenmm\OneDrive - Grupo Algar\Desktop - 12-11-19\PreVendas - Governo Diogo\MPMT\ITSM\Precificação\FINAL\Treinamento Avançado.xlsb\</t>
  </si>
  <si>
    <t>Treinamento Básico.xlsb</t>
  </si>
  <si>
    <t>D:\Backup 12-11-2019\Desktop - 12-11-19\PreVendas - Governo Diogo\MPMT\ITSM\Precificação\FINAL\Treinamento Básico.xlsb</t>
  </si>
  <si>
    <t>C:\Users\suelenmm\OneDrive - Grupo Algar\Desktop - 12-11-19\PreVendas - Governo Diogo\MPMT\ITSM\Precificação\FINAL\Treinamento Básico.xlsb\</t>
  </si>
  <si>
    <t>Treinamento Oficial.xlsb</t>
  </si>
  <si>
    <t>D:\Backup 12-11-2019\Desktop - 12-11-19\PreVendas - Governo Diogo\MPMT\ITSM\Precificação\FINAL\Treinamento Oficial.xlsb</t>
  </si>
  <si>
    <t>C:\Users\suelenmm\OneDrive - Grupo Algar\Desktop - 12-11-19\PreVendas - Governo Diogo\MPMT\ITSM\Precificação\FINAL\Treinamento Oficial.xlsb\</t>
  </si>
  <si>
    <t>D:\Backup 12-11-2019\Desktop - 12-11-19\PreVendas - Governo Diogo\MPMT\ITSM\Precificação\FINAL\Valor Hora.xlsb</t>
  </si>
  <si>
    <t>C:\Users\suelenmm\OneDrive - Grupo Algar\Desktop - 12-11-19\PreVendas - Governo Diogo\MPMT\ITSM\Precificação\FINAL\Valor Hora.xlsb\</t>
  </si>
  <si>
    <t>C:\Users\suelenmm\OneDrive - Grupo Algar\Desktop - 12-11-19\PreVendas - Governo Diogo\MPMT\ITSM\Precificação\Licenciamento + Setup\Cenário 1\</t>
  </si>
  <si>
    <t>D:\Backup 12-11-2019\Desktop - 12-11-19\PreVendas - Governo Diogo\MPMT\ITSM\Precificação\Licenciamento + Setup\Cenário 1\Linha 1.xlsb</t>
  </si>
  <si>
    <t>C:\Users\suelenmm\OneDrive - Grupo Algar\Desktop - 12-11-19\PreVendas - Governo Diogo\MPMT\ITSM\Precificação\Licenciamento + Setup\Cenário 1\Linha 1.xlsb\</t>
  </si>
  <si>
    <t>D:\Backup 12-11-2019\Desktop - 12-11-19\PreVendas - Governo Diogo\MPMT\ITSM\Precificação\Licenciamento + Setup\Cenário 1\Linha 2.xlsb</t>
  </si>
  <si>
    <t>C:\Users\suelenmm\OneDrive - Grupo Algar\Desktop - 12-11-19\PreVendas - Governo Diogo\MPMT\ITSM\Precificação\Licenciamento + Setup\Cenário 1\Linha 2.xlsb\</t>
  </si>
  <si>
    <t>C:\Users\suelenmm\OneDrive - Grupo Algar\Desktop - 12-11-19\PreVendas - Governo Diogo\MPMT\ITSM\Precificação\Licenciamento + Setup\Cenário 2\</t>
  </si>
  <si>
    <t>D:\Backup 12-11-2019\Desktop - 12-11-19\PreVendas - Governo Diogo\MPMT\ITSM\Precificação\Licenciamento + Setup\Cenário 2\Linha 1.xlsb</t>
  </si>
  <si>
    <t>C:\Users\suelenmm\OneDrive - Grupo Algar\Desktop - 12-11-19\PreVendas - Governo Diogo\MPMT\ITSM\Precificação\Licenciamento + Setup\Cenário 2\Linha 1.xlsb\</t>
  </si>
  <si>
    <t>D:\Backup 12-11-2019\Desktop - 12-11-19\PreVendas - Governo Diogo\MPMT\ITSM\Precificação\Licenciamento + Setup\Cenário 2\Linha 2.xlsb</t>
  </si>
  <si>
    <t>C:\Users\suelenmm\OneDrive - Grupo Algar\Desktop - 12-11-19\PreVendas - Governo Diogo\MPMT\ITSM\Precificação\Licenciamento + Setup\Cenário 2\Linha 2.xlsb\</t>
  </si>
  <si>
    <t>C:\Users\suelenmm\OneDrive - Grupo Algar\Desktop - 12-11-19\PreVendas - Governo Diogo\MPMT\ITSM\Precificação\Licenciamento + Setup\Cenário 3\</t>
  </si>
  <si>
    <t>D:\Backup 12-11-2019\Desktop - 12-11-19\PreVendas - Governo Diogo\MPMT\ITSM\Precificação\Licenciamento + Setup\Cenário 3\Linha 1.xlsb</t>
  </si>
  <si>
    <t>C:\Users\suelenmm\OneDrive - Grupo Algar\Desktop - 12-11-19\PreVendas - Governo Diogo\MPMT\ITSM\Precificação\Licenciamento + Setup\Cenário 3\Linha 1.xlsb\</t>
  </si>
  <si>
    <t>D:\Backup 12-11-2019\Desktop - 12-11-19\PreVendas - Governo Diogo\MPMT\ITSM\Precificação\Licenciamento + Setup\Cenário 3\Linha 2.xlsb</t>
  </si>
  <si>
    <t>C:\Users\suelenmm\OneDrive - Grupo Algar\Desktop - 12-11-19\PreVendas - Governo Diogo\MPMT\ITSM\Precificação\Licenciamento + Setup\Cenário 3\Linha 2.xlsb\</t>
  </si>
  <si>
    <t>C:\Users\suelenmm\OneDrive - Grupo Algar\Desktop - 12-11-19\PreVendas - Governo Diogo\MPMT\ITSM\Precificação\Treinamentos\</t>
  </si>
  <si>
    <t>D:\Backup 12-11-2019\Desktop - 12-11-19\PreVendas - Governo Diogo\MPMT\ITSM\Precificação\Treinamentos\Treinamento Avançado.xlsb</t>
  </si>
  <si>
    <t>C:\Users\suelenmm\OneDrive - Grupo Algar\Desktop - 12-11-19\PreVendas - Governo Diogo\MPMT\ITSM\Precificação\Treinamentos\Treinamento Avançado.xlsb\</t>
  </si>
  <si>
    <t>D:\Backup 12-11-2019\Desktop - 12-11-19\PreVendas - Governo Diogo\MPMT\ITSM\Precificação\Treinamentos\Treinamento Básico.xlsb</t>
  </si>
  <si>
    <t>C:\Users\suelenmm\OneDrive - Grupo Algar\Desktop - 12-11-19\PreVendas - Governo Diogo\MPMT\ITSM\Precificação\Treinamentos\Treinamento Básico.xlsb\</t>
  </si>
  <si>
    <t>D:\Backup 12-11-2019\Desktop - 12-11-19\PreVendas - Governo Diogo\MPMT\ITSM\Precificação\Treinamentos\Treinamento Oficial.xlsb</t>
  </si>
  <si>
    <t>C:\Users\suelenmm\OneDrive - Grupo Algar\Desktop - 12-11-19\PreVendas - Governo Diogo\MPMT\ITSM\Precificação\Treinamentos\Treinamento Oficial.xlsb\</t>
  </si>
  <si>
    <t>C:\Users\suelenmm\OneDrive - Grupo Algar\Desktop - 12-11-19\PreVendas - Governo Diogo\MPMT\SD2017\Cotação\</t>
  </si>
  <si>
    <t>D:\Backup 12-11-2019\Desktop - 12-11-19\PreVendas - Governo Diogo\MPMT\SD2017\Cotação\Cotação.xlsb</t>
  </si>
  <si>
    <t>C:\Users\suelenmm\OneDrive - Grupo Algar\Desktop - 12-11-19\PreVendas - Governo Diogo\MPMT\SD2017\Cotação\Cotação.xlsb\</t>
  </si>
  <si>
    <t>D:\Backup 12-11-2019\Desktop - 12-11-19\PreVendas - Governo Diogo\MPMT\SD2017\Cotação\Resumo.xlsx</t>
  </si>
  <si>
    <t>C:\Users\suelenmm\OneDrive - Grupo Algar\Desktop - 12-11-19\PreVendas - Governo Diogo\MPS\</t>
  </si>
  <si>
    <t>D:\Backup 12-11-2019\Desktop - 12-11-19\PreVendas - Governo Diogo\MPS\Precificação com Adoção.xlsb</t>
  </si>
  <si>
    <t>C:\Users\suelenmm\OneDrive - Grupo Algar\Desktop - 12-11-19\PreVendas - Governo Diogo\MPS\11-07-2013\</t>
  </si>
  <si>
    <t>D:\Backup 12-11-2019\Desktop - 12-11-19\PreVendas - Governo Diogo\MPS\11-07-2013\Cópia de Planilha de Preço - Serviços Gerenciados.xlsb</t>
  </si>
  <si>
    <t>C:\Users\suelenmm\OneDrive - Grupo Algar\Desktop - 12-11-19\PreVendas - Governo Diogo\MPS\publicado\</t>
  </si>
  <si>
    <t>D:\Backup 12-11-2019\Desktop - 12-11-19\PreVendas - Governo Diogo\MPS\publicado\Dados.xlsx</t>
  </si>
  <si>
    <t>C:\Users\suelenmm\OneDrive - Grupo Algar\Desktop - 12-11-19\PreVendas - Governo Diogo\MRE\</t>
  </si>
  <si>
    <t>Análise Ferramenta.xlsx</t>
  </si>
  <si>
    <t>D:\Backup 12-11-2019\Desktop - 12-11-19\PreVendas - Governo Diogo\MRE\Análise Ferramenta.xlsx</t>
  </si>
  <si>
    <t>D:\Backup 12-11-2019\Desktop - 12-11-19\PreVendas - Governo Diogo\MRE\Dimensionamento.xlsx</t>
  </si>
  <si>
    <t>D:\Backup 12-11-2019\Desktop - 12-11-19\PreVendas - Governo Diogo\MRE\IN-02.xls</t>
  </si>
  <si>
    <t>D:\Backup 12-11-2019\Desktop - 12-11-19\PreVendas - Governo Diogo\MRE\Preco.xlsb</t>
  </si>
  <si>
    <t>C:\Users\suelenmm\OneDrive - Grupo Algar\Desktop - 12-11-19\PreVendas - Governo Diogo\MRE\2018\SD\Cotação\</t>
  </si>
  <si>
    <t>D:\Backup 12-11-2019\Desktop - 12-11-19\PreVendas - Governo Diogo\MRE\2018\SD\Cotação\Cotação.xlsx</t>
  </si>
  <si>
    <t>C:\Users\suelenmm\OneDrive - Grupo Algar\Desktop - 12-11-19\PreVendas - Governo Diogo\MRE\2019\SOC\</t>
  </si>
  <si>
    <t>D:\Backup 12-11-2019\Desktop - 12-11-19\PreVendas - Governo Diogo\MRE\2019\SOC\BP SOC MRE 12 Profissionais.xlsb</t>
  </si>
  <si>
    <t>C:\Users\suelenmm\OneDrive - Grupo Algar\Desktop - 12-11-19\PreVendas - Governo Diogo\MRE\2019\SOC\BP SOC MRE 12 Profissionais.xlsb\</t>
  </si>
  <si>
    <t>BP SOC MRE 8 Profissionais.xlsb</t>
  </si>
  <si>
    <t>D:\Backup 12-11-2019\Desktop - 12-11-19\PreVendas - Governo Diogo\MRE\2019\SOC\BP SOC MRE 8 Profissionais.xlsb</t>
  </si>
  <si>
    <t>C:\Users\suelenmm\OneDrive - Grupo Algar\Desktop - 12-11-19\PreVendas - Governo Diogo\MRE\2019\SOC\BP SOC MRE 8 Profissionais.xlsb\</t>
  </si>
  <si>
    <t>Ficha da Oportunidade MRE.xlsx</t>
  </si>
  <si>
    <t>D:\Backup 12-11-2019\Desktop - 12-11-19\PreVendas - Governo Diogo\MRE\2019\SOC\Ficha da Oportunidade MRE.xlsx</t>
  </si>
  <si>
    <t>D:\Backup 12-11-2019\Desktop - 12-11-19\PreVendas - Governo Diogo\MRE\2019\SOC\Plan Precificacao C017 B017.xlsb</t>
  </si>
  <si>
    <t>C:\Users\suelenmm\OneDrive - Grupo Algar\Desktop - 12-11-19\PreVendas - Governo Diogo\MRE\2019\SOC\Plan Precificacao C017 B017.xlsb\</t>
  </si>
  <si>
    <t>Proposta de Preço.xlsx</t>
  </si>
  <si>
    <t>D:\Backup 12-11-2019\Desktop - 12-11-19\PreVendas - Governo Diogo\MRE\2019\SOC\Proposta de Preço.xlsx</t>
  </si>
  <si>
    <t>C:\Users\suelenmm\OneDrive - Grupo Algar\Desktop - 12-11-19\PreVendas - Governo Diogo\MRE\Aluisio\</t>
  </si>
  <si>
    <t>CAPEX-MRE (1).xlsx</t>
  </si>
  <si>
    <t>D:\Backup 12-11-2019\Desktop - 12-11-19\PreVendas - Governo Diogo\MRE\Aluisio\CAPEX-MRE (1).xlsx</t>
  </si>
  <si>
    <t>D:\Backup 12-11-2019\Desktop - 12-11-19\PreVendas - Governo Diogo\MRE\Aluisio\Dimensionamento.xlsx</t>
  </si>
  <si>
    <t>D:\Backup 12-11-2019\Desktop - 12-11-19\PreVendas - Governo Diogo\MRE\Aluisio\IN-02.xls</t>
  </si>
  <si>
    <t>Perfis Edital MRE.xlsx</t>
  </si>
  <si>
    <t>D:\Backup 12-11-2019\Desktop - 12-11-19\PreVendas - Governo Diogo\MRE\Aluisio\Perfis Edital MRE.xlsx</t>
  </si>
  <si>
    <t>D:\Backup 12-11-2019\Desktop - 12-11-19\PreVendas - Governo Diogo\MRE\Aluisio\Preco.xlsb</t>
  </si>
  <si>
    <t>C:\Users\suelenmm\OneDrive - Grupo Algar\Desktop - 12-11-19\PreVendas - Governo Diogo\MRE\Aluisio\Change Agosto 14\</t>
  </si>
  <si>
    <t>D:\Backup 12-11-2019\Desktop - 12-11-19\PreVendas - Governo Diogo\MRE\Aluisio\Change Agosto 14\DRE.xlsx</t>
  </si>
  <si>
    <t>Preço - Change Agosto 2014.xlsb</t>
  </si>
  <si>
    <t>D:\Backup 12-11-2019\Desktop - 12-11-19\PreVendas - Governo Diogo\MRE\Aluisio\Change Agosto 14\Preço - Change Agosto 2014.xlsb</t>
  </si>
  <si>
    <t>C:\Users\suelenmm\OneDrive - Grupo Algar\Desktop - 12-11-19\PreVendas - Governo Diogo\MRE\Aluisio\Comite de Negócios\</t>
  </si>
  <si>
    <t>Precificação Adoção MRE v2.xlsx</t>
  </si>
  <si>
    <t>D:\Backup 12-11-2019\Desktop - 12-11-19\PreVendas - Governo Diogo\MRE\Aluisio\Comite de Negócios\Precificação Adoção MRE v2.xlsx</t>
  </si>
  <si>
    <t>C:\Users\suelenmm\OneDrive - Grupo Algar\Desktop - 12-11-19\PreVendas - Governo Diogo\MRE\Aluisio\Edital\EDITAL &amp; ANEXOS.zip\EDITAL &amp; ANEXOS\</t>
  </si>
  <si>
    <t>Anexo III - Planilha de FormaaÌâˆ†o de PreaÌo @.xls</t>
  </si>
  <si>
    <t>D:\Backup 12-11-2019\Desktop - 12-11-19\PreVendas - Governo Diogo\MRE\Aluisio\Edital\EDITAL &amp; ANEXOS.zip</t>
  </si>
  <si>
    <t>Anexo VII - Catalogo de ServiaÌos - 1ÃŸ NÂ°vel.xlsx</t>
  </si>
  <si>
    <t>Anexo VIII - Catalogo de ServiaÌos - 2ÃŸ NÂ°vel.xlsx</t>
  </si>
  <si>
    <t>C:\Users\suelenmm\OneDrive - Grupo Algar\Desktop - 12-11-19\PreVendas - Governo Diogo\MRE\Aluisio\Edital\EDITAL &amp; ANEXOS\</t>
  </si>
  <si>
    <t>Anexo III - Planilha de Formaá∆o de Preáo @.xls</t>
  </si>
  <si>
    <t>D:\Backup 12-11-2019\Desktop - 12-11-19\PreVendas - Governo Diogo\MRE\Aluisio\Edital\EDITAL &amp; ANEXOS\Anexo III - Planilha de Formaá∆o de Preáo @.xls</t>
  </si>
  <si>
    <t>Anexo VII - Catalogo de Serviáos - 1ß N°vel.xlsx</t>
  </si>
  <si>
    <t>D:\Backup 12-11-2019\Desktop - 12-11-19\PreVendas - Governo Diogo\MRE\Aluisio\Edital\EDITAL &amp; ANEXOS\Anexo VII - Catalogo de Serviáos - 1ß N°vel.xlsx</t>
  </si>
  <si>
    <t>Anexo VIII - Catalogo de Serviáos - 2ß N°vel.xlsx</t>
  </si>
  <si>
    <t>D:\Backup 12-11-2019\Desktop - 12-11-19\PreVendas - Governo Diogo\MRE\Aluisio\Edital\EDITAL &amp; ANEXOS\Anexo VIII - Catalogo de Serviáos - 2ß N°vel.xlsx</t>
  </si>
  <si>
    <t>11/13/2019 08:42:30</t>
  </si>
  <si>
    <t>C:\Users\suelenmm\OneDrive - Grupo Algar\Desktop - 12-11-19\PreVendas - Governo Diogo\MRE\Aluisio\Precificação\</t>
  </si>
  <si>
    <t>D:\Backup 12-11-2019\Desktop - 12-11-19\PreVendas - Governo Diogo\MRE\Aluisio\Precificação\Preço - Change Agosto 2014.xlsb</t>
  </si>
  <si>
    <t>Preço - MRE Final - SEM CUSTO DE PA - SALARIO REAJUSTADO.xlsb</t>
  </si>
  <si>
    <t>D:\Backup 12-11-2019\Desktop - 12-11-19\PreVendas - Governo Diogo\MRE\Aluisio\Precificação\Preço - MRE Final - SEM CUSTO DE PA - SALARIO REAJUSTADO.xlsb</t>
  </si>
  <si>
    <t>Preço - MRE Final - SEM CUSTO DE PA.xlsb</t>
  </si>
  <si>
    <t>D:\Backup 12-11-2019\Desktop - 12-11-19\PreVendas - Governo Diogo\MRE\Aluisio\Precificação\Preço - MRE Final - SEM CUSTO DE PA.xlsb</t>
  </si>
  <si>
    <t>C:\Users\suelenmm\OneDrive - Grupo Algar\Desktop - 12-11-19\PreVendas - Governo Diogo\MRE\Banco de Dados\</t>
  </si>
  <si>
    <t>D:\Backup 12-11-2019\Desktop - 12-11-19\PreVendas - Governo Diogo\MRE\Banco de Dados\Cotacao.xlsb</t>
  </si>
  <si>
    <t>Resumo Cotação.xlsx</t>
  </si>
  <si>
    <t>D:\Backup 12-11-2019\Desktop - 12-11-19\PreVendas - Governo Diogo\MRE\Banco de Dados\Resumo Cotação.xlsx</t>
  </si>
  <si>
    <t>C:\Users\suelenmm\OneDrive - Grupo Algar\Desktop - 12-11-19\PreVendas - Governo Diogo\MRE\Banco de Dados\2016\</t>
  </si>
  <si>
    <t>D:\Backup 12-11-2019\Desktop - 12-11-19\PreVendas - Governo Diogo\MRE\Banco de Dados\2016\Cotação.xlsx</t>
  </si>
  <si>
    <t>C:\Users\suelenmm\OneDrive - Grupo Algar\Desktop - 12-11-19\PreVendas - Governo Diogo\MRE\Edital\EDITAL &amp; ANEXOS.zip\EDITAL &amp; ANEXOS\</t>
  </si>
  <si>
    <t>D:\Backup 12-11-2019\Desktop - 12-11-19\PreVendas - Governo Diogo\MRE\Edital\EDITAL &amp; ANEXOS.zip</t>
  </si>
  <si>
    <t>C:\Users\suelenmm\OneDrive - Grupo Algar\Desktop - 12-11-19\PreVendas - Governo Diogo\MRE\Edital\EDITAL &amp; ANEXOS\</t>
  </si>
  <si>
    <t>D:\Backup 12-11-2019\Desktop - 12-11-19\PreVendas - Governo Diogo\MRE\Edital\EDITAL &amp; ANEXOS\Anexo III - Planilha de Formaá∆o de Preáo @.xls</t>
  </si>
  <si>
    <t>D:\Backup 12-11-2019\Desktop - 12-11-19\PreVendas - Governo Diogo\MRE\Edital\EDITAL &amp; ANEXOS\Anexo VII - Catalogo de Serviáos - 1ß N°vel.xlsx</t>
  </si>
  <si>
    <t>D:\Backup 12-11-2019\Desktop - 12-11-19\PreVendas - Governo Diogo\MRE\Edital\EDITAL &amp; ANEXOS\Anexo VIII - Catalogo de Serviáos - 2ß N°vel.xlsx</t>
  </si>
  <si>
    <t>C:\Users\suelenmm\OneDrive - Grupo Algar\Desktop - 12-11-19\PreVendas - Governo Diogo\MRE\Sustentação de Infra\</t>
  </si>
  <si>
    <t>C&amp;R Final.xlsx</t>
  </si>
  <si>
    <t>D:\Backup 12-11-2019\Desktop - 12-11-19\PreVendas - Governo Diogo\MRE\Sustentação de Infra\C&amp;R Final.xlsx</t>
  </si>
  <si>
    <t>C&amp;R Preliminar.xlsx</t>
  </si>
  <si>
    <t>D:\Backup 12-11-2019\Desktop - 12-11-19\PreVendas - Governo Diogo\MRE\Sustentação de Infra\C&amp;R Preliminar.xlsx</t>
  </si>
  <si>
    <t>Cenários - MRE.xlsx</t>
  </si>
  <si>
    <t>D:\Backup 12-11-2019\Desktop - 12-11-19\PreVendas - Governo Diogo\MRE\Sustentação de Infra\Cenários - MRE.xlsx</t>
  </si>
  <si>
    <t>D:\Backup 12-11-2019\Desktop - 12-11-19\PreVendas - Governo Diogo\MRE\Sustentação de Infra\Cotação.xlsb</t>
  </si>
  <si>
    <t>FERRAMENTA.xlsx</t>
  </si>
  <si>
    <t>D:\Backup 12-11-2019\Desktop - 12-11-19\PreVendas - Governo Diogo\MRE\Sustentação de Infra\FERRAMENTA.xlsx</t>
  </si>
  <si>
    <t>MRE - Infra - Change CA.xlsb</t>
  </si>
  <si>
    <t>D:\Backup 12-11-2019\Desktop - 12-11-19\PreVendas - Governo Diogo\MRE\Sustentação de Infra\MRE - Infra - Change CA.xlsb</t>
  </si>
  <si>
    <t>D:\Backup 12-11-2019\Desktop - 12-11-19\PreVendas - Governo Diogo\MRE\Sustentação de Infra\Preço.xlsb</t>
  </si>
  <si>
    <t>C:\Users\suelenmm\OneDrive - Grupo Algar\Desktop - 12-11-19\PreVendas - Governo Diogo\MRE\Sustentação de Infra\Ministerio Relacoes Exteriores_D F_PGE_01_2015_Suporte Tecnico\Edital DCD 1_2015.zip\Para publica‡Æo\</t>
  </si>
  <si>
    <t>Anexo 13 - Planilha de forma‡Æo de pre‡o (vazia).xlsx</t>
  </si>
  <si>
    <t>D:\Backup 12-11-2019\Desktop - 12-11-19\PreVendas - Governo Diogo\MRE\Sustentação de Infra\Ministerio Relacoes Exteriores_D F_PGE_01_2015_Suporte Tecnico\Edital DCD 1_2015.zip</t>
  </si>
  <si>
    <t>C:\Users\suelenmm\OneDrive - Grupo Algar\Desktop - 12-11-19\PreVendas - Governo Diogo\MRE\Sustentação de Infra\Ministerio Relacoes Exteriores_D F_PGE_01_2015_Suporte Tecnico\Para publicaá∆o\</t>
  </si>
  <si>
    <t>Anexo 13 - Planilha de formaá∆o de preáo (vazia).xlsx</t>
  </si>
  <si>
    <t>D:\Backup 12-11-2019\Desktop - 12-11-19\PreVendas - Governo Diogo\MRE\Sustentação de Infra\Ministerio Relacoes Exteriores_D F_PGE_01_2015_Suporte Tecnico\Para publicaá∆o\Anexo 13 - Planilha de formaá∆o de preáo (vazia).xlsx</t>
  </si>
  <si>
    <t>C:\Users\suelenmm\OneDrive - Grupo Algar\Desktop - 12-11-19\PreVendas - Governo Diogo\MRV\</t>
  </si>
  <si>
    <t>Benefícios.xlsx</t>
  </si>
  <si>
    <t>D:\Backup 12-11-2019\Desktop - 12-11-19\PreVendas - Governo Diogo\MRV\Benefícios.xlsx</t>
  </si>
  <si>
    <t>BP Aluguel Veículo.xlsb</t>
  </si>
  <si>
    <t>D:\Backup 12-11-2019\Desktop - 12-11-19\PreVendas - Governo Diogo\MRV\BP Aluguel Veículo.xlsb</t>
  </si>
  <si>
    <t>C:\Users\suelenmm\OneDrive - Grupo Algar\Desktop - 12-11-19\PreVendas - Governo Diogo\MRV\BP Aluguel Veículo.xlsb\</t>
  </si>
  <si>
    <t>BP Fixo Mensal V4.xlsb</t>
  </si>
  <si>
    <t>D:\Backup 12-11-2019\Desktop - 12-11-19\PreVendas - Governo Diogo\MRV\BP Fixo Mensal V4.xlsb</t>
  </si>
  <si>
    <t>C:\Users\suelenmm\OneDrive - Grupo Algar\Desktop - 12-11-19\PreVendas - Governo Diogo\MRV\BP Fixo Mensal V4.xlsb\</t>
  </si>
  <si>
    <t>BP Fixo Mensal.xlsb</t>
  </si>
  <si>
    <t>D:\Backup 12-11-2019\Desktop - 12-11-19\PreVendas - Governo Diogo\MRV\BP Fixo Mensal.xlsb</t>
  </si>
  <si>
    <t>C:\Users\suelenmm\OneDrive - Grupo Algar\Desktop - 12-11-19\PreVendas - Governo Diogo\MRV\BP Fixo Mensal.xlsb\</t>
  </si>
  <si>
    <t>BP RollOut.xlsb</t>
  </si>
  <si>
    <t>D:\Backup 12-11-2019\Desktop - 12-11-19\PreVendas - Governo Diogo\MRV\BP RollOut.xlsb</t>
  </si>
  <si>
    <t>C:\Users\suelenmm\OneDrive - Grupo Algar\Desktop - 12-11-19\PreVendas - Governo Diogo\MRV\BP RollOut.xlsb\</t>
  </si>
  <si>
    <t>CHamado Per Call.xlsb</t>
  </si>
  <si>
    <t>D:\Backup 12-11-2019\Desktop - 12-11-19\PreVendas - Governo Diogo\MRV\CHamado Per Call.xlsb</t>
  </si>
  <si>
    <t>C:\Users\suelenmm\OneDrive - Grupo Algar\Desktop - 12-11-19\PreVendas - Governo Diogo\MRV\CHamado Per Call.xlsb\</t>
  </si>
  <si>
    <t>D:\Backup 12-11-2019\Desktop - 12-11-19\PreVendas - Governo Diogo\MRV\Dimensionamento.xlsx</t>
  </si>
  <si>
    <t>KM Rodado.xlsb</t>
  </si>
  <si>
    <t>D:\Backup 12-11-2019\Desktop - 12-11-19\PreVendas - Governo Diogo\MRV\KM Rodado.xlsb</t>
  </si>
  <si>
    <t>C:\Users\suelenmm\OneDrive - Grupo Algar\Desktop - 12-11-19\PreVendas - Governo Diogo\MRV\KM Rodado.xlsb\</t>
  </si>
  <si>
    <t>C:\Users\suelenmm\OneDrive - Grupo Algar\Desktop - 12-11-19\PreVendas - Governo Diogo\MTE\</t>
  </si>
  <si>
    <t>Cenarios MTE.xlsx</t>
  </si>
  <si>
    <t>D:\Backup 12-11-2019\Desktop - 12-11-19\PreVendas - Governo Diogo\MTE\Cenarios MTE.xlsx</t>
  </si>
  <si>
    <t>MTE Final MC-22%.xlsm</t>
  </si>
  <si>
    <t>D:\Backup 12-11-2019\Desktop - 12-11-19\PreVendas - Governo Diogo\MTE\MTE Final MC-22%.xlsm</t>
  </si>
  <si>
    <t>MTE_Final.xlsm</t>
  </si>
  <si>
    <t>D:\Backup 12-11-2019\Desktop - 12-11-19\PreVendas - Governo Diogo\MTE\MTE_Final.xlsm</t>
  </si>
  <si>
    <t>MTE_Glosado.xlsm</t>
  </si>
  <si>
    <t>D:\Backup 12-11-2019\Desktop - 12-11-19\PreVendas - Governo Diogo\MTE\MTE_Glosado.xlsm</t>
  </si>
  <si>
    <t>MTE_Inicial.xlsm</t>
  </si>
  <si>
    <t>D:\Backup 12-11-2019\Desktop - 12-11-19\PreVendas - Governo Diogo\MTE\MTE_Inicial.xlsm</t>
  </si>
  <si>
    <t>D:\Backup 12-11-2019\Desktop - 12-11-19\PreVendas - Governo Diogo\MTE\Planilha de Custos - Resumo e IN-02.xlsx</t>
  </si>
  <si>
    <t>Planilha MTE.xlsx</t>
  </si>
  <si>
    <t>D:\Backup 12-11-2019\Desktop - 12-11-19\PreVendas - Governo Diogo\MTE\Planilha MTE.xlsx</t>
  </si>
  <si>
    <t>C:\Users\suelenmm\OneDrive - Grupo Algar\Desktop - 12-11-19\PreVendas - Governo Diogo\MTE\2017\SD Nacional\</t>
  </si>
  <si>
    <t>D:\Backup 12-11-2019\Desktop - 12-11-19\PreVendas - Governo Diogo\MTE\2017\SD Nacional\Cotação.xlsx</t>
  </si>
  <si>
    <t>C:\Users\suelenmm\OneDrive - Grupo Algar\Desktop - 12-11-19\PreVendas - Governo Diogo\MTE\2017\SD Nacional\Publicado\</t>
  </si>
  <si>
    <t>BP Diogo.xlsb</t>
  </si>
  <si>
    <t>D:\Backup 12-11-2019\Desktop - 12-11-19\PreVendas - Governo Diogo\MTE\2017\SD Nacional\Publicado\BP Diogo.xlsb</t>
  </si>
  <si>
    <t>C:\Users\suelenmm\OneDrive - Grupo Algar\Desktop - 12-11-19\PreVendas - Governo Diogo\MTE\2017\SD Nacional\Publicado\BP Diogo.xlsb\</t>
  </si>
  <si>
    <t>BP MTE V1.xlsb</t>
  </si>
  <si>
    <t>D:\Backup 12-11-2019\Desktop - 12-11-19\PreVendas - Governo Diogo\MTE\2017\SD Nacional\Publicado\BP MTE V1.xlsb</t>
  </si>
  <si>
    <t>C:\Users\suelenmm\OneDrive - Grupo Algar\Desktop - 12-11-19\PreVendas - Governo Diogo\MTE\2017\SD Nacional\Publicado\BP MTE V1.xlsb\</t>
  </si>
  <si>
    <t>BP MTE V2.xlsb</t>
  </si>
  <si>
    <t>D:\Backup 12-11-2019\Desktop - 12-11-19\PreVendas - Governo Diogo\MTE\2017\SD Nacional\Publicado\BP MTE V2.xlsb</t>
  </si>
  <si>
    <t>C:\Users\suelenmm\OneDrive - Grupo Algar\Desktop - 12-11-19\PreVendas - Governo Diogo\MTE\2017\SD Nacional\Publicado\BP MTE V2.xlsb\</t>
  </si>
  <si>
    <t>BP MTE V3.xlsb</t>
  </si>
  <si>
    <t>D:\Backup 12-11-2019\Desktop - 12-11-19\PreVendas - Governo Diogo\MTE\2017\SD Nacional\Publicado\BP MTE V3.xlsb</t>
  </si>
  <si>
    <t>C:\Users\suelenmm\OneDrive - Grupo Algar\Desktop - 12-11-19\PreVendas - Governo Diogo\MTE\2017\SD Nacional\Publicado\BP MTE V3.xlsb\</t>
  </si>
  <si>
    <t>Distribuição Completa.xlsx</t>
  </si>
  <si>
    <t>D:\Backup 12-11-2019\Desktop - 12-11-19\PreVendas - Governo Diogo\MTE\2017\SD Nacional\Publicado\Distribuição Completa.xlsx</t>
  </si>
  <si>
    <t>Distribuição.csv</t>
  </si>
  <si>
    <t>D:\Backup 12-11-2019\Desktop - 12-11-19\PreVendas - Governo Diogo\MTE\2017\SD Nacional\Publicado\Distribuição.csv</t>
  </si>
  <si>
    <t>Distribuição.xlsx</t>
  </si>
  <si>
    <t>D:\Backup 12-11-2019\Desktop - 12-11-19\PreVendas - Governo Diogo\MTE\2017\SD Nacional\Publicado\Distribuição.xlsx</t>
  </si>
  <si>
    <t>C:\Users\suelenmm\OneDrive - Grupo Algar\Desktop - 12-11-19\PreVendas - Governo Diogo\MTE\2018\Assessoria\</t>
  </si>
  <si>
    <t>Pricing1.xlsx</t>
  </si>
  <si>
    <t>D:\Backup 12-11-2019\Desktop - 12-11-19\PreVendas - Governo Diogo\MTE\2018\Assessoria\Pricing1.xlsx</t>
  </si>
  <si>
    <t>C:\Users\suelenmm\OneDrive - Grupo Algar\Desktop - 12-11-19\PreVendas - Governo Diogo\MTE\2018\INFRA\Publicado\</t>
  </si>
  <si>
    <t>GIAT+NOC - MTE - 2018.xlsb</t>
  </si>
  <si>
    <t>D:\Backup 12-11-2019\Desktop - 12-11-19\PreVendas - Governo Diogo\MTE\2018\INFRA\Publicado\GIAT+NOC - MTE - 2018.xlsb</t>
  </si>
  <si>
    <t>C:\Users\suelenmm\OneDrive - Grupo Algar\Desktop - 12-11-19\PreVendas - Governo Diogo\MTE\2018\INFRA\Publicado\GIAT+NOC - MTE - 2018.xlsb\</t>
  </si>
  <si>
    <t>GIAT^MNOC - MTE - 2018.xlsb</t>
  </si>
  <si>
    <t>D:\Backup 12-11-2019\Desktop - 12-11-19\PreVendas - Governo Diogo\MTE\2018\INFRA\Publicado\GIAT^MNOC - MTE - 2018.xlsb</t>
  </si>
  <si>
    <t>C:\Users\suelenmm\OneDrive - Grupo Algar\Desktop - 12-11-19\PreVendas - Governo Diogo\MTE\2018\INFRA\Publicado\GIAT^MNOC - MTE - 2018.xlsb\</t>
  </si>
  <si>
    <t>Pricing Final MTE.xlsx</t>
  </si>
  <si>
    <t>D:\Backup 12-11-2019\Desktop - 12-11-19\PreVendas - Governo Diogo\MTE\2018\INFRA\Publicado\Pricing Final MTE.xlsx</t>
  </si>
  <si>
    <t>D:\Backup 12-11-2019\Desktop - 12-11-19\PreVendas - Governo Diogo\MTE\2018\INFRA\Publicado\Pricing.xlsx</t>
  </si>
  <si>
    <t>C:\Users\suelenmm\OneDrive - Grupo Algar\Desktop - 12-11-19\PreVendas - Governo Diogo\MTE\Assessoria\</t>
  </si>
  <si>
    <t>Assessoria Cheio.xlsm</t>
  </si>
  <si>
    <t>D:\Backup 12-11-2019\Desktop - 12-11-19\PreVendas - Governo Diogo\MTE\Assessoria\Assessoria Cheio.xlsm</t>
  </si>
  <si>
    <t>Assessoria Desonerado_Rampado.xlsm</t>
  </si>
  <si>
    <t>D:\Backup 12-11-2019\Desktop - 12-11-19\PreVendas - Governo Diogo\MTE\Assessoria\Assessoria Desonerado_Rampado.xlsm</t>
  </si>
  <si>
    <t>Assessoria_110%.xlsm</t>
  </si>
  <si>
    <t>D:\Backup 12-11-2019\Desktop - 12-11-19\PreVendas - Governo Diogo\MTE\Assessoria\Assessoria_110%.xlsm</t>
  </si>
  <si>
    <t>Assessoria_Desonerado.xlsm</t>
  </si>
  <si>
    <t>D:\Backup 12-11-2019\Desktop - 12-11-19\PreVendas - Governo Diogo\MTE\Assessoria\Assessoria_Desonerado.xlsm</t>
  </si>
  <si>
    <t>Banco de Dados.xlsb</t>
  </si>
  <si>
    <t>D:\Backup 12-11-2019\Desktop - 12-11-19\PreVendas - Governo Diogo\MTE\Assessoria\Banco de Dados.xlsb</t>
  </si>
  <si>
    <t>memoria.xlsx</t>
  </si>
  <si>
    <t>D:\Backup 12-11-2019\Desktop - 12-11-19\PreVendas - Governo Diogo\MTE\Assessoria\memoria.xlsx</t>
  </si>
  <si>
    <t>MTE - RB e MC.xls</t>
  </si>
  <si>
    <t>D:\Backup 12-11-2019\Desktop - 12-11-19\PreVendas - Governo Diogo\MTE\Assessoria\MTE - RB e MC.xls</t>
  </si>
  <si>
    <t>C:\Users\suelenmm\OneDrive - Grupo Algar\Desktop - 12-11-19\PreVendas - Governo Diogo\MTE\Cotação\</t>
  </si>
  <si>
    <t>Cotação Projeto Básico.xlsb</t>
  </si>
  <si>
    <t>D:\Backup 12-11-2019\Desktop - 12-11-19\PreVendas - Governo Diogo\MTE\Cotação\Cotação Projeto Básico.xlsb</t>
  </si>
  <si>
    <t>C:\Users\suelenmm\OneDrive - Grupo Algar\Desktop - 12-11-19\PreVendas - Governo Diogo\MTE\Emergencial 2015\</t>
  </si>
  <si>
    <t>BD MSV_15.xlsb</t>
  </si>
  <si>
    <t>D:\Backup 12-11-2019\Desktop - 12-11-19\PreVendas - Governo Diogo\MTE\Emergencial 2015\BD MSV_15.xlsb</t>
  </si>
  <si>
    <t>BD MSV_19.xlsb</t>
  </si>
  <si>
    <t>D:\Backup 12-11-2019\Desktop - 12-11-19\PreVendas - Governo Diogo\MTE\Emergencial 2015\BD MSV_19.xlsb</t>
  </si>
  <si>
    <t>CONSOLIDADO MSV 15.xlsb</t>
  </si>
  <si>
    <t>D:\Backup 12-11-2019\Desktop - 12-11-19\PreVendas - Governo Diogo\MTE\Emergencial 2015\CONSOLIDADO MSV 15.xlsb</t>
  </si>
  <si>
    <t>SD MSV_15.xlsb</t>
  </si>
  <si>
    <t>D:\Backup 12-11-2019\Desktop - 12-11-19\PreVendas - Governo Diogo\MTE\Emergencial 2015\SD MSV_15.xlsb</t>
  </si>
  <si>
    <t>SO MSV 15.xlsb</t>
  </si>
  <si>
    <t>D:\Backup 12-11-2019\Desktop - 12-11-19\PreVendas - Governo Diogo\MTE\Emergencial 2015\SO MSV 15.xlsb</t>
  </si>
  <si>
    <t>C:\Users\suelenmm\OneDrive - Grupo Algar\Desktop - 12-11-19\PreVendas - Governo Diogo\MTE\Infra 2015\</t>
  </si>
  <si>
    <t>Cotação Grupo 1.xlsb</t>
  </si>
  <si>
    <t>D:\Backup 12-11-2019\Desktop - 12-11-19\PreVendas - Governo Diogo\MTE\Infra 2015\Cotação Grupo 1.xlsb</t>
  </si>
  <si>
    <t>Cotação Grupo_2.xlsb</t>
  </si>
  <si>
    <t>D:\Backup 12-11-2019\Desktop - 12-11-19\PreVendas - Governo Diogo\MTE\Infra 2015\Cotação Grupo_2.xlsb</t>
  </si>
  <si>
    <t>C:\Users\suelenmm\OneDrive - Grupo Algar\Desktop - 12-11-19\PreVendas - Governo Diogo\MTE\Infra 2015\Publicado\</t>
  </si>
  <si>
    <t>D:\Backup 12-11-2019\Desktop - 12-11-19\PreVendas - Governo Diogo\MTE\Infra 2015\Publicado\Custo da Implantação.xls</t>
  </si>
  <si>
    <t>Preço Final SEM PREPOSTO e GERENTE.xlsb</t>
  </si>
  <si>
    <t>D:\Backup 12-11-2019\Desktop - 12-11-19\PreVendas - Governo Diogo\MTE\Infra 2015\Publicado\Preço Final SEM PREPOSTO e GERENTE.xlsb</t>
  </si>
  <si>
    <t>D:\Backup 12-11-2019\Desktop - 12-11-19\PreVendas - Governo Diogo\MTE\Infra 2015\Publicado\Preço Final.xlsb</t>
  </si>
  <si>
    <t>D:\Backup 12-11-2019\Desktop - 12-11-19\PreVendas - Governo Diogo\MTE\Infra 2015\Publicado\Preço.xlsb</t>
  </si>
  <si>
    <t>C:\Users\suelenmm\OneDrive - Grupo Algar\Desktop - 12-11-19\PreVendas - Governo Diogo\MTE\SD 2014\</t>
  </si>
  <si>
    <t>D:\Backup 12-11-2019\Desktop - 12-11-19\PreVendas - Governo Diogo\MTE\SD 2014\cotacao.xlsb</t>
  </si>
  <si>
    <t>C:\Users\suelenmm\OneDrive - Grupo Algar\Desktop - 12-11-19\PreVendas - Governo Diogo\MTE\SD 2015\</t>
  </si>
  <si>
    <t>D:\Backup 12-11-2019\Desktop - 12-11-19\PreVendas - Governo Diogo\MTE\SD 2015\Chamados.xlsx</t>
  </si>
  <si>
    <t>Histórico de Chamados.xlsx</t>
  </si>
  <si>
    <t>D:\Backup 12-11-2019\Desktop - 12-11-19\PreVendas - Governo Diogo\MTE\SD 2015\Histórico de Chamados.xlsx</t>
  </si>
  <si>
    <t>NMS`s.xlsx</t>
  </si>
  <si>
    <t>D:\Backup 12-11-2019\Desktop - 12-11-19\PreVendas - Governo Diogo\MTE\SD 2015\NMS`s.xlsx</t>
  </si>
  <si>
    <t>C:\Users\suelenmm\OneDrive - Grupo Algar\Desktop - 12-11-19\PreVendas - Governo Diogo\MTUR\</t>
  </si>
  <si>
    <t>desenho.xlsx</t>
  </si>
  <si>
    <t>D:\Backup 12-11-2019\Desktop - 12-11-19\PreVendas - Governo Diogo\MTUR\desenho.xlsx</t>
  </si>
  <si>
    <t>C:\Users\suelenmm\OneDrive - Grupo Algar\Desktop - 12-11-19\PreVendas - Governo Diogo\MTUR\Edital\</t>
  </si>
  <si>
    <t>D:\Backup 12-11-2019\Desktop - 12-11-19\PreVendas - Governo Diogo\MTUR\Edital\BP.xlsb</t>
  </si>
  <si>
    <t>C:\Users\suelenmm\OneDrive - Grupo Algar\Desktop - 12-11-19\PreVendas - Governo Diogo\NOVACAP\</t>
  </si>
  <si>
    <t>D:\Backup 12-11-2019\Desktop - 12-11-19\PreVendas - Governo Diogo\NOVACAP\BP Atualizado.xlsb</t>
  </si>
  <si>
    <t>D:\Backup 12-11-2019\Desktop - 12-11-19\PreVendas - Governo Diogo\NOVACAP\BP.xlsb</t>
  </si>
  <si>
    <t>C:\Users\suelenmm\OneDrive - Grupo Algar\Desktop - 12-11-19\PreVendas - Governo Diogo\Petrobras\2014\Assessoria de Processos\</t>
  </si>
  <si>
    <t>PPU XLS.xlsx</t>
  </si>
  <si>
    <t>D:\Backup 12-11-2019\Desktop - 12-11-19\PreVendas - Governo Diogo\Petrobras\2014\Assessoria de Processos\PPU XLS.xlsx</t>
  </si>
  <si>
    <t>Precificacao.xlsb</t>
  </si>
  <si>
    <t>D:\Backup 12-11-2019\Desktop - 12-11-19\PreVendas - Governo Diogo\Petrobras\2014\Assessoria de Processos\Precificacao.xlsb</t>
  </si>
  <si>
    <t>C:\Users\suelenmm\OneDrive - Grupo Algar\Desktop - 12-11-19\PreVendas - Governo Diogo\Petrobras\2015\assessoria\</t>
  </si>
  <si>
    <t>D:\Backup 12-11-2019\Desktop - 12-11-19\PreVendas - Governo Diogo\Petrobras\2015\assessoria\BP.xlsb</t>
  </si>
  <si>
    <t>BP2016-DF-74201-PC.xlsb</t>
  </si>
  <si>
    <t>D:\Backup 12-11-2019\Desktop - 12-11-19\PreVendas - Governo Diogo\Petrobras\2015\assessoria\BP2016-DF-74201-PC.xlsb</t>
  </si>
  <si>
    <t>BP2016.xlsb</t>
  </si>
  <si>
    <t>D:\Backup 12-11-2019\Desktop - 12-11-19\PreVendas - Governo Diogo\Petrobras\2015\assessoria\BP2016.xlsb</t>
  </si>
  <si>
    <t>DFP Resumo.xls</t>
  </si>
  <si>
    <t>D:\Backup 12-11-2019\Desktop - 12-11-19\PreVendas - Governo Diogo\Petrobras\2015\assessoria\DFP Resumo.xls</t>
  </si>
  <si>
    <t>D:\Backup 12-11-2019\Desktop - 12-11-19\PreVendas - Governo Diogo\Petrobras\2015\assessoria\Volumetria.xlsx</t>
  </si>
  <si>
    <t>C:\Users\suelenmm\OneDrive - Grupo Algar\Desktop - 12-11-19\PreVendas - Governo Diogo\Petrobras\2016\APOIO ALTA GESTÃO\</t>
  </si>
  <si>
    <t>BP Preço C007 B007 Metas Increm e Meta Base.xlsb</t>
  </si>
  <si>
    <t>D:\Backup 12-11-2019\Desktop - 12-11-19\PreVendas - Governo Diogo\Petrobras\2016\APOIO ALTA GESTÃO\BP Preço C007 B007 Metas Increm e Meta Base.xlsb</t>
  </si>
  <si>
    <t>C:\Users\suelenmm\OneDrive - Grupo Algar\Desktop - 12-11-19\PreVendas - Governo Diogo\Petrobras\2016\APOIO ALTA GESTÃO\BP Preço C007 B007 Metas Increm e Meta Base.xlsb\</t>
  </si>
  <si>
    <t>D:\Backup 12-11-2019\Desktop - 12-11-19\PreVendas - Governo Diogo\Petrobras\2016\APOIO ALTA GESTÃO\IN02 - GERAL.xlsx</t>
  </si>
  <si>
    <t>D:\Backup 12-11-2019\Desktop - 12-11-19\PreVendas - Governo Diogo\Petrobras\2016\APOIO ALTA GESTÃO\Sizing.xlsx</t>
  </si>
  <si>
    <t>C:\Users\suelenmm\OneDrive - Grupo Algar\Desktop - 12-11-19\PreVendas - Governo Diogo\Petrobras\2016\Atendimento Local MACAÉ\</t>
  </si>
  <si>
    <t>Petrobras Relação_Técnicos_Contrato_TI_Atualizado.xlsx</t>
  </si>
  <si>
    <t>D:\Backup 12-11-2019\Desktop - 12-11-19\PreVendas - Governo Diogo\Petrobras\2016\Atendimento Local MACAÉ\Petrobras Relação_Técnicos_Contrato_TI_Atualizado.xlsx</t>
  </si>
  <si>
    <t>C:\Users\suelenmm\OneDrive - Grupo Algar\Desktop - 12-11-19\PreVendas - Governo Diogo\Petrobras\2016\E&amp;P\</t>
  </si>
  <si>
    <t>AM.xlsb</t>
  </si>
  <si>
    <t>D:\Backup 12-11-2019\Desktop - 12-11-19\PreVendas - Governo Diogo\Petrobras\2016\E&amp;P\AM.xlsb</t>
  </si>
  <si>
    <t>BA.xlsb</t>
  </si>
  <si>
    <t>D:\Backup 12-11-2019\Desktop - 12-11-19\PreVendas - Governo Diogo\Petrobras\2016\E&amp;P\BA.xlsb</t>
  </si>
  <si>
    <t>DFP Resumo (Envio).xls</t>
  </si>
  <si>
    <t>D:\Backup 12-11-2019\Desktop - 12-11-19\PreVendas - Governo Diogo\Petrobras\2016\E&amp;P\DFP Resumo (Envio).xls</t>
  </si>
  <si>
    <t>DFP Resumo (Memória de Cálculo).xls</t>
  </si>
  <si>
    <t>D:\Backup 12-11-2019\Desktop - 12-11-19\PreVendas - Governo Diogo\Petrobras\2016\E&amp;P\DFP Resumo (Memória de Cálculo).xls</t>
  </si>
  <si>
    <t>D:\Backup 12-11-2019\Desktop - 12-11-19\PreVendas - Governo Diogo\Petrobras\2016\E&amp;P\DFP Resumo.xls</t>
  </si>
  <si>
    <t>RNCE.xlsb</t>
  </si>
  <si>
    <t>D:\Backup 12-11-2019\Desktop - 12-11-19\PreVendas - Governo Diogo\Petrobras\2016\E&amp;P\RNCE.xlsb</t>
  </si>
  <si>
    <t>SEAL.xlsb</t>
  </si>
  <si>
    <t>D:\Backup 12-11-2019\Desktop - 12-11-19\PreVendas - Governo Diogo\Petrobras\2016\E&amp;P\SEAL.xlsb</t>
  </si>
  <si>
    <t>C:\Users\suelenmm\OneDrive - Grupo Algar\Desktop - 12-11-19\PreVendas - Governo Diogo\Petrobras\2017\7001807943 - Serviços de Apoio Técnico para Atendimento aos Usuários\</t>
  </si>
  <si>
    <t>Anexo 2 - Planilha de Precos Unitarios (3).xlsx</t>
  </si>
  <si>
    <t>D:\Backup 12-11-2019\Desktop - 12-11-19\PreVendas - Governo Diogo\Petrobras\2017\7001807943 - Serviços de Apoio Técnico para Atendimento aos Usuários\Anexo 2 - Planilha de Precos Unitarios (3).xlsx</t>
  </si>
  <si>
    <t>Anexo V - Modelo de DFP.xls</t>
  </si>
  <si>
    <t>D:\Backup 12-11-2019\Desktop - 12-11-19\PreVendas - Governo Diogo\Petrobras\2017\7001807943 - Serviços de Apoio Técnico para Atendimento aos Usuários\Anexo V - Modelo de DFP.xls</t>
  </si>
  <si>
    <t>D:\Backup 12-11-2019\Desktop - 12-11-19\PreVendas - Governo Diogo\Petrobras\2017\7001807943 - Serviços de Apoio Técnico para Atendimento aos Usuários\Cenário 1.xlsb</t>
  </si>
  <si>
    <t>C:\Users\suelenmm\OneDrive - Grupo Algar\Desktop - 12-11-19\PreVendas - Governo Diogo\Petrobras\2017\7001807943 - Serviços de Apoio Técnico para Atendimento aos Usuários\Cenário 1.xlsb\</t>
  </si>
  <si>
    <t>D:\Backup 12-11-2019\Desktop - 12-11-19\PreVendas - Governo Diogo\Petrobras\2017\7001807943 - Serviços de Apoio Técnico para Atendimento aos Usuários\Cenário 2.xlsb</t>
  </si>
  <si>
    <t>C:\Users\suelenmm\OneDrive - Grupo Algar\Desktop - 12-11-19\PreVendas - Governo Diogo\Petrobras\2017\7001807943 - Serviços de Apoio Técnico para Atendimento aos Usuários\Cenário 2.xlsb\</t>
  </si>
  <si>
    <t>DFP - Cenário 2.xlsx</t>
  </si>
  <si>
    <t>D:\Backup 12-11-2019\Desktop - 12-11-19\PreVendas - Governo Diogo\Petrobras\2017\7001807943 - Serviços de Apoio Técnico para Atendimento aos Usuários\DFP - Cenário 2.xlsx</t>
  </si>
  <si>
    <t>C:\Users\suelenmm\OneDrive - Grupo Algar\Desktop - 12-11-19\PreVendas - Governo Diogo\Petrobras\2017\7001818540 - Convite 2047087.17.8 - Atendimendo Local RJ DF\</t>
  </si>
  <si>
    <t>Adendo III - Tabela de prazos (1).xlsx</t>
  </si>
  <si>
    <t>D:\Backup 12-11-2019\Desktop - 12-11-19\PreVendas - Governo Diogo\Petrobras\2017\7001818540 - Convite 2047087.17.8 - Atendimendo Local RJ DF\Adendo III - Tabela de prazos (1).xlsx</t>
  </si>
  <si>
    <t>AdendoII-CenarioV2.xlsx</t>
  </si>
  <si>
    <t>D:\Backup 12-11-2019\Desktop - 12-11-19\PreVendas - Governo Diogo\Petrobras\2017\7001818540 - Convite 2047087.17.8 - Atendimendo Local RJ DF\AdendoII-CenarioV2.xlsx</t>
  </si>
  <si>
    <t>Agressivo.xlsb</t>
  </si>
  <si>
    <t>D:\Backup 12-11-2019\Desktop - 12-11-19\PreVendas - Governo Diogo\Petrobras\2017\7001818540 - Convite 2047087.17.8 - Atendimendo Local RJ DF\Agressivo.xlsb</t>
  </si>
  <si>
    <t>C:\Users\suelenmm\OneDrive - Grupo Algar\Desktop - 12-11-19\PreVendas - Governo Diogo\Petrobras\2017\7001818540 - Convite 2047087.17.8 - Atendimendo Local RJ DF\Agressivo.xlsb\</t>
  </si>
  <si>
    <t>DFP - 60dias - 50% indiretos.xlsx</t>
  </si>
  <si>
    <t>D:\Backup 12-11-2019\Desktop - 12-11-19\PreVendas - Governo Diogo\Petrobras\2017\7001818540 - Convite 2047087.17.8 - Atendimendo Local RJ DF\DFP - 60dias - 50% indiretos.xlsx</t>
  </si>
  <si>
    <t>DFP - 60dias.xlsx</t>
  </si>
  <si>
    <t>D:\Backup 12-11-2019\Desktop - 12-11-19\PreVendas - Governo Diogo\Petrobras\2017\7001818540 - Convite 2047087.17.8 - Atendimendo Local RJ DF\DFP - 60dias.xlsx</t>
  </si>
  <si>
    <t>D:\Backup 12-11-2019\Desktop - 12-11-19\PreVendas - Governo Diogo\Petrobras\2017\7001818540 - Convite 2047087.17.8 - Atendimendo Local RJ DF\IN02 - GERAL.xlsx</t>
  </si>
  <si>
    <t>D:\Backup 12-11-2019\Desktop - 12-11-19\PreVendas - Governo Diogo\Petrobras\2017\7001818540 - Convite 2047087.17.8 - Atendimendo Local RJ DF\Preço.xlsb</t>
  </si>
  <si>
    <t>C:\Users\suelenmm\OneDrive - Grupo Algar\Desktop - 12-11-19\PreVendas - Governo Diogo\Petrobras\2017\7001818540 - Convite 2047087.17.8 - Atendimendo Local RJ DF\Preço.xlsb\</t>
  </si>
  <si>
    <t>C:\Users\suelenmm\OneDrive - Grupo Algar\Desktop - 12-11-19\PreVendas - Governo Diogo\Petrobras\2017\7001823525 - Central Serviços - Atendimento TIC - Lote 1 _SEDE_SUDESTE\</t>
  </si>
  <si>
    <t>ANEXO 2 - PPUS LOTE 1 (1).xls</t>
  </si>
  <si>
    <t>D:\Backup 12-11-2019\Desktop - 12-11-19\PreVendas - Governo Diogo\Petrobras\2017\7001823525 - Central Serviços - Atendimento TIC - Lote 1 _SEDE_SUDESTE\ANEXO 2 - PPUS LOTE 1 (1).xls</t>
  </si>
  <si>
    <t>BP Preço REAJUSTADO 1.xlsb</t>
  </si>
  <si>
    <t>D:\Backup 12-11-2019\Desktop - 12-11-19\PreVendas - Governo Diogo\Petrobras\2017\7001823525 - Central Serviços - Atendimento TIC - Lote 1 _SEDE_SUDESTE\BP Preço REAJUSTADO 1.xlsb</t>
  </si>
  <si>
    <t>C:\Users\suelenmm\OneDrive - Grupo Algar\Desktop - 12-11-19\PreVendas - Governo Diogo\Petrobras\2017\7001823525 - Central Serviços - Atendimento TIC - Lote 1 _SEDE_SUDESTE\BP Preço REAJUSTADO 1.xlsb\</t>
  </si>
  <si>
    <t>BP Preço REAJUSTADO Setembro.xlsb</t>
  </si>
  <si>
    <t>D:\Backup 12-11-2019\Desktop - 12-11-19\PreVendas - Governo Diogo\Petrobras\2017\7001823525 - Central Serviços - Atendimento TIC - Lote 1 _SEDE_SUDESTE\BP Preço REAJUSTADO Setembro.xlsb</t>
  </si>
  <si>
    <t>C:\Users\suelenmm\OneDrive - Grupo Algar\Desktop - 12-11-19\PreVendas - Governo Diogo\Petrobras\2017\7001823525 - Central Serviços - Atendimento TIC - Lote 1 _SEDE_SUDESTE\BP Preço REAJUSTADO Setembro.xlsb\</t>
  </si>
  <si>
    <t>D:\Backup 12-11-2019\Desktop - 12-11-19\PreVendas - Governo Diogo\Petrobras\2017\7001823525 - Central Serviços - Atendimento TIC - Lote 1 _SEDE_SUDESTE\BP Preço.xlsb</t>
  </si>
  <si>
    <t>C:\Users\suelenmm\OneDrive - Grupo Algar\Desktop - 12-11-19\PreVendas - Governo Diogo\Petrobras\2017\7001823525 - Central Serviços - Atendimento TIC - Lote 1 _SEDE_SUDESTE\BP Preço.xlsb\</t>
  </si>
  <si>
    <t>desenho.xlsb</t>
  </si>
  <si>
    <t>D:\Backup 12-11-2019\Desktop - 12-11-19\PreVendas - Governo Diogo\Petrobras\2017\7001823525 - Central Serviços - Atendimento TIC - Lote 1 _SEDE_SUDESTE\desenho.xlsb</t>
  </si>
  <si>
    <t>C:\Users\suelenmm\OneDrive - Grupo Algar\Desktop - 12-11-19\PreVendas - Governo Diogo\Petrobras\2017\7001823525 - Central Serviços - Atendimento TIC - Lote 1 _SEDE_SUDESTE\desenho.xlsb\</t>
  </si>
  <si>
    <t>DFP - 45dias.xlsx</t>
  </si>
  <si>
    <t>D:\Backup 12-11-2019\Desktop - 12-11-19\PreVendas - Governo Diogo\Petrobras\2017\7001823525 - Central Serviços - Atendimento TIC - Lote 1 _SEDE_SUDESTE\DFP - 45dias.xlsx</t>
  </si>
  <si>
    <t>sizing.xlsx</t>
  </si>
  <si>
    <t>D:\Backup 12-11-2019\Desktop - 12-11-19\PreVendas - Governo Diogo\Petrobras\2017\7001823525 - Central Serviços - Atendimento TIC - Lote 1 _SEDE_SUDESTE\sizing.xlsx</t>
  </si>
  <si>
    <t>Transpetro REVISADO OPERAÇÃO-Novembro.xlsb</t>
  </si>
  <si>
    <t>D:\Backup 12-11-2019\Desktop - 12-11-19\PreVendas - Governo Diogo\Petrobras\2017\7001823525 - Central Serviços - Atendimento TIC - Lote 1 _SEDE_SUDESTE\Transpetro REVISADO OPERAÇÃO-Novembro.xlsb</t>
  </si>
  <si>
    <t>C:\Users\suelenmm\OneDrive - Grupo Algar\Desktop - 12-11-19\PreVendas - Governo Diogo\Petrobras\2017\7001823525 - Central Serviços - Atendimento TIC - Lote 1 _SEDE_SUDESTE\Transpetro REVISADO OPERAÇÃO-Novembro.xlsb\</t>
  </si>
  <si>
    <t>Transpetro REVISADO OPERAÇÃO.xlsb</t>
  </si>
  <si>
    <t>D:\Backup 12-11-2019\Desktop - 12-11-19\PreVendas - Governo Diogo\Petrobras\2017\7001823525 - Central Serviços - Atendimento TIC - Lote 1 _SEDE_SUDESTE\Transpetro REVISADO OPERAÇÃO.xlsb</t>
  </si>
  <si>
    <t>C:\Users\suelenmm\OneDrive - Grupo Algar\Desktop - 12-11-19\PreVendas - Governo Diogo\Petrobras\2017\7001823525 - Central Serviços - Atendimento TIC - Lote 1 _SEDE_SUDESTE\Transpetro REVISADO OPERAÇÃO.xlsb\</t>
  </si>
  <si>
    <t>C:\Users\suelenmm\OneDrive - Grupo Algar\Desktop - 12-11-19\PreVendas - Governo Diogo\Petrobras\2017\7001823753 - 1993673.16.8 - Atendimento Local ES\</t>
  </si>
  <si>
    <t>ADENDO-I-A -Cenário Serviços.xlsx</t>
  </si>
  <si>
    <t>D:\Backup 12-11-2019\Desktop - 12-11-19\PreVendas - Governo Diogo\Petrobras\2017\7001823753 - 1993673.16.8 - Atendimento Local ES\ADENDO-I-A -Cenário Serviços.xlsx</t>
  </si>
  <si>
    <t>ADENDO-I-B - Cenário Desempenho (1).xlsx</t>
  </si>
  <si>
    <t>D:\Backup 12-11-2019\Desktop - 12-11-19\PreVendas - Governo Diogo\Petrobras\2017\7001823753 - 1993673.16.8 - Atendimento Local ES\ADENDO-I-B - Cenário Desempenho (1).xlsx</t>
  </si>
  <si>
    <t>C:\Users\suelenmm\OneDrive - Grupo Algar\Desktop - 12-11-19\PreVendas - Governo Diogo\Petrobras\2017\7001823764 - Central Serviços - Atendimento TIC - Lote 2 _Demais Estados\</t>
  </si>
  <si>
    <t>ANEXO 2 - PPU LOTE 2.xls</t>
  </si>
  <si>
    <t>D:\Backup 12-11-2019\Desktop - 12-11-19\PreVendas - Governo Diogo\Petrobras\2017\7001823764 - Central Serviços - Atendimento TIC - Lote 2 _Demais Estados\ANEXO 2 - PPU LOTE 2.xls</t>
  </si>
  <si>
    <t>C:\Users\suelenmm\OneDrive - Grupo Algar\Desktop - 12-11-19\PreVendas - Governo Diogo\Petrobras\2018\7001957543 - Automação Projeto\</t>
  </si>
  <si>
    <t>ANEXO I A - Cenário Rev1.xlsx</t>
  </si>
  <si>
    <t>D:\Backup 12-11-2019\Desktop - 12-11-19\PreVendas - Governo Diogo\Petrobras\2018\7001957543 - Automação Projeto\ANEXO I A - Cenário Rev1.xlsx</t>
  </si>
  <si>
    <t>ANEXO I D - Tabela de Prazos de Serviços.xlsx</t>
  </si>
  <si>
    <t>D:\Backup 12-11-2019\Desktop - 12-11-19\PreVendas - Governo Diogo\Petrobras\2018\7001957543 - Automação Projeto\ANEXO I D - Tabela de Prazos de Serviços.xlsx</t>
  </si>
  <si>
    <t>ANEXO II - Planilha de Preços.xlsx</t>
  </si>
  <si>
    <t>D:\Backup 12-11-2019\Desktop - 12-11-19\PreVendas - Governo Diogo\Petrobras\2018\7001957543 - Automação Projeto\ANEXO II - Planilha de Preços.xlsx</t>
  </si>
  <si>
    <t>Anexo VI - Tomadores de Serviço Rev1.xlsx</t>
  </si>
  <si>
    <t>D:\Backup 12-11-2019\Desktop - 12-11-19\PreVendas - Governo Diogo\Petrobras\2018\7001957543 - Automação Projeto\Anexo VI - Tomadores de Serviço Rev1.xlsx</t>
  </si>
  <si>
    <t>DFP.xlsx</t>
  </si>
  <si>
    <t>D:\Backup 12-11-2019\Desktop - 12-11-19\PreVendas - Governo Diogo\Petrobras\2018\7001957543 - Automação Projeto\DFP.xlsx</t>
  </si>
  <si>
    <t>PREÇO.xlsb</t>
  </si>
  <si>
    <t>D:\Backup 12-11-2019\Desktop - 12-11-19\PreVendas - Governo Diogo\Petrobras\2018\7001957543 - Automação Projeto\PREÇO.xlsb</t>
  </si>
  <si>
    <t>C:\Users\suelenmm\OneDrive - Grupo Algar\Desktop - 12-11-19\PreVendas - Governo Diogo\Petrobras\2018\7001957543 - Automação Projeto\PREÇO.xlsb\</t>
  </si>
  <si>
    <t>C:\Users\suelenmm\OneDrive - Grupo Algar\Desktop - 12-11-19\PreVendas - Governo Diogo\Petrobras\2018\FIELD SUDESTE-SUL - 147073\</t>
  </si>
  <si>
    <t>Cópia de Anexo II - Adendo II - Cenario rev2.xlsx</t>
  </si>
  <si>
    <t>D:\Backup 12-11-2019\Desktop - 12-11-19\PreVendas - Governo Diogo\Petrobras\2018\FIELD SUDESTE-SUL - 147073\Cópia de Anexo II - Adendo II - Cenario rev2.xlsx</t>
  </si>
  <si>
    <t>D:\Backup 12-11-2019\Desktop - 12-11-19\PreVendas - Governo Diogo\Petrobras\2018\FIELD SUDESTE-SUL - 147073\DFP.xlsx</t>
  </si>
  <si>
    <t>Field Petrobras - 147073 - V1.xlsb</t>
  </si>
  <si>
    <t>D:\Backup 12-11-2019\Desktop - 12-11-19\PreVendas - Governo Diogo\Petrobras\2018\FIELD SUDESTE-SUL - 147073\Field Petrobras - 147073 - V1.xlsb</t>
  </si>
  <si>
    <t>C:\Users\suelenmm\OneDrive - Grupo Algar\Desktop - 12-11-19\PreVendas - Governo Diogo\Petrobras\2018\FIELD SUDESTE-SUL - 147073\Field Petrobras - 147073 - V1.xlsb\</t>
  </si>
  <si>
    <t>Racional de Dimensionamento.xlsx</t>
  </si>
  <si>
    <t>D:\Backup 12-11-2019\Desktop - 12-11-19\PreVendas - Governo Diogo\Petrobras\2018\FIELD SUDESTE-SUL - 147073\Racional de Dimensionamento.xlsx</t>
  </si>
  <si>
    <t>C:\Users\suelenmm\OneDrive - Grupo Algar\Desktop - 12-11-19\PreVendas - Governo Diogo\Petrobras\2018\FIELD SUDESTE-SUL - 147073\PETROBRAS - 7001980719 - ATENDIMENTO PRESENCIAL - 21.02.2018\</t>
  </si>
  <si>
    <t>Anexo II - Adendo III - Cenario.xlsx</t>
  </si>
  <si>
    <t>D:\Backup 12-11-2019\Desktop - 12-11-19\PreVendas - Governo Diogo\Petrobras\2018\FIELD SUDESTE-SUL - 147073\PETROBRAS - 7001980719 - ATENDIMENTO PRESENCIAL - 21.02.2018\Anexo II - Adendo III - Cenario.xlsx</t>
  </si>
  <si>
    <t>C:\Users\suelenmm\OneDrive - Grupo Algar\Desktop - 12-11-19\PreVendas - Governo Diogo\Petrobras\2018\FIELD SUDESTE-SUL - 147073\Questionamentos\Revisão de documentação.zip\</t>
  </si>
  <si>
    <t>Anexo II - Adendo II - Cenario rev2.xlsx</t>
  </si>
  <si>
    <t>D:\Backup 12-11-2019\Desktop - 12-11-19\PreVendas - Governo Diogo\Petrobras\2018\FIELD SUDESTE-SUL - 147073\Questionamentos\Revisão de documentação.zip</t>
  </si>
  <si>
    <t>AnexoII-AdendoIII - Tabeladeprazos.xlsx</t>
  </si>
  <si>
    <t>C:\Users\suelenmm\OneDrive - Grupo Algar\Desktop - 12-11-19\PreVendas - Governo Diogo\Petrobras\2018\PETROBRAS - 7002151564 - ATENDIMENTO LOCAL TIC - 17.09.2018\Adendo A_Minuta_contratual e seus Anexos.zip\</t>
  </si>
  <si>
    <t>Anexo II - PPU sem valores.xlsx</t>
  </si>
  <si>
    <t>D:\Backup 12-11-2019\Desktop - 12-11-19\PreVendas - Governo Diogo\Petrobras\2018\PETROBRAS - 7002151564 - ATENDIMENTO LOCAL TIC - 17.09.2018\Adendo A_Minuta_contratual e seus Anexos.zip</t>
  </si>
  <si>
    <t>C:\Users\suelenmm\OneDrive - Grupo Algar\Desktop - 12-11-19\PreVendas - Governo Diogo\Petrobras\2018\PETROBRAS - 7002151564 - ATENDIMENTO LOCAL TIC - 17.09.2018\Adendos do Edital.zip\</t>
  </si>
  <si>
    <t>Adendo I_ DFP.xlsm</t>
  </si>
  <si>
    <t>D:\Backup 12-11-2019\Desktop - 12-11-19\PreVendas - Governo Diogo\Petrobras\2018\PETROBRAS - 7002151564 - ATENDIMENTO LOCAL TIC - 17.09.2018\Adendos do Edital.zip</t>
  </si>
  <si>
    <t>Adendo J - Tomadores de Servi‡o.xlsx</t>
  </si>
  <si>
    <t>C:\Users\suelenmm\OneDrive - Grupo Algar\Desktop - 12-11-19\PreVendas - Governo Diogo\Petrobras\2018\PETROBRAS - 7002151564 - ATENDIMENTO LOCAL TIC - 17.09.2018\Anexos da Especificacao de Servicos.zip\</t>
  </si>
  <si>
    <t>Anexo Ib - Parque Atendido.xlsx</t>
  </si>
  <si>
    <t>D:\Backup 12-11-2019\Desktop - 12-11-19\PreVendas - Governo Diogo\Petrobras\2018\PETROBRAS - 7002151564 - ATENDIMENTO LOCAL TIC - 17.09.2018\Anexos da Especificacao de Servicos.zip</t>
  </si>
  <si>
    <t>Anexo Id - Locais e Hor rios da Prestacao dos Servicos.xlsx</t>
  </si>
  <si>
    <t>Anexo Ie - Cen rio de Alocacao de Recursos.xlsx</t>
  </si>
  <si>
    <t>Anexo Ig - Lista de Ferramentas e Insumos.xlsx</t>
  </si>
  <si>
    <t>Anexo Ih - Historico do Volume de Demandas.xlsx</t>
  </si>
  <si>
    <t>C:\Users\suelenmm\OneDrive - Grupo Algar\Desktop - 12-11-19\PreVendas - Governo Diogo\Petrobras\2018\PETROBRAS - 7002151564 - ATENDIMENTO LOCAL TIC - 17.09.2018\Edital Petrobras.zip\Adendo A_Minuta_contratual e seus Anexos\</t>
  </si>
  <si>
    <t>D:\Backup 12-11-2019\Desktop - 12-11-19\PreVendas - Governo Diogo\Petrobras\2018\PETROBRAS - 7002151564 - ATENDIMENTO LOCAL TIC - 17.09.2018\Edital Petrobras.zip</t>
  </si>
  <si>
    <t>C:\Users\suelenmm\OneDrive - Grupo Algar\Desktop - 12-11-19\PreVendas - Governo Diogo\Petrobras\2018\PETROBRAS - 7002151564 - ATENDIMENTO LOCAL TIC - 17.09.2018\Edital Petrobras.zip\Adendos do Edital\</t>
  </si>
  <si>
    <t>C:\Users\suelenmm\OneDrive - Grupo Algar\Desktop - 12-11-19\PreVendas - Governo Diogo\Petrobras\2018\PETROBRAS - 7002151564 - ATENDIMENTO LOCAL TIC - 17.09.2018\Edital Petrobras.zip\Anexos da Especificacao de Servicos.zip\</t>
  </si>
  <si>
    <t>C:\Users\suelenmm\OneDrive - Grupo Algar\Desktop - 12-11-19\PreVendas - Governo Diogo\Petrobras\2018\PETROBRAS - 7002151564 - ATENDIMENTO LOCAL TIC - 17.09.2018\Edital Petrobras.zip\Questionamentos\Anexos.zip\</t>
  </si>
  <si>
    <t>Anexo Id - Locais e Hor rios da Prestacao dos Servicos - REV1.xlsx</t>
  </si>
  <si>
    <t>Anexo Ie - Cen rio de Alocacao de Recursos - REV1.xlsx</t>
  </si>
  <si>
    <t>Anexo Ig - Lista de Ferramentas e Insumos - REV1.xlsx</t>
  </si>
  <si>
    <t>ANEXO Ii - ESTRATIFICA€ÇO VOLUME DE DEMANDAS TCNICAS DE TI -TCOM OFFSHORE.xlsx</t>
  </si>
  <si>
    <t>C:\Users\suelenmm\OneDrive - Grupo Algar\Desktop - 12-11-19\PreVendas - Governo Diogo\Petrobras\2018\PETROBRAS - 7002151564 - ATENDIMENTO LOCAL TIC - 17.09.2018\Adendo A_Minuta_contratual e seus Anexos\</t>
  </si>
  <si>
    <t>D:\Backup 12-11-2019\Desktop - 12-11-19\PreVendas - Governo Diogo\Petrobras\2018\PETROBRAS - 7002151564 - ATENDIMENTO LOCAL TIC - 17.09.2018\Adendo A_Minuta_contratual e seus Anexos\Anexo II - PPU sem valores.xlsx</t>
  </si>
  <si>
    <t>C:\Users\suelenmm\OneDrive - Grupo Algar\Desktop - 12-11-19\PreVendas - Governo Diogo\Petrobras\2018\PETROBRAS - 7002151564 - ATENDIMENTO LOCAL TIC - 17.09.2018\Adendos do Edital\</t>
  </si>
  <si>
    <t>D:\Backup 12-11-2019\Desktop - 12-11-19\PreVendas - Governo Diogo\Petrobras\2018\PETROBRAS - 7002151564 - ATENDIMENTO LOCAL TIC - 17.09.2018\Adendos do Edital\Adendo I_ DFP.xlsm</t>
  </si>
  <si>
    <t>Adendo J - Tomadores de Serviço.xlsx</t>
  </si>
  <si>
    <t>D:\Backup 12-11-2019\Desktop - 12-11-19\PreVendas - Governo Diogo\Petrobras\2018\PETROBRAS - 7002151564 - ATENDIMENTO LOCAL TIC - 17.09.2018\Adendos do Edital\Adendo J - Tomadores de Serviço.xlsx</t>
  </si>
  <si>
    <t>C:\Users\suelenmm\OneDrive - Grupo Algar\Desktop - 12-11-19\PreVendas - Governo Diogo\Petrobras\2018\PETROBRAS - 7002151564 - ATENDIMENTO LOCAL TIC - 17.09.2018\Anexos da Especificacao de Servicos\</t>
  </si>
  <si>
    <t>D:\Backup 12-11-2019\Desktop - 12-11-19\PreVendas - Governo Diogo\Petrobras\2018\PETROBRAS - 7002151564 - ATENDIMENTO LOCAL TIC - 17.09.2018\Anexos da Especificacao de Servicos\Anexo Ib - Parque Atendido.xlsx</t>
  </si>
  <si>
    <t>Anexo Id - Locais e Horários da Prestacao dos Servicos.xlsx</t>
  </si>
  <si>
    <t>D:\Backup 12-11-2019\Desktop - 12-11-19\PreVendas - Governo Diogo\Petrobras\2018\PETROBRAS - 7002151564 - ATENDIMENTO LOCAL TIC - 17.09.2018\Anexos da Especificacao de Servicos\Anexo Id - Locais e Horários da Prestacao dos Servicos.xlsx</t>
  </si>
  <si>
    <t>Anexo Ie - Cenário de Alocacao de Recursos.xlsx</t>
  </si>
  <si>
    <t>D:\Backup 12-11-2019\Desktop - 12-11-19\PreVendas - Governo Diogo\Petrobras\2018\PETROBRAS - 7002151564 - ATENDIMENTO LOCAL TIC - 17.09.2018\Anexos da Especificacao de Servicos\Anexo Ie - Cenário de Alocacao de Recursos.xlsx</t>
  </si>
  <si>
    <t>D:\Backup 12-11-2019\Desktop - 12-11-19\PreVendas - Governo Diogo\Petrobras\2018\PETROBRAS - 7002151564 - ATENDIMENTO LOCAL TIC - 17.09.2018\Anexos da Especificacao de Servicos\Anexo Ig - Lista de Ferramentas e Insumos.xlsx</t>
  </si>
  <si>
    <t>D:\Backup 12-11-2019\Desktop - 12-11-19\PreVendas - Governo Diogo\Petrobras\2018\PETROBRAS - 7002151564 - ATENDIMENTO LOCAL TIC - 17.09.2018\Anexos da Especificacao de Servicos\Anexo Ih - Historico do Volume de Demandas.xlsx</t>
  </si>
  <si>
    <t>C:\Users\suelenmm\OneDrive - Grupo Algar\Desktop - 12-11-19\PreVendas - Governo Diogo\Petrobras\2018\PETROBRAS - 7002151564 - ATENDIMENTO LOCAL TIC - 17.09.2018\Questionamentos\Anexos.zip\</t>
  </si>
  <si>
    <t>D:\Backup 12-11-2019\Desktop - 12-11-19\PreVendas - Governo Diogo\Petrobras\2018\PETROBRAS - 7002151564 - ATENDIMENTO LOCAL TIC - 17.09.2018\Questionamentos\Anexos.zip</t>
  </si>
  <si>
    <t>C:\Users\suelenmm\OneDrive - Grupo Algar\Desktop - 12-11-19\PreVendas - Governo Diogo\Petrobras\2019\ISD BR Distribuidora\</t>
  </si>
  <si>
    <t>D:\Backup 12-11-2019\Desktop - 12-11-19\PreVendas - Governo Diogo\Petrobras\2019\ISD BR Distribuidora\Anexo II - PPU sem valores.xlsx</t>
  </si>
  <si>
    <t>C:\Users\suelenmm\OneDrive - Grupo Algar\Desktop - 12-11-19\PreVendas - Governo Diogo\Petrobras\BR Distribuidora\2016\Consultoria e Assessoria\</t>
  </si>
  <si>
    <t>Anexo II - Planilha de Precos.xlsx</t>
  </si>
  <si>
    <t>D:\Backup 12-11-2019\Desktop - 12-11-19\PreVendas - Governo Diogo\Petrobras\BR Distribuidora\2016\Consultoria e Assessoria\Anexo II - Planilha de Precos.xlsx</t>
  </si>
  <si>
    <t>D:\Backup 12-11-2019\Desktop - 12-11-19\PreVendas - Governo Diogo\Petrobras\BR Distribuidora\2016\Consultoria e Assessoria\BP.xlsb</t>
  </si>
  <si>
    <t>D:\Backup 12-11-2019\Desktop - 12-11-19\PreVendas - Governo Diogo\Petrobras\BR Distribuidora\2016\Consultoria e Assessoria\Pricing.xlsx</t>
  </si>
  <si>
    <t>C:\Users\suelenmm\OneDrive - Grupo Algar\Desktop - 12-11-19\PreVendas - Governo Diogo\PGFN\</t>
  </si>
  <si>
    <t>LOTE 2-Diogo_note.xlsb</t>
  </si>
  <si>
    <t>D:\Backup 12-11-2019\Desktop - 12-11-19\PreVendas - Governo Diogo\PGFN\LOTE 2-Diogo_note.xlsb</t>
  </si>
  <si>
    <t>C:\Users\suelenmm\OneDrive - Grupo Algar\Desktop - 12-11-19\PreVendas - Governo Diogo\PGFN\LOTE 2-Diogo_note.xlsb\</t>
  </si>
  <si>
    <t>LOTE 2.xlsb</t>
  </si>
  <si>
    <t>D:\Backup 12-11-2019\Desktop - 12-11-19\PreVendas - Governo Diogo\PGFN\LOTE 2.xlsb</t>
  </si>
  <si>
    <t>C:\Users\suelenmm\OneDrive - Grupo Algar\Desktop - 12-11-19\PreVendas - Governo Diogo\PGFN\LOTE 2.xlsb\</t>
  </si>
  <si>
    <t>LOTE 3.xlsb</t>
  </si>
  <si>
    <t>D:\Backup 12-11-2019\Desktop - 12-11-19\PreVendas - Governo Diogo\PGFN\LOTE 3.xlsb</t>
  </si>
  <si>
    <t>C:\Users\suelenmm\OneDrive - Grupo Algar\Desktop - 12-11-19\PreVendas - Governo Diogo\PGFN\LOTE 3.xlsb\</t>
  </si>
  <si>
    <t>C:\Users\suelenmm\OneDrive - Grupo Algar\Desktop - 12-11-19\PreVendas - Governo Diogo\PJMT\</t>
  </si>
  <si>
    <t>Cotação.xls</t>
  </si>
  <si>
    <t>D:\Backup 12-11-2019\Desktop - 12-11-19\PreVendas - Governo Diogo\PJMT\Cotação.xls</t>
  </si>
  <si>
    <t>C:\Users\suelenmm\OneDrive - Grupo Algar\Desktop - 12-11-19\PreVendas - Governo Diogo\Planejamento\</t>
  </si>
  <si>
    <t>USN.xlsx</t>
  </si>
  <si>
    <t>D:\Backup 12-11-2019\Desktop - 12-11-19\PreVendas - Governo Diogo\Planejamento\USN.xlsx</t>
  </si>
  <si>
    <t>C:\Users\suelenmm\OneDrive - Grupo Algar\Desktop - 12-11-19\PreVendas - Governo Diogo\PPP BH\</t>
  </si>
  <si>
    <t>D:\Backup 12-11-2019\Desktop - 12-11-19\PreVendas - Governo Diogo\PPP BH\Cargos e Salários.xlsx</t>
  </si>
  <si>
    <t>Proposta Inicial.xlsb</t>
  </si>
  <si>
    <t>D:\Backup 12-11-2019\Desktop - 12-11-19\PreVendas - Governo Diogo\PPP BH\Proposta Inicial.xlsb</t>
  </si>
  <si>
    <t>C:\Users\suelenmm\OneDrive - Grupo Algar\Desktop - 12-11-19\PreVendas - Governo Diogo\PPP BH\Proposta Inicial.zip\</t>
  </si>
  <si>
    <t>D:\Backup 12-11-2019\Desktop - 12-11-19\PreVendas - Governo Diogo\PPP BH\Proposta Inicial.zip</t>
  </si>
  <si>
    <t>C:\Users\suelenmm\OneDrive - Grupo Algar\Desktop - 12-11-19\PreVendas - Governo Diogo\prodasen\</t>
  </si>
  <si>
    <t>D:\Backup 12-11-2019\Desktop - 12-11-19\PreVendas - Governo Diogo\prodasen\Cotação.xlsx</t>
  </si>
  <si>
    <t>C:\Users\suelenmm\OneDrive - Grupo Algar\Desktop - 12-11-19\PreVendas - Governo Diogo\PRODERJ\</t>
  </si>
  <si>
    <t>Cotação SES.xlsx</t>
  </si>
  <si>
    <t>D:\Backup 12-11-2019\Desktop - 12-11-19\PreVendas - Governo Diogo\PRODERJ\Cotação SES.xlsx</t>
  </si>
  <si>
    <t>D:\Backup 12-11-2019\Desktop - 12-11-19\PreVendas - Governo Diogo\PRODERJ\Cotação.xlsx</t>
  </si>
  <si>
    <t>C:\Users\suelenmm\OneDrive - Grupo Algar\Desktop - 12-11-19\PreVendas - Governo Diogo\PRODESP\</t>
  </si>
  <si>
    <t>Cenario Final.xlsb</t>
  </si>
  <si>
    <t>D:\Backup 12-11-2019\Desktop - 12-11-19\PreVendas - Governo Diogo\PRODESP\Cenario Final.xlsb</t>
  </si>
  <si>
    <t>Cenários Finais.xlsx</t>
  </si>
  <si>
    <t>D:\Backup 12-11-2019\Desktop - 12-11-19\PreVendas - Governo Diogo\PRODESP\Cenários Finais.xlsx</t>
  </si>
  <si>
    <t>Cenários Prodesp.xlsx</t>
  </si>
  <si>
    <t>D:\Backup 12-11-2019\Desktop - 12-11-19\PreVendas - Governo Diogo\PRODESP\Cenários Prodesp.xlsx</t>
  </si>
  <si>
    <t>Cópia de Map - Sistema de Precificação.xlsm</t>
  </si>
  <si>
    <t>D:\Backup 12-11-2019\Desktop - 12-11-19\PreVendas - Governo Diogo\PRODESP\Cópia de Map - Sistema de Precificação.xlsm</t>
  </si>
  <si>
    <t>Cópia de Map - Sistema de Precificação1.xlsm</t>
  </si>
  <si>
    <t>D:\Backup 12-11-2019\Desktop - 12-11-19\PreVendas - Governo Diogo\PRODESP\Cópia de Map - Sistema de Precificação1.xlsm</t>
  </si>
  <si>
    <t>Planilha Antiga Sem Compras Com PBM atingindo LL 950 reais.xlsb</t>
  </si>
  <si>
    <t>D:\Backup 12-11-2019\Desktop - 12-11-19\PreVendas - Governo Diogo\PRODESP\Planilha Antiga Sem Compras Com PBM atingindo LL 950 reais.xlsb</t>
  </si>
  <si>
    <t>Planilha Antiga Sem Compras Com PBM atingindo LL.xlsb</t>
  </si>
  <si>
    <t>D:\Backup 12-11-2019\Desktop - 12-11-19\PreVendas - Governo Diogo\PRODESP\Planilha Antiga Sem Compras Com PBM atingindo LL.xlsb</t>
  </si>
  <si>
    <t>Planilha Antiga Sem Compras Com PBM.xlsb</t>
  </si>
  <si>
    <t>D:\Backup 12-11-2019\Desktop - 12-11-19\PreVendas - Governo Diogo\PRODESP\Planilha Antiga Sem Compras Com PBM.xlsb</t>
  </si>
  <si>
    <t>Planilha Antiga Sem Compras.xlsb</t>
  </si>
  <si>
    <t>D:\Backup 12-11-2019\Desktop - 12-11-19\PreVendas - Governo Diogo\PRODESP\Planilha Antiga Sem Compras.xlsb</t>
  </si>
  <si>
    <t>Planilha Antiga.xlsb</t>
  </si>
  <si>
    <t>D:\Backup 12-11-2019\Desktop - 12-11-19\PreVendas - Governo Diogo\PRODESP\Planilha Antiga.xlsb</t>
  </si>
  <si>
    <t>Planilha Fatores.xlsx</t>
  </si>
  <si>
    <t>D:\Backup 12-11-2019\Desktop - 12-11-19\PreVendas - Governo Diogo\PRODESP\Planilha Fatores.xlsx</t>
  </si>
  <si>
    <t>C:\Users\suelenmm\OneDrive - Grupo Algar\Desktop - 12-11-19\PreVendas - Governo Diogo\PRODESP\2017\Acessa SP\</t>
  </si>
  <si>
    <t>Pricing SINTETEL.xlsb</t>
  </si>
  <si>
    <t>D:\Backup 12-11-2019\Desktop - 12-11-19\PreVendas - Governo Diogo\PRODESP\2017\Acessa SP\Pricing SINTETEL.xlsb</t>
  </si>
  <si>
    <t>C:\Users\suelenmm\OneDrive - Grupo Algar\Desktop - 12-11-19\PreVendas - Governo Diogo\PRODESP\2017\Acessa SP\Pricing SINTETEL.xlsb\</t>
  </si>
  <si>
    <t>C:\Users\suelenmm\OneDrive - Grupo Algar\Desktop - 12-11-19\PreVendas - Governo Diogo\PRODESP\2018\SD\</t>
  </si>
  <si>
    <t>Planilha de Fatores.xlsx</t>
  </si>
  <si>
    <t>D:\Backup 12-11-2019\Desktop - 12-11-19\PreVendas - Governo Diogo\PRODESP\2018\SD\Planilha de Fatores.xlsx</t>
  </si>
  <si>
    <t>simulação.xlsb</t>
  </si>
  <si>
    <t>D:\Backup 12-11-2019\Desktop - 12-11-19\PreVendas - Governo Diogo\PRODESP\2018\SD\simulação.xlsb</t>
  </si>
  <si>
    <t>C:\Users\suelenmm\OneDrive - Grupo Algar\Desktop - 12-11-19\PreVendas - Governo Diogo\PRODESP\2018\SD\simulação.xlsb\</t>
  </si>
  <si>
    <t>C:\Users\suelenmm\OneDrive - Grupo Algar\Desktop - 12-11-19\PreVendas - Governo Diogo\PRODESP\2018\SD\Cenário 1\</t>
  </si>
  <si>
    <t>Cópia de Estudo 1 - Novo contrato - Março - Prodesp.xls.xlsx</t>
  </si>
  <si>
    <t>D:\Backup 12-11-2019\Desktop - 12-11-19\PreVendas - Governo Diogo\PRODESP\2018\SD\Cenário 1\Cópia de Estudo 1 - Novo contrato - Março - Prodesp.xls.xlsx</t>
  </si>
  <si>
    <t>D:\Backup 12-11-2019\Desktop - 12-11-19\PreVendas - Governo Diogo\PRODESP\2018\SD\Cenário 1\simulação.xlsb</t>
  </si>
  <si>
    <t>C:\Users\suelenmm\OneDrive - Grupo Algar\Desktop - 12-11-19\PreVendas - Governo Diogo\PRODESP\Edital\14PPSD09\</t>
  </si>
  <si>
    <t>D:\Backup 12-11-2019\Desktop - 12-11-19\PreVendas - Governo Diogo\PRODESP\Edital\14PPSD09\Cenários Finais.xlsx</t>
  </si>
  <si>
    <t>Modelo Planilha de Composiá∆o de Custo e Preáo - 29 jul 14.xlsx</t>
  </si>
  <si>
    <t>D:\Backup 12-11-2019\Desktop - 12-11-19\PreVendas - Governo Diogo\PRODESP\Edital\14PPSD09\Modelo Planilha de Composiá∆o de Custo e Preáo - 29 jul 14.xlsx</t>
  </si>
  <si>
    <t>C:\Users\suelenmm\OneDrive - Grupo Algar\Desktop - 12-11-19\PreVendas - Governo Diogo\PRODESP\IN02\</t>
  </si>
  <si>
    <t>D:\Backup 12-11-2019\Desktop - 12-11-19\PreVendas - Governo Diogo\PRODESP\IN02\IN02.xlsx</t>
  </si>
  <si>
    <t>C:\Users\suelenmm\OneDrive - Grupo Algar\Desktop - 12-11-19\PreVendas - Governo Diogo\PRODESP\IN02\Diligência\</t>
  </si>
  <si>
    <t>IN02-AN.xlsx</t>
  </si>
  <si>
    <t>D:\Backup 12-11-2019\Desktop - 12-11-19\PreVendas - Governo Diogo\PRODESP\IN02\Diligência\IN02-AN.xlsx</t>
  </si>
  <si>
    <t>IN02-TOTAL.xlsx</t>
  </si>
  <si>
    <t>D:\Backup 12-11-2019\Desktop - 12-11-19\PreVendas - Governo Diogo\PRODESP\IN02\Diligência\IN02-TOTAL.xlsx</t>
  </si>
  <si>
    <t>IN02-Técnico.xlsx</t>
  </si>
  <si>
    <t>D:\Backup 12-11-2019\Desktop - 12-11-19\PreVendas - Governo Diogo\PRODESP\IN02\Diligência\IN02-Técnico.xlsx</t>
  </si>
  <si>
    <t>C:\Users\suelenmm\OneDrive - Grupo Algar\Desktop - 12-11-19\PreVendas - Governo Diogo\PRODESP\Projeto de Redes 2015\</t>
  </si>
  <si>
    <t>Análise Diogo.xlsx</t>
  </si>
  <si>
    <t>D:\Backup 12-11-2019\Desktop - 12-11-19\PreVendas - Governo Diogo\PRODESP\Projeto de Redes 2015\Análise Diogo.xlsx</t>
  </si>
  <si>
    <t>C:\Users\suelenmm\OneDrive - Grupo Algar\Desktop - 12-11-19\PreVendas - Governo Diogo\PRODESP\Rentabilização\</t>
  </si>
  <si>
    <t>Cópia de PAC PRODESP 344001089.xlsx</t>
  </si>
  <si>
    <t>D:\Backup 12-11-2019\Desktop - 12-11-19\PreVendas - Governo Diogo\PRODESP\Rentabilização\Cópia de PAC PRODESP 344001089.xlsx</t>
  </si>
  <si>
    <t>Impactos Impressoras.xlsx</t>
  </si>
  <si>
    <t>D:\Backup 12-11-2019\Desktop - 12-11-19\PreVendas - Governo Diogo\PRODESP\Rentabilização\Impactos Impressoras.xlsx</t>
  </si>
  <si>
    <t>C:\Users\suelenmm\OneDrive - Grupo Algar\Desktop - 12-11-19\PreVendas - Governo Diogo\PRODESP\Suporte 2015\06-2015\</t>
  </si>
  <si>
    <t>Proposta de Catálogo.xlsx</t>
  </si>
  <si>
    <t>D:\Backup 12-11-2019\Desktop - 12-11-19\PreVendas - Governo Diogo\PRODESP\Suporte 2015\06-2015\Proposta de Catálogo.xlsx</t>
  </si>
  <si>
    <t>C:\Users\suelenmm\OneDrive - Grupo Algar\Desktop - 12-11-19\PreVendas - Governo Diogo\PRODESP\Suporte 2015\Publicado\</t>
  </si>
  <si>
    <t>D:\Backup 12-11-2019\Desktop - 12-11-19\PreVendas - Governo Diogo\PRODESP\Suporte 2015\Publicado\Simulação.xlsx</t>
  </si>
  <si>
    <t>D:\Backup 12-11-2019\Desktop - 12-11-19\PreVendas - Governo Diogo\PRODEST\Cotação.xlsx</t>
  </si>
  <si>
    <t>C:\Users\suelenmm\OneDrive - Grupo Algar\Desktop - 12-11-19\PreVendas - Governo Diogo\Programa de Formação\</t>
  </si>
  <si>
    <t>PF PV Diogo.xlsx</t>
  </si>
  <si>
    <t>D:\Backup 12-11-2019\Desktop - 12-11-19\PreVendas - Governo Diogo\Programa de Formação\PF PV Diogo.xlsx</t>
  </si>
  <si>
    <t>C:\Users\suelenmm\OneDrive - Grupo Algar\Desktop - 12-11-19\PreVendas - Governo Diogo\Renovação\</t>
  </si>
  <si>
    <t>Resultado 2014.xls</t>
  </si>
  <si>
    <t>D:\Backup 12-11-2019\Desktop - 12-11-19\PreVendas - Governo Diogo\Renovação\Resultado 2014.xls</t>
  </si>
  <si>
    <t>C:\Users\suelenmm\OneDrive - Grupo Algar\Desktop - 12-11-19\PreVendas - Governo Diogo\repactuações\CNPQ\</t>
  </si>
  <si>
    <t>D:\Backup 12-11-2019\Desktop - 12-11-19\PreVendas - Governo Diogo\repactuações\CNPQ\2.1 - ADMINISTRADOR DE BANCO DE DADOS.xlsx</t>
  </si>
  <si>
    <t>D:\Backup 12-11-2019\Desktop - 12-11-19\PreVendas - Governo Diogo\repactuações\CNPQ\2.2 - ANALISTA DE MIDLEWARE.xlsx</t>
  </si>
  <si>
    <t>D:\Backup 12-11-2019\Desktop - 12-11-19\PreVendas - Governo Diogo\repactuações\CNPQ\2.4 - ANALISTA DE MENSAGERIA E COLABORAÇÃO.xlsx</t>
  </si>
  <si>
    <t>C:\Users\suelenmm\OneDrive - Grupo Algar\Desktop - 12-11-19\PreVendas - Governo Diogo\repactuações\CNPQ\CCT 13-14.zip\CCT 13-14\</t>
  </si>
  <si>
    <t>D:\Backup 12-11-2019\Desktop - 12-11-19\PreVendas - Governo Diogo\repactuações\CNPQ\CCT 13-14.zip</t>
  </si>
  <si>
    <t>C:\Users\suelenmm\OneDrive - Grupo Algar\Desktop - 12-11-19\PreVendas - Governo Diogo\repactuações\CNPQ\CCT 2014-2015.zip\CCT 2014-2015\</t>
  </si>
  <si>
    <t>D:\Backup 12-11-2019\Desktop - 12-11-19\PreVendas - Governo Diogo\repactuações\CNPQ\CCT 2014-2015.zip</t>
  </si>
  <si>
    <t>2.4 - ANALISTA DE MENSAGERIA E COLABORACAO.xlsx</t>
  </si>
  <si>
    <t>Formul rio de Proposta Comercial - Lote 4.xls</t>
  </si>
  <si>
    <t>C:\Users\suelenmm\OneDrive - Grupo Algar\Desktop - 12-11-19\PreVendas - Governo Diogo\repactuações\CNPQ\CNPq Executando 2012.zip\CNPq Executando 2012\</t>
  </si>
  <si>
    <t>D:\Backup 12-11-2019\Desktop - 12-11-19\PreVendas - Governo Diogo\repactuações\CNPQ\CNPq Executando 2012.zip</t>
  </si>
  <si>
    <t>D:\Backup 12-11-2019\Desktop - 12-11-19\PreVendas - Governo Diogo\repactuações\CNPQ\Formulário de Proposta Comercial - Lote 4.xls</t>
  </si>
  <si>
    <t>C:\Users\suelenmm\OneDrive - Grupo Algar\Desktop - 12-11-19\PreVendas - Governo Diogo\repactuações\CNPQ\CCT 2012-2013\</t>
  </si>
  <si>
    <t>D:\Backup 12-11-2019\Desktop - 12-11-19\PreVendas - Governo Diogo\repactuações\CNPQ\CCT 2012-2013\2.1 - ADMINISTRADOR DE BANCO DE DADOS.xlsx</t>
  </si>
  <si>
    <t>D:\Backup 12-11-2019\Desktop - 12-11-19\PreVendas - Governo Diogo\repactuações\CNPQ\CCT 2012-2013\2.2 - ANALISTA DE MIDLEWARE.xlsx</t>
  </si>
  <si>
    <t>D:\Backup 12-11-2019\Desktop - 12-11-19\PreVendas - Governo Diogo\repactuações\CNPQ\CCT 2012-2013\2.4 - ANALISTA DE MENSAGERIA E COLABORAÇÃO.xlsx</t>
  </si>
  <si>
    <t>D:\Backup 12-11-2019\Desktop - 12-11-19\PreVendas - Governo Diogo\repactuações\CNPQ\CCT 2012-2013\Formulário de Proposta Comercial - Lote 4.xls</t>
  </si>
  <si>
    <t>C:\Users\suelenmm\OneDrive - Grupo Algar\Desktop - 12-11-19\PreVendas - Governo Diogo\repactuações\CNPQ\CCT 2014-2015\</t>
  </si>
  <si>
    <t>D:\Backup 12-11-2019\Desktop - 12-11-19\PreVendas - Governo Diogo\repactuações\CNPQ\CCT 2014-2015\2.1 - ADMINISTRADOR DE BANCO DE DADOS.xlsx</t>
  </si>
  <si>
    <t>D:\Backup 12-11-2019\Desktop - 12-11-19\PreVendas - Governo Diogo\repactuações\CNPQ\CCT 2014-2015\2.2 - ANALISTA DE MIDLEWARE.xlsx</t>
  </si>
  <si>
    <t>D:\Backup 12-11-2019\Desktop - 12-11-19\PreVendas - Governo Diogo\repactuações\CNPQ\CCT 2014-2015\2.4 - ANALISTA DE MENSAGERIA E COLABORACAO.xlsx</t>
  </si>
  <si>
    <t>D:\Backup 12-11-2019\Desktop - 12-11-19\PreVendas - Governo Diogo\repactuações\CNPQ\CCT 2014-2015\Formulário de Proposta Comercial - Lote 4.xls</t>
  </si>
  <si>
    <t>C:\Users\suelenmm\OneDrive - Grupo Algar\Desktop - 12-11-19\PreVendas - Governo Diogo\repactuações\CNPQ\CNPq Executando 2012\</t>
  </si>
  <si>
    <t>D:\Backup 12-11-2019\Desktop - 12-11-19\PreVendas - Governo Diogo\repactuações\CNPQ\CNPq Executando 2012\2.1 - ADMINISTRADOR DE BANCO DE DADOS.xlsx</t>
  </si>
  <si>
    <t>D:\Backup 12-11-2019\Desktop - 12-11-19\PreVendas - Governo Diogo\repactuações\CNPQ\CNPq Executando 2012\2.2 - ANALISTA DE MIDLEWARE.xlsx</t>
  </si>
  <si>
    <t>D:\Backup 12-11-2019\Desktop - 12-11-19\PreVendas - Governo Diogo\repactuações\CNPQ\CNPq Executando 2012\2.3 - ANALISTA DE INTERNET_WEB.xlsx</t>
  </si>
  <si>
    <t>D:\Backup 12-11-2019\Desktop - 12-11-19\PreVendas - Governo Diogo\repactuações\CNPQ\CNPq Executando 2012\2.4 - ANALISTA DE MENSAGERIA E COLABORAÇÃO.xlsx</t>
  </si>
  <si>
    <t>D:\Backup 12-11-2019\Desktop - 12-11-19\PreVendas - Governo Diogo\repactuações\CNPQ\CNPq Executando 2012\Formulário de Proposta Comercial - Lote 4.xls</t>
  </si>
  <si>
    <t>C:\Users\suelenmm\OneDrive - Grupo Algar\Desktop - 12-11-19\PreVendas - Governo Diogo\repactuações\CNPQ\Horas Extras_CNPq\COM_PBM\CCT_13-14\</t>
  </si>
  <si>
    <t>D:\Backup 12-11-2019\Desktop - 12-11-19\PreVendas - Governo Diogo\repactuações\CNPQ\Horas Extras_CNPq\COM_PBM\CCT_13-14\2.1 - ADMINISTRADOR DE BANCO DE DADOS.xlsx</t>
  </si>
  <si>
    <t>D:\Backup 12-11-2019\Desktop - 12-11-19\PreVendas - Governo Diogo\repactuações\CNPQ\Horas Extras_CNPq\COM_PBM\CCT_13-14\2.2 - ANALISTA DE MIDLEWARE.xlsx</t>
  </si>
  <si>
    <t>D:\Backup 12-11-2019\Desktop - 12-11-19\PreVendas - Governo Diogo\repactuações\CNPQ\Horas Extras_CNPq\COM_PBM\CCT_13-14\2.4 - ANALISTA DE MENSAGERIA E COLABORACÌ§AÌƒO.xlsx</t>
  </si>
  <si>
    <t>Formulário de Proposta Comercial - Lote 4_ 2013 2014.xls</t>
  </si>
  <si>
    <t>D:\Backup 12-11-2019\Desktop - 12-11-19\PreVendas - Governo Diogo\repactuações\CNPQ\Horas Extras_CNPq\COM_PBM\CCT_13-14\Formulário de Proposta Comercial - Lote 4_ 2013 2014.xls</t>
  </si>
  <si>
    <t>Lote 4_ 2013 2014_ até_set.xls</t>
  </si>
  <si>
    <t>D:\Backup 12-11-2019\Desktop - 12-11-19\PreVendas - Governo Diogo\repactuações\CNPQ\Horas Extras_CNPq\COM_PBM\CCT_13-14\Lote 4_ 2013 2014_ até_set.xls</t>
  </si>
  <si>
    <t>C:\Users\suelenmm\OneDrive - Grupo Algar\Desktop - 12-11-19\PreVendas - Governo Diogo\repactuações\CNPQ\Horas Extras_CNPq\COM_PBM\CCT_2012_2013\</t>
  </si>
  <si>
    <t>D:\Backup 12-11-2019\Desktop - 12-11-19\PreVendas - Governo Diogo\repactuações\CNPQ\Horas Extras_CNPq\COM_PBM\CCT_2012_2013\2.1 - ADMINISTRADOR DE BANCO DE DADOS.xlsx</t>
  </si>
  <si>
    <t>D:\Backup 12-11-2019\Desktop - 12-11-19\PreVendas - Governo Diogo\repactuações\CNPQ\Horas Extras_CNPq\COM_PBM\CCT_2012_2013\2.2 - ANALISTA DE MIDLEWARE.xlsx</t>
  </si>
  <si>
    <t>D:\Backup 12-11-2019\Desktop - 12-11-19\PreVendas - Governo Diogo\repactuações\CNPQ\Horas Extras_CNPq\COM_PBM\CCT_2012_2013\2.4 - ANALISTA DE MENSAGERIA E COLABORACÌ§AÌƒO.xlsx</t>
  </si>
  <si>
    <t>D:\Backup 12-11-2019\Desktop - 12-11-19\PreVendas - Governo Diogo\repactuações\CNPQ\Horas Extras_CNPq\COM_PBM\CCT_2012_2013\Formulário de Proposta Comercial - Lote 4.xls</t>
  </si>
  <si>
    <t>Lote 4_ 2012_2013.xls</t>
  </si>
  <si>
    <t>D:\Backup 12-11-2019\Desktop - 12-11-19\PreVendas - Governo Diogo\repactuações\CNPQ\Horas Extras_CNPq\COM_PBM\CCT_2012_2013\Lote 4_ 2012_2013.xls</t>
  </si>
  <si>
    <t>C:\Users\suelenmm\OneDrive - Grupo Algar\Desktop - 12-11-19\PreVendas - Governo Diogo\repactuações\CNPQ\Horas Extras_CNPq\COM_PBM\CNPq_Executando 2012\</t>
  </si>
  <si>
    <t>D:\Backup 12-11-2019\Desktop - 12-11-19\PreVendas - Governo Diogo\repactuações\CNPQ\Horas Extras_CNPq\COM_PBM\CNPq_Executando 2012\2.1 - ADMINISTRADOR DE BANCO DE DADOS.xlsx</t>
  </si>
  <si>
    <t>D:\Backup 12-11-2019\Desktop - 12-11-19\PreVendas - Governo Diogo\repactuações\CNPQ\Horas Extras_CNPq\COM_PBM\CNPq_Executando 2012\2.2 - ANALISTA DE MIDLEWARE.xlsx</t>
  </si>
  <si>
    <t>D:\Backup 12-11-2019\Desktop - 12-11-19\PreVendas - Governo Diogo\repactuações\CNPQ\Horas Extras_CNPq\COM_PBM\CNPq_Executando 2012\2.3 - ANALISTA DE INTERNET_WEB.xlsx</t>
  </si>
  <si>
    <t>D:\Backup 12-11-2019\Desktop - 12-11-19\PreVendas - Governo Diogo\repactuações\CNPQ\Horas Extras_CNPq\COM_PBM\CNPq_Executando 2012\2.4 - ANALISTA DE MENSAGERIA E COLABORACÌ§AÌƒO.xlsx</t>
  </si>
  <si>
    <t>Lote_4_2012.xls</t>
  </si>
  <si>
    <t>D:\Backup 12-11-2019\Desktop - 12-11-19\PreVendas - Governo Diogo\repactuações\CNPQ\Horas Extras_CNPq\COM_PBM\CNPq_Executando 2012\Lote_4_2012.xls</t>
  </si>
  <si>
    <t>C:\Users\suelenmm\OneDrive - Grupo Algar\Desktop - 12-11-19\PreVendas - Governo Diogo\repactuações\CNPQ\Horas Extras_CNPq\Resumo\</t>
  </si>
  <si>
    <t>D:\Backup 12-11-2019\Desktop - 12-11-19\PreVendas - Governo Diogo\repactuações\CNPQ\Horas Extras_CNPq\Resumo\Resumo.xlsx</t>
  </si>
  <si>
    <t>C:\Users\suelenmm\OneDrive - Grupo Algar\Desktop - 12-11-19\PreVendas - Governo Diogo\repactuações\CNPQ\Horas Extras_CNPq\SEM_PBM\CCT 13-14\</t>
  </si>
  <si>
    <t>D:\Backup 12-11-2019\Desktop - 12-11-19\PreVendas - Governo Diogo\repactuações\CNPQ\Horas Extras_CNPq\SEM_PBM\CCT 13-14\2.1 - ADMINISTRADOR DE BANCO DE DADOS.xlsx</t>
  </si>
  <si>
    <t>D:\Backup 12-11-2019\Desktop - 12-11-19\PreVendas - Governo Diogo\repactuações\CNPQ\Horas Extras_CNPq\SEM_PBM\CCT 13-14\2.2 - ANALISTA DE MIDLEWARE.xlsx</t>
  </si>
  <si>
    <t>D:\Backup 12-11-2019\Desktop - 12-11-19\PreVendas - Governo Diogo\repactuações\CNPQ\Horas Extras_CNPq\SEM_PBM\CCT 13-14\2.4 - ANALISTA DE MENSAGERIA E COLABORAÇÃO.xlsx</t>
  </si>
  <si>
    <t>D:\Backup 12-11-2019\Desktop - 12-11-19\PreVendas - Governo Diogo\repactuações\CNPQ\Horas Extras_CNPq\SEM_PBM\CCT 13-14\Formulário de Proposta Comercial - Lote 4.xls</t>
  </si>
  <si>
    <t>C:\Users\suelenmm\OneDrive - Grupo Algar\Desktop - 12-11-19\PreVendas - Governo Diogo\repactuações\CNPQ\Horas Extras_CNPq\SEM_PBM\CCT 2012-2013\</t>
  </si>
  <si>
    <t>D:\Backup 12-11-2019\Desktop - 12-11-19\PreVendas - Governo Diogo\repactuações\CNPQ\Horas Extras_CNPq\SEM_PBM\CCT 2012-2013\2.1 - ADMINISTRADOR DE BANCO DE DADOS.xlsx</t>
  </si>
  <si>
    <t>D:\Backup 12-11-2019\Desktop - 12-11-19\PreVendas - Governo Diogo\repactuações\CNPQ\Horas Extras_CNPq\SEM_PBM\CCT 2012-2013\2.2 - ANALISTA DE MIDLEWARE.xlsx</t>
  </si>
  <si>
    <t>D:\Backup 12-11-2019\Desktop - 12-11-19\PreVendas - Governo Diogo\repactuações\CNPQ\Horas Extras_CNPq\SEM_PBM\CCT 2012-2013\2.4 - ANALISTA DE MENSAGERIA E COLABORAÇÃO.xlsx</t>
  </si>
  <si>
    <t>D:\Backup 12-11-2019\Desktop - 12-11-19\PreVendas - Governo Diogo\repactuações\CNPQ\Horas Extras_CNPq\SEM_PBM\CCT 2012-2013\Formulário de Proposta Comercial - Lote 4.xls</t>
  </si>
  <si>
    <t>C:\Users\suelenmm\OneDrive - Grupo Algar\Desktop - 12-11-19\PreVendas - Governo Diogo\repactuações\CNPQ\Horas Extras_CNPq\SEM_PBM\CNPq Executando 2012\</t>
  </si>
  <si>
    <t>D:\Backup 12-11-2019\Desktop - 12-11-19\PreVendas - Governo Diogo\repactuações\CNPQ\Horas Extras_CNPq\SEM_PBM\CNPq Executando 2012\2.1 - ADMINISTRADOR DE BANCO DE DADOS.xlsx</t>
  </si>
  <si>
    <t>D:\Backup 12-11-2019\Desktop - 12-11-19\PreVendas - Governo Diogo\repactuações\CNPQ\Horas Extras_CNPq\SEM_PBM\CNPq Executando 2012\2.2 - ANALISTA DE MIDLEWARE.xlsx</t>
  </si>
  <si>
    <t>D:\Backup 12-11-2019\Desktop - 12-11-19\PreVendas - Governo Diogo\repactuações\CNPQ\Horas Extras_CNPq\SEM_PBM\CNPq Executando 2012\2.3 - ANALISTA DE INTERNET_WEB.xlsx</t>
  </si>
  <si>
    <t>D:\Backup 12-11-2019\Desktop - 12-11-19\PreVendas - Governo Diogo\repactuações\CNPQ\Horas Extras_CNPq\SEM_PBM\CNPq Executando 2012\2.4 - ANALISTA DE MENSAGERIA E COLABORAÇÃO.xlsx</t>
  </si>
  <si>
    <t>D:\Backup 12-11-2019\Desktop - 12-11-19\PreVendas - Governo Diogo\repactuações\CNPQ\Horas Extras_CNPq\SEM_PBM\CNPq Executando 2012\Formulário de Proposta Comercial - Lote 4.xls</t>
  </si>
  <si>
    <t>C:\Users\suelenmm\OneDrive - Grupo Algar\Desktop - 12-11-19\PreVendas - Governo Diogo\repactuações\DPF\Lote 4\</t>
  </si>
  <si>
    <t>Timeline.xlsx</t>
  </si>
  <si>
    <t>D:\Backup 12-11-2019\Desktop - 12-11-19\PreVendas - Governo Diogo\repactuações\DPF\Lote 4\Timeline.xlsx</t>
  </si>
  <si>
    <t>C:\Users\suelenmm\OneDrive - Grupo Algar\Desktop - 12-11-19\PreVendas - Governo Diogo\repactuações\DPF\Lote 4\5,49%\</t>
  </si>
  <si>
    <t>D:\Backup 12-11-2019\Desktop - 12-11-19\PreVendas - Governo Diogo\repactuações\DPF\Lote 4\5,49%\2.3 - Lote 4 - Coordenador de Projetos.xlsx</t>
  </si>
  <si>
    <t>C:\Users\suelenmm\OneDrive - Grupo Algar\Desktop - 12-11-19\PreVendas - Governo Diogo\repactuações\DPF\Lote 4\Original\</t>
  </si>
  <si>
    <t>D:\Backup 12-11-2019\Desktop - 12-11-19\PreVendas - Governo Diogo\repactuações\DPF\Lote 4\Original\2 - Lote 4 - Consolidaá∆o dos preáos.xls</t>
  </si>
  <si>
    <t>C:\Users\suelenmm\OneDrive - Grupo Algar\Desktop - 12-11-19\PreVendas - Governo Diogo\repactuações\FUNDACENTRO\</t>
  </si>
  <si>
    <t>Consolidado PBM.xlsx</t>
  </si>
  <si>
    <t>D:\Backup 12-11-2019\Desktop - 12-11-19\PreVendas - Governo Diogo\repactuações\FUNDACENTRO\Consolidado PBM.xlsx</t>
  </si>
  <si>
    <t>Planilha IN 02 - Fundacentro - Dissídio 2012 DESONERADO.xlsx</t>
  </si>
  <si>
    <t>D:\Backup 12-11-2019\Desktop - 12-11-19\PreVendas - Governo Diogo\repactuações\FUNDACENTRO\Planilha IN 02 - Fundacentro - Dissídio 2012 DESONERADO.xlsx</t>
  </si>
  <si>
    <t>Planilha IN 02 - Fundacentro - Dissídio 2013 FINAL.xlsx</t>
  </si>
  <si>
    <t>D:\Backup 12-11-2019\Desktop - 12-11-19\PreVendas - Governo Diogo\repactuações\FUNDACENTRO\Planilha IN 02 - Fundacentro - Dissídio 2013 FINAL.xlsx</t>
  </si>
  <si>
    <t>Planilha IN 02 - Fundacentro - Dissídio 2014.xlsx</t>
  </si>
  <si>
    <t>D:\Backup 12-11-2019\Desktop - 12-11-19\PreVendas - Governo Diogo\repactuações\FUNDACENTRO\Planilha IN 02 - Fundacentro - Dissídio 2014.xlsx</t>
  </si>
  <si>
    <t>C:\Users\suelenmm\OneDrive - Grupo Algar\Desktop - 12-11-19\PreVendas - Governo Diogo\repactuações\FUNDACENTRO\Supressão PBM + CCT.zip\SupressÆo PBM + CCT\</t>
  </si>
  <si>
    <t>D:\Backup 12-11-2019\Desktop - 12-11-19\PreVendas - Governo Diogo\repactuações\FUNDACENTRO\Supressão PBM + CCT.zip</t>
  </si>
  <si>
    <t>Planilha IN 02 - Fundacentro - Diss¡dio 2012 DESONERADO.xlsx</t>
  </si>
  <si>
    <t>Planilha IN 02 - Fundacentro - Diss¡dio 2013 FINAL.xlsx</t>
  </si>
  <si>
    <t>Planilha IN 02 - Fundacentro - Diss¡dio 2014.xlsx</t>
  </si>
  <si>
    <t>C:\Users\suelenmm\OneDrive - Grupo Algar\Desktop - 12-11-19\PreVendas - Governo Diogo\repactuações\FUNDACENTRO\Supressão PBM + CCT\</t>
  </si>
  <si>
    <t>D:\Backup 12-11-2019\Desktop - 12-11-19\PreVendas - Governo Diogo\repactuações\FUNDACENTRO\Supressão PBM + CCT\Consolidado PBM.xlsx</t>
  </si>
  <si>
    <t>D:\Backup 12-11-2019\Desktop - 12-11-19\PreVendas - Governo Diogo\repactuações\FUNDACENTRO\Supressão PBM + CCT\Planilha IN 02 - Fundacentro - Dissídio 2012 DESONERADO.xlsx</t>
  </si>
  <si>
    <t>D:\Backup 12-11-2019\Desktop - 12-11-19\PreVendas - Governo Diogo\repactuações\FUNDACENTRO\Supressão PBM + CCT\Planilha IN 02 - Fundacentro - Dissídio 2013 FINAL.xlsx</t>
  </si>
  <si>
    <t>D:\Backup 12-11-2019\Desktop - 12-11-19\PreVendas - Governo Diogo\repactuações\FUNDACENTRO\Supressão PBM + CCT\Planilha IN 02 - Fundacentro - Dissídio 2014.xlsx</t>
  </si>
  <si>
    <t>C:\Users\suelenmm\OneDrive - Grupo Algar\Desktop - 12-11-19\PreVendas - Governo Diogo\repactuações\MD\MD CCT12-13.zip\</t>
  </si>
  <si>
    <t>Quadro Resumo.xls</t>
  </si>
  <si>
    <t>D:\Backup 12-11-2019\Desktop - 12-11-19\PreVendas - Governo Diogo\repactuações\MD\MD CCT12-13.zip</t>
  </si>
  <si>
    <t>ServicÌ§o de Armazenamento de Dados.xls</t>
  </si>
  <si>
    <t>ServicÌ§o de SegurancÌ§a da InformacÌ§aÌƒo.xls</t>
  </si>
  <si>
    <t>Suporte e AdministracÌ§aÌƒo de Ambiente de ProducÌ§aÌƒo.xls</t>
  </si>
  <si>
    <t>Suporte e AdministracÌ§aÌƒo de Rede Local (LAN e WLAN).xls</t>
  </si>
  <si>
    <t>Suporte e AdministracÌ§aÌƒo de Rede Local (WAN) (SUPR).xls</t>
  </si>
  <si>
    <t>Suporte e AdministracÌ§aÌƒo de Sistemas Operacionais.xls</t>
  </si>
  <si>
    <t>C:\Users\suelenmm\OneDrive - Grupo Algar\Desktop - 12-11-19\PreVendas - Governo Diogo\repactuações\MD\</t>
  </si>
  <si>
    <t>D:\Backup 12-11-2019\Desktop - 12-11-19\PreVendas - Governo Diogo\repactuações\MD\Quadro Resumo.xls</t>
  </si>
  <si>
    <t>Serviço de Armazenamento de Dados.xls</t>
  </si>
  <si>
    <t>D:\Backup 12-11-2019\Desktop - 12-11-19\PreVendas - Governo Diogo\repactuações\MD\Serviço de Armazenamento de Dados.xls</t>
  </si>
  <si>
    <t>Serviço de Segurança da Informação.xls</t>
  </si>
  <si>
    <t>D:\Backup 12-11-2019\Desktop - 12-11-19\PreVendas - Governo Diogo\repactuações\MD\Serviço de Segurança da Informação.xls</t>
  </si>
  <si>
    <t>Suporte e Administração de Ambiente de Produção.xls</t>
  </si>
  <si>
    <t>D:\Backup 12-11-2019\Desktop - 12-11-19\PreVendas - Governo Diogo\repactuações\MD\Suporte e Administração de Ambiente de Produção.xls</t>
  </si>
  <si>
    <t>Suporte e Administração de Rede Local (LAN e WLAN).xls</t>
  </si>
  <si>
    <t>D:\Backup 12-11-2019\Desktop - 12-11-19\PreVendas - Governo Diogo\repactuações\MD\Suporte e Administração de Rede Local (LAN e WLAN).xls</t>
  </si>
  <si>
    <t>Suporte e Administração de Rede Local (WAN) (SUPR).xls</t>
  </si>
  <si>
    <t>D:\Backup 12-11-2019\Desktop - 12-11-19\PreVendas - Governo Diogo\repactuações\MD\Suporte e Administração de Rede Local (WAN) (SUPR).xls</t>
  </si>
  <si>
    <t>Suporte e Administração de Sistemas Operacionais.xls</t>
  </si>
  <si>
    <t>D:\Backup 12-11-2019\Desktop - 12-11-19\PreVendas - Governo Diogo\repactuações\MD\Suporte e Administração de Sistemas Operacionais.xls</t>
  </si>
  <si>
    <t>C:\Users\suelenmm\OneDrive - Grupo Algar\Desktop - 12-11-19\PreVendas - Governo Diogo\repactuações\MDS\Renovação\Apenas Dissídio.zip\</t>
  </si>
  <si>
    <t>Assessoria - Planilha Analista Senior.xls</t>
  </si>
  <si>
    <t>D:\Backup 12-11-2019\Desktop - 12-11-19\PreVendas - Governo Diogo\repactuações\MDS\Renovação\Apenas Dissídio.zip</t>
  </si>
  <si>
    <t>Exec Projeto - Analista Pleno.xlsx</t>
  </si>
  <si>
    <t>Exec Projeto - Analista senior.xls</t>
  </si>
  <si>
    <t>C:\Users\suelenmm\OneDrive - Grupo Algar\Desktop - 12-11-19\PreVendas - Governo Diogo\repactuações\MDS\Renovação\</t>
  </si>
  <si>
    <t>D:\Backup 12-11-2019\Desktop - 12-11-19\PreVendas - Governo Diogo\repactuações\MDS\Renovação\Assessoria - Planilha Analista Senior.xls</t>
  </si>
  <si>
    <t>Renovacao MDS-2.xlsx</t>
  </si>
  <si>
    <t>D:\Backup 12-11-2019\Desktop - 12-11-19\PreVendas - Governo Diogo\repactuações\MDS\Renovação\Renovacao MDS-2.xlsx</t>
  </si>
  <si>
    <t>D:\Backup 12-11-2019\Desktop - 12-11-19\PreVendas - Governo Diogo\repactuações\MDS\Renovação\Apenas Dissídio\Assessoria - Planilha Analista Senior.xls</t>
  </si>
  <si>
    <t>C:\Users\suelenmm\OneDrive - Grupo Algar\Desktop - 12-11-19\PreVendas - Governo Diogo\repactuações\MDS\Renovação\Apenas Dissídio\</t>
  </si>
  <si>
    <t>D:\Backup 12-11-2019\Desktop - 12-11-19\PreVendas - Governo Diogo\repactuações\MDS\Renovação\Apenas Dissídio\Exec Projeto - Analista Pleno.xlsx</t>
  </si>
  <si>
    <t>D:\Backup 12-11-2019\Desktop - 12-11-19\PreVendas - Governo Diogo\repactuações\MDS\Renovação\Apenas Dissídio\Exec Projeto - Analista senior.xls</t>
  </si>
  <si>
    <t>C:\Users\suelenmm\OneDrive - Grupo Algar\Desktop - 12-11-19\PreVendas - Governo Diogo\repactuações\MDS\Repactuação 2011\</t>
  </si>
  <si>
    <t>D:\Backup 12-11-2019\Desktop - 12-11-19\PreVendas - Governo Diogo\repactuações\MDS\Repactuação 2011\Assessoria - Planilha Analista Senior.xls</t>
  </si>
  <si>
    <t>Assessoria - Resumo do serviço.xls</t>
  </si>
  <si>
    <t>D:\Backup 12-11-2019\Desktop - 12-11-19\PreVendas - Governo Diogo\repactuações\MDS\Repactuação 2011\Assessoria - Resumo do serviço.xls</t>
  </si>
  <si>
    <t>D:\Backup 12-11-2019\Desktop - 12-11-19\PreVendas - Governo Diogo\repactuações\MDS\Repactuação 2011\Exec Projeto - Analista senior.xls</t>
  </si>
  <si>
    <t>Exec Projeto - Resumo do serviço.xlsx</t>
  </si>
  <si>
    <t>D:\Backup 12-11-2019\Desktop - 12-11-19\PreVendas - Governo Diogo\repactuações\MDS\Repactuação 2011\Exec Projeto - Resumo do serviço.xlsx</t>
  </si>
  <si>
    <t>C:\Users\suelenmm\OneDrive - Grupo Algar\Desktop - 12-11-19\PreVendas - Governo Diogo\repactuações\MDS\Repactuação 2011\Repactuação 2011 - AlteraçãoEncargos.zip\</t>
  </si>
  <si>
    <t>D:\Backup 12-11-2019\Desktop - 12-11-19\PreVendas - Governo Diogo\repactuações\MDS\Repactuação 2011\Repactuação 2011 - AlteraçãoEncargos.zip</t>
  </si>
  <si>
    <t>Assessoria - Resumo do servi‡o.xls</t>
  </si>
  <si>
    <t>Exec Projeto - Resumo do servi‡o.xlsx</t>
  </si>
  <si>
    <t>Resumo do servi‡o - Compara‡Æo 2011.xlsx</t>
  </si>
  <si>
    <t>C:\Users\suelenmm\OneDrive - Grupo Algar\Desktop - 12-11-19\PreVendas - Governo Diogo\repactuações\MDS\Repactuação 2011\Repactuação 2011 - AlteraçãoEncargos\</t>
  </si>
  <si>
    <t>D:\Backup 12-11-2019\Desktop - 12-11-19\PreVendas - Governo Diogo\repactuações\MDS\Repactuação 2011\Repactuação 2011 - AlteraçãoEncargos\Assessoria - Planilha Analista Senior.xls</t>
  </si>
  <si>
    <t>Assessoria - Resumo do serviáo.xls</t>
  </si>
  <si>
    <t>D:\Backup 12-11-2019\Desktop - 12-11-19\PreVendas - Governo Diogo\repactuações\MDS\Repactuação 2011\Repactuação 2011 - AlteraçãoEncargos\Assessoria - Resumo do serviáo.xls</t>
  </si>
  <si>
    <t>D:\Backup 12-11-2019\Desktop - 12-11-19\PreVendas - Governo Diogo\repactuações\MDS\Repactuação 2011\Repactuação 2011 - AlteraçãoEncargos\Exec Projeto - Analista Pleno.xlsx</t>
  </si>
  <si>
    <t>D:\Backup 12-11-2019\Desktop - 12-11-19\PreVendas - Governo Diogo\repactuações\MDS\Repactuação 2011\Repactuação 2011 - AlteraçãoEncargos\Exec Projeto - Analista senior.xls</t>
  </si>
  <si>
    <t>Resumo do serviáo - Comparaá∆o 2011.xlsx</t>
  </si>
  <si>
    <t>D:\Backup 12-11-2019\Desktop - 12-11-19\PreVendas - Governo Diogo\repactuações\MDS\Repactuação 2011\Repactuação 2011 - AlteraçãoEncargos\Resumo do serviáo - Comparaá∆o 2011.xlsx</t>
  </si>
  <si>
    <t>C:\Users\suelenmm\OneDrive - Grupo Algar\Desktop - 12-11-19\PreVendas - Governo Diogo\repactuações\MDS\Repactuação 2012\</t>
  </si>
  <si>
    <t>Analista de Negocios Sr.xlsb</t>
  </si>
  <si>
    <t>D:\Backup 12-11-2019\Desktop - 12-11-19\PreVendas - Governo Diogo\repactuações\MDS\Repactuação 2012\Analista de Negocios Sr.xlsb</t>
  </si>
  <si>
    <t>Analista de Projetos Pl.xlsb</t>
  </si>
  <si>
    <t>D:\Backup 12-11-2019\Desktop - 12-11-19\PreVendas - Governo Diogo\repactuações\MDS\Repactuação 2012\Analista de Projetos Pl.xlsb</t>
  </si>
  <si>
    <t>Analista de Projetos Sr.xlsb</t>
  </si>
  <si>
    <t>D:\Backup 12-11-2019\Desktop - 12-11-19\PreVendas - Governo Diogo\repactuações\MDS\Repactuação 2012\Analista de Projetos Sr.xlsb</t>
  </si>
  <si>
    <t>D:\Backup 12-11-2019\Desktop - 12-11-19\PreVendas - Governo Diogo\repactuações\MDS\Repactuação 2012\Assessoria - Planilha Analista Senior.xls</t>
  </si>
  <si>
    <t>C:\Users\suelenmm\OneDrive - Grupo Algar\Desktop - 12-11-19\PreVendas - Governo Diogo\repactuações\MDS\Repactuação 2012\Completo.zip\</t>
  </si>
  <si>
    <t>D:\Backup 12-11-2019\Desktop - 12-11-19\PreVendas - Governo Diogo\repactuações\MDS\Repactuação 2012\Completo.zip</t>
  </si>
  <si>
    <t>D:\Backup 12-11-2019\Desktop - 12-11-19\PreVendas - Governo Diogo\repactuações\MDS\Repactuação 2012\Exec Projeto - Analista Pleno.xlsx</t>
  </si>
  <si>
    <t>D:\Backup 12-11-2019\Desktop - 12-11-19\PreVendas - Governo Diogo\repactuações\MDS\Repactuação 2012\Exec Projeto - Analista senior.xls</t>
  </si>
  <si>
    <t>Simulações.xlsx</t>
  </si>
  <si>
    <t>D:\Backup 12-11-2019\Desktop - 12-11-19\PreVendas - Governo Diogo\repactuações\MDS\Repactuação 2012\Simulações.xlsx</t>
  </si>
  <si>
    <t>C:\Users\suelenmm\OneDrive - Grupo Algar\Desktop - 12-11-19\PreVendas - Governo Diogo\repactuações\MDS\Repactuação 2012\Completo\</t>
  </si>
  <si>
    <t>D:\Backup 12-11-2019\Desktop - 12-11-19\PreVendas - Governo Diogo\repactuações\MDS\Repactuação 2012\Completo\Assessoria - Planilha Analista Senior.xls</t>
  </si>
  <si>
    <t>D:\Backup 12-11-2019\Desktop - 12-11-19\PreVendas - Governo Diogo\repactuações\MDS\Repactuação 2012\Completo\Exec Projeto - Analista Pleno.xlsx</t>
  </si>
  <si>
    <t>D:\Backup 12-11-2019\Desktop - 12-11-19\PreVendas - Governo Diogo\repactuações\MDS\Repactuação 2012\Completo\Exec Projeto - Analista senior.xls</t>
  </si>
  <si>
    <t>C:\Users\suelenmm\OneDrive - Grupo Algar\Desktop - 12-11-19\PreVendas - Governo Diogo\repactuações\MDS\Repactuação 2013\Completo\</t>
  </si>
  <si>
    <t>D:\Backup 12-11-2019\Desktop - 12-11-19\PreVendas - Governo Diogo\repactuações\MDS\Repactuação 2013\Completo\Assessoria - Planilha Analista Senior.xls</t>
  </si>
  <si>
    <t>D:\Backup 12-11-2019\Desktop - 12-11-19\PreVendas - Governo Diogo\repactuações\MDS\Repactuação 2013\Completo\Exec Projeto - Analista Pleno.xlsx</t>
  </si>
  <si>
    <t>D:\Backup 12-11-2019\Desktop - 12-11-19\PreVendas - Governo Diogo\repactuações\MDS\Repactuação 2013\Completo\Exec Projeto - Analista senior.xls</t>
  </si>
  <si>
    <t>C:\Users\suelenmm\OneDrive - Grupo Algar\Desktop - 12-11-19\PreVendas - Governo Diogo\repactuações\ME\</t>
  </si>
  <si>
    <t>1 - Formulário de Proposta Comercial.xls</t>
  </si>
  <si>
    <t>D:\Backup 12-11-2019\Desktop - 12-11-19\PreVendas - Governo Diogo\repactuações\ME\1 - Formulário de Proposta Comercial.xls</t>
  </si>
  <si>
    <t>1.1 - ADMINISTRADOR DE REDE.xlsx</t>
  </si>
  <si>
    <t>D:\Backup 12-11-2019\Desktop - 12-11-19\PreVendas - Governo Diogo\repactuações\ME\1.1 - ADMINISTRADOR DE REDE.xlsx</t>
  </si>
  <si>
    <t>1.2 - GERENTE DE PRODUÇÃO.xlsx</t>
  </si>
  <si>
    <t>D:\Backup 12-11-2019\Desktop - 12-11-19\PreVendas - Governo Diogo\repactuações\ME\1.2 - GERENTE DE PRODUÇÃO.xlsx</t>
  </si>
  <si>
    <t>Cenários.xlsx</t>
  </si>
  <si>
    <t>D:\Backup 12-11-2019\Desktop - 12-11-19\PreVendas - Governo Diogo\repactuações\ME\Cenários.xlsx</t>
  </si>
  <si>
    <t>C:\Users\suelenmm\OneDrive - Grupo Algar\Desktop - 12-11-19\PreVendas - Governo Diogo\repactuações\ME\ME.zip\</t>
  </si>
  <si>
    <t>1 - FormulaÌrio de Proposta Comercial.xls</t>
  </si>
  <si>
    <t>D:\Backup 12-11-2019\Desktop - 12-11-19\PreVendas - Governo Diogo\repactuações\ME\ME.zip</t>
  </si>
  <si>
    <t>1.2 - GERENTE DE PRODUCÌ§AÌƒO.xlsx</t>
  </si>
  <si>
    <t>C:\Users\suelenmm\OneDrive - Grupo Algar\Desktop - 12-11-19\PreVendas - Governo Diogo\repactuações\ME\Apenas Dissídio\</t>
  </si>
  <si>
    <t>D:\Backup 12-11-2019\Desktop - 12-11-19\PreVendas - Governo Diogo\repactuações\ME\Apenas Dissídio\1 - Formulário de Proposta Comercial.xls</t>
  </si>
  <si>
    <t>D:\Backup 12-11-2019\Desktop - 12-11-19\PreVendas - Governo Diogo\repactuações\ME\Apenas Dissídio\1.1 - ADMINISTRADOR DE REDE.xlsx</t>
  </si>
  <si>
    <t>D:\Backup 12-11-2019\Desktop - 12-11-19\PreVendas - Governo Diogo\repactuações\ME\Apenas Dissídio\1.2 - GERENTE DE PRODUÇÃO.xlsx</t>
  </si>
  <si>
    <t>C:\Users\suelenmm\OneDrive - Grupo Algar\Desktop - 12-11-19\PreVendas - Governo Diogo\repactuações\ME\ME\</t>
  </si>
  <si>
    <t>D:\Backup 12-11-2019\Desktop - 12-11-19\PreVendas - Governo Diogo\repactuações\ME\ME\1 - Formulário de Proposta Comercial.xls</t>
  </si>
  <si>
    <t>D:\Backup 12-11-2019\Desktop - 12-11-19\PreVendas - Governo Diogo\repactuações\ME\ME\1.1 - ADMINISTRADOR DE REDE.xlsx</t>
  </si>
  <si>
    <t>D:\Backup 12-11-2019\Desktop - 12-11-19\PreVendas - Governo Diogo\repactuações\ME\ME\1.2 - GERENTE DE PRODUÇÃO.xlsx</t>
  </si>
  <si>
    <t>C:\Users\suelenmm\OneDrive - Grupo Algar\Desktop - 12-11-19\PreVendas - Governo Diogo\repactuações\ME\Original\</t>
  </si>
  <si>
    <t>D:\Backup 12-11-2019\Desktop - 12-11-19\PreVendas - Governo Diogo\repactuações\ME\Original\1 - Formulário de Proposta Comercial.xls</t>
  </si>
  <si>
    <t>D:\Backup 12-11-2019\Desktop - 12-11-19\PreVendas - Governo Diogo\repactuações\ME\Original\1.1 - ADMINISTRADOR DE REDE.xlsx</t>
  </si>
  <si>
    <t>D:\Backup 12-11-2019\Desktop - 12-11-19\PreVendas - Governo Diogo\repactuações\ME\Original\1.2 - GERENTE DE PRODUÇÃO.xlsx</t>
  </si>
  <si>
    <t>C:\Users\suelenmm\OneDrive - Grupo Algar\Desktop - 12-11-19\PreVendas - Governo Diogo\repactuações\ME\Repactuação 13-14\</t>
  </si>
  <si>
    <t>ME planilha cct 2013-2014.xls</t>
  </si>
  <si>
    <t>D:\Backup 12-11-2019\Desktop - 12-11-19\PreVendas - Governo Diogo\repactuações\ME\Repactuação 13-14\ME planilha cct 2013-2014.xls</t>
  </si>
  <si>
    <t>C:\Users\suelenmm\OneDrive - Grupo Algar\Desktop - 12-11-19\PreVendas - Governo Diogo\repactuações\ME\Repactuação 14 - 15\</t>
  </si>
  <si>
    <t>ME planilha cct 2014 - 2015.xls</t>
  </si>
  <si>
    <t>D:\Backup 12-11-2019\Desktop - 12-11-19\PreVendas - Governo Diogo\repactuações\ME\Repactuação 14 - 15\ME planilha cct 2014 - 2015.xls</t>
  </si>
  <si>
    <t>C:\Users\suelenmm\OneDrive - Grupo Algar\Desktop - 12-11-19\PreVendas - Governo Diogo\repactuações\MTE\Convenção 2010\</t>
  </si>
  <si>
    <t>10 Resumo do serviço.xls</t>
  </si>
  <si>
    <t>D:\Backup 12-11-2019\Desktop - 12-11-19\PreVendas - Governo Diogo\repactuações\MTE\Convenção 2010\10 Resumo do serviço.xls</t>
  </si>
  <si>
    <t>Analista de Processos.xls</t>
  </si>
  <si>
    <t>D:\Backup 12-11-2019\Desktop - 12-11-19\PreVendas - Governo Diogo\repactuações\MTE\Convenção 2010\Analista de Processos.xls</t>
  </si>
  <si>
    <t>Auditor de Sistemas.xls</t>
  </si>
  <si>
    <t>D:\Backup 12-11-2019\Desktop - 12-11-19\PreVendas - Governo Diogo\repactuações\MTE\Convenção 2010\Auditor de Sistemas.xls</t>
  </si>
  <si>
    <t>Consultor.xls</t>
  </si>
  <si>
    <t>D:\Backup 12-11-2019\Desktop - 12-11-19\PreVendas - Governo Diogo\repactuações\MTE\Convenção 2010\Consultor.xls</t>
  </si>
  <si>
    <t>Documentador.xls</t>
  </si>
  <si>
    <t>D:\Backup 12-11-2019\Desktop - 12-11-19\PreVendas - Governo Diogo\repactuações\MTE\Convenção 2010\Documentador.xls</t>
  </si>
  <si>
    <t>C:\Users\suelenmm\OneDrive - Grupo Algar\Desktop - 12-11-19\PreVendas - Governo Diogo\repactuações\MTE\Convenção 2011\</t>
  </si>
  <si>
    <t>D:\Backup 12-11-2019\Desktop - 12-11-19\PreVendas - Governo Diogo\repactuações\MTE\Convenção 2011\10 Resumo do serviço.xls</t>
  </si>
  <si>
    <t>D:\Backup 12-11-2019\Desktop - 12-11-19\PreVendas - Governo Diogo\repactuações\MTE\Convenção 2011\Analista de Processos.xls</t>
  </si>
  <si>
    <t>D:\Backup 12-11-2019\Desktop - 12-11-19\PreVendas - Governo Diogo\repactuações\MTE\Convenção 2011\Auditor de Sistemas.xls</t>
  </si>
  <si>
    <t>D:\Backup 12-11-2019\Desktop - 12-11-19\PreVendas - Governo Diogo\repactuações\MTE\Convenção 2011\Consultor.xls</t>
  </si>
  <si>
    <t>D:\Backup 12-11-2019\Desktop - 12-11-19\PreVendas - Governo Diogo\repactuações\MTE\Convenção 2011\Documentador.xls</t>
  </si>
  <si>
    <t>C:\Users\suelenmm\OneDrive - Grupo Algar\Desktop - 12-11-19\PreVendas - Governo Diogo\repactuações\MTE\Inicial\</t>
  </si>
  <si>
    <t>D:\Backup 12-11-2019\Desktop - 12-11-19\PreVendas - Governo Diogo\repactuações\MTE\Inicial\10 Resumo do serviço.xls</t>
  </si>
  <si>
    <t>D:\Backup 12-11-2019\Desktop - 12-11-19\PreVendas - Governo Diogo\repactuações\MTE\Inicial\Analista de Processos.xls</t>
  </si>
  <si>
    <t>D:\Backup 12-11-2019\Desktop - 12-11-19\PreVendas - Governo Diogo\repactuações\MTE\Inicial\Auditor de Sistemas.xls</t>
  </si>
  <si>
    <t>D:\Backup 12-11-2019\Desktop - 12-11-19\PreVendas - Governo Diogo\repactuações\MTE\Inicial\Consultor.xls</t>
  </si>
  <si>
    <t>D:\Backup 12-11-2019\Desktop - 12-11-19\PreVendas - Governo Diogo\repactuações\MTE\Inicial\Documentador.xls</t>
  </si>
  <si>
    <t>C:\Users\suelenmm\OneDrive - Grupo Algar\Desktop - 12-11-19\PreVendas - Governo Diogo\Resumo Executivo\</t>
  </si>
  <si>
    <t>Proposta de Resumo Executivo.xlsx</t>
  </si>
  <si>
    <t>D:\Backup 12-11-2019\Desktop - 12-11-19\PreVendas - Governo Diogo\Resumo Executivo\Proposta de Resumo Executivo.xlsx</t>
  </si>
  <si>
    <t>C:\Users\suelenmm\OneDrive - Grupo Algar\Desktop - 12-11-19\PreVendas - Governo Diogo\RFB\</t>
  </si>
  <si>
    <t>D:\Backup 12-11-2019\Desktop - 12-11-19\PreVendas - Governo Diogo\RFB\Desenho.xlsx</t>
  </si>
  <si>
    <t>C:\Users\suelenmm\OneDrive - Grupo Algar\Desktop - 12-11-19\PreVendas - Governo Diogo\Rural Brasil\</t>
  </si>
  <si>
    <t>Enderecos unidades.xlsx</t>
  </si>
  <si>
    <t>D:\Backup 12-11-2019\Desktop - 12-11-19\PreVendas - Governo Diogo\Rural Brasil\Enderecos unidades.xlsx</t>
  </si>
  <si>
    <t>Field dedicado.xlsb</t>
  </si>
  <si>
    <t>D:\Backup 12-11-2019\Desktop - 12-11-19\PreVendas - Governo Diogo\Rural Brasil\Field dedicado.xlsb</t>
  </si>
  <si>
    <t>C:\Users\suelenmm\OneDrive - Grupo Algar\Desktop - 12-11-19\PreVendas - Governo Diogo\Rural Brasil\Field dedicado.xlsb\</t>
  </si>
  <si>
    <t>D:\Backup 12-11-2019\Desktop - 12-11-19\PreVendas - Governo Diogo\Rural Brasil\Field.xlsb</t>
  </si>
  <si>
    <t>C:\Users\suelenmm\OneDrive - Grupo Algar\Desktop - 12-11-19\PreVendas - Governo Diogo\Rural Brasil\Field.xlsb\</t>
  </si>
  <si>
    <t>D:\Backup 12-11-2019\Desktop - 12-11-19\PreVendas - Governo Diogo\Rural Brasil\SD N1.xlsb</t>
  </si>
  <si>
    <t>C:\Users\suelenmm\OneDrive - Grupo Algar\Desktop - 12-11-19\PreVendas - Governo Diogo\Rural Brasil\SD N1.xlsb\</t>
  </si>
  <si>
    <t>C:\Users\suelenmm\OneDrive - Grupo Algar\Desktop - 12-11-19\PreVendas - Governo Diogo\SAGE\</t>
  </si>
  <si>
    <t>D:\Backup 12-11-2019\Desktop - 12-11-19\PreVendas - Governo Diogo\SAGE\BP Preço C010 B011 Desonerada.xlsb</t>
  </si>
  <si>
    <t>C:\Users\suelenmm\OneDrive - Grupo Algar\Desktop - 12-11-19\PreVendas - Governo Diogo\SAGE\BP Preço C010 B011 Desonerada.xlsb\</t>
  </si>
  <si>
    <t>C:\Users\suelenmm\OneDrive - Grupo Algar\Desktop - 12-11-19\PreVendas - Governo Diogo\SEB-COC\Service Desk\</t>
  </si>
  <si>
    <t>Preço SEB 2013.xlsb</t>
  </si>
  <si>
    <t>D:\Backup 12-11-2019\Desktop - 12-11-19\PreVendas - Governo Diogo\SEB-COC\Service Desk\Preço SEB 2013.xlsb</t>
  </si>
  <si>
    <t>C:\Users\suelenmm\OneDrive - Grupo Algar\Desktop - 12-11-19\PreVendas - Governo Diogo\SEB-COC\Service Desk\Atualiza'c~ao\</t>
  </si>
  <si>
    <t>40% reduzido.xlsb</t>
  </si>
  <si>
    <t>D:\Backup 12-11-2019\Desktop - 12-11-19\PreVendas - Governo Diogo\SEB-COC\Service Desk\Atualiza'c~ao\40% reduzido.xlsb</t>
  </si>
  <si>
    <t>Desonerado + Repactuacao.xlsm</t>
  </si>
  <si>
    <t>D:\Backup 12-11-2019\Desktop - 12-11-19\PreVendas - Governo Diogo\SEB-COC\Service Desk\Atualiza'c~ao\Desonerado + Repactuacao.xlsm</t>
  </si>
  <si>
    <t>D:\Backup 12-11-2019\Desktop - 12-11-19\PreVendas - Governo Diogo\SEB-COC\Service Desk\Atualiza'c~ao\Preco.xlsb</t>
  </si>
  <si>
    <t>C:\Users\suelenmm\OneDrive - Grupo Algar\Desktop - 12-11-19\PreVendas - Governo Diogo\SEBRAE\</t>
  </si>
  <si>
    <t>D:\Backup 12-11-2019\Desktop - 12-11-19\PreVendas - Governo Diogo\SEBRAE\BP.xlsb</t>
  </si>
  <si>
    <t>D:\Backup 12-11-2019\Desktop - 12-11-19\PreVendas - Governo Diogo\SEBRAE\Cotação.xlsx</t>
  </si>
  <si>
    <t>D:\Backup 12-11-2019\Desktop - 12-11-19\PreVendas - Governo Diogo\SEBRAE\Sizing.xlsx</t>
  </si>
  <si>
    <t>C:\Users\suelenmm\OneDrive - Grupo Algar\Desktop - 12-11-19\PreVendas - Governo Diogo\SEBRAE\2018\SP\</t>
  </si>
  <si>
    <t>BP BSB.xlsb</t>
  </si>
  <si>
    <t>D:\Backup 12-11-2019\Desktop - 12-11-19\PreVendas - Governo Diogo\SEBRAE\2018\SP\BP BSB.xlsb</t>
  </si>
  <si>
    <t>C:\Users\suelenmm\OneDrive - Grupo Algar\Desktop - 12-11-19\PreVendas - Governo Diogo\SEBRAE\2018\SP\BP BSB.xlsb\</t>
  </si>
  <si>
    <t>D:\Backup 12-11-2019\Desktop - 12-11-19\PreVendas - Governo Diogo\SEBRAE\2018\SP\BP.xlsb</t>
  </si>
  <si>
    <t>Cópia de BP Preço C013 B013 Desonerada - HE. Inteira.xlsb</t>
  </si>
  <si>
    <t>D:\Backup 12-11-2019\Desktop - 12-11-19\PreVendas - Governo Diogo\SEBRAE\2018\SP\Cópia de BP Preço C013 B013 Desonerada - HE. Inteira.xlsb</t>
  </si>
  <si>
    <t>C:\Users\suelenmm\OneDrive - Grupo Algar\Desktop - 12-11-19\PreVendas - Governo Diogo\SEBRAE\2018\SP\Cópia de BP Preço C013 B013 Desonerada - HE. Inteira.xlsb\</t>
  </si>
  <si>
    <t>D:\Backup 12-11-2019\Desktop - 12-11-19\PreVendas - Governo Diogo\SEBRAE\2018\SP\Proposta.xlsx</t>
  </si>
  <si>
    <t>C:\Users\suelenmm\OneDrive - Grupo Algar\Desktop - 12-11-19\PreVendas - Governo Diogo\Sec. de Cultura de SP\</t>
  </si>
  <si>
    <t>D:\Backup 12-11-2019\Desktop - 12-11-19\PreVendas - Governo Diogo\Sec. de Cultura de SP\BP.xlsb</t>
  </si>
  <si>
    <t>D:\Backup 12-11-2019\Desktop - 12-11-19\PreVendas - Governo Diogo\Sec. de Cultura de SP\Cotação.xlsx</t>
  </si>
  <si>
    <t>Planilha de Preço.xlsx</t>
  </si>
  <si>
    <t>D:\Backup 12-11-2019\Desktop - 12-11-19\PreVendas - Governo Diogo\Sec. de Cultura de SP\Planilha de Preço.xlsx</t>
  </si>
  <si>
    <t>C:\Users\suelenmm\OneDrive - Grupo Algar\Desktop - 12-11-19\PreVendas - Governo Diogo\Sec. de Saúde\</t>
  </si>
  <si>
    <t>Adesão Ata ATUALIZADO CCT.xlsb</t>
  </si>
  <si>
    <t>D:\Backup 12-11-2019\Desktop - 12-11-19\PreVendas - Governo Diogo\Sec. de Saúde\Adesão Ata ATUALIZADO CCT.xlsb</t>
  </si>
  <si>
    <t>Adesão Ata.xlsb</t>
  </si>
  <si>
    <t>D:\Backup 12-11-2019\Desktop - 12-11-19\PreVendas - Governo Diogo\Sec. de Saúde\Adesão Ata.xlsb</t>
  </si>
  <si>
    <t>D:\Backup 12-11-2019\Desktop - 12-11-19\PreVendas - Governo Diogo\Sec. de Saúde\Precificação com Adoção.xlsb</t>
  </si>
  <si>
    <t>Racional Catálogo.xlsx</t>
  </si>
  <si>
    <t>D:\Backup 12-11-2019\Desktop - 12-11-19\PreVendas - Governo Diogo\Sec. de Saúde\Racional Catálogo.xlsx</t>
  </si>
  <si>
    <t>C:\Users\suelenmm\OneDrive - Grupo Algar\Desktop - 12-11-19\PreVendas - Governo Diogo\Sec. de Saúde\Sec.Saúde.zip\</t>
  </si>
  <si>
    <t>Racional CataÌlogo.xlsx</t>
  </si>
  <si>
    <t>D:\Backup 12-11-2019\Desktop - 12-11-19\PreVendas - Governo Diogo\Sec. de Saúde\Sec.Saúde.zip</t>
  </si>
  <si>
    <t>C:\Users\suelenmm\OneDrive - Grupo Algar\Desktop - 12-11-19\PreVendas - Governo Diogo\Sec. de Saúde\Comitês\PMO Governança - Solicitação de Mudança.ppt\s2\</t>
  </si>
  <si>
    <t>D:\Backup 12-11-2019\Desktop - 12-11-19\PreVendas - Governo Diogo\Sec. de Saúde\Comitês\PMO Governança - Solicitação de Mudança.ppt</t>
  </si>
  <si>
    <t>C:\Users\suelenmm\OneDrive - Grupo Algar\Desktop - 12-11-19\PreVendas - Governo Diogo\SEDUC\SEEDUC.rar\SEEDUC\</t>
  </si>
  <si>
    <t>SEEDUC - CATÃLOGO DE SERVIÃ‡OS.xlsx</t>
  </si>
  <si>
    <t>D:\Backup 12-11-2019\Desktop - 12-11-19\PreVendas - Governo Diogo\SEDUC\SEEDUC.rar</t>
  </si>
  <si>
    <t>D:\Backup 12-11-2019\Desktop - 12-11-19\PreVendas - Governo Diogo\SEGER\BP.xlsb</t>
  </si>
  <si>
    <t>C:\Users\suelenmm\OneDrive - Grupo Algar\Desktop - 12-11-19\PreVendas - Governo Diogo\SEGER\</t>
  </si>
  <si>
    <t>Dimensionamento_ITSM.xlsx</t>
  </si>
  <si>
    <t>D:\Backup 12-11-2019\Desktop - 12-11-19\PreVendas - Governo Diogo\SEGER\Dimensionamento_ITSM.xlsx</t>
  </si>
  <si>
    <t>Operação Dedicada 7,5%.xlsb</t>
  </si>
  <si>
    <t>D:\Backup 12-11-2019\Desktop - 12-11-19\PreVendas - Governo Diogo\SEGER\Operação Dedicada 7,5%.xlsb</t>
  </si>
  <si>
    <t>C:\Users\suelenmm\OneDrive - Grupo Algar\Desktop - 12-11-19\PreVendas - Governo Diogo\SEGER\Operação Dedicada 7,5%.xlsb\</t>
  </si>
  <si>
    <t>Operação Dedicada.xlsb</t>
  </si>
  <si>
    <t>D:\Backup 12-11-2019\Desktop - 12-11-19\PreVendas - Governo Diogo\SEGER\Operação Dedicada.xlsb</t>
  </si>
  <si>
    <t>C:\Users\suelenmm\OneDrive - Grupo Algar\Desktop - 12-11-19\PreVendas - Governo Diogo\SEGER\Operação Dedicada.xlsb\</t>
  </si>
  <si>
    <t>Racional Chamado.xlsx</t>
  </si>
  <si>
    <t>D:\Backup 12-11-2019\Desktop - 12-11-19\PreVendas - Governo Diogo\SEGER\Racional Chamado.xlsx</t>
  </si>
  <si>
    <t>C:\Users\suelenmm\OneDrive - Grupo Algar\Desktop - 12-11-19\PreVendas - Governo Diogo\SEPLAG MG\</t>
  </si>
  <si>
    <t>D:\Backup 12-11-2019\Desktop - 12-11-19\PreVendas - Governo Diogo\SEPLAG MG\Cópia de Planilha de Preço - Serviços Gerenciados.xlsb</t>
  </si>
  <si>
    <t>D:\Backup 12-11-2019\Desktop - 12-11-19\PreVendas - Governo Diogo\SEPLAG MG\Precificação.xlsb</t>
  </si>
  <si>
    <t>C:\Users\suelenmm\OneDrive - Grupo Algar\Desktop - 12-11-19\PreVendas - Governo Diogo\SERPRO\</t>
  </si>
  <si>
    <t>D:\Backup 12-11-2019\Desktop - 12-11-19\PreVendas - Governo Diogo\SERPRO\Cotação.xlsb</t>
  </si>
  <si>
    <t>D:\Backup 12-11-2019\Desktop - 12-11-19\PreVendas - Governo Diogo\SERPRO\Preço.xlsb</t>
  </si>
  <si>
    <t>C:\Users\suelenmm\OneDrive - Grupo Algar\Desktop - 12-11-19\PreVendas - Governo Diogo\SERPRO\Emergencial\</t>
  </si>
  <si>
    <t>D:\Backup 12-11-2019\Desktop - 12-11-19\PreVendas - Governo Diogo\SERPRO\Emergencial\Cópia de Planilha de Preço - Serviços Gerenciados.xlsb</t>
  </si>
  <si>
    <t>Desonerado FDS Reduzido.xlsb</t>
  </si>
  <si>
    <t>D:\Backup 12-11-2019\Desktop - 12-11-19\PreVendas - Governo Diogo\SERPRO\Emergencial\Desonerado FDS Reduzido.xlsb</t>
  </si>
  <si>
    <t>Desonerado.xlsb</t>
  </si>
  <si>
    <t>D:\Backup 12-11-2019\Desktop - 12-11-19\PreVendas - Governo Diogo\SERPRO\Emergencial\Desonerado.xlsb</t>
  </si>
  <si>
    <t>D:\Backup 12-11-2019\Desktop - 12-11-19\PreVendas - Governo Diogo\STM\Precificação com Adoção.xlsb</t>
  </si>
  <si>
    <t>C:\Users\suelenmm\OneDrive - Grupo Algar\Desktop - 12-11-19\PreVendas - Governo Diogo\STM\2016\</t>
  </si>
  <si>
    <t>D:\Backup 12-11-2019\Desktop - 12-11-19\PreVendas - Governo Diogo\STM\2016\IN02 - GERAL.xlsx</t>
  </si>
  <si>
    <t>D:\Backup 12-11-2019\Desktop - 12-11-19\PreVendas - Governo Diogo\STM\2016\Preço.xlsb</t>
  </si>
  <si>
    <t>C:\Users\suelenmm\OneDrive - Grupo Algar\Desktop - 12-11-19\PreVendas - Governo Diogo\STM\2016\Preço.xlsb\</t>
  </si>
  <si>
    <t>D:\Backup 12-11-2019\Desktop - 12-11-19\PreVendas - Governo Diogo\STM\2016\Proposta.xlsx</t>
  </si>
  <si>
    <t>C:\Users\suelenmm\OneDrive - Grupo Algar\Desktop - 12-11-19\PreVendas - Governo Diogo\STN\2018\</t>
  </si>
  <si>
    <t>preço.xlsb</t>
  </si>
  <si>
    <t>D:\Backup 12-11-2019\Desktop - 12-11-19\PreVendas - Governo Diogo\STN\2018\preço.xlsb</t>
  </si>
  <si>
    <t>C:\Users\suelenmm\OneDrive - Grupo Algar\Desktop - 12-11-19\PreVendas - Governo Diogo\STN\2018\preço.xlsb\</t>
  </si>
  <si>
    <t>C:\Users\suelenmm\OneDrive - Grupo Algar\Desktop - 12-11-19\PreVendas - Governo Diogo\STN\2018\Assessoria\</t>
  </si>
  <si>
    <t>STN - ASSESSORIA - Aprovado.xlsx</t>
  </si>
  <si>
    <t>D:\Backup 12-11-2019\Desktop - 12-11-19\PreVendas - Governo Diogo\STN\2018\Assessoria\STN - ASSESSORIA - Aprovado.xlsx</t>
  </si>
  <si>
    <t>C:\Users\suelenmm\OneDrive - Grupo Algar\Desktop - 12-11-19\PreVendas - Governo Diogo\STN\2018\SD\</t>
  </si>
  <si>
    <t>preço.xlsx</t>
  </si>
  <si>
    <t>D:\Backup 12-11-2019\Desktop - 12-11-19\PreVendas - Governo Diogo\STN\2018\SD\preço.xlsx</t>
  </si>
  <si>
    <t>C:\Users\suelenmm\OneDrive - Grupo Algar\Desktop - 12-11-19\PreVendas - Governo Diogo\STRATURA\</t>
  </si>
  <si>
    <t>Anexo V - Proposta Comercial (ENVIO).xls</t>
  </si>
  <si>
    <t>D:\Backup 12-11-2019\Desktop - 12-11-19\PreVendas - Governo Diogo\STRATURA\Anexo V - Proposta Comercial (ENVIO).xls</t>
  </si>
  <si>
    <t>Anexo V - Proposta Comercial.xls</t>
  </si>
  <si>
    <t>D:\Backup 12-11-2019\Desktop - 12-11-19\PreVendas - Governo Diogo\STRATURA\Anexo V - Proposta Comercial.xls</t>
  </si>
  <si>
    <t>D:\Backup 12-11-2019\Desktop - 12-11-19\PreVendas - Governo Diogo\STRATURA\DFP.xlsx</t>
  </si>
  <si>
    <t>D:\Backup 12-11-2019\Desktop - 12-11-19\PreVendas - Governo Diogo\STRATURA\Preço.xlsb</t>
  </si>
  <si>
    <t>C:\Users\suelenmm\OneDrive - Grupo Algar\Desktop - 12-11-19\PreVendas - Governo Diogo\STRATURA\2018\Cotação\</t>
  </si>
  <si>
    <t>Anexo II - Planilha de Preço.xlsx</t>
  </si>
  <si>
    <t>D:\Backup 12-11-2019\Desktop - 12-11-19\PreVendas - Governo Diogo\STRATURA\2018\Cotação\Anexo II - Planilha de Preço.xlsx</t>
  </si>
  <si>
    <t>C:\Users\suelenmm\OneDrive - Grupo Algar\Desktop - 12-11-19\PreVendas - Governo Diogo\TBG\</t>
  </si>
  <si>
    <t>D:\Backup 12-11-2019\Desktop - 12-11-19\PreVendas - Governo Diogo\TBG\Adoção.xlsx</t>
  </si>
  <si>
    <t>ANEXO VII - PLANILHA DE PREÇOS DE SERV EVENTUAIS Rev 0-1.xls</t>
  </si>
  <si>
    <t>D:\Backup 12-11-2019\Desktop - 12-11-19\PreVendas - Governo Diogo\TBG\ANEXO VII - PLANILHA DE PREÇOS DE SERV EVENTUAIS Rev 0-1.xls</t>
  </si>
  <si>
    <t>D:\Backup 12-11-2019\Desktop - 12-11-19\PreVendas - Governo Diogo\TBG\Planilha de Custos.xlsx</t>
  </si>
  <si>
    <t>D:\Backup 12-11-2019\Desktop - 12-11-19\PreVendas - Governo Diogo\TBG\Precificação com Adoção.xlsb</t>
  </si>
  <si>
    <t>Premissa de dimensionamento.xlsx</t>
  </si>
  <si>
    <t>D:\Backup 12-11-2019\Desktop - 12-11-19\PreVendas - Governo Diogo\TBG\Premissa de dimensionamento.xlsx</t>
  </si>
  <si>
    <t>C:\Users\suelenmm\OneDrive - Grupo Algar\Desktop - 12-11-19\PreVendas - Governo Diogo\TBG\Aluisio\</t>
  </si>
  <si>
    <t>DFP ENVIO.xlsx</t>
  </si>
  <si>
    <t>D:\Backup 12-11-2019\Desktop - 12-11-19\PreVendas - Governo Diogo\TBG\Aluisio\DFP ENVIO.xlsx</t>
  </si>
  <si>
    <t>DFP TBG.xls</t>
  </si>
  <si>
    <t>D:\Backup 12-11-2019\Desktop - 12-11-19\PreVendas - Governo Diogo\TBG\Aluisio\DFP TBG.xls</t>
  </si>
  <si>
    <t>PPU.xlsx</t>
  </si>
  <si>
    <t>D:\Backup 12-11-2019\Desktop - 12-11-19\PreVendas - Governo Diogo\TBG\Aluisio\PPU.xlsx</t>
  </si>
  <si>
    <t>C:\Users\suelenmm\OneDrive - Grupo Algar\Desktop - 12-11-19\PreVendas - Governo Diogo\TBG\Material de Licitação\</t>
  </si>
  <si>
    <t>ANEXO VI - DEMONSTRATIVO DE FORMAÄ«O DE PREÄOS.xlsx</t>
  </si>
  <si>
    <t>D:\Backup 12-11-2019\Desktop - 12-11-19\PreVendas - Governo Diogo\TBG\Material de Licitação\ANEXO VI - DEMONSTRATIVO DE FORMAÄ«O DE PREÄOS.xlsx</t>
  </si>
  <si>
    <t>C:\Users\suelenmm\OneDrive - Grupo Algar\Desktop - 12-11-19\PreVendas - Governo Diogo\TCU\</t>
  </si>
  <si>
    <t>Novo BP.xlsb</t>
  </si>
  <si>
    <t>D:\Backup 12-11-2019\Desktop - 12-11-19\PreVendas - Governo Diogo\TCU\Novo BP.xlsb</t>
  </si>
  <si>
    <t>C:\Users\suelenmm\OneDrive - Grupo Algar\Desktop - 12-11-19\PreVendas - Governo Diogo\TCU\2017\</t>
  </si>
  <si>
    <t>Completo.xlsb</t>
  </si>
  <si>
    <t>D:\Backup 12-11-2019\Desktop - 12-11-19\PreVendas - Governo Diogo\TCU\2017\Completo.xlsb</t>
  </si>
  <si>
    <t>C:\Users\suelenmm\OneDrive - Grupo Algar\Desktop - 12-11-19\PreVendas - Governo Diogo\TCU\2017\Completo.xlsb\</t>
  </si>
  <si>
    <t>Documentação.xlsb</t>
  </si>
  <si>
    <t>D:\Backup 12-11-2019\Desktop - 12-11-19\PreVendas - Governo Diogo\TCU\2017\Documentação.xlsb</t>
  </si>
  <si>
    <t>C:\Users\suelenmm\OneDrive - Grupo Algar\Desktop - 12-11-19\PreVendas - Governo Diogo\TCU\2017\Documentação.xlsb\</t>
  </si>
  <si>
    <t>Escala.xlsx</t>
  </si>
  <si>
    <t>D:\Backup 12-11-2019\Desktop - 12-11-19\PreVendas - Governo Diogo\TCU\2017\Escala.xlsx</t>
  </si>
  <si>
    <t>NOC+BCKP.xlsb</t>
  </si>
  <si>
    <t>D:\Backup 12-11-2019\Desktop - 12-11-19\PreVendas - Governo Diogo\TCU\2017\NOC+BCKP.xlsb</t>
  </si>
  <si>
    <t>C:\Users\suelenmm\OneDrive - Grupo Algar\Desktop - 12-11-19\PreVendas - Governo Diogo\TCU\2017\NOC+BCKP.xlsb\</t>
  </si>
  <si>
    <t>C:\Users\suelenmm\OneDrive - Grupo Algar\Desktop - 12-11-19\PreVendas - Governo Diogo\TechMahindra\</t>
  </si>
  <si>
    <t>D:\Backup 12-11-2019\Desktop - 12-11-19\PreVendas - Governo Diogo\TechMahindra\BP.xlsb</t>
  </si>
  <si>
    <t>C:\Users\suelenmm\OneDrive - Grupo Algar\Desktop - 12-11-19\PreVendas - Governo Diogo\TechMahindra\BP.xlsb\</t>
  </si>
  <si>
    <t>C:\Users\suelenmm\OneDrive - Grupo Algar\Desktop - 12-11-19\PreVendas - Governo Diogo\TERRACAP\</t>
  </si>
  <si>
    <t>D:\Backup 12-11-2019\Desktop - 12-11-19\PreVendas - Governo Diogo\TERRACAP\preço.xlsb</t>
  </si>
  <si>
    <t>C:\Users\suelenmm\OneDrive - Grupo Algar\Desktop - 12-11-19\PreVendas - Governo Diogo\TERRACAP\preço.xlsb\</t>
  </si>
  <si>
    <t>C:\Users\suelenmm\OneDrive - Grupo Algar\Desktop - 12-11-19\PreVendas - Governo Diogo\TIM\Professional Services\RFQ _ A4216_RFQ_52216 - Managed Services\</t>
  </si>
  <si>
    <t>Anexo II - LPU.xlsx</t>
  </si>
  <si>
    <t>D:\Backup 12-11-2019\Desktop - 12-11-19\PreVendas - Governo Diogo\TIM\Professional Services\RFQ _ A4216_RFQ_52216 - Managed Services\Anexo II - LPU.xlsx</t>
  </si>
  <si>
    <t>C:\Users\suelenmm\OneDrive - Grupo Algar\Desktop - 12-11-19\PreVendas - Governo Diogo\TJES\</t>
  </si>
  <si>
    <t>BP Inicial.xlsb</t>
  </si>
  <si>
    <t>D:\Backup 12-11-2019\Desktop - 12-11-19\PreVendas - Governo Diogo\TJES\BP Inicial.xlsb</t>
  </si>
  <si>
    <t>C:\Users\suelenmm\OneDrive - Grupo Algar\Desktop - 12-11-19\PreVendas - Governo Diogo\TJES\BP Inicial.xlsb\</t>
  </si>
  <si>
    <t>C:\Users\suelenmm\OneDrive - Grupo Algar\Desktop - 12-11-19\PreVendas - Governo Diogo\TJMG\</t>
  </si>
  <si>
    <t>Dimensionamento e Racionais.xlsx</t>
  </si>
  <si>
    <t>D:\Backup 12-11-2019\Desktop - 12-11-19\PreVendas - Governo Diogo\TJMG\Dimensionamento e Racionais.xlsx</t>
  </si>
  <si>
    <t>D:\Backup 12-11-2019\Desktop - 12-11-19\PreVendas - Governo Diogo\TJMG\Preço.xlsb</t>
  </si>
  <si>
    <t>C:\Users\suelenmm\OneDrive - Grupo Algar\Desktop - 12-11-19\PreVendas - Governo Diogo\TJMG\TJMG.zip\</t>
  </si>
  <si>
    <t>D:\Backup 12-11-2019\Desktop - 12-11-19\PreVendas - Governo Diogo\TJMG\TJMG.zip</t>
  </si>
  <si>
    <t>C:\Users\suelenmm\OneDrive - Grupo Algar\Desktop - 12-11-19\PreVendas - Governo Diogo\TJMG\TJMG.zip\TR e Anexos\</t>
  </si>
  <si>
    <t>ANEXO IX-A - RelaÃ§Ã£o de peÃ§as de reposiÃ§Ã£o (2014-11-26).xlsx</t>
  </si>
  <si>
    <t>ANEXO IX-B - RelaÃ§Ã£o de Equipamentos de informÃ¡tica (2014-11-07).xlsx</t>
  </si>
  <si>
    <t>ANEXO IX-C - Estimativa de EvoluÃ§Ã£o do parque de equipamentos (2014-11-07).xls</t>
  </si>
  <si>
    <t>ANEXO IX-D - Volumetria de incidentes.xlsx</t>
  </si>
  <si>
    <t>ANEXO X-A - Estimativa de Custos.xlsx</t>
  </si>
  <si>
    <t>C:\Users\suelenmm\OneDrive - Grupo Algar\Desktop - 12-11-19\PreVendas - Governo Diogo\TJMG\2016\Antigo 2011 para análise\anexo lote 1\</t>
  </si>
  <si>
    <t>edital033_lote1_doc1.xls</t>
  </si>
  <si>
    <t>D:\Backup 12-11-2019\Desktop - 12-11-19\PreVendas - Governo Diogo\TJMG\2016\Antigo 2011 para análise\anexo lote 1\edital033_lote1_doc1.xls</t>
  </si>
  <si>
    <t>edital033_lote1_doc2.xls</t>
  </si>
  <si>
    <t>D:\Backup 12-11-2019\Desktop - 12-11-19\PreVendas - Governo Diogo\TJMG\2016\Antigo 2011 para análise\anexo lote 1\edital033_lote1_doc2.xls</t>
  </si>
  <si>
    <t>edital033_lote1_doc3.xls</t>
  </si>
  <si>
    <t>D:\Backup 12-11-2019\Desktop - 12-11-19\PreVendas - Governo Diogo\TJMG\2016\Antigo 2011 para análise\anexo lote 1\edital033_lote1_doc3.xls</t>
  </si>
  <si>
    <t>edital033_lote1_doc5.xls</t>
  </si>
  <si>
    <t>D:\Backup 12-11-2019\Desktop - 12-11-19\PreVendas - Governo Diogo\TJMG\2016\Antigo 2011 para análise\anexo lote 1\edital033_lote1_doc5.xls</t>
  </si>
  <si>
    <t>edital033_lote1_doc7.xls</t>
  </si>
  <si>
    <t>D:\Backup 12-11-2019\Desktop - 12-11-19\PreVendas - Governo Diogo\TJMG\2016\Antigo 2011 para análise\anexo lote 1\edital033_lote1_doc7.xls</t>
  </si>
  <si>
    <t>C:\Users\suelenmm\OneDrive - Grupo Algar\Desktop - 12-11-19\PreVendas - Governo Diogo\TJMG\2016\Antigo 2011 para análise\lote 2\</t>
  </si>
  <si>
    <t>edital033_lote2_doc1.xls</t>
  </si>
  <si>
    <t>D:\Backup 12-11-2019\Desktop - 12-11-19\PreVendas - Governo Diogo\TJMG\2016\Antigo 2011 para análise\lote 2\edital033_lote2_doc1.xls</t>
  </si>
  <si>
    <t>edital033_lote2_doc2.xls</t>
  </si>
  <si>
    <t>D:\Backup 12-11-2019\Desktop - 12-11-19\PreVendas - Governo Diogo\TJMG\2016\Antigo 2011 para análise\lote 2\edital033_lote2_doc2.xls</t>
  </si>
  <si>
    <t>edital033_lote2_doc3.xls</t>
  </si>
  <si>
    <t>D:\Backup 12-11-2019\Desktop - 12-11-19\PreVendas - Governo Diogo\TJMG\2016\Antigo 2011 para análise\lote 2\edital033_lote2_doc3.xls</t>
  </si>
  <si>
    <t>edital033_lote2_doc4.xls</t>
  </si>
  <si>
    <t>D:\Backup 12-11-2019\Desktop - 12-11-19\PreVendas - Governo Diogo\TJMG\2016\Antigo 2011 para análise\lote 2\edital033_lote2_doc4.xls</t>
  </si>
  <si>
    <t>edital033_lote2_doc5.xls</t>
  </si>
  <si>
    <t>D:\Backup 12-11-2019\Desktop - 12-11-19\PreVendas - Governo Diogo\TJMG\2016\Antigo 2011 para análise\lote 2\edital033_lote2_doc5.xls</t>
  </si>
  <si>
    <t>edital033_lote2_doc6.xls</t>
  </si>
  <si>
    <t>D:\Backup 12-11-2019\Desktop - 12-11-19\PreVendas - Governo Diogo\TJMG\2016\Antigo 2011 para análise\lote 2\edital033_lote2_doc6.xls</t>
  </si>
  <si>
    <t>C:\Users\suelenmm\OneDrive - Grupo Algar\Desktop - 12-11-19\PreVendas - Governo Diogo\TJMG\2016\Publicado\</t>
  </si>
  <si>
    <t>Racional Volumetria.xlsx</t>
  </si>
  <si>
    <t>D:\Backup 12-11-2019\Desktop - 12-11-19\PreVendas - Governo Diogo\TJMG\2016\Publicado\Racional Volumetria.xlsx</t>
  </si>
  <si>
    <t>C:\Users\suelenmm\OneDrive - Grupo Algar\Desktop - 12-11-19\PreVendas - Governo Diogo\TJMG\30-11-15\</t>
  </si>
  <si>
    <t>Racional Cotação.xlsx</t>
  </si>
  <si>
    <t>D:\Backup 12-11-2019\Desktop - 12-11-19\PreVendas - Governo Diogo\TJMG\30-11-15\Racional Cotação.xlsx</t>
  </si>
  <si>
    <t>C:\Users\suelenmm\OneDrive - Grupo Algar\Desktop - 12-11-19\PreVendas - Governo Diogo\TJMG\TR e Anexos\</t>
  </si>
  <si>
    <t>ANEXO IX-A - Relação de peças de reposição (2014-11-26).xlsx</t>
  </si>
  <si>
    <t>D:\Backup 12-11-2019\Desktop - 12-11-19\PreVendas - Governo Diogo\TJMG\TR e Anexos\ANEXO IX-A - Relação de peças de reposição (2014-11-26).xlsx</t>
  </si>
  <si>
    <t>ANEXO IX-B - Relação de Equipamentos de informática.xlsx</t>
  </si>
  <si>
    <t>D:\Backup 12-11-2019\Desktop - 12-11-19\PreVendas - Governo Diogo\TJMG\TR e Anexos\ANEXO IX-B - Relação de Equipamentos de informática.xlsx</t>
  </si>
  <si>
    <t>ANEXO IX-C - Estimativa de Evolução do parque de equipamentos (2014-11-07).xls</t>
  </si>
  <si>
    <t>D:\Backup 12-11-2019\Desktop - 12-11-19\PreVendas - Governo Diogo\TJMG\TR e Anexos\ANEXO IX-C - Estimativa de Evolução do parque de equipamentos (2014-11-07).xls</t>
  </si>
  <si>
    <t>D:\Backup 12-11-2019\Desktop - 12-11-19\PreVendas - Governo Diogo\TJMG\TR e Anexos\ANEXO IX-D - Volumetria de incidentes.xlsx</t>
  </si>
  <si>
    <t>D:\Backup 12-11-2019\Desktop - 12-11-19\PreVendas - Governo Diogo\TJMG\TR e Anexos\ANEXO X-A - Estimativa de Custos.xlsx</t>
  </si>
  <si>
    <t>C:\Users\suelenmm\OneDrive - Grupo Algar\Desktop - 12-11-19\PreVendas - Governo Diogo\TJMS\</t>
  </si>
  <si>
    <t>Precificação Adoção TJMS.xlsx</t>
  </si>
  <si>
    <t>D:\Backup 12-11-2019\Desktop - 12-11-19\PreVendas - Governo Diogo\TJMS\Precificação Adoção TJMS.xlsx</t>
  </si>
  <si>
    <t>C:\Users\suelenmm\OneDrive - Grupo Algar\Desktop - 12-11-19\PreVendas - Governo Diogo\TJMS\Cotação\</t>
  </si>
  <si>
    <t>D:\Backup 12-11-2019\Desktop - 12-11-19\PreVendas - Governo Diogo\TJMS\Cotação\Cotação.xlsb</t>
  </si>
  <si>
    <t>C:\Users\suelenmm\OneDrive - Grupo Algar\Desktop - 12-11-19\PreVendas - Governo Diogo\TJMS\Edital\</t>
  </si>
  <si>
    <t>D:\Backup 12-11-2019\Desktop - 12-11-19\PreVendas - Governo Diogo\TJMS\Edital\Cotação.xlsb</t>
  </si>
  <si>
    <t>C:\Users\suelenmm\OneDrive - Grupo Algar\Desktop - 12-11-19\PreVendas - Governo Diogo\TJMS\Preço\</t>
  </si>
  <si>
    <t>Preco Com PBM - TJMS.xlsb</t>
  </si>
  <si>
    <t>D:\Backup 12-11-2019\Desktop - 12-11-19\PreVendas - Governo Diogo\TJMS\Preço\Preco Com PBM - TJMS.xlsb</t>
  </si>
  <si>
    <t>Preco-TJMS-PBM.xlsb</t>
  </si>
  <si>
    <t>D:\Backup 12-11-2019\Desktop - 12-11-19\PreVendas - Governo Diogo\TJMS\Preço\Preco-TJMS-PBM.xlsb</t>
  </si>
  <si>
    <t>C:\Users\suelenmm\OneDrive - Grupo Algar\Desktop - 12-11-19\PreVendas - Governo Diogo\TJRJ\</t>
  </si>
  <si>
    <t>D:\Backup 12-11-2019\Desktop - 12-11-19\PreVendas - Governo Diogo\TJRJ\Desenho.xlsx</t>
  </si>
  <si>
    <t>D:\Backup 12-11-2019\Desktop - 12-11-19\PreVendas - Governo Diogo\TJRJ\Preco.xlsb</t>
  </si>
  <si>
    <t>D:\Backup 12-11-2019\Desktop - 12-11-19\PreVendas - Governo Diogo\TJRJ\Proposta.xlsx</t>
  </si>
  <si>
    <t>C:\Users\suelenmm\OneDrive - Grupo Algar\Desktop - 12-11-19\PreVendas - Governo Diogo\transit\</t>
  </si>
  <si>
    <t>D:\Backup 12-11-2019\Desktop - 12-11-19\PreVendas - Governo Diogo\transit\BP Preço C010 B010.xlsb</t>
  </si>
  <si>
    <t>C:\Users\suelenmm\OneDrive - Grupo Algar\Desktop - 12-11-19\PreVendas - Governo Diogo\transit\BP Preço C010 B010.xlsb\</t>
  </si>
  <si>
    <t>D:\Backup 12-11-2019\Desktop - 12-11-19\PreVendas - Governo Diogo\transit\pricing.xlsx</t>
  </si>
  <si>
    <t>C:\Users\suelenmm\OneDrive - Grupo Algar\Desktop - 12-11-19\PreVendas - Governo Diogo\Transpetro\</t>
  </si>
  <si>
    <t>Atendimento VIP 2.xlsb</t>
  </si>
  <si>
    <t>D:\Backup 12-11-2019\Desktop - 12-11-19\PreVendas - Governo Diogo\Transpetro\Atendimento VIP 2.xlsb</t>
  </si>
  <si>
    <t>C:\Users\suelenmm\OneDrive - Grupo Algar\Desktop - 12-11-19\PreVendas - Governo Diogo\Transpetro\Atendimento VIP 2.xlsb\</t>
  </si>
  <si>
    <t>Atendimento VIP jul-2019.xlsb</t>
  </si>
  <si>
    <t>D:\Backup 12-11-2019\Desktop - 12-11-19\PreVendas - Governo Diogo\Transpetro\Atendimento VIP jul-2019.xlsb</t>
  </si>
  <si>
    <t>C:\Users\suelenmm\OneDrive - Grupo Algar\Desktop - 12-11-19\PreVendas - Governo Diogo\Transpetro\Atendimento VIP jul-2019.xlsb\</t>
  </si>
  <si>
    <t>Atendimento VIP.xlsb</t>
  </si>
  <si>
    <t>D:\Backup 12-11-2019\Desktop - 12-11-19\PreVendas - Governo Diogo\Transpetro\Atendimento VIP.xlsb</t>
  </si>
  <si>
    <t>C:\Users\suelenmm\OneDrive - Grupo Algar\Desktop - 12-11-19\PreVendas - Governo Diogo\Transpetro\Atendimento VIP.xlsb\</t>
  </si>
  <si>
    <t>C:\Users\suelenmm\OneDrive - Grupo Algar\Desktop - 12-11-19\PreVendas - Governo Diogo\Transpetro\2019\TRANSPETRO - 7002420707 - SUPORTE INFRA DE TI - 12.03.2019.zip\Adendos do Edital.zip\Adendos do Edital\</t>
  </si>
  <si>
    <t>Adendo C - Demonstrativo de Forma‡Æo de Pre‡os (DFP).xlsm</t>
  </si>
  <si>
    <t>D:\Backup 12-11-2019\Desktop - 12-11-19\PreVendas - Governo Diogo\Transpetro\2019\TRANSPETRO - 7002420707 - SUPORTE INFRA DE TI - 12.03.2019.zip</t>
  </si>
  <si>
    <t>C:\Users\suelenmm\OneDrive - Grupo Algar\Desktop - 12-11-19\PreVendas - Governo Diogo\Transpetro\2019\TRANSPETRO - 7002420707 - SUPORTE INFRA DE TI - 12.03.2019\Adendos do Edital.zip\Adendos do Edital\</t>
  </si>
  <si>
    <t>D:\Backup 12-11-2019\Desktop - 12-11-19\PreVendas - Governo Diogo\Transpetro\2019\TRANSPETRO - 7002420707 - SUPORTE INFRA DE TI - 12.03.2019\Adendos do Edital.zip</t>
  </si>
  <si>
    <t>C:\Users\suelenmm\OneDrive - Grupo Algar\Desktop - 12-11-19\PreVendas - Governo Diogo\Transpetro\2019\TRANSPETRO - 7002420707 - SUPORTE INFRA DE TI - 12.03.2019\Adendos do Edital\Adendos do Edital\</t>
  </si>
  <si>
    <t>Adendo C - Demonstrativo de Formação de Preços (DFP).xlsm</t>
  </si>
  <si>
    <t>D:\Backup 12-11-2019\Desktop - 12-11-19\PreVendas - Governo Diogo\Transpetro\2019\TRANSPETRO - 7002420707 - SUPORTE INFRA DE TI - 12.03.2019\Adendos do Edital\Adendos do Edital\Adendo C - Demonstrativo de Formação de Preços (DFP).xlsm</t>
  </si>
  <si>
    <t>C:\Users\suelenmm\OneDrive - Grupo Algar\Desktop - 12-11-19\PreVendas - Governo Diogo\TRF\</t>
  </si>
  <si>
    <t>Cenario_para_composicao_dos_precos_(Anexo_XII).xlsx</t>
  </si>
  <si>
    <t>D:\Backup 12-11-2019\Desktop - 12-11-19\PreVendas - Governo Diogo\TRF\Cenario_para_composicao_dos_precos_(Anexo_XII).xlsx</t>
  </si>
  <si>
    <t>lote 2.xlsb</t>
  </si>
  <si>
    <t>D:\Backup 12-11-2019\Desktop - 12-11-19\PreVendas - Governo Diogo\TRF\lote 2.xlsb</t>
  </si>
  <si>
    <t>C:\Users\suelenmm\OneDrive - Grupo Algar\Desktop - 12-11-19\PreVendas - Governo Diogo\TRF\lote 2.xlsb\</t>
  </si>
  <si>
    <t>Preço 1.xlsb</t>
  </si>
  <si>
    <t>D:\Backup 12-11-2019\Desktop - 12-11-19\PreVendas - Governo Diogo\TRF\Preço 1.xlsb</t>
  </si>
  <si>
    <t>C:\Users\suelenmm\OneDrive - Grupo Algar\Desktop - 12-11-19\PreVendas - Governo Diogo\TRF\Preço 1.xlsb\</t>
  </si>
  <si>
    <t>Preço 2.xlsb</t>
  </si>
  <si>
    <t>D:\Backup 12-11-2019\Desktop - 12-11-19\PreVendas - Governo Diogo\TRF\Preço 2.xlsb</t>
  </si>
  <si>
    <t>C:\Users\suelenmm\OneDrive - Grupo Algar\Desktop - 12-11-19\PreVendas - Governo Diogo\TRF\Preço 2.xlsb\</t>
  </si>
  <si>
    <t>C:\Users\suelenmm\OneDrive - Grupo Algar\Desktop - 12-11-19\PreVendas - Governo Diogo\TRF\SD 2017 Subseções\</t>
  </si>
  <si>
    <t>BSB.xlsb</t>
  </si>
  <si>
    <t>D:\Backup 12-11-2019\Desktop - 12-11-19\PreVendas - Governo Diogo\TRF\SD 2017 Subseções\BSB.xlsb</t>
  </si>
  <si>
    <t>C:\Users\suelenmm\OneDrive - Grupo Algar\Desktop - 12-11-19\PreVendas - Governo Diogo\TRF\SD 2017 Subseções\BSB.xlsb\</t>
  </si>
  <si>
    <t>Catalogo_de_Servicos_(Anexo_IV).xlsx</t>
  </si>
  <si>
    <t>D:\Backup 12-11-2019\Desktop - 12-11-19\PreVendas - Governo Diogo\TRF\SD 2017 Subseções\Catalogo_de_Servicos_(Anexo_IV).xlsx</t>
  </si>
  <si>
    <t>D:\Backup 12-11-2019\Desktop - 12-11-19\PreVendas - Governo Diogo\TRF\SD 2017 Subseções\Cenario_para_composicao_dos_precos_(Anexo_XII).xlsx</t>
  </si>
  <si>
    <t>GYN.xlsb</t>
  </si>
  <si>
    <t>D:\Backup 12-11-2019\Desktop - 12-11-19\PreVendas - Governo Diogo\TRF\SD 2017 Subseções\GYN.xlsb</t>
  </si>
  <si>
    <t>C:\Users\suelenmm\OneDrive - Grupo Algar\Desktop - 12-11-19\PreVendas - Governo Diogo\TRF\SD 2017 Subseções\GYN.xlsb\</t>
  </si>
  <si>
    <t>D:\Backup 12-11-2019\Desktop - 12-11-19\PreVendas - Governo Diogo\TRF\SD 2017 Subseções\Sizing.xlsx</t>
  </si>
  <si>
    <t>C:\Users\suelenmm\OneDrive - Grupo Algar\Desktop - 12-11-19\PreVendas - Governo Diogo\TRT - SE\</t>
  </si>
  <si>
    <t>D:\Backup 12-11-2019\Desktop - 12-11-19\PreVendas - Governo Diogo\TRT - SE\Dimensionamento.xlsx</t>
  </si>
  <si>
    <t>C:\Users\suelenmm\OneDrive - Grupo Algar\Desktop - 12-11-19\PreVendas - Governo Diogo\TRT-SP\</t>
  </si>
  <si>
    <t>D:\Backup 12-11-2019\Desktop - 12-11-19\PreVendas - Governo Diogo\TRT-SP\Pricing.xlsb</t>
  </si>
  <si>
    <t>C:\Users\suelenmm\OneDrive - Grupo Algar\Desktop - 12-11-19\PreVendas - Governo Diogo\TRT-SP\Pricing.xlsb\</t>
  </si>
  <si>
    <t>C:\Users\suelenmm\OneDrive - Grupo Algar\Desktop - 12-11-19\PreVendas - Governo Diogo\TRT10\</t>
  </si>
  <si>
    <t>D:\Backup 12-11-2019\Desktop - 12-11-19\PreVendas - Governo Diogo\TRT10\Custo da Implantação.xls</t>
  </si>
  <si>
    <t>Dimensionamento-TRT.xlsx</t>
  </si>
  <si>
    <t>D:\Backup 12-11-2019\Desktop - 12-11-19\PreVendas - Governo Diogo\TRT10\Dimensionamento-TRT.xlsx</t>
  </si>
  <si>
    <t>Preço-TRT-Cenario-Confortavel.xlsb</t>
  </si>
  <si>
    <t>D:\Backup 12-11-2019\Desktop - 12-11-19\PreVendas - Governo Diogo\TRT10\Preço-TRT-Cenario-Confortavel.xlsb</t>
  </si>
  <si>
    <t>Preço-TRT-Cenario-Risco - Atualizado.xlsb</t>
  </si>
  <si>
    <t>D:\Backup 12-11-2019\Desktop - 12-11-19\PreVendas - Governo Diogo\TRT10\Preço-TRT-Cenario-Risco - Atualizado.xlsb</t>
  </si>
  <si>
    <t>Preço-TRT-Cenario-Risco.xlsb</t>
  </si>
  <si>
    <t>D:\Backup 12-11-2019\Desktop - 12-11-19\PreVendas - Governo Diogo\TRT10\Preço-TRT-Cenario-Risco.xlsb</t>
  </si>
  <si>
    <t>Preço-TRT-FINAL.xlsb</t>
  </si>
  <si>
    <t>D:\Backup 12-11-2019\Desktop - 12-11-19\PreVendas - Governo Diogo\TRT10\Preço-TRT-FINAL.xlsb</t>
  </si>
  <si>
    <t>Volumes Edital.xlsx</t>
  </si>
  <si>
    <t>D:\Backup 12-11-2019\Desktop - 12-11-19\PreVendas - Governo Diogo\TRT10\Volumes Edital.xlsx</t>
  </si>
  <si>
    <t>11/13/2019 08:43:29</t>
  </si>
  <si>
    <t>C:\Users\suelenmm\OneDrive - Grupo Algar\Desktop - 12-11-19\PreVendas - Governo Diogo\TRT10\2016\Cotação\26-07-2016\</t>
  </si>
  <si>
    <t>D:\Backup 12-11-2019\Desktop - 12-11-19\PreVendas - Governo Diogo\TRT10\2016\Cotação\26-07-2016\Cotação.xlsx</t>
  </si>
  <si>
    <t>C:\Users\suelenmm\OneDrive - Grupo Algar\Desktop - 12-11-19\PreVendas - Governo Diogo\TRT10\2018\</t>
  </si>
  <si>
    <t>pricing TRT10.xlsx</t>
  </si>
  <si>
    <t>D:\Backup 12-11-2019\Desktop - 12-11-19\PreVendas - Governo Diogo\TRT10\2018\pricing TRT10.xlsx</t>
  </si>
  <si>
    <t>D:\Backup 12-11-2019\Desktop - 12-11-19\PreVendas - Governo Diogo\TRT10\2018\Volumetria.xlsx</t>
  </si>
  <si>
    <t>C:\Users\suelenmm\OneDrive - Grupo Algar\Desktop - 12-11-19\PreVendas - Governo Diogo\TRT2\</t>
  </si>
  <si>
    <t>D:\Backup 12-11-2019\Desktop - 12-11-19\PreVendas - Governo Diogo\TRT2\Cotação.xlsx</t>
  </si>
  <si>
    <t>C:\Users\suelenmm\OneDrive - Grupo Algar\Desktop - 12-11-19\PreVendas - Governo Diogo\TSE\</t>
  </si>
  <si>
    <t>Preço (Gerente Cheio).xlsb</t>
  </si>
  <si>
    <t>D:\Backup 12-11-2019\Desktop - 12-11-19\PreVendas - Governo Diogo\TSE\Preço (Gerente Cheio).xlsb</t>
  </si>
  <si>
    <t>D:\Backup 12-11-2019\Desktop - 12-11-19\PreVendas - Governo Diogo\TSE\Preço.xlsb</t>
  </si>
  <si>
    <t>Preço_Final.xlsb</t>
  </si>
  <si>
    <t>D:\Backup 12-11-2019\Desktop - 12-11-19\PreVendas - Governo Diogo\TSE\Preço_Final.xlsb</t>
  </si>
  <si>
    <t>Simulação Projeto.xlsx</t>
  </si>
  <si>
    <t>D:\Backup 12-11-2019\Desktop - 12-11-19\PreVendas - Governo Diogo\TSE\Simulação Projeto.xlsx</t>
  </si>
  <si>
    <t>Tarefas Catálogo de Serviços -COINF v2.0.xlsx</t>
  </si>
  <si>
    <t>D:\Backup 12-11-2019\Desktop - 12-11-19\PreVendas - Governo Diogo\TSE\Tarefas Catálogo de Serviços -COINF v2.0.xlsx</t>
  </si>
  <si>
    <t>C:\Users\suelenmm\OneDrive - Grupo Algar\Desktop - 12-11-19\PreVendas - Governo Diogo\TST\CNA\2014\TST\</t>
  </si>
  <si>
    <t>CAPEX-TST 40 PAs.xlsx</t>
  </si>
  <si>
    <t>D:\Backup 12-11-2019\Desktop - 12-11-19\PreVendas - Governo Diogo\TST\CNA\2014\TST\CAPEX-TST 40 PAs.xlsx</t>
  </si>
  <si>
    <t>D:\Backup 12-11-2019\Desktop - 12-11-19\PreVendas - Governo Diogo\TST\CNA\2014\TST\Planilha de Preço - Serviços Gerenciados.xlsm</t>
  </si>
  <si>
    <t>C:\Users\suelenmm\OneDrive - Grupo Algar\Desktop - 12-11-19\PreVendas - Governo Diogo\TST\CNA\Cotação\</t>
  </si>
  <si>
    <t>cotação.xlsb</t>
  </si>
  <si>
    <t>D:\Backup 12-11-2019\Desktop - 12-11-19\PreVendas - Governo Diogo\TST\CNA\Cotação\cotação.xlsb</t>
  </si>
  <si>
    <t>Orçamento CNA - fornecedores.xlsx</t>
  </si>
  <si>
    <t>D:\Backup 12-11-2019\Desktop - 12-11-19\PreVendas - Governo Diogo\TST\CNA\Cotação\Orçamento CNA - fornecedores.xlsx</t>
  </si>
  <si>
    <t>C:\Users\suelenmm\OneDrive - Grupo Algar\Desktop - 12-11-19\PreVendas - Governo Diogo\TST\CNA\Emergencial\</t>
  </si>
  <si>
    <t>COM PBM v2.xlsb</t>
  </si>
  <si>
    <t>D:\Backup 12-11-2019\Desktop - 12-11-19\PreVendas - Governo Diogo\TST\CNA\Emergencial\COM PBM v2.xlsb</t>
  </si>
  <si>
    <t>COM PBM.xlsb</t>
  </si>
  <si>
    <t>D:\Backup 12-11-2019\Desktop - 12-11-19\PreVendas - Governo Diogo\TST\CNA\Emergencial\COM PBM.xlsb</t>
  </si>
  <si>
    <t>C:\Users\suelenmm\OneDrive - Grupo Algar\Desktop - 12-11-19\PreVendas - Governo Diogo\TST\CNA\Emergencial\PMO Governança - Análise de Oportunidade - TST.pptx\</t>
  </si>
  <si>
    <t>D:\Backup 12-11-2019\Desktop - 12-11-19\PreVendas - Governo Diogo\TST\CNA\Emergencial\PMO Governança - Análise de Oportunidade - TST.pptx</t>
  </si>
  <si>
    <t>Sem PBM.xlsb</t>
  </si>
  <si>
    <t>D:\Backup 12-11-2019\Desktop - 12-11-19\PreVendas - Governo Diogo\TST\CNA\Emergencial\Sem PBM.xlsb</t>
  </si>
  <si>
    <t>C:\Users\suelenmm\OneDrive - Grupo Algar\Desktop - 12-11-19\PreVendas - Governo Diogo\TST\CNA\Emergencial\TST.zip\</t>
  </si>
  <si>
    <t>D:\Backup 12-11-2019\Desktop - 12-11-19\PreVendas - Governo Diogo\TST\CNA\Emergencial\TST.zip</t>
  </si>
  <si>
    <t>C:\Users\suelenmm\OneDrive - Grupo Algar\Desktop - 12-11-19\PreVendas - Governo Diogo\TST\SD\</t>
  </si>
  <si>
    <t>D:\Backup 12-11-2019\Desktop - 12-11-19\PreVendas - Governo Diogo\TST\SD\Cópia de Planilha de Preço - Serviços Gerenciados.xlsb</t>
  </si>
  <si>
    <t>estudo.xlsx</t>
  </si>
  <si>
    <t>D:\Backup 12-11-2019\Desktop - 12-11-19\PreVendas - Governo Diogo\TST\SD\estudo.xlsx</t>
  </si>
  <si>
    <t>C:\Users\suelenmm\OneDrive - Grupo Algar\Desktop - 12-11-19\PreVendas - Governo Diogo\UNIMED-BH\</t>
  </si>
  <si>
    <t>D:\Backup 12-11-2019\Desktop - 12-11-19\PreVendas - Governo Diogo\UNIMED-BH\Planilha de Preço - Serviços Gerenciados.xlsb</t>
  </si>
  <si>
    <t>C:\Users\suelenmm\OneDrive - Grupo Algar\Desktop - 12-11-19\PreVendas - Governo Diogo\VALE\SDC 5000224776.zip\</t>
  </si>
  <si>
    <t>C - Questionamentos_formul rio.xlsx</t>
  </si>
  <si>
    <t>D:\Backup 12-11-2019\Desktop - 12-11-19\PreVendas - Governo Diogo\VALE\SDC 5000224776.zip</t>
  </si>
  <si>
    <t>C:\Users\suelenmm\OneDrive - Grupo Algar\Desktop - 12-11-19\PreVendas - Governo Diogo\VALE\SDC 5000224776.zip\F - QQP.zip\</t>
  </si>
  <si>
    <t>5 - Appendix V - ITOC N1 QQP (Price List).xlsm</t>
  </si>
  <si>
    <t>6 - Appendix VI - QQP- N2N3-Eng-RegDelivery.xlsm</t>
  </si>
  <si>
    <t>C:\Users\suelenmm\OneDrive - Grupo Algar\Desktop - 12-11-19\PreVendas - Governo Diogo\VALE\ITOC 2018\2 - Edital.zip\</t>
  </si>
  <si>
    <t>3 - Questionamentos_formul rio.xlsx</t>
  </si>
  <si>
    <t>D:\Backup 12-11-2019\Desktop - 12-11-19\PreVendas - Governo Diogo\VALE\ITOC 2018\2 - Edital.zip</t>
  </si>
  <si>
    <t>C:\Users\suelenmm\OneDrive - Grupo Algar\Desktop - 12-11-19\PreVendas - Governo Diogo\VALE\ITOC 2018\</t>
  </si>
  <si>
    <t>LPU.xlsx</t>
  </si>
  <si>
    <t>D:\Backup 12-11-2019\Desktop - 12-11-19\PreVendas - Governo Diogo\VALE\ITOC 2018\LPU.xlsx</t>
  </si>
  <si>
    <t>C:\Users\suelenmm\OneDrive - Grupo Algar\Desktop - 12-11-19\PreVendas - Governo Diogo\VALE\ITOC 2018\2 - Edital\</t>
  </si>
  <si>
    <t>3 - Questionamentos_formulário.xlsx</t>
  </si>
  <si>
    <t>D:\Backup 12-11-2019\Desktop - 12-11-19\PreVendas - Governo Diogo\VALE\ITOC 2018\2 - Edital\3 - Questionamentos_formulário.xlsx</t>
  </si>
  <si>
    <t>C:\Users\suelenmm\OneDrive - Grupo Algar\Desktop - 12-11-19\PreVendas - Governo Diogo\VALE\ITOC 2019\</t>
  </si>
  <si>
    <t>D:\Backup 12-11-2019\Desktop - 12-11-19\PreVendas - Governo Diogo\VALE\ITOC 2019\5 - Appendix V - ITOC N1 QQP (Price List).xlsm</t>
  </si>
  <si>
    <t>D:\Backup 12-11-2019\Desktop - 12-11-19\PreVendas - Governo Diogo\VALE\ITOC 2019\6 - Appendix VI - QQP- N2N3-Eng-RegDelivery.xlsm</t>
  </si>
  <si>
    <t>C - Questionamentos_formulário.xlsx</t>
  </si>
  <si>
    <t>D:\Backup 12-11-2019\Desktop - 12-11-19\PreVendas - Governo Diogo\VALE\ITOC 2019\C - Questionamentos_formulário.xlsx</t>
  </si>
  <si>
    <t>C:\Users\suelenmm\OneDrive - Grupo Algar\Desktop - 12-11-19\PreVendas - Governo Diogo\VALE\ITOC 2019\F - QQP.zip\</t>
  </si>
  <si>
    <t>D:\Backup 12-11-2019\Desktop - 12-11-19\PreVendas - Governo Diogo\VALE\ITOC 2019\F - QQP.zip</t>
  </si>
  <si>
    <t>C:\Users\suelenmm\OneDrive - Grupo Algar\Desktop - 12-11-19\PreVendas - Governo Diogo\Vallourec\</t>
  </si>
  <si>
    <t>Anexos Contratuais de I a IX - RFP 2018 - Full Outsourcing.xlsx</t>
  </si>
  <si>
    <t>D:\Backup 12-11-2019\Desktop - 12-11-19\PreVendas - Governo Diogo\Vallourec\Anexos Contratuais de I a IX - RFP 2018 - Full Outsourcing.xlsx</t>
  </si>
  <si>
    <t>D:\Backup 12-11-2019\Desktop - 12-11-19\PreVendas - Governo Diogo\Vallourec\Pasta1.xlsx</t>
  </si>
  <si>
    <t>C:\Users\suelenmm\OneDrive - Grupo Algar\Desktop - 12-11-19\PreVendas - Governo Diogo\WIKINET\</t>
  </si>
  <si>
    <t>D:\Backup 12-11-2019\Desktop - 12-11-19\PreVendas - Governo Diogo\WIKINET\Pricing.xlsx</t>
  </si>
  <si>
    <t>D:\Backup 12-11-2019\Desktop - 12-11-19\Teste BP\BP Preço C017 B017-Renault Latam LOT5 (insite) v1.7 - 26%MC (fechamento pós BAFO) - Suelen.xlsb</t>
  </si>
  <si>
    <t>D:\Backup 12-11-2019\Desktop - 12-11-19\Teste BP\Cópia de 216428_IBM_CMOC_Field_SP_v1_(C017_B017).xlsb</t>
  </si>
  <si>
    <t>11/13/2019 08:33:24</t>
  </si>
  <si>
    <t>11/13/2019 08:36:23</t>
  </si>
  <si>
    <t>11/13/2019 08:36:27</t>
  </si>
  <si>
    <t>11/13/2019 08:36:30</t>
  </si>
  <si>
    <t>11/13/2019 08:36:31</t>
  </si>
  <si>
    <t>11/13/2019 08:36:33</t>
  </si>
  <si>
    <t>11/13/2019 08:36:34</t>
  </si>
  <si>
    <t>11/13/2019 08:36:39</t>
  </si>
  <si>
    <t>11/13/2019 08:36:40</t>
  </si>
  <si>
    <t>11/13/2019 08:36:42</t>
  </si>
  <si>
    <t>11/13/2019 08:36:44</t>
  </si>
  <si>
    <t>11/13/2019 08:36:46</t>
  </si>
  <si>
    <t>11/13/2019 08:36:48</t>
  </si>
  <si>
    <t>11/13/2019 08:36:50</t>
  </si>
  <si>
    <t>11/13/2019 08:36:51</t>
  </si>
  <si>
    <t>11/13/2019 08:36:52</t>
  </si>
  <si>
    <t>11/13/2019 08:37:06</t>
  </si>
  <si>
    <t>11/13/2019 08:37:18</t>
  </si>
  <si>
    <t>11/13/2019 08:37:31</t>
  </si>
  <si>
    <t>11/13/2019 08:37:34</t>
  </si>
  <si>
    <t>11/13/2019 08:37:47</t>
  </si>
  <si>
    <t>11/13/2019 08:37:49</t>
  </si>
  <si>
    <t>11/13/2019 08:37:52</t>
  </si>
  <si>
    <t>11/13/2019 08:37:55</t>
  </si>
  <si>
    <t>11/13/2019 08:37:57</t>
  </si>
  <si>
    <t>11/13/2019 08:38:01</t>
  </si>
  <si>
    <t>11/13/2019 08:38:05</t>
  </si>
  <si>
    <t>11/13/2019 08:38:07</t>
  </si>
  <si>
    <t>11/13/2019 08:38:09</t>
  </si>
  <si>
    <t>11/13/2019 08:38:10</t>
  </si>
  <si>
    <t>11/13/2019 08:38:11</t>
  </si>
  <si>
    <t>11/13/2019 08:38:12</t>
  </si>
  <si>
    <t>11/13/2019 08:38:14</t>
  </si>
  <si>
    <t>11/13/2019 08:38:17</t>
  </si>
  <si>
    <t>11/13/2019 08:38:18</t>
  </si>
  <si>
    <t>11/13/2019 08:38:19</t>
  </si>
  <si>
    <t>C:\Users\suelenmm\OneDrive - Grupo Algar\Desktop - 12-11-19\PreVendas - Governo Diogo\PRODEST\</t>
  </si>
  <si>
    <t>11/13/2019 08:38:20</t>
  </si>
  <si>
    <t>11/13/2019 08:38:21</t>
  </si>
  <si>
    <t>11/13/2019 08:38:24</t>
  </si>
  <si>
    <t>11/13/2019 08:38:25</t>
  </si>
  <si>
    <t>11/13/2019 08:38:27</t>
  </si>
  <si>
    <t>11/13/2019 08:38:31</t>
  </si>
  <si>
    <t>11/13/2019 08:38:32</t>
  </si>
  <si>
    <t>11/13/2019 08:38:33</t>
  </si>
  <si>
    <t>11/13/2019 08:38:37</t>
  </si>
  <si>
    <t>11/13/2019 08:38:39</t>
  </si>
  <si>
    <t>11/13/2019 08:38:40</t>
  </si>
  <si>
    <t>11/13/2019 08:38:42</t>
  </si>
  <si>
    <t>11/13/2019 08:38:44</t>
  </si>
  <si>
    <t>11/13/2019 08:38:46</t>
  </si>
  <si>
    <t>C:\Users\suelenmm\OneDrive - Grupo Algar\Desktop - 12-11-19\PreVendas - Governo Diogo\SEGER\BP.xlsb\</t>
  </si>
  <si>
    <t>11/13/2019 08:38:47</t>
  </si>
  <si>
    <t>11/13/2019 08:38:51</t>
  </si>
  <si>
    <t>11/13/2019 08:38:54</t>
  </si>
  <si>
    <t>11/13/2019 08:38:56</t>
  </si>
  <si>
    <t>C:\Users\suelenmm\OneDrive - Grupo Algar\Desktop - 12-11-19\PreVendas - Governo Diogo\STM\</t>
  </si>
  <si>
    <t>11/13/2019 08:38:59</t>
  </si>
  <si>
    <t>11/13/2019 08:39:01</t>
  </si>
  <si>
    <t>11/13/2019 08:39:03</t>
  </si>
  <si>
    <t>11/13/2019 08:39:04</t>
  </si>
  <si>
    <t>11/13/2019 08:39:06</t>
  </si>
  <si>
    <t>11/13/2019 08:39:08</t>
  </si>
  <si>
    <t>11/13/2019 08:39:09</t>
  </si>
  <si>
    <t>11/13/2019 08:39:12</t>
  </si>
  <si>
    <t>11/13/2019 08:39:16</t>
  </si>
  <si>
    <t>11/13/2019 08:39:18</t>
  </si>
  <si>
    <t>11/13/2019 08:39:21</t>
  </si>
  <si>
    <t>11/13/2019 08:48:29</t>
  </si>
  <si>
    <t>11/13/2019 08:39:22</t>
  </si>
  <si>
    <t>11/13/2019 08:39:43</t>
  </si>
  <si>
    <t>11/13/2019 08:39:44</t>
  </si>
  <si>
    <t>11/13/2019 08:39:46</t>
  </si>
  <si>
    <t>11/13/2019 08:39:48</t>
  </si>
  <si>
    <t>11/13/2019 08:39:51</t>
  </si>
  <si>
    <t>11/13/2019 08:39:52</t>
  </si>
  <si>
    <t>11/13/2019 08:39:54</t>
  </si>
  <si>
    <t>11/13/2019 08:39:56</t>
  </si>
  <si>
    <t>11/13/2019 08:39:58</t>
  </si>
  <si>
    <t>11/13/2019 08:39:59</t>
  </si>
  <si>
    <t>11/13/2019 08:40:00</t>
  </si>
  <si>
    <t>11/13/2019 08:40:02</t>
  </si>
  <si>
    <t>11/13/2019 08:40:03</t>
  </si>
  <si>
    <t>11/13/2019 08:40:04</t>
  </si>
  <si>
    <t>11/13/2019 08:40:05</t>
  </si>
  <si>
    <t>11/13/2019 08:40:06</t>
  </si>
  <si>
    <t>11/13/2019 08:40:07</t>
  </si>
  <si>
    <t>11/13/2019 08:40:09</t>
  </si>
  <si>
    <t>11/13/2019 08:40:10</t>
  </si>
  <si>
    <t>11/13/2019 08:40:13</t>
  </si>
  <si>
    <t>11/13/2019 08:40:14</t>
  </si>
  <si>
    <t>11/13/2019 08:40:15</t>
  </si>
  <si>
    <t>11/13/2019 08:40:19</t>
  </si>
  <si>
    <t>11/13/2019 08:40:20</t>
  </si>
  <si>
    <t>11/13/2019 08:40:22</t>
  </si>
  <si>
    <t>11/13/2019 08:40:27</t>
  </si>
  <si>
    <t>11/13/2019 08:40:31</t>
  </si>
  <si>
    <t>11/13/2019 08:40:37</t>
  </si>
  <si>
    <t>11/13/2019 08:40:38</t>
  </si>
  <si>
    <t>11/13/2019 08:40:39</t>
  </si>
  <si>
    <t>11/13/2019 08:40:40</t>
  </si>
  <si>
    <t>11/13/2019 08:40:42</t>
  </si>
  <si>
    <t>11/13/2019 08:40:43</t>
  </si>
  <si>
    <t>11/13/2019 08:40:48</t>
  </si>
  <si>
    <t>11/13/2019 08:40:49</t>
  </si>
  <si>
    <t>11/13/2019 08:40:50</t>
  </si>
  <si>
    <t>11/13/2019 08:40:51</t>
  </si>
  <si>
    <t>11/13/2019 08:40:52</t>
  </si>
  <si>
    <t>11/13/2019 08:40:54</t>
  </si>
  <si>
    <t>11/13/2019 08:40:55</t>
  </si>
  <si>
    <t>11/13/2019 08:40:56</t>
  </si>
  <si>
    <t>11/13/2019 08:40:57</t>
  </si>
  <si>
    <t>11/13/2019 08:41:00</t>
  </si>
  <si>
    <t>11/13/2019 08:41:01</t>
  </si>
  <si>
    <t>11/13/2019 08:41:02</t>
  </si>
  <si>
    <t>11/13/2019 08:41:05</t>
  </si>
  <si>
    <t>11/13/2019 08:41:08</t>
  </si>
  <si>
    <t>11/13/2019 08:41:12</t>
  </si>
  <si>
    <t>11/13/2019 08:41:13</t>
  </si>
  <si>
    <t>11/13/2019 08:41:17</t>
  </si>
  <si>
    <t>11/13/2019 08:41:20</t>
  </si>
  <si>
    <t>11/13/2019 08:41:22</t>
  </si>
  <si>
    <t>11/13/2019 08:41:23</t>
  </si>
  <si>
    <t>11/13/2019 08:41:29</t>
  </si>
  <si>
    <t>11/13/2019 08:41:32</t>
  </si>
  <si>
    <t>11/13/2019 08:41:37</t>
  </si>
  <si>
    <t>11/13/2019 08:41:40</t>
  </si>
  <si>
    <t>11/13/2019 08:41:41</t>
  </si>
  <si>
    <t>11/13/2019 08:41:42</t>
  </si>
  <si>
    <t>11/13/2019 08:41:44</t>
  </si>
  <si>
    <t>11/13/2019 08:41:45</t>
  </si>
  <si>
    <t>11/13/2019 08:41:46</t>
  </si>
  <si>
    <t>11/13/2019 08:41:48</t>
  </si>
  <si>
    <t>11/13/2019 08:41:51</t>
  </si>
  <si>
    <t>11/13/2019 08:41:52</t>
  </si>
  <si>
    <t>11/13/2019 08:41:55</t>
  </si>
  <si>
    <t>11/13/2019 08:41:58</t>
  </si>
  <si>
    <t>11/13/2019 08:42:00</t>
  </si>
  <si>
    <t>11/13/2019 08:42:04</t>
  </si>
  <si>
    <t>11/13/2019 08:42:05</t>
  </si>
  <si>
    <t>11/13/2019 08:42:06</t>
  </si>
  <si>
    <t>11/13/2019 08:42:09</t>
  </si>
  <si>
    <t>11/13/2019 08:42:10</t>
  </si>
  <si>
    <t>11/13/2019 08:42:12</t>
  </si>
  <si>
    <t>11/13/2019 08:42:14</t>
  </si>
  <si>
    <t>11/13/2019 08:42:16</t>
  </si>
  <si>
    <t>11/13/2019 08:42:17</t>
  </si>
  <si>
    <t>11/13/2019 08:42:18</t>
  </si>
  <si>
    <t>11/13/2019 08:42:19</t>
  </si>
  <si>
    <t>11/13/2019 08:42:20</t>
  </si>
  <si>
    <t>11/13/2019 08:42:21</t>
  </si>
  <si>
    <t>11/13/2019 08:42:22</t>
  </si>
  <si>
    <t>11/13/2019 08:42:23</t>
  </si>
  <si>
    <t>11/13/2019 08:42:24</t>
  </si>
  <si>
    <t>11/13/2019 08:42:27</t>
  </si>
  <si>
    <t>11/13/2019 08:42:28</t>
  </si>
  <si>
    <t>11/13/2019 08:42:33</t>
  </si>
  <si>
    <t>11/13/2019 08:42:36</t>
  </si>
  <si>
    <t>11/13/2019 08:42:40</t>
  </si>
  <si>
    <t>11/13/2019 08:42:41</t>
  </si>
  <si>
    <t>11/13/2019 08:42:48</t>
  </si>
  <si>
    <t>11/13/2019 08:42:51</t>
  </si>
  <si>
    <t>11/13/2019 08:42:53</t>
  </si>
  <si>
    <t>11/13/2019 08:42:54</t>
  </si>
  <si>
    <t>11/13/2019 08:42:56</t>
  </si>
  <si>
    <t>11/13/2019 08:42:58</t>
  </si>
  <si>
    <t>11/13/2019 08:43:00</t>
  </si>
  <si>
    <t>11/13/2019 08:43:02</t>
  </si>
  <si>
    <t>11/13/2019 08:43:04</t>
  </si>
  <si>
    <t>11/13/2019 08:43:05</t>
  </si>
  <si>
    <t>11/13/2019 08:43:06</t>
  </si>
  <si>
    <t>11/13/2019 08:43:09</t>
  </si>
  <si>
    <t>11/13/2019 08:43:14</t>
  </si>
  <si>
    <t>11/13/2019 08:43:16</t>
  </si>
  <si>
    <t>11/13/2019 08:43:18</t>
  </si>
  <si>
    <t>11/13/2019 08:43:19</t>
  </si>
  <si>
    <t>11/13/2019 08:43:21</t>
  </si>
  <si>
    <t>C:\Users\suelenmm\OneDrive - Grupo Algar\Desktop - 12-11-19\PreVendas - Governo Diogo\GEFCO\Revisão Sinergia\SD 24x6 - 36 meses.xlsb\</t>
  </si>
  <si>
    <t>11/13/2019 08:43:24</t>
  </si>
  <si>
    <t>C:\Users\suelenmm\OneDrive - Grupo Algar\Desktop - 12-11-19\PreVendas - Governo Diogo\GEFCO\Revisão Sinergia\SD 24x6 - 24 meses.xlsb\</t>
  </si>
  <si>
    <t>11/13/2019 08:43:27</t>
  </si>
  <si>
    <t>C:\Users\suelenmm\OneDrive - Grupo Algar\Desktop - 12-11-19\PreVendas - Governo Diogo\GEFCO\Revisão Sinergia\SD 24x5 - 36 meses.xlsb\</t>
  </si>
  <si>
    <t>C:\Users\suelenmm\OneDrive - Grupo Algar\Desktop - 12-11-19\PreVendas - Governo Diogo\GEFCO\Revisão Sinergia\SD 24x5 - 24 meses.xlsb\</t>
  </si>
  <si>
    <t>11/13/2019 08:43:33</t>
  </si>
  <si>
    <t>11/13/2019 08:43:42</t>
  </si>
  <si>
    <t>11/13/2019 08:43:43</t>
  </si>
  <si>
    <t>11/13/2019 08:43:46</t>
  </si>
  <si>
    <t>11/13/2019 08:43:47</t>
  </si>
  <si>
    <t>11/13/2019 08:43:50</t>
  </si>
  <si>
    <t>11/13/2019 08:43:52</t>
  </si>
  <si>
    <t>11/13/2019 08:43:54</t>
  </si>
  <si>
    <t>11/13/2019 08:44:00</t>
  </si>
  <si>
    <t>11/13/2019 08:44:01</t>
  </si>
  <si>
    <t>11/13/2019 08:44:02</t>
  </si>
  <si>
    <t>11/13/2019 08:44:05</t>
  </si>
  <si>
    <t>11/13/2019 08:44:08</t>
  </si>
  <si>
    <t>11/13/2019 08:44:21</t>
  </si>
  <si>
    <t>11/13/2019 08:45:01</t>
  </si>
  <si>
    <t>11/13/2019 08:45:02</t>
  </si>
  <si>
    <t>11/13/2019 08:45:03</t>
  </si>
  <si>
    <t>11/13/2019 08:45:04</t>
  </si>
  <si>
    <t>11/13/2019 08:45:09</t>
  </si>
  <si>
    <t>11/13/2019 08:45:10</t>
  </si>
  <si>
    <t>11/13/2019 08:45:11</t>
  </si>
  <si>
    <t>11/13/2019 08:45:12</t>
  </si>
  <si>
    <t>11/13/2019 08:45:13</t>
  </si>
  <si>
    <t>11/13/2019 08:45:14</t>
  </si>
  <si>
    <t>11/13/2019 08:45:15</t>
  </si>
  <si>
    <t>11/13/2019 08:45:16</t>
  </si>
  <si>
    <t>11/13/2019 08:45:17</t>
  </si>
  <si>
    <t>11/13/2019 08:45:18</t>
  </si>
  <si>
    <t>11/13/2019 08:45:19</t>
  </si>
  <si>
    <t>11/13/2019 08:45:20</t>
  </si>
  <si>
    <t>11/13/2019 08:45:30</t>
  </si>
  <si>
    <t>11/13/2019 08:45:39</t>
  </si>
  <si>
    <t>11/13/2019 08:45:47</t>
  </si>
  <si>
    <t>11/13/2019 08:45:48</t>
  </si>
  <si>
    <t>11/13/2019 08:45:57</t>
  </si>
  <si>
    <t>11/13/2019 08:45:59</t>
  </si>
  <si>
    <t>11/13/2019 08:46:00</t>
  </si>
  <si>
    <t>11/13/2019 08:46:07</t>
  </si>
  <si>
    <t>11/13/2019 08:46:08</t>
  </si>
  <si>
    <t>11/13/2019 08:46:10</t>
  </si>
  <si>
    <t>11/13/2019 08:46:11</t>
  </si>
  <si>
    <t>11/13/2019 08:46:13</t>
  </si>
  <si>
    <t>11/13/2019 08:46:17</t>
  </si>
  <si>
    <t>11/13/2019 08:46:19</t>
  </si>
  <si>
    <t>11/13/2019 08:46:20</t>
  </si>
  <si>
    <t>11/13/2019 08:46:21</t>
  </si>
  <si>
    <t>11/13/2019 08:46:24</t>
  </si>
  <si>
    <t>11/13/2019 08:46:25</t>
  </si>
  <si>
    <t>11/13/2019 08:46:26</t>
  </si>
  <si>
    <t>11/13/2019 08:47:07</t>
  </si>
  <si>
    <t>11/13/2019 08:47:08</t>
  </si>
  <si>
    <t>11/13/2019 08:47:09</t>
  </si>
  <si>
    <t>11/13/2019 08:47:10</t>
  </si>
  <si>
    <t>11/13/2019 08:47:11</t>
  </si>
  <si>
    <t>11/13/2019 08:47:12</t>
  </si>
  <si>
    <t>11/13/2019 08:47:14</t>
  </si>
  <si>
    <t>11/13/2019 08:47:18</t>
  </si>
  <si>
    <t>11/13/2019 08:47:19</t>
  </si>
  <si>
    <t>11/13/2019 08:47:22</t>
  </si>
  <si>
    <t>11/13/2019 08:47:24</t>
  </si>
  <si>
    <t>11/13/2019 08:47:25</t>
  </si>
  <si>
    <t>11/13/2019 08:47:29</t>
  </si>
  <si>
    <t>11/13/2019 08:47:31</t>
  </si>
  <si>
    <t>11/13/2019 08:47:33</t>
  </si>
  <si>
    <t>11/13/2019 08:47:34</t>
  </si>
  <si>
    <t>11/13/2019 08:47:36</t>
  </si>
  <si>
    <t>11/13/2019 08:47:53</t>
  </si>
  <si>
    <t>11/13/2019 08:53:29</t>
  </si>
  <si>
    <t>11/13/2019 08:47:54</t>
  </si>
  <si>
    <t>11/13/2019 08:47:56</t>
  </si>
  <si>
    <t>11/13/2019 08:47:57</t>
  </si>
  <si>
    <t>11/13/2019 08:47:58</t>
  </si>
  <si>
    <t>11/13/2019 08:47:59</t>
  </si>
  <si>
    <t>11/13/2019 08:48:01</t>
  </si>
  <si>
    <t>11/13/2019 08:48:03</t>
  </si>
  <si>
    <t>11/13/2019 08:48:04</t>
  </si>
  <si>
    <t>11/13/2019 08:48:09</t>
  </si>
  <si>
    <t>11/13/2019 08:48:11</t>
  </si>
  <si>
    <t>11/13/2019 08:48:12</t>
  </si>
  <si>
    <t>11/13/2019 08:48:13</t>
  </si>
  <si>
    <t>11/13/2019 08:48:16</t>
  </si>
  <si>
    <t>11/13/2019 08:48:17</t>
  </si>
  <si>
    <t>11/13/2019 08:48:18</t>
  </si>
  <si>
    <t>11/13/2019 08:48:19</t>
  </si>
  <si>
    <t>11/13/2019 08:48:20</t>
  </si>
  <si>
    <t>C:\Users\suelenmm\OneDrive - Grupo Algar\Desktop - 12-11-19\PreVendas - Governo Diogo\ANS\2016\Cotação 07-2016\</t>
  </si>
  <si>
    <t>11/13/2019 08:48:22</t>
  </si>
  <si>
    <t>11/13/2019 08:48:23</t>
  </si>
  <si>
    <t>11/13/2019 08:48:26</t>
  </si>
  <si>
    <t>11/13/2019 08:48:32</t>
  </si>
  <si>
    <t>11/13/2019 08:48:35</t>
  </si>
  <si>
    <t>11/13/2019 08:48:38</t>
  </si>
  <si>
    <t>11/13/2019 08:48:40</t>
  </si>
  <si>
    <t>11/13/2019 08:48:43</t>
  </si>
  <si>
    <t>11/13/2019 08:48:46</t>
  </si>
  <si>
    <t>11/13/2019 08:48:48</t>
  </si>
  <si>
    <t>11/13/2019 08:48:50</t>
  </si>
  <si>
    <t>11/13/2019 08:48:52</t>
  </si>
  <si>
    <t>11/13/2019 08:48:54</t>
  </si>
  <si>
    <t>11/13/2019 08:48:57</t>
  </si>
  <si>
    <t>11/13/2019 08:48:59</t>
  </si>
  <si>
    <t>11/13/2019 08:49:01</t>
  </si>
  <si>
    <t>11/13/2019 08:49:02</t>
  </si>
  <si>
    <t>11/13/2019 08:49:04</t>
  </si>
  <si>
    <t>11/13/2019 08:49:05</t>
  </si>
  <si>
    <t>11/13/2019 08:49:06</t>
  </si>
  <si>
    <t>11/13/2019 08:49:08</t>
  </si>
  <si>
    <t>11/13/2019 08:49:12</t>
  </si>
  <si>
    <t>11/13/2019 08:49:13</t>
  </si>
  <si>
    <t>11/13/2019 08:49:15</t>
  </si>
  <si>
    <t>11/13/2019 08:49:16</t>
  </si>
  <si>
    <t>11/13/2019 08:49:17</t>
  </si>
  <si>
    <t>11/13/2019 08:49:18</t>
  </si>
  <si>
    <t>11/13/2019 08:49:19</t>
  </si>
  <si>
    <t>11/13/2019 08:49:21</t>
  </si>
  <si>
    <t>11/13/2019 08:49:23</t>
  </si>
  <si>
    <t>11/13/2019 08:49:24</t>
  </si>
  <si>
    <t>11/13/2019 08:49:25</t>
  </si>
  <si>
    <t>11/13/2019 08:49:26</t>
  </si>
  <si>
    <t>11/13/2019 08:49:28</t>
  </si>
  <si>
    <t>11/13/2019 08:49:33</t>
  </si>
  <si>
    <t>11/13/2019 08:49:34</t>
  </si>
  <si>
    <t>11/13/2019 08:49:36</t>
  </si>
  <si>
    <t>11/13/2019 08:49:37</t>
  </si>
  <si>
    <t>11/13/2019 08:49:38</t>
  </si>
  <si>
    <t>11/13/2019 08:49:39</t>
  </si>
  <si>
    <t>11/13/2019 08:49:40</t>
  </si>
  <si>
    <t>11/13/2019 08:49:41</t>
  </si>
  <si>
    <t>11/13/2019 08:49:42</t>
  </si>
  <si>
    <t>11/13/2019 08:49:44</t>
  </si>
  <si>
    <t>11/13/2019 08:49:45</t>
  </si>
  <si>
    <t>11/13/2019 08:49:46</t>
  </si>
  <si>
    <t>11/13/2019 08:49:48</t>
  </si>
  <si>
    <t>11/13/2019 08:49:49</t>
  </si>
  <si>
    <t>11/13/2019 08:49:51</t>
  </si>
  <si>
    <t>11/13/2019 08:49:52</t>
  </si>
  <si>
    <t>11/13/2019 08:49:53</t>
  </si>
  <si>
    <t>11/13/2019 08:49:54</t>
  </si>
  <si>
    <t>11/13/2019 08:49:55</t>
  </si>
  <si>
    <t>11/13/2019 08:49:56</t>
  </si>
  <si>
    <t>11/13/2019 08:50:00</t>
  </si>
  <si>
    <t>11/13/2019 08:50:01</t>
  </si>
  <si>
    <t>11/13/2019 08:50:02</t>
  </si>
  <si>
    <t>11/13/2019 08:50:05</t>
  </si>
  <si>
    <t>11/13/2019 08:50:10</t>
  </si>
  <si>
    <t>11/13/2019 08:50:12</t>
  </si>
  <si>
    <t>11/13/2019 08:50:14</t>
  </si>
  <si>
    <t>11/13/2019 08:50:22</t>
  </si>
  <si>
    <t>11/13/2019 08:50:23</t>
  </si>
  <si>
    <t>11/13/2019 08:50:24</t>
  </si>
  <si>
    <t>11/13/2019 08:50:25</t>
  </si>
  <si>
    <t>11/13/2019 08:50:26</t>
  </si>
  <si>
    <t>11/13/2019 08:50:27</t>
  </si>
  <si>
    <t>11/13/2019 08:50:31</t>
  </si>
  <si>
    <t>C:\Users\suelenmm\OneDrive - Grupo Algar\Desktop - 12-11-19\PreVendas - Governo Diogo\DPRF\2017\RFQ Sede\</t>
  </si>
  <si>
    <t>11/13/2019 08:50:35</t>
  </si>
  <si>
    <t>11/13/2019 08:50:37</t>
  </si>
  <si>
    <t>11/13/2019 08:50:44</t>
  </si>
  <si>
    <t>11/13/2019 08:51:23</t>
  </si>
  <si>
    <t>11/13/2019 08:51:24</t>
  </si>
  <si>
    <t>11/13/2019 08:51:25</t>
  </si>
  <si>
    <t>11/13/2019 08:51:26</t>
  </si>
  <si>
    <t>11/13/2019 08:51:27</t>
  </si>
  <si>
    <t>11/13/2019 08:51:30</t>
  </si>
  <si>
    <t>11/13/2019 08:51:31</t>
  </si>
  <si>
    <t>11/13/2019 08:51:32</t>
  </si>
  <si>
    <t>11/13/2019 08:51:33</t>
  </si>
  <si>
    <t>11/13/2019 08:51:34</t>
  </si>
  <si>
    <t>11/13/2019 08:51:35</t>
  </si>
  <si>
    <t>11/13/2019 08:51:37</t>
  </si>
  <si>
    <t>11/13/2019 08:51:38</t>
  </si>
  <si>
    <t>11/13/2019 08:51:40</t>
  </si>
  <si>
    <t>11/13/2019 08:51:41</t>
  </si>
  <si>
    <t>11/13/2019 08:51:42</t>
  </si>
  <si>
    <t>11/13/2019 08:51:44</t>
  </si>
  <si>
    <t>11/13/2019 08:51:48</t>
  </si>
  <si>
    <t>11/13/2019 08:51:50</t>
  </si>
  <si>
    <t>11/13/2019 08:51:52</t>
  </si>
  <si>
    <t>11/13/2019 08:51:56</t>
  </si>
  <si>
    <t>11/13/2019 08:51:58</t>
  </si>
  <si>
    <t>C:\Users\suelenmm\OneDrive - Grupo Algar\Desktop - 12-11-19\PreVendas - Governo Diogo\GEFCO\Revisão Sinergia\Cenário LATAM\SD 24x6 - 36 meses.xlsb\</t>
  </si>
  <si>
    <t>11/13/2019 08:52:00</t>
  </si>
  <si>
    <t>C:\Users\suelenmm\OneDrive - Grupo Algar\Desktop - 12-11-19\PreVendas - Governo Diogo\GEFCO\Revisão Sinergia\Cenário LATAM\SD 24x6 - 24 meses.xlsb\</t>
  </si>
  <si>
    <t>11/13/2019 08:52:02</t>
  </si>
  <si>
    <t>C:\Users\suelenmm\OneDrive - Grupo Algar\Desktop - 12-11-19\PreVendas - Governo Diogo\GEFCO\Revisão Sinergia\Cenário LATAM\SD 24x5 - 36 meses.xlsb\</t>
  </si>
  <si>
    <t>11/13/2019 08:52:03</t>
  </si>
  <si>
    <t>C:\Users\suelenmm\OneDrive - Grupo Algar\Desktop - 12-11-19\PreVendas - Governo Diogo\GEFCO\Revisão Sinergia\Cenário LATAM\SD 24x5 - 24 meses.xlsb\</t>
  </si>
  <si>
    <t>11/13/2019 08:52:06</t>
  </si>
  <si>
    <t>11/13/2019 08:52:07</t>
  </si>
  <si>
    <t>C:\Users\suelenmm\OneDrive - Grupo Algar\Desktop - 12-11-19\PreVendas - Governo Diogo\GEFCO\Revisão Sinergia\Cenário LATAM\Equipe Sinergia.xlsb\</t>
  </si>
  <si>
    <t>11/13/2019 08:52:10</t>
  </si>
  <si>
    <t>C:\Users\suelenmm\OneDrive - Grupo Algar\Desktop - 12-11-19\PreVendas - Governo Diogo\GEFCO\Revisão Sinergia\Novos Cenários\</t>
  </si>
  <si>
    <t>C:\Users\suelenmm\OneDrive - Grupo Algar\Desktop - 12-11-19\PreVendas - Governo Diogo\GEFCO\Revisão Sinergia\Novos Cenários - SEM SUPERVISOR\</t>
  </si>
  <si>
    <t>C:\Users\suelenmm\OneDrive - Grupo Algar\Desktop - 12-11-19\PreVendas - Governo Diogo\GEFCO\Revisão Sinergia\Sem Field\</t>
  </si>
  <si>
    <t>11/13/2019 08:52:12</t>
  </si>
  <si>
    <t>11/13/2019 08:52:14</t>
  </si>
  <si>
    <t>11/13/2019 08:52:15</t>
  </si>
  <si>
    <t>11/13/2019 08:52:16</t>
  </si>
  <si>
    <t>11/13/2019 08:52:17</t>
  </si>
  <si>
    <t>11/13/2019 08:52:18</t>
  </si>
  <si>
    <t>11/13/2019 08:52:19</t>
  </si>
  <si>
    <t>11/13/2019 08:52:22</t>
  </si>
  <si>
    <t>11/13/2019 08:52:23</t>
  </si>
  <si>
    <t>11/13/2019 08:52:24</t>
  </si>
  <si>
    <t>11/13/2019 08:52:25</t>
  </si>
  <si>
    <t>11/13/2019 08:52:28</t>
  </si>
  <si>
    <t>11/13/2019 08:52:29</t>
  </si>
  <si>
    <t>11/13/2019 08:52:31</t>
  </si>
  <si>
    <t>11/13/2019 08:52:32</t>
  </si>
  <si>
    <t>11/13/2019 08:52:34</t>
  </si>
  <si>
    <t>11/13/2019 08:52:36</t>
  </si>
  <si>
    <t>11/13/2019 08:52:40</t>
  </si>
  <si>
    <t>11/13/2019 08:52:41</t>
  </si>
  <si>
    <t>11/13/2019 08:52:44</t>
  </si>
  <si>
    <t>11/13/2019 08:52:45</t>
  </si>
  <si>
    <t>11/13/2019 08:52:47</t>
  </si>
  <si>
    <t>11/13/2019 08:53:46</t>
  </si>
  <si>
    <t>11/13/2019 08:55:29</t>
  </si>
  <si>
    <t>C:\Users\gustavoas\Desktop\TECH DAY - GAT v3.pptx\</t>
  </si>
  <si>
    <t>D:\TECH DAY - GAT v3.pptx</t>
  </si>
  <si>
    <t>11/13/2019 08:52:49</t>
  </si>
  <si>
    <t>11/13/2019 08:58:29</t>
  </si>
  <si>
    <t>11/13/2019 08:52:50</t>
  </si>
  <si>
    <t>11/13/2019 08:52:51</t>
  </si>
  <si>
    <t>11/13/2019 08:52:52</t>
  </si>
  <si>
    <t>11/13/2019 08:52:54</t>
  </si>
  <si>
    <t>11/13/2019 08:52:55</t>
  </si>
  <si>
    <t>11/13/2019 08:52:56</t>
  </si>
  <si>
    <t>11/13/2019 08:52:58</t>
  </si>
  <si>
    <t>11/13/2019 08:52:59</t>
  </si>
  <si>
    <t>11/13/2019 08:53:04</t>
  </si>
  <si>
    <t>11/13/2019 08:53:06</t>
  </si>
  <si>
    <t>11/13/2019 08:53:08</t>
  </si>
  <si>
    <t>11/13/2019 08:53:09</t>
  </si>
  <si>
    <t>11/13/2019 08:53:10</t>
  </si>
  <si>
    <t>11/13/2019 08:53:11</t>
  </si>
  <si>
    <t>11/13/2019 08:53:12</t>
  </si>
  <si>
    <t>11/13/2019 08:53:14</t>
  </si>
  <si>
    <t>11/13/2019 08:53:15</t>
  </si>
  <si>
    <t>11/13/2019 08:53:16</t>
  </si>
  <si>
    <t>11/13/2019 08:53:18</t>
  </si>
  <si>
    <t>11/13/2019 08:53:20</t>
  </si>
  <si>
    <t>11/13/2019 08:59:14</t>
  </si>
  <si>
    <t>11/13/2019 09:01:29</t>
  </si>
  <si>
    <t>/o=exchangelabs/ou=exchange administrative group (fydibohf23spdlt)/cn=recipients/cn=06d628e3f48b48f491437fe6311215ae-claudiane a;/o=exchangelabs/ou=exchange administrative group (fydibohf23spdlt)/cn=recipients/cn=60faf2b5b04b4809ba6e5fa8b0b884a6-evelise tri;/o=exchangelabs/ou=exchange administrative group (fydibohf23spdlt)/cn=recipients/cn=a9a1fe1d51ef4ee29617a1c11aa10050-marinalva i;/o=exchangelabs/ou=exchange administrative group (fydibohf23spdlt)/cn=recipients/cn=bf5c8ee8081a4a4cbf005372e2697869-tassiane ci;/o=exchangelabs/ou=exchange administrative group (fydibohf23spdlt)/cn=recipients/cn=e70cc16764ef4e4fac6e4581f29c2881-valeria bet;/o=exchangelabs/ou=exchange administrative group (fydibohf23spdlt)/cn=recipients/cn=hugo cesar rodrigues dos santos;larissabdi@algartech.com;</t>
  </si>
  <si>
    <t>ENC: Árvores Ecohouse (Todas) --validação - Urgente!</t>
  </si>
  <si>
    <t>/o=exchangelabs/ou=exchange administrative group (fydibohf23spdlt)/cn=recipients/cn=06d628e3f48b48f491437fe6311215ae-claudiane a,/o=exchangelabs/ou=exchange administrative group (fydibohf23spdlt)/cn=recipients/cn=60faf2b5b04b4809ba6e5fa8b0b884a6-evelise tri,/o=exchangelabs/ou=exchange administrative group (fydibohf23spdlt)/cn=recipients/cn=a9a1fe1d51ef4ee29617a1c11aa10050-marinalva i,/o=exchangelabs/ou=exchange administrative group (fydibohf23spdlt)/cn=recipients/cn=bf5c8ee8081a4a4cbf005372e2697869-tassiane ci,/o=exchangelabs/ou=exchange administrative group (fydibohf23spdlt)/cn=recipients/cn=e70cc16764ef4e4fac6e4581f29c2881-valeria bet,/o=exchangelabs/ou=exchange administrative group (fydibohf23spdlt)/cn=recipients/cn=hugo cesar rodrigues dos santos,larissabdi@algartech.com</t>
  </si>
  <si>
    <t>C:\Users\camilat\OneDrive - Grupo Algar\GERENCIAL\FINANCEIRO\Faturamento\340002017\OUTUBRO 19\</t>
  </si>
  <si>
    <t>C:\Users\camilat\OneDrive - Grupo Algar\CAMILA TIRSO - BKP\</t>
  </si>
  <si>
    <t>BASE TOTAL SGN 1.xlsx</t>
  </si>
  <si>
    <t>11/13/2019 09:08:34</t>
  </si>
  <si>
    <t>11/13/2019 09:09:30</t>
  </si>
  <si>
    <t>\\acsfs\dsti\CIT- Coordenação de Inteligência de Tecnologia\06 - Gerenciamento de Fornecedores\3. Requisições\MICROSOFT\Office 365\2019\10. Outubro\10. Outubro.7z\</t>
  </si>
  <si>
    <t>11/13/2019 09:10:14</t>
  </si>
  <si>
    <t>11/13/2019 09:11:29</t>
  </si>
  <si>
    <t>10.211.2.105</t>
  </si>
  <si>
    <t>/o=exchangelabs/ou=exchange administrative group (fydibohf23spdlt)/cn=recipients/cn=161c8ab454bb4f4ebde8223bf694a34b-pedro felip;/o=exchangelabs/ou=exchange administrative group (fydibohf23spdlt)/cn=recipients/cn=55643a6cbd93423e8f0c948d862c9e35-marcelo ale;gisele.lopes@algartech.com;</t>
  </si>
  <si>
    <t>ENC: Sobreaviso - Novembro</t>
  </si>
  <si>
    <t>/o=exchangelabs/ou=exchange administrative group (fydibohf23spdlt)/cn=recipients/cn=161c8ab454bb4f4ebde8223bf694a34b-pedro felip,/o=exchangelabs/ou=exchange administrative group (fydibohf23spdlt)/cn=recipients/cn=55643a6cbd93423e8f0c948d862c9e35-marcelo ale,gisele.lopes@algartech.com</t>
  </si>
  <si>
    <t>11/13/2019 09:08:57</t>
  </si>
  <si>
    <t>11/13/2019 09:14:30</t>
  </si>
  <si>
    <t>\\acsfs\dsti\CIT- Coordenação de Inteligência de Tecnologia\06 - Gerenciamento de Fornecedores\3. Requisições\MICROSOFT\Office 365\2019\10. Outubro\</t>
  </si>
  <si>
    <t>VALOR ref Setembro.19 OFFICE 365.xlsx</t>
  </si>
  <si>
    <t>11/13/2019 09:12:12</t>
  </si>
  <si>
    <t>11/13/2019 09:16:30</t>
  </si>
  <si>
    <t>11/13/2019 09:12:51</t>
  </si>
  <si>
    <t>20190808 CUSTO PA 2019.xlsx</t>
  </si>
  <si>
    <t>11/13/2019 09:14:33</t>
  </si>
  <si>
    <t>11/13/2019 09:17:29</t>
  </si>
  <si>
    <t>jeannff@algartech.com;</t>
  </si>
  <si>
    <t>jeannff@algartech.com</t>
  </si>
  <si>
    <t>11/13/2019 09:15:00</t>
  </si>
  <si>
    <t>Saldos CR's</t>
  </si>
  <si>
    <t>4664732976954b46910b50256f7457f5.xls</t>
  </si>
  <si>
    <t>11/13/2019 09:18:02</t>
  </si>
  <si>
    <t>11/13/2019 09:21:29</t>
  </si>
  <si>
    <t>01 - Base Oficial PAs.xlsx</t>
  </si>
  <si>
    <t>11/13/2019 09:19:32</t>
  </si>
  <si>
    <t>Criterio_Rateio Base Wanessa.xlsx</t>
  </si>
  <si>
    <t>11/13/2019 09:18:36</t>
  </si>
  <si>
    <t>11/13/2019 09:23:30</t>
  </si>
  <si>
    <t>11/13/2019 09:22:40</t>
  </si>
  <si>
    <t>11/13/2019 09:26:29</t>
  </si>
  <si>
    <t>/o=exchangelabs/ou=exchange administrative group (fydibohf23spdlt)/cn=recipients/cn=a72a765de829420582b78941417073ac-karina rodr;/o=exchangelabs/ou=exchange administrative group (fydibohf23spdlt)/cn=recipients/cn=e70cc16764ef4e4fac6e4581f29c2881-valeria bet;/o=exchangelabs/ou=exchange administrative group (fydibohf23spdlt)/cn=recipients/cn=f701196445cc4cd494c258b6fe596d27-pamela cris;/o=exchangelabs/ou=exchange administrative group (fydibohf23spdlt)/cn=recipients/cn=user776b6484;hugo_cesar_rodrigues_dos_santos_algar@whirlpool.com;larissabdi@algartech.com;</t>
  </si>
  <si>
    <t>ENC: Cronograma Demandas Ecohouse</t>
  </si>
  <si>
    <t>Cronograma Ecohouse.xlsx</t>
  </si>
  <si>
    <t>/o=exchangelabs/ou=exchange administrative group (fydibohf23spdlt)/cn=recipients/cn=a72a765de829420582b78941417073ac-karina rodr,/o=exchangelabs/ou=exchange administrative group (fydibohf23spdlt)/cn=recipients/cn=e70cc16764ef4e4fac6e4581f29c2881-valeria bet,/o=exchangelabs/ou=exchange administrative group (fydibohf23spdlt)/cn=recipients/cn=f701196445cc4cd494c258b6fe596d27-pamela cris,/o=exchangelabs/ou=exchange administrative group (fydibohf23spdlt)/cn=recipients/cn=user776b6484,hugo_cesar_rodrigues_dos_santos_algar@whirlpool.com,larissabdi@algartech.com</t>
  </si>
  <si>
    <t>11/13/2019 09:28:33</t>
  </si>
  <si>
    <t>11/13/2019 09:31:30</t>
  </si>
  <si>
    <t>ENC: Árvores Ecohouse (Todas) ---vamos validar --- importante ---</t>
  </si>
  <si>
    <t>11/13/2019 09:28:58</t>
  </si>
  <si>
    <t>11/13/2019 09:32:29</t>
  </si>
  <si>
    <t>/o=exchangelabs/ou=exchange administrative group (fydibohf23spdlt)/cn=recipients/cn=8f185d9b3bd9437bbda2e6edb3323202-natalia men;</t>
  </si>
  <si>
    <t>Segue para sua atualização</t>
  </si>
  <si>
    <t>/o=exchangelabs/ou=exchange administrative group (fydibohf23spdlt)/cn=recipients/cn=8f185d9b3bd9437bbda2e6edb3323202-natalia men</t>
  </si>
  <si>
    <t>11/13/2019 09:41:29</t>
  </si>
  <si>
    <t>C:\Users\viniciussg\OneDrive\Cursos\Lari Trader\</t>
  </si>
  <si>
    <t>GERENCIAMENTO.xlsx</t>
  </si>
  <si>
    <t>11/13/2019 09:40:25</t>
  </si>
  <si>
    <t>11/13/2019 09:44:30</t>
  </si>
  <si>
    <t>/o=exchangelabs/ou=exchange administrative group (fydibohf23spdlt)/cn=recipients/cn=168e05cabbf14ae289464a0c09955b31-sara ferrei;/o=exchangelabs/ou=exchange administrative group (fydibohf23spdlt)/cn=recipients/cn=da8b0d0eb1af471c9c028aba05e743fd-guilherme a;</t>
  </si>
  <si>
    <t>Fechados de JAN -SET19_Sollero.xlsx</t>
  </si>
  <si>
    <t>/o=exchangelabs/ou=exchange administrative group (fydibohf23spdlt)/cn=recipients/cn=168e05cabbf14ae289464a0c09955b31-sara ferrei,/o=exchangelabs/ou=exchange administrative group (fydibohf23spdlt)/cn=recipients/cn=da8b0d0eb1af471c9c028aba05e743fd-guilherme a</t>
  </si>
  <si>
    <t>11/13/2019 09:47:56</t>
  </si>
  <si>
    <t>11/13/2019 09:51:30</t>
  </si>
  <si>
    <t>11/13/2019 09:49:55</t>
  </si>
  <si>
    <t>11/13/2019 09:53:29</t>
  </si>
  <si>
    <t>11/13/2019 09:52:39</t>
  </si>
  <si>
    <t>C:\Users\mariannacsm\OneDrive - Grupo Algar\Transformação\2- Demandas\2. Concluídos\Processo Pronto\</t>
  </si>
  <si>
    <t>Justificativa Processo Pronto Qualificado0204.xlsx</t>
  </si>
  <si>
    <t>11/13/2019 09:55:29</t>
  </si>
  <si>
    <t>11/13/2019 09:54:46</t>
  </si>
  <si>
    <t>11/13/2019 09:58:29</t>
  </si>
  <si>
    <t>Árvore RAF - Efeivo - Não Efetivo.xlsx</t>
  </si>
  <si>
    <t>11/13/2019 09:55:33</t>
  </si>
  <si>
    <t>Árvores NPS e RAF - Efetivo/Não Efetivo</t>
  </si>
  <si>
    <t>Árvore NPS - Efeivo - Não Efetivo.xlsx</t>
  </si>
  <si>
    <t>11/13/2019 09:55:00</t>
  </si>
  <si>
    <t>11/13/2019 09:55:01</t>
  </si>
  <si>
    <t>11/13/2019 09:55:03</t>
  </si>
  <si>
    <t>11/13/2019 09:55:05</t>
  </si>
  <si>
    <t>11/13/2019 09:55:06</t>
  </si>
  <si>
    <t>11/13/2019 09:55:09</t>
  </si>
  <si>
    <t>11/13/2019 09:55:12</t>
  </si>
  <si>
    <t>11/13/2019 09:55:13</t>
  </si>
  <si>
    <t>11/13/2019 09:55:14</t>
  </si>
  <si>
    <t>11/13/2019 09:55:19</t>
  </si>
  <si>
    <t>11/13/2019 09:55:21</t>
  </si>
  <si>
    <t>11/13/2019 09:55:24</t>
  </si>
  <si>
    <t>11/13/2019 09:55:25</t>
  </si>
  <si>
    <t>11/13/2019 09:55:26</t>
  </si>
  <si>
    <t>11/13/2019 09:55:30</t>
  </si>
  <si>
    <t>11/13/2019 09:55:31</t>
  </si>
  <si>
    <t>11/13/2019 09:55:32</t>
  </si>
  <si>
    <t>11/13/2019 09:55:36</t>
  </si>
  <si>
    <t>11/13/2019 09:55:42</t>
  </si>
  <si>
    <t>11/13/2019 09:55:43</t>
  </si>
  <si>
    <t>11/13/2019 09:55:45</t>
  </si>
  <si>
    <t>11/13/2019 09:55:50</t>
  </si>
  <si>
    <t>11/13/2019 09:56:08</t>
  </si>
  <si>
    <t>11/13/2019 09:56:12</t>
  </si>
  <si>
    <t>11/13/2019 09:56:14</t>
  </si>
  <si>
    <t>11/13/2019 09:56:16</t>
  </si>
  <si>
    <t>11/13/2019 09:56:31</t>
  </si>
  <si>
    <t>11/13/2019 09:56:36</t>
  </si>
  <si>
    <t>11/13/2019 09:56:38</t>
  </si>
  <si>
    <t>11/13/2019 09:56:41</t>
  </si>
  <si>
    <t>11/13/2019 09:56:43</t>
  </si>
  <si>
    <t>11/13/2019 09:56:44</t>
  </si>
  <si>
    <t>11/13/2019 09:56:45</t>
  </si>
  <si>
    <t>11/13/2019 09:56:47</t>
  </si>
  <si>
    <t>11/13/2019 09:56:48</t>
  </si>
  <si>
    <t>11/13/2019 09:56:53</t>
  </si>
  <si>
    <t>11/13/2019 09:56:56</t>
  </si>
  <si>
    <t>11/13/2019 09:57:13</t>
  </si>
  <si>
    <t>11/13/2019 09:57:15</t>
  </si>
  <si>
    <t>11/13/2019 09:57:17</t>
  </si>
  <si>
    <t>11/13/2019 09:57:20</t>
  </si>
  <si>
    <t>11/13/2019 09:57:21</t>
  </si>
  <si>
    <t>11/13/2019 09:57:22</t>
  </si>
  <si>
    <t>11/13/2019 09:57:24</t>
  </si>
  <si>
    <t>11/13/2019 09:57:43</t>
  </si>
  <si>
    <t>11/13/2019 09:57:45</t>
  </si>
  <si>
    <t>11/13/2019 09:57:47</t>
  </si>
  <si>
    <t>11/13/2019 09:57:48</t>
  </si>
  <si>
    <t>11/13/2019 09:57:49</t>
  </si>
  <si>
    <t>11/13/2019 09:57:52</t>
  </si>
  <si>
    <t>11/13/2019 09:57:53</t>
  </si>
  <si>
    <t>11/13/2019 09:57:56</t>
  </si>
  <si>
    <t>11/13/2019 09:57:57</t>
  </si>
  <si>
    <t>11/13/2019 09:57:59</t>
  </si>
  <si>
    <t>11/13/2019 09:58:02</t>
  </si>
  <si>
    <t>11/13/2019 09:58:04</t>
  </si>
  <si>
    <t>11/13/2019 09:58:05</t>
  </si>
  <si>
    <t>11/13/2019 09:58:07</t>
  </si>
  <si>
    <t>11/13/2019 09:58:09</t>
  </si>
  <si>
    <t>11/13/2019 09:58:10</t>
  </si>
  <si>
    <t>11/13/2019 09:58:11</t>
  </si>
  <si>
    <t>11/13/2019 09:59:20</t>
  </si>
  <si>
    <t>11/13/2019 10:02:29</t>
  </si>
  <si>
    <t>11/13/2019 09:58:12</t>
  </si>
  <si>
    <t>11/13/2019 10:03:29</t>
  </si>
  <si>
    <t>11/13/2019 09:58:15</t>
  </si>
  <si>
    <t>11/13/2019 09:58:16</t>
  </si>
  <si>
    <t>11/13/2019 09:58:17</t>
  </si>
  <si>
    <t>11/13/2019 09:58:21</t>
  </si>
  <si>
    <t>11/13/2019 09:58:22</t>
  </si>
  <si>
    <t>11/13/2019 09:58:25</t>
  </si>
  <si>
    <t>11/13/2019 09:58:26</t>
  </si>
  <si>
    <t>11/13/2019 09:58:27</t>
  </si>
  <si>
    <t>11/13/2019 09:58:30</t>
  </si>
  <si>
    <t>11/13/2019 09:58:31</t>
  </si>
  <si>
    <t>11/13/2019 09:58:33</t>
  </si>
  <si>
    <t>11/13/2019 09:58:35</t>
  </si>
  <si>
    <t>11/13/2019 09:58:37</t>
  </si>
  <si>
    <t>11/13/2019 09:58:54</t>
  </si>
  <si>
    <t>11/13/2019 09:58:59</t>
  </si>
  <si>
    <t>11/13/2019 09:59:02</t>
  </si>
  <si>
    <t>11/13/2019 09:59:05</t>
  </si>
  <si>
    <t>11/13/2019 09:59:06</t>
  </si>
  <si>
    <t>11/13/2019 09:59:08</t>
  </si>
  <si>
    <t>11/13/2019 09:59:09</t>
  </si>
  <si>
    <t>11/13/2019 09:59:10</t>
  </si>
  <si>
    <t>11/13/2019 09:59:11</t>
  </si>
  <si>
    <t>11/13/2019 09:59:12</t>
  </si>
  <si>
    <t>11/13/2019 09:59:14</t>
  </si>
  <si>
    <t>11/13/2019 09:59:15</t>
  </si>
  <si>
    <t>11/13/2019 09:59:16</t>
  </si>
  <si>
    <t>11/13/2019 09:59:17</t>
  </si>
  <si>
    <t>11/13/2019 09:59:18</t>
  </si>
  <si>
    <t>11/13/2019 09:59:23</t>
  </si>
  <si>
    <t>11/13/2019 09:59:25</t>
  </si>
  <si>
    <t>11/13/2019 09:59:26</t>
  </si>
  <si>
    <t>11/13/2019 09:59:28</t>
  </si>
  <si>
    <t>11/13/2019 09:59:38</t>
  </si>
  <si>
    <t>11/13/2019 09:59:39</t>
  </si>
  <si>
    <t>11/13/2019 09:59:40</t>
  </si>
  <si>
    <t>11/13/2019 09:59:41</t>
  </si>
  <si>
    <t>11/13/2019 09:59:42</t>
  </si>
  <si>
    <t>11/13/2019 09:59:43</t>
  </si>
  <si>
    <t>11/13/2019 09:59:44</t>
  </si>
  <si>
    <t>11/13/2019 09:59:45</t>
  </si>
  <si>
    <t>11/13/2019 09:59:46</t>
  </si>
  <si>
    <t>11/13/2019 09:59:47</t>
  </si>
  <si>
    <t>11/13/2019 09:59:48</t>
  </si>
  <si>
    <t>11/13/2019 09:59:49</t>
  </si>
  <si>
    <t>11/13/2019 09:59:51</t>
  </si>
  <si>
    <t>11/13/2019 09:59:53</t>
  </si>
  <si>
    <t>11/13/2019 09:59:54</t>
  </si>
  <si>
    <t>11/13/2019 09:59:55</t>
  </si>
  <si>
    <t>11/13/2019 09:59:56</t>
  </si>
  <si>
    <t>11/13/2019 09:59:57</t>
  </si>
  <si>
    <t>11/13/2019 09:59:58</t>
  </si>
  <si>
    <t>11/13/2019 09:59:59</t>
  </si>
  <si>
    <t>11/13/2019 10:00:00</t>
  </si>
  <si>
    <t>11/13/2019 10:00:01</t>
  </si>
  <si>
    <t>11/13/2019 10:00:02</t>
  </si>
  <si>
    <t>11/13/2019 10:00:03</t>
  </si>
  <si>
    <t>11/13/2019 10:00:05</t>
  </si>
  <si>
    <t>11/13/2019 10:00:06</t>
  </si>
  <si>
    <t>11/13/2019 10:00:07</t>
  </si>
  <si>
    <t>11/13/2019 10:00:08</t>
  </si>
  <si>
    <t>C:\Users\suelenmm\OneDrive - Grupo Algar\Desktop - 12-11-19\PreVendas - Governo Diogo\SEBRAE\2018\SP\BP.xlsb\</t>
  </si>
  <si>
    <t>11/13/2019 10:00:10</t>
  </si>
  <si>
    <t>11/13/2019 10:00:11</t>
  </si>
  <si>
    <t>11/13/2019 10:00:12</t>
  </si>
  <si>
    <t>11/13/2019 10:00:16</t>
  </si>
  <si>
    <t>11/13/2019 10:00:17</t>
  </si>
  <si>
    <t>11/13/2019 10:00:20</t>
  </si>
  <si>
    <t>11/13/2019 10:00:23</t>
  </si>
  <si>
    <t>11/13/2019 10:00:24</t>
  </si>
  <si>
    <t>11/13/2019 10:00:25</t>
  </si>
  <si>
    <t>11/13/2019 10:00:28</t>
  </si>
  <si>
    <t>11/13/2019 10:04:30</t>
  </si>
  <si>
    <t>11/13/2019 10:00:30</t>
  </si>
  <si>
    <t>11/13/2019 10:00:37</t>
  </si>
  <si>
    <t>11/13/2019 10:00:38</t>
  </si>
  <si>
    <t>11/13/2019 10:00:40</t>
  </si>
  <si>
    <t>11/13/2019 10:00:46</t>
  </si>
  <si>
    <t>11/13/2019 10:00:52</t>
  </si>
  <si>
    <t>11/13/2019 10:00:53</t>
  </si>
  <si>
    <t>11/13/2019 10:00:55</t>
  </si>
  <si>
    <t>11/13/2019 10:00:57</t>
  </si>
  <si>
    <t>11/13/2019 10:00:58</t>
  </si>
  <si>
    <t>11/13/2019 10:01:10</t>
  </si>
  <si>
    <t>11/13/2019 10:01:11</t>
  </si>
  <si>
    <t>11/13/2019 10:01:12</t>
  </si>
  <si>
    <t>11/13/2019 10:01:14</t>
  </si>
  <si>
    <t>11/13/2019 10:01:17</t>
  </si>
  <si>
    <t>11/13/2019 10:01:19</t>
  </si>
  <si>
    <t>11/13/2019 10:01:21</t>
  </si>
  <si>
    <t>11/13/2019 10:01:22</t>
  </si>
  <si>
    <t>11/13/2019 10:01:24</t>
  </si>
  <si>
    <t>11/13/2019 10:01:30</t>
  </si>
  <si>
    <t>11/13/2019 10:01:32</t>
  </si>
  <si>
    <t>11/13/2019 10:01:33</t>
  </si>
  <si>
    <t>11/13/2019 10:01:34</t>
  </si>
  <si>
    <t>11/13/2019 10:01:36</t>
  </si>
  <si>
    <t>11/13/2019 10:01:37</t>
  </si>
  <si>
    <t>11/13/2019 10:01:38</t>
  </si>
  <si>
    <t>11/13/2019 10:01:40</t>
  </si>
  <si>
    <t>11/13/2019 10:01:41</t>
  </si>
  <si>
    <t>11/13/2019 10:01:42</t>
  </si>
  <si>
    <t>11/13/2019 10:01:44</t>
  </si>
  <si>
    <t>11/13/2019 10:01:45</t>
  </si>
  <si>
    <t>11/13/2019 10:01:46</t>
  </si>
  <si>
    <t>11/13/2019 10:01:52</t>
  </si>
  <si>
    <t>11/13/2019 10:01:55</t>
  </si>
  <si>
    <t>11/13/2019 10:01:58</t>
  </si>
  <si>
    <t>11/13/2019 10:02:02</t>
  </si>
  <si>
    <t>11/13/2019 10:02:04</t>
  </si>
  <si>
    <t>11/13/2019 10:02:05</t>
  </si>
  <si>
    <t>11/13/2019 10:02:07</t>
  </si>
  <si>
    <t>11/13/2019 10:02:08</t>
  </si>
  <si>
    <t>11/13/2019 10:02:09</t>
  </si>
  <si>
    <t>11/13/2019 10:02:16</t>
  </si>
  <si>
    <t>11/13/2019 10:02:19</t>
  </si>
  <si>
    <t>11/13/2019 10:02:21</t>
  </si>
  <si>
    <t>11/13/2019 10:02:24</t>
  </si>
  <si>
    <t>11/13/2019 10:02:27</t>
  </si>
  <si>
    <t>11/13/2019 10:02:30</t>
  </si>
  <si>
    <t>11/13/2019 10:02:32</t>
  </si>
  <si>
    <t>11/13/2019 10:02:34</t>
  </si>
  <si>
    <t>11/13/2019 10:02:36</t>
  </si>
  <si>
    <t>11/13/2019 10:02:39</t>
  </si>
  <si>
    <t>11/13/2019 10:02:41</t>
  </si>
  <si>
    <t>11/13/2019 10:02:42</t>
  </si>
  <si>
    <t>11/13/2019 10:02:44</t>
  </si>
  <si>
    <t>11/13/2019 10:02:45</t>
  </si>
  <si>
    <t>11/13/2019 10:02:46</t>
  </si>
  <si>
    <t>11/13/2019 10:02:49</t>
  </si>
  <si>
    <t>11/13/2019 10:02:51</t>
  </si>
  <si>
    <t>11/13/2019 10:02:54</t>
  </si>
  <si>
    <t>11/13/2019 10:02:55</t>
  </si>
  <si>
    <t>11/13/2019 10:03:00</t>
  </si>
  <si>
    <t>11/13/2019 10:03:02</t>
  </si>
  <si>
    <t>11/13/2019 10:03:03</t>
  </si>
  <si>
    <t>11/13/2019 10:03:04</t>
  </si>
  <si>
    <t>11/13/2019 10:03:07</t>
  </si>
  <si>
    <t>11/13/2019 10:03:08</t>
  </si>
  <si>
    <t>11/13/2019 10:03:11</t>
  </si>
  <si>
    <t>11/13/2019 10:03:14</t>
  </si>
  <si>
    <t>11/13/2019 10:03:15</t>
  </si>
  <si>
    <t>11/13/2019 10:03:16</t>
  </si>
  <si>
    <t>11/13/2019 10:06:30</t>
  </si>
  <si>
    <t>mail.google.com/_/upload?authuser=0&amp;dcp=asu-n&amp;upload_id=AEnB2UrwXxpfQlldYEQxLOpTvrwnF1q6KkBDexN_oKVij6y32kag_w93hwRKsWu0Ymve45_X6Ss9XvaQWfnjoOdsEavi7coYelZb3LX9nqGyrgByBs12-aE&amp;upload_protocol=resumable</t>
  </si>
  <si>
    <t>10 - Cadastro Geral_outubro_2019_Filtro_Qualidade.xlsb</t>
  </si>
  <si>
    <t>11/13/2019 10:03:09</t>
  </si>
  <si>
    <t>/o=exchangelabs/ou=exchange administrative group (fydibohf23spdlt)/cn=recipients/cn=249f643ba1e044588b45a020c76dadde-daniel de o;/o=exchangelabs/ou=exchange administrative group (fydibohf23spdlt)/cn=recipients/cn=ece15ffd767d4c3fa09934598464b80f-alexandre a;</t>
  </si>
  <si>
    <t>RES: Atualização dos CR</t>
  </si>
  <si>
    <t>/o=exchangelabs/ou=exchange administrative group (fydibohf23spdlt)/cn=recipients/cn=249f643ba1e044588b45a020c76dadde-daniel de o,/o=exchangelabs/ou=exchange administrative group (fydibohf23spdlt)/cn=recipients/cn=ece15ffd767d4c3fa09934598464b80f-alexandre a</t>
  </si>
  <si>
    <t>11/13/2019 10:06:18</t>
  </si>
  <si>
    <t>11/13/2019 10:07:30</t>
  </si>
  <si>
    <t>11/13/2019 10:04:28</t>
  </si>
  <si>
    <t>11/13/2019 10:08:29</t>
  </si>
  <si>
    <t>exportacoes_perdidas.xlsx</t>
  </si>
  <si>
    <t>11/13/2019 10:05:00</t>
  </si>
  <si>
    <t>MP CORPORATIVO - 13/11</t>
  </si>
  <si>
    <t>2 - Mailing MP 20191113.xlsx</t>
  </si>
  <si>
    <t>11/13/2019 10:06:56</t>
  </si>
  <si>
    <t>Mailing de Reagendamento CAC - 13/11</t>
  </si>
  <si>
    <t>0 - Mailing de Reagendamento_ 20191113.xlsx</t>
  </si>
  <si>
    <t>11/13/2019 10:07:02</t>
  </si>
  <si>
    <t>Reagendamento CAC - 13/11</t>
  </si>
  <si>
    <t>Base Reagendamento CAC_ 20191113.xlsx</t>
  </si>
  <si>
    <t>11/13/2019 10:03:19</t>
  </si>
  <si>
    <t>11/13/2019 10:09:30</t>
  </si>
  <si>
    <t>11/13/2019 10:03:24</t>
  </si>
  <si>
    <t>11/13/2019 10:03:27</t>
  </si>
  <si>
    <t>11/13/2019 10:03:30</t>
  </si>
  <si>
    <t>11/13/2019 10:03:31</t>
  </si>
  <si>
    <t>11/13/2019 10:03:32</t>
  </si>
  <si>
    <t>11/13/2019 10:03:34</t>
  </si>
  <si>
    <t>11/13/2019 10:03:35</t>
  </si>
  <si>
    <t>11/13/2019 10:03:37</t>
  </si>
  <si>
    <t>11/13/2019 10:03:38</t>
  </si>
  <si>
    <t>11/13/2019 10:03:39</t>
  </si>
  <si>
    <t>11/13/2019 10:03:41</t>
  </si>
  <si>
    <t>11/13/2019 10:03:42</t>
  </si>
  <si>
    <t>11/13/2019 10:03:43</t>
  </si>
  <si>
    <t>11/13/2019 10:03:45</t>
  </si>
  <si>
    <t>11/13/2019 10:03:46</t>
  </si>
  <si>
    <t>11/13/2019 10:03:47</t>
  </si>
  <si>
    <t>11/13/2019 10:03:49</t>
  </si>
  <si>
    <t>11/13/2019 10:03:50</t>
  </si>
  <si>
    <t>11/13/2019 10:03:51</t>
  </si>
  <si>
    <t>11/13/2019 10:03:52</t>
  </si>
  <si>
    <t>11/13/2019 10:03:53</t>
  </si>
  <si>
    <t>11/13/2019 10:03:54</t>
  </si>
  <si>
    <t>11/13/2019 10:03:55</t>
  </si>
  <si>
    <t>11/13/2019 10:04:04</t>
  </si>
  <si>
    <t>11/13/2019 10:04:07</t>
  </si>
  <si>
    <t>11/13/2019 10:04:10</t>
  </si>
  <si>
    <t>11/13/2019 10:04:12</t>
  </si>
  <si>
    <t>11/13/2019 10:04:13</t>
  </si>
  <si>
    <t>11/13/2019 10:04:14</t>
  </si>
  <si>
    <t>11/13/2019 10:04:15</t>
  </si>
  <si>
    <t>11/13/2019 10:04:17</t>
  </si>
  <si>
    <t>11/13/2019 10:04:19</t>
  </si>
  <si>
    <t>11/13/2019 10:04:39</t>
  </si>
  <si>
    <t>11/13/2019 10:04:42</t>
  </si>
  <si>
    <t>11/13/2019 10:04:43</t>
  </si>
  <si>
    <t>11/13/2019 10:04:44</t>
  </si>
  <si>
    <t>11/13/2019 10:04:46</t>
  </si>
  <si>
    <t>11/13/2019 10:04:47</t>
  </si>
  <si>
    <t>11/13/2019 10:04:50</t>
  </si>
  <si>
    <t>11/13/2019 10:04:52</t>
  </si>
  <si>
    <t>11/13/2019 10:04:53</t>
  </si>
  <si>
    <t>11/13/2019 10:04:54</t>
  </si>
  <si>
    <t>C:\Users\suelenmm\OneDrive - Grupo Algar\Desktop - 12-11-19\PreVendas - Governo Diogo\PRODESP\2018\SD\Cenário 1\simulação.xlsb\</t>
  </si>
  <si>
    <t>11/13/2019 10:04:55</t>
  </si>
  <si>
    <t>11/13/2019 10:04:56</t>
  </si>
  <si>
    <t>11/13/2019 10:04:57</t>
  </si>
  <si>
    <t>11/13/2019 10:04:58</t>
  </si>
  <si>
    <t>11/13/2019 10:04:59</t>
  </si>
  <si>
    <t>11/13/2019 10:05:02</t>
  </si>
  <si>
    <t>11/13/2019 10:05:03</t>
  </si>
  <si>
    <t>11/13/2019 10:05:04</t>
  </si>
  <si>
    <t>11/13/2019 10:05:06</t>
  </si>
  <si>
    <t>11/13/2019 10:05:09</t>
  </si>
  <si>
    <t>11/13/2019 10:05:12</t>
  </si>
  <si>
    <t>11/13/2019 10:05:19</t>
  </si>
  <si>
    <t>11/13/2019 10:05:21</t>
  </si>
  <si>
    <t>11/13/2019 10:05:23</t>
  </si>
  <si>
    <t>11/13/2019 10:05:25</t>
  </si>
  <si>
    <t>11/13/2019 10:05:27</t>
  </si>
  <si>
    <t>C:\Users\suelenmm\OneDrive - Grupo Algar\Desktop - 12-11-19\PreVendas - Governo Diogo\DPF\2017\Field + N3 Unidades\SRSE\Cenário 2\</t>
  </si>
  <si>
    <t>C:\Users\suelenmm\OneDrive - Grupo Algar\Desktop - 12-11-19\PreVendas - Governo Diogo\DPF\2017\Field + N3 Unidades\SRSE\Cenário 2\N3.xlsb\</t>
  </si>
  <si>
    <t>11/13/2019 10:05:28</t>
  </si>
  <si>
    <t>C:\Users\suelenmm\OneDrive - Grupo Algar\Desktop - 12-11-19\PreVendas - Governo Diogo\DPF\2017\Field + N3 Unidades\SRSE\Cenário 2\N2.xlsb\</t>
  </si>
  <si>
    <t>11/13/2019 10:05:30</t>
  </si>
  <si>
    <t>11/13/2019 10:05:33</t>
  </si>
  <si>
    <t>11/13/2019 10:05:34</t>
  </si>
  <si>
    <t>11/13/2019 10:05:39</t>
  </si>
  <si>
    <t>11/13/2019 10:05:40</t>
  </si>
  <si>
    <t>11/13/2019 10:05:41</t>
  </si>
  <si>
    <t>11/13/2019 10:05:42</t>
  </si>
  <si>
    <t>11/13/2019 10:05:43</t>
  </si>
  <si>
    <t>11/13/2019 10:05:45</t>
  </si>
  <si>
    <t>11/13/2019 10:05:46</t>
  </si>
  <si>
    <t>11/13/2019 10:05:47</t>
  </si>
  <si>
    <t>11/13/2019 10:05:48</t>
  </si>
  <si>
    <t>11/13/2019 10:05:49</t>
  </si>
  <si>
    <t>11/13/2019 10:05:50</t>
  </si>
  <si>
    <t>11/13/2019 10:05:51</t>
  </si>
  <si>
    <t>11/13/2019 10:05:52</t>
  </si>
  <si>
    <t>11/13/2019 10:05:53</t>
  </si>
  <si>
    <t>11/13/2019 10:05:54</t>
  </si>
  <si>
    <t>11/13/2019 10:05:55</t>
  </si>
  <si>
    <t>11/13/2019 10:05:56</t>
  </si>
  <si>
    <t>11/13/2019 10:05:57</t>
  </si>
  <si>
    <t>11/13/2019 10:05:58</t>
  </si>
  <si>
    <t>11/13/2019 10:06:05</t>
  </si>
  <si>
    <t>11/13/2019 10:06:06</t>
  </si>
  <si>
    <t>11/13/2019 10:06:07</t>
  </si>
  <si>
    <t>11/13/2019 10:06:08</t>
  </si>
  <si>
    <t>11/13/2019 10:06:09</t>
  </si>
  <si>
    <t>11/13/2019 10:06:10</t>
  </si>
  <si>
    <t>11/13/2019 10:06:11</t>
  </si>
  <si>
    <t>11/13/2019 10:06:12</t>
  </si>
  <si>
    <t>11/13/2019 10:06:13</t>
  </si>
  <si>
    <t>11/13/2019 10:06:14</t>
  </si>
  <si>
    <t>C:\Users\suelenmm\OneDrive - Grupo Algar\Desktop - 12-11-19\PreVendas - Governo Diogo\MEC\Novo\Publicado\MUDANÇA ISIS-CA\BP`s\SPECTRUM\</t>
  </si>
  <si>
    <t>11/13/2019 10:06:15</t>
  </si>
  <si>
    <t>11/13/2019 10:06:19</t>
  </si>
  <si>
    <t>/o=exchangelabs/ou=exchange administrative group (fydibohf23spdlt)/cn=recipients/cn=4b453b7f02914710b3e94bcf7b311ad4-fernando po;/o=exchangelabs/ou=exchange administrative group (fydibohf23spdlt)/cn=recipients/cn=bcc9538754d3496ea31a487e560f8214-silvio mart;guilhermet.campos@bradesco.com.br;noemia.almeida@bradesco.com.br;</t>
  </si>
  <si>
    <t>Racional Fatura.xlsx</t>
  </si>
  <si>
    <t>/o=exchangelabs/ou=exchange administrative group (fydibohf23spdlt)/cn=recipients/cn=4b453b7f02914710b3e94bcf7b311ad4-fernando po,/o=exchangelabs/ou=exchange administrative group (fydibohf23spdlt)/cn=recipients/cn=bcc9538754d3496ea31a487e560f8214-silvio mart,guilhermet.campos@bradesco.com.br,noemia.almeida@bradesco.com.br</t>
  </si>
  <si>
    <t>11/13/2019 10:09:36</t>
  </si>
  <si>
    <t>11/13/2019 10:11:30</t>
  </si>
  <si>
    <t>D:\Users\josemfs\OneDrive - Grupo Algar\2019\Ouvidoria\PROTOCOLO – [#25472]\Transformação.zip\Transforma‡Æo\</t>
  </si>
  <si>
    <t>Insumos - academia t‚cnica .xlsx</t>
  </si>
  <si>
    <t>NOVO MODELO DE SOLICITA€ÇO DE QRCODE - 01_03.xlsx</t>
  </si>
  <si>
    <t>11/13/2019 10:09:39</t>
  </si>
  <si>
    <t>D:\Users\josemfs\OneDrive - Grupo Algar\2019\Ouvidoria\PROTOCOLO – [#25472]\PADRINHO.zip\PADRINHO\</t>
  </si>
  <si>
    <t>C¢pia de Servi‡os Field 09-08.xlsx</t>
  </si>
  <si>
    <t>C¢pia de Status Field - 24.08.xlsx</t>
  </si>
  <si>
    <t>11/13/2019 10:09:40</t>
  </si>
  <si>
    <t>D:\Users\josemfs\OneDrive - Grupo Algar\2019\Ouvidoria\PROTOCOLO – [#25472]\Modelos Personalizados do Office.zip\Modelos Personalizados do Office\</t>
  </si>
  <si>
    <t>04_2019_RELATàRIOS DE ASSOCIADOS.xltx</t>
  </si>
  <si>
    <t>11/13/2019 10:09:56</t>
  </si>
  <si>
    <t>D:\Users\josemfs\OneDrive - Grupo Algar\2019\Ouvidoria\PROTOCOLO – [#25472]\TCO_FMT.zip\TCO_FMT\</t>
  </si>
  <si>
    <t>Departamental 052017.csv</t>
  </si>
  <si>
    <t>6 Relat¢rio base para a empresa contratada 16.06 FMT TCO.xlsx</t>
  </si>
  <si>
    <t>base 2016 a 2017.xlsx</t>
  </si>
  <si>
    <t>Chaves multi look - Longa Distancia - TCO - Necessidades.xlsx</t>
  </si>
  <si>
    <t>D:\Users\josemfs\OneDrive - Grupo Algar\2019\Ouvidoria\PROTOCOLO – [#25472]\TCO_FMT.zip\TCO_FMT\CONTRATO FMT\</t>
  </si>
  <si>
    <t>Base 2016 a 2017 FMT TCO mar abr mai 2017 final.xlsx</t>
  </si>
  <si>
    <t>Cronograma_Preventivas_Eq Optico_TCO_2017.V3 (003) - Sheilla.xlsx</t>
  </si>
  <si>
    <t>C¢pia de Base 2016 a 2017 FMT TCO mar abr mai 2017 final.xlsx</t>
  </si>
  <si>
    <t>C¢pia de Base 2016 a 2017 FMT TCO.xlsx</t>
  </si>
  <si>
    <t>C¢pia de Fatura B FMT Junho.xlsx</t>
  </si>
  <si>
    <t>C¢pia de Modelo Preenchimento_TECNICO_Junho_v4.1.xlsm</t>
  </si>
  <si>
    <t>D:\Users\josemfs\OneDrive - Grupo Algar\2019\Ouvidoria\PROTOCOLO – [#25472]\TCO_FMT.zip\TCO_FMT\FATURA B - FMT\07_2017 - Fatura-B - Fechamento\</t>
  </si>
  <si>
    <t>07_2017 - Fatura-B - Parcial - 12072017.xlsx</t>
  </si>
  <si>
    <t>D:\Users\josemfs\OneDrive - Grupo Algar\2019\Ouvidoria\PROTOCOLO – [#25472]\TCO_FMT.zip\TCO_FMT\FATURA B - FMT\</t>
  </si>
  <si>
    <t>07_2017_Fatura B_FMT - TIM.xlsm</t>
  </si>
  <si>
    <t>D:\Users\josemfs\OneDrive - Grupo Algar\2019\Ouvidoria\PROTOCOLO – [#25472]\TCO_FMT.zip\TCO_FMT\FATURA B - FMT\08_2017 - Fatura-B - Fechamento\</t>
  </si>
  <si>
    <t>Sheilla_Controle de WOs - Engeset_Ago_2017_R$7516,35.xlsx</t>
  </si>
  <si>
    <t>Sheilla_Controle_LPU_Fatura B_Engeset_Ago_2017_R$59618,72.xlsm</t>
  </si>
  <si>
    <t>08_2017_Fatura B_FMT - TIM.xlsm</t>
  </si>
  <si>
    <t>D:\Users\josemfs\OneDrive - Grupo Algar\2019\Ouvidoria\PROTOCOLO – [#25472]\TCO_FMT.zip\TCO_FMT\FATURA B - FMT\09_2017 - Fatura-B - Fechamento\</t>
  </si>
  <si>
    <t>Controle de WOs - Engeset_20-08-2017.xlsx</t>
  </si>
  <si>
    <t>C¢pia de Controle_LPU_Fatura B_Engeset_Ago_2017 (003).xlsm</t>
  </si>
  <si>
    <t>C¢pia de WO_CONTROLE DE PREVENTIVAS 01032017.xlsx</t>
  </si>
  <si>
    <t>Fatura B_FMT_Setembro-2017.xlsm</t>
  </si>
  <si>
    <t>FMT_Fatura B.xlsm</t>
  </si>
  <si>
    <t>FMT_Fatura B_Anisio Set-2017.xlsm</t>
  </si>
  <si>
    <t>Sheilla_Controle de WOs - Engeset_Set_2017_R$7352,91.xlsx</t>
  </si>
  <si>
    <t>Sheilla_Controle_LPU_Fatura B_Engeset_Set_2017_R$5353,17.xlsm</t>
  </si>
  <si>
    <t>D:\Users\josemfs\OneDrive - Grupo Algar\2019\Ouvidoria\PROTOCOLO – [#25472]\TCO_FMT.zip\TCO_FMT\FATURA B - FMT\10_2017 - Fatura-B - Fechamento\</t>
  </si>
  <si>
    <t>Fatura B_FMT_Outubro-2017.xlsm</t>
  </si>
  <si>
    <t>Menon_Controle_LPU_Fatura B_Engeset_Out_2017.xlsm</t>
  </si>
  <si>
    <t>Menon_FATURA B FMT - ANISIO 16082017_12168,97.xlsx</t>
  </si>
  <si>
    <t>TIM_Parcial_LPU_Fatura B_20_Outubro_2017 Arthur.xlsx</t>
  </si>
  <si>
    <t>WO_CONTROLE DE PREVENTIVAS 01032017_Anisio.xlsx</t>
  </si>
  <si>
    <t>D:\Users\josemfs\OneDrive - Grupo Algar\2019\Ouvidoria\PROTOCOLO – [#25472]\TCO_FMT.zip\TCO_FMT\FATURA B - FMT\12_2017 - Fatura-B - Fechamento\</t>
  </si>
  <si>
    <t>FMT_Fatura B_Dez-2017.xlsm</t>
  </si>
  <si>
    <t>FATURA B FMT - ANISIO 16082017.xlsx</t>
  </si>
  <si>
    <t>Fatura B_FMT_Acompanhamento.xlsm</t>
  </si>
  <si>
    <t>Or‡amento Preventivas TX - Aterramento ODU.xlsx</t>
  </si>
  <si>
    <t>LD - Relatorio de anomalia cwl e pck.xlsx</t>
  </si>
  <si>
    <t>Lista de Associados.xls</t>
  </si>
  <si>
    <t>D:\Users\josemfs\OneDrive - Grupo Algar\2019\Ouvidoria\PROTOCOLO – [#25472]\TCO_FMT.zip\TCO_FMT\PLANO DE A€ÇO\</t>
  </si>
  <si>
    <t>Plano de a‡Æo TIM FMT_atualizado.xlsx</t>
  </si>
  <si>
    <t>D:\Users\josemfs\OneDrive - Grupo Algar\2019\Ouvidoria\PROTOCOLO – [#25472]\TCO_FMT.zip\TCO_FMT\PREVENTIVAS - FMT\01_2018_FMT\</t>
  </si>
  <si>
    <t>Cronograma_Preventivas_Eq Optico_TCO_2018_V1.xlsx</t>
  </si>
  <si>
    <t>D:\Users\josemfs\OneDrive - Grupo Algar\2019\Ouvidoria\PROTOCOLO – [#25472]\TCO_FMT.zip\TCO_FMT\PREVENTIVAS - FMT\07_2017_FMT\</t>
  </si>
  <si>
    <t>Cronograma_Preventivas_Eq Optico_TCO_2017.V3.xlsx</t>
  </si>
  <si>
    <t>D:\Users\josemfs\OneDrive - Grupo Algar\2019\Ouvidoria\PROTOCOLO – [#25472]\TCO_FMT.zip\TCO_FMT\PREVENTIVAS - FMT\08_2017_FMT\</t>
  </si>
  <si>
    <t>Cronograma_Preventivas_Eq Optico_TCO_2017.V3_Agosto 2017.xlsx</t>
  </si>
  <si>
    <t>Cronograma_Preventivas_Eq Optico_TCO_2017.V3_WO.xlsx</t>
  </si>
  <si>
    <t>D:\Users\josemfs\OneDrive - Grupo Algar\2019\Ouvidoria\PROTOCOLO – [#25472]\TCO_FMT.zip\TCO_FMT\PREVENTIVAS - FMT\09_2017_FMT\</t>
  </si>
  <si>
    <t>Cronograma_Preventivas_Eq Optico_TCO_2017.V4.xlsx</t>
  </si>
  <si>
    <t>D:\Users\josemfs\OneDrive - Grupo Algar\2019\Ouvidoria\PROTOCOLO – [#25472]\TCO_FMT.zip\TCO_FMT\PREVENTIVAS - FMT\10_2017_FMT\</t>
  </si>
  <si>
    <t>Cronograma_Preventivas_Eq Optico_TCO_2017.V5.xlsx</t>
  </si>
  <si>
    <t>D:\Users\josemfs\OneDrive - Grupo Algar\2019\Ouvidoria\PROTOCOLO – [#25472]\TCO_FMT.zip\TCO_FMT\PREVENTIVAS - FMT\10_2017_FMT\Revisäes Preventiva Out-2017\</t>
  </si>
  <si>
    <t>CBA BN001 outubro.xlsx</t>
  </si>
  <si>
    <t>CBA BN003 outubro.xlsx</t>
  </si>
  <si>
    <t>CBA BN005 outubro.xlsx</t>
  </si>
  <si>
    <t>CBA BN008 outubro.xlsx</t>
  </si>
  <si>
    <t>CBA BN009 outubro.xlsx</t>
  </si>
  <si>
    <t>CBA BN013 outubro.xlsx</t>
  </si>
  <si>
    <t>CBA BN014 outubro.xlsx</t>
  </si>
  <si>
    <t>Resumo reprova‡äes Out-2017.xlsx</t>
  </si>
  <si>
    <t>D:\Users\josemfs\OneDrive - Grupo Algar\2019\Ouvidoria\PROTOCOLO – [#25472]\TCO_FMT.zip\TCO_FMT\PREVENTIVAS - FMT\11_2017_FMT\</t>
  </si>
  <si>
    <t>Cronograma_Preventivas_Eq Optico_TCO_2017.V6 (Nov-Dez).xlsx</t>
  </si>
  <si>
    <t>D:\Users\josemfs\OneDrive - Grupo Algar\2019\Ouvidoria\PROTOCOLO – [#25472]\TCO_FMT.zip\TCO_FMT\PREVENTIVAS - FMT\12_2017_FMT\</t>
  </si>
  <si>
    <t>Cronograma_Preventivas_Eq Optico_TCO__DEZ_2017.V6.xlsx</t>
  </si>
  <si>
    <t>D:\Users\josemfs\OneDrive - Grupo Algar\2019\Ouvidoria\PROTOCOLO – [#25472]\TCO_FMT.zip\TCO_FMT\PREVENTIVAS - FMT\ANOMALIAS - OR€AMENTOS\</t>
  </si>
  <si>
    <t>Acompanhamento Anomalias - Longa Distƒncia X Rede Metro.xlsx</t>
  </si>
  <si>
    <t>D:\Users\josemfs\OneDrive - Grupo Algar\2019\Ouvidoria\PROTOCOLO – [#25472]\TCO_FMT.zip\TCO_FMT\PREVENTIVAS - FMT\</t>
  </si>
  <si>
    <t>COM END_ID_-_CRONOGRAMA DE PREVENTIVAS TCO INFRA FMT_2017-2018_Rev01.xlsm</t>
  </si>
  <si>
    <t>CRONOGRAMA DE PREVENTIVAS TCO INFRA FMT_2017-2018_Rev01.xlsm</t>
  </si>
  <si>
    <t>Cronograma Julho atualizada Anisio.xlsx</t>
  </si>
  <si>
    <t>Cronograma_Preventivas_Eq Optico_TCO_éltima atualiza‡Æo.xlsx</t>
  </si>
  <si>
    <t>C¢pia de CRONOGRAMA DE PREVENTIVAS TCO INFRA FMT_2017_v6.xlsm</t>
  </si>
  <si>
    <t>Relat¢rio de preventiva GNA097-ZTP01.xlsx</t>
  </si>
  <si>
    <t>Relat¢rio Preventiva Infra - Longa Distƒncia - ALU-01 (2).xlsx</t>
  </si>
  <si>
    <t>ROTA CUIABµ X PORTO VELHO.xlsx</t>
  </si>
  <si>
    <t>SITES TCO - FMT - LONGA DIST¶NCIA.xlsm</t>
  </si>
  <si>
    <t>D:\Users\josemfs\OneDrive - Grupo Algar\2019\Ouvidoria\PROTOCOLO – [#25472]\TCO_FMT.zip\TCO_FMT\PREVENTIVAS - FMT\VALIDA€åES\</t>
  </si>
  <si>
    <t>Valida‡äes Preventivas Longa Abril-2017.xlsx</t>
  </si>
  <si>
    <t>Valida‡äes Preventivas Longa Junho-2017.xlsx</t>
  </si>
  <si>
    <t>Preventivas Julho 2017.xlsx</t>
  </si>
  <si>
    <t>SITES x EQUIPAMENTOS - FMT - TCO - 11-2017.xlsx</t>
  </si>
  <si>
    <t>D:\Users\josemfs\OneDrive - Grupo Algar\2019\Ouvidoria\PROTOCOLO – [#25472]\TCO_FMT.zip\TCO_FMT\SLA - FMT\CORRETIVAS\06_2017_FMT\</t>
  </si>
  <si>
    <t>C¢pia de Abonos Aprovados X Reprovados TCO.xlsx</t>
  </si>
  <si>
    <t>D:\Users\josemfs\OneDrive - Grupo Algar\2019\Ouvidoria\PROTOCOLO – [#25472]\TCO_FMT.zip\TCO_FMT\SLA - FMT\CORRETIVAS\12_2017_FMT\</t>
  </si>
  <si>
    <t>FMT_TCO_Dezembro.2017.xlsx</t>
  </si>
  <si>
    <t>D:\Users\josemfs\OneDrive - Grupo Algar\2019\Ouvidoria\PROTOCOLO – [#25472]\TCO_FMT.zip\TCO_FMT\SLA - FMT\CORRETIVAS\</t>
  </si>
  <si>
    <t>FMT TCO AGOSTO.xlsx</t>
  </si>
  <si>
    <t>FMT TCO JULHO.xlsx</t>
  </si>
  <si>
    <t>D:\Users\josemfs\OneDrive - Grupo Algar\2019\Ouvidoria\PROTOCOLO – [#25472]\TCO_FMT.zip\TCO_FMT\SLA - FMT\</t>
  </si>
  <si>
    <t>Resumo Geral SLA - FMT.xlsx</t>
  </si>
  <si>
    <t>Resumo Geral SLA - FMT_Analise ofensores.xlsx</t>
  </si>
  <si>
    <t>D:\Users\josemfs\OneDrive - Grupo Algar\2019\Ouvidoria\PROTOCOLO – [#25472]\TCO_FMT.zip\TCO_FMT\VISTORIAS - ROTA CUIABµ-SINOP\</t>
  </si>
  <si>
    <t>Prote‡äes ODU-IDU Rota Cuiab -MT_SINOP-MT - Resumo.xlsx</t>
  </si>
  <si>
    <t>Prote‡äes ODU-IDU Rota Cuiab -MT_SINOP-MT.xlsx</t>
  </si>
  <si>
    <t>D:\Users\josemfs\OneDrive - Grupo Algar\2019\Ouvidoria\PROTOCOLO – [#25472]\TCO_FMT.zip\TCO_FMT\WO RECOMPOSI€ÇO ENLACES\</t>
  </si>
  <si>
    <t>Recomposi‡Æo de enlaces - TCO_Cronograma.xlsx</t>
  </si>
  <si>
    <t>WO_PREVENTIVAS JUNHO-2017.xlsx</t>
  </si>
  <si>
    <t>D:\Users\josemfs\OneDrive - Grupo Algar\2019\Ouvidoria\PROTOCOLO – [#25472]\TCO_FMT.zip\TCO_FMT\CONTRATO FMT\Enc Altera‡Æo de Classe FMT - TCO.msg\s1\</t>
  </si>
  <si>
    <t>D:\Users\josemfs\OneDrive - Grupo Algar\2019\Ouvidoria\PROTOCOLO – [#25472]\TCO_FMT.zip\TCO_FMT\PREVENTIVAS - FMT\10_2017_FMT\Revisäes Preventiva Out-2017\Revisäes Preventiva Out-2017.rar\</t>
  </si>
  <si>
    <t>D:\Users\josemfs\OneDrive - Grupo Algar\2019\Ouvidoria\PROTOCOLO – [#25472]\TCO_FMT.zip\TCO_FMT\RevisÆo da Fatura B - TNE.msg\s272\</t>
  </si>
  <si>
    <t>chamados FMT-TNE Abril.xlsx</t>
  </si>
  <si>
    <t>Chamados FMT-TNE Maio.xlsx</t>
  </si>
  <si>
    <t>Chamados FMT-TNE Março.xlsx</t>
  </si>
  <si>
    <t>11/13/2019 10:10:38</t>
  </si>
  <si>
    <t>D:\Users\josemfs\OneDrive - Grupo Algar\2019\Ouvidoria\PROTOCOLO – [#25472]\PCP - DIMENSIONAMENTO TCO.zip\PCP - DIMENSIONAMENTO TCO\</t>
  </si>
  <si>
    <t>Volumetria NTT_Mar 2017 a Nov 2017.xlsx</t>
  </si>
  <si>
    <t>11/13/2019 10:10:39</t>
  </si>
  <si>
    <t>D:\Users\josemfs\OneDrive - Grupo Algar\2019\Ouvidoria\PROTOCOLO – [#25472]\TOA.zip\TOA\</t>
  </si>
  <si>
    <t>Atualiza‡Æo de cadastro TOA - 13-02-2018 - TCO-FMM.xlsx</t>
  </si>
  <si>
    <t>Atualiza‡Æo de cadastro TOA - Janeiro-2018 - TCO.xlsx</t>
  </si>
  <si>
    <t>Atualiza‡Æo de cadastro TOA - Setembro-2017 - TCO - 25092017.xlsx</t>
  </si>
  <si>
    <t>Atualiza‡Æo de cadastro TOA - Setembro-2017 - TCO.xlsx</t>
  </si>
  <si>
    <t>Multiplos colaboradores_TCO-FMM-FMT_Smart Service.xls</t>
  </si>
  <si>
    <t>Multiplos colaboradores_TCO-FMM-FMT_Smart Service_Rev01.xls</t>
  </si>
  <si>
    <t>Multiplos colaboradores_TCO-FMM_Smart Service.xls</t>
  </si>
  <si>
    <t>D:\Users\josemfs\OneDrive - Grupo Algar\2019\Ouvidoria\PROTOCOLO – [#25472]\TOA.zip\TOA\TREINAMENTO TOA\</t>
  </si>
  <si>
    <t>Acionamemto facilitadores.xlsx</t>
  </si>
  <si>
    <t>C¢pia de Planilha_Cadastro_CM_MG_V1.xlsx</t>
  </si>
  <si>
    <t>11/13/2019 10:10:42</t>
  </si>
  <si>
    <t>D:\Users\josemfs\OneDrive - Grupo Algar\2019\Ouvidoria\PROTOCOLO – [#25472]\TCO_ANTENISTA.zip\TCO_ANTENISTA\</t>
  </si>
  <si>
    <t>ASSOCIADOS ALGARTECH TCO-FMM - 05-12-2016.xls</t>
  </si>
  <si>
    <t>ASSOCIADOS ALGARTECH TCO-FMM.xls</t>
  </si>
  <si>
    <t>Controle Antenista.xlsx</t>
  </si>
  <si>
    <t>Cronograma AlgarTech_Otimiza‡äes F¡sicas - Rev02_11012017.xlsx</t>
  </si>
  <si>
    <t>Cronograma AlgarTech_Otimiza‡äes F¡sicas_08-12-2016.xlsx</t>
  </si>
  <si>
    <t>CRONOGRAMA ATIVIDADES ALGAR_ANTENISTA SET-2016 - Rev01.xlsx</t>
  </si>
  <si>
    <t>CRONOGRAMA ATIVIDADES ALGAR_ANTENISTA SET-2016.xlsx</t>
  </si>
  <si>
    <t>CRONOGRAMA DE SETORIZA€ÇO - GO.xlsx</t>
  </si>
  <si>
    <t>CRONOGRAMA_SETORIZA€ÇO_GO.xlsx</t>
  </si>
  <si>
    <t>D:\Users\josemfs\OneDrive - Grupo Algar\2019\Ouvidoria\PROTOCOLO – [#25472]\TCO_ANTENISTA.zip\TCO_ANTENISTA\RELATORIOS SETEMBRO 2016\</t>
  </si>
  <si>
    <t>C¢pia de Relat¢rio_Otimiza‡Æo_Sites_DF2704_3G_Set-2016.xlsx</t>
  </si>
  <si>
    <t>Relat¢rio Otimiza‡Æo_Rev01.xlsx</t>
  </si>
  <si>
    <t>RELA€ÇO DE ASSOCIADOS X TREINAMENTOS.xls</t>
  </si>
  <si>
    <t>D:\Users\josemfs\OneDrive - Grupo Algar\2019\Ouvidoria\PROTOCOLO – [#25472]\TCO_ANTENISTA.zip\TCO_ANTENISTA\RF Sheets Setoriza‡Æo.zip\RF Sheets\</t>
  </si>
  <si>
    <t>MANE_CCP_TCO_RFSHEET_G00022_20170214.xlsx</t>
  </si>
  <si>
    <t>MANE_CCP_TCO_RFSHEET_GO0001_20170210.xlsx</t>
  </si>
  <si>
    <t>MANE_CCP_TCO_RFSHEET_GO0002_20170213.xlsx</t>
  </si>
  <si>
    <t>MANE_CCP_TCO_RFSHEET_GO0003_20170214.xlsx</t>
  </si>
  <si>
    <t>MANE_CCP_TCO_RFSHEET_GO0004_20170214.xlsx</t>
  </si>
  <si>
    <t>MANE_CCP_TCO_RFSHEET_GO0006_20170214.xlsx</t>
  </si>
  <si>
    <t>MANE_CCP_TCO_RFSHEET_GO0008_20170214.xlsx</t>
  </si>
  <si>
    <t>MANE_CCP_TCO_RFSHEET_GO0009_20170214.xlsx</t>
  </si>
  <si>
    <t>MANE_CCP_TCO_RFSHEET_GO0010_20170214.xlsx</t>
  </si>
  <si>
    <t>MANE_CCP_TCO_RFSHEET_GO0011_20170214.xlsx</t>
  </si>
  <si>
    <t>MANE_CCP_TCO_RFSHEET_GO0012_20170214.xlsx</t>
  </si>
  <si>
    <t>MANE_CCP_TCO_RFSHEET_GO0014_20170214.xlsx</t>
  </si>
  <si>
    <t>MANE_CCP_TCO_RFSHEET_GO0016_20170214.xlsx</t>
  </si>
  <si>
    <t>MANE_CCP_TCO_RFSHEET_GO0017_20170214.xlsx</t>
  </si>
  <si>
    <t>MANE_CCP_TCO_RFSHEET_GO0018_20170214.xlsx</t>
  </si>
  <si>
    <t>MANE_CCP_TCO_RFSHEET_GO0019_20170214.xlsx</t>
  </si>
  <si>
    <t>MANE_CCP_TCO_RFSHEET_GO0020_20170214.xlsx</t>
  </si>
  <si>
    <t>MANE_CCP_TCO_RFSHEET_GO0021_20170214.xlsx</t>
  </si>
  <si>
    <t>MANE_CCP_TCO_RFSHEET_GZ0001_20170210.xlsx</t>
  </si>
  <si>
    <t>MANE_CCP_TCO_RFSHEET_GZ0002_20170213.xlsx</t>
  </si>
  <si>
    <t>MANE_CCP_TCO_RFSHEET_GZ0003_20170214.xlsx</t>
  </si>
  <si>
    <t>MANE_CCP_TCO_RFSHEET_GZ0004_20170214.xlsx</t>
  </si>
  <si>
    <t>MANE_CCP_TCO_RFSHEET_GZ0006_20170214.xlsx</t>
  </si>
  <si>
    <t>MANE_CCP_TCO_RFSHEET_GZ0008_20170214.xlsx</t>
  </si>
  <si>
    <t>MANE_CCP_TCO_RFSHEET_GZ0009_20170214.xlsx</t>
  </si>
  <si>
    <t>MANE_CCP_TCO_RFSHEET_GZ0010_20170214.xlsx</t>
  </si>
  <si>
    <t>MANE_CCP_TCO_RFSHEET_GZ0011_20170214.xlsx</t>
  </si>
  <si>
    <t>MANE_CCP_TCO_RFSHEET_GZ0012_20170214.xlsx</t>
  </si>
  <si>
    <t>MANE_CCP_TCO_RFSHEET_GZ0014_20170214.xlsx</t>
  </si>
  <si>
    <t>MANE_CCP_TCO_RFSHEET_GZ0016_20170214.xlsx</t>
  </si>
  <si>
    <t>MANE_CCP_TCO_RFSHEET_GZ0017_20170214.xlsx</t>
  </si>
  <si>
    <t>MANE_CCP_TCO_RFSHEET_GZ0018_20170214.xlsx</t>
  </si>
  <si>
    <t>MANE_CCP_TCO_RFSHEET_GZ0019_20170214.xlsx</t>
  </si>
  <si>
    <t>MANE_CCP_TCO_RFSHEET_GZ0020_20170214.xlsx</t>
  </si>
  <si>
    <t>MANE_CCP_TCO_RFSHEET_GZ0021_20170214.xlsx</t>
  </si>
  <si>
    <t>MANE_CCP_TCO_RFSHEET_GZ0022_20170214.xlsx</t>
  </si>
  <si>
    <t>11/13/2019 10:09:05</t>
  </si>
  <si>
    <t>ENC: Tabela Set/19</t>
  </si>
  <si>
    <t>11/13/2019 10:09:02</t>
  </si>
  <si>
    <t>11/13/2019 10:12:30</t>
  </si>
  <si>
    <t>claudia.oliveira@bradesco.com.br;lucasfra@algartech.com;</t>
  </si>
  <si>
    <t>ENC: INTELLILINK - ALBER</t>
  </si>
  <si>
    <t>ALBERFLEX Formulário de Implementação.xlsx</t>
  </si>
  <si>
    <t>claudia.oliveira@bradesco.com.br,lucasfra@algartech.com</t>
  </si>
  <si>
    <t>11/13/2019 10:10:16</t>
  </si>
  <si>
    <t>11/13/2019 10:13:29</t>
  </si>
  <si>
    <t>CERRADO OPERACOES DE ESTABELECIMENTOS (EC)</t>
  </si>
  <si>
    <t>pauloslj</t>
  </si>
  <si>
    <t>Paulo Sergio Lima de Jesus</t>
  </si>
  <si>
    <t>ENC: Consolidado 12/11</t>
  </si>
  <si>
    <t>Mailing atulizado - Larissa 17-07.xlsx</t>
  </si>
  <si>
    <t>11/13/2019 10:14:30</t>
  </si>
  <si>
    <t>11/13/2019 10:16:30</t>
  </si>
  <si>
    <t>Preco_V2.xlsb</t>
  </si>
  <si>
    <t>11/13/2019 10:10:51</t>
  </si>
  <si>
    <t>D:\Users\josemfs\OneDrive - Grupo Algar\2019\Ouvidoria\PROTOCOLO – [#25472]\Meus Arquivos Recebidos.zip\Meus Arquivos Recebidos\</t>
  </si>
  <si>
    <t>6 Relat¢rio base para a empresa contratada Algar (TCO).xlsx</t>
  </si>
  <si>
    <t>Analise_Base de Tickets Algar - Fev.19.xlsx</t>
  </si>
  <si>
    <t>Base - 2019_07.xlsx</t>
  </si>
  <si>
    <t>Base acionamento FMM TCO_2019-Jul a 13Out_Estudo.xlsx</t>
  </si>
  <si>
    <t>BASE FMM JULHO .xlsx</t>
  </si>
  <si>
    <t>Base FMM_TCO_Outubro.xlsx</t>
  </si>
  <si>
    <t>Bases de TCO_FMM_FMT__Fevereiro.2019.xlsx</t>
  </si>
  <si>
    <t>GESTÇO CREA - 2018 - ENGESET -LUCINEIA.xlsx</t>
  </si>
  <si>
    <t>Indicadores de GMG anal¡tico Algar (TCO).xlsx</t>
  </si>
  <si>
    <t>Indicadores de GMG anal¡tico Algar_TCO.xlsx</t>
  </si>
  <si>
    <t>Indicadores de GMG anal¡tico Algar_TCO_2018-Out.xlsx</t>
  </si>
  <si>
    <t>11/13/2019 10:11:12</t>
  </si>
  <si>
    <t>D:\Users\josemfs\OneDrive - Grupo Algar\2019\Ouvidoria\PROTOCOLO – [#25472]\CONTRATO VIVO.zip\CONTRATO VIVO\ACM 18101592 - TBRA - Concurso Planta Interna - Lotes 3 a 9 - novo.zip\</t>
  </si>
  <si>
    <t>RelaÃ§Ã£o de Sites Por Lote.xlsx</t>
  </si>
  <si>
    <t>D:\Users\josemfs\OneDrive - Grupo Algar\2019\Ouvidoria\PROTOCOLO – [#25472]\CONTRATO VIVO.zip\CONTRATO VIVO\ACM 18101592 - TBRA - Concurso Planta Interna - Lotes 3 a 9 - novo.zip\ApresentaÃ§Ã£o ReuniÃ£o Presencial - Concurso Planta Interna.pptx\</t>
  </si>
  <si>
    <t>D:\Users\josemfs\OneDrive - Grupo Algar\2019\Ouvidoria\PROTOCOLO – [#25472]\CONTRATO VIVO.zip\CONTRATO VIVO\ACM 18101592 - TBRA - Concurso Planta Interna - Lotes 3 a 9 - novo.zip\CADERNO ENCARGOS FLM_REV1.zip\CADERNO ENCARGOS FLM_REV1\</t>
  </si>
  <si>
    <t>Anexo 1A - Simulador da Avalia‡Æo Regional SP v15.xlsx</t>
  </si>
  <si>
    <t>Anexo 1B - Simulador da Avalia‡Æo Demais Regionais v15.xlsx</t>
  </si>
  <si>
    <t>Anexo 21 - Matriz Sites Vivo v15.xlsx</t>
  </si>
  <si>
    <t>Anexo 3A - Servi‡os Sob Demanda_GRUPO 109 - Quadro UD v15.xlsx</t>
  </si>
  <si>
    <t>D:\Users\josemfs\OneDrive - Grupo Algar\2019\Ouvidoria\PROTOCOLO – [#25472]\CONTRATO VIVO.zip\CONTRATO VIVO\ACM 18101592 - TBRA - Concurso Planta Interna - Lotes 3 a 9 - novo.zip\Concurso Planta Interna - Planilha Comercial - Lotes 3 a 9 _Rev1.zip\</t>
  </si>
  <si>
    <t>Concurso Planta Interna - Planilha Comercial - Lote 3.xlsx</t>
  </si>
  <si>
    <t>Concurso Planta Interna - Planilha Comercial - Lote 4.xlsx</t>
  </si>
  <si>
    <t>Concurso Planta Interna - Planilha Comercial - Lote 5.xlsx</t>
  </si>
  <si>
    <t>Concurso Planta Interna - Planilha Comercial - Lote 6.xlsx</t>
  </si>
  <si>
    <t>Concurso Planta Interna - Planilha Comercial - Lote 7.xlsx</t>
  </si>
  <si>
    <t>Concurso Planta Interna - Planilha Comercial - Lote 8.xlsx</t>
  </si>
  <si>
    <t>Concurso Planta Interna - Planilha Comercial - Lote 9.xlsx</t>
  </si>
  <si>
    <t>11/13/2019 10:11:33</t>
  </si>
  <si>
    <t>D:\Users\josemfs\OneDrive - Grupo Algar\2019\Ouvidoria\PROTOCOLO – [#25472]\CONTRATO - TLE.zip\CONTRATO - TLE\ANEXOS DO CONTRATO\ANEXO 2\</t>
  </si>
  <si>
    <t>FMM FMT TLE.xlsx</t>
  </si>
  <si>
    <t>LPU TARGET FATURA B FMM.xlsx</t>
  </si>
  <si>
    <t>LPU TARGET FATURA B FMT.xlsx</t>
  </si>
  <si>
    <t>LPU TARGET GMG.xls</t>
  </si>
  <si>
    <t>LPU TARGET INSTALACAO DE COW.xlsx</t>
  </si>
  <si>
    <t>LPU TARGET SEGURANCA DE SITES.xlsx</t>
  </si>
  <si>
    <t>LPU TARGET VSAT TIM.xls</t>
  </si>
  <si>
    <t>D:\Users\josemfs\OneDrive - Grupo Algar\2019\Ouvidoria\PROTOCOLO – [#25472]\CONTRATO - TLE.zip\CONTRATO - TLE\TLE - INFORMA€åES\</t>
  </si>
  <si>
    <t>DIMENSIONAMENTO - CORRETIVAS E PROGRAMADAS (version 2).xlsx</t>
  </si>
  <si>
    <t>DIMENSIONAMENTO - CORRETIVAS E PROGRAMADAS.xlsx</t>
  </si>
  <si>
    <t>ORGANOGRAMA MG.xlsx</t>
  </si>
  <si>
    <t>Sites TLE - 23-07-2019.xlsx</t>
  </si>
  <si>
    <t>D:\Users\josemfs\OneDrive - Grupo Algar\2019\Ouvidoria\PROTOCOLO – [#25472]\CONTRATO - TLE.zip\CONTRATO - TLE\18. ANEXO XVIII - ESPECIFICA€ÇO DOS SERVI€OS FMT - REVOPM - 291116.doc\</t>
  </si>
  <si>
    <t>Package2.xls</t>
  </si>
  <si>
    <t>D:\Users\josemfs\OneDrive - Grupo Algar\2019\Ouvidoria\PROTOCOLO – [#25472]\CONTRATO - TLE.zip\CONTRATO - TLE\ANEXOS DO CONTRATO\ANEXO 1\18. ANEXO XVIII - ESPECIFICA€ÇO DOS SERVI€OS FMT - REVOPM - 291116.doc\</t>
  </si>
  <si>
    <t>D:\Users\josemfs\OneDrive - Grupo Algar\2019\Ouvidoria\PROTOCOLO – [#25472]\CONTRATO - TLE.zip\CONTRATO - TLE\ANEXOS DO CONTRATO\ANEXO 1\21. VERTICALIZA€ÇO - SERVI€O DE MANUT CAMPO PARA VSATS - 301116.doc\</t>
  </si>
  <si>
    <t>D:\Users\josemfs\OneDrive - Grupo Algar\2019\Ouvidoria\PROTOCOLO – [#25472]\CONTRATO - TLE.zip\CONTRATO - TLE\ANEXOS DO CONTRATO\ANEXO 2.zip\ANEXO 2\</t>
  </si>
  <si>
    <t>D:\Users\josemfs\OneDrive - Grupo Algar\2019\Ouvidoria\PROTOCOLO – [#25472]\CONTRATO - TLE.zip\CONTRATO - TLE\ANEXOS DO CONTRATO\ANEXO 1.zip\ANEXO 1\18. ANEXO XVIII - ESPECIFICA€ÇO DOS SERVI€OS FMT - REVOPM - 291116.doc\</t>
  </si>
  <si>
    <t>D:\Users\josemfs\OneDrive - Grupo Algar\2019\Ouvidoria\PROTOCOLO – [#25472]\CONTRATO - TLE.zip\CONTRATO - TLE\ANEXOS DO CONTRATO\ANEXO 1.zip\ANEXO 1\21. VERTICALIZA€ÇO - SERVI€O DE MANUT CAMPO PARA VSATS - 301116.doc\</t>
  </si>
  <si>
    <t>11/13/2019 10:11:39</t>
  </si>
  <si>
    <t>D:\Users\josemfs\OneDrive - Grupo Algar\2019\Ouvidoria\PROTOCOLO – [#25472]\CONSULTORIA INTERNA ALGARTECH.zip\CONSULTORIA INTERNA ALGARTECH\</t>
  </si>
  <si>
    <t>C¢pia de Sistema de GestÆo.xlsx</t>
  </si>
  <si>
    <t>11/13/2019 10:17:29</t>
  </si>
  <si>
    <t>C:\Users\nadiagds\OneDrive - Grupo Algar\Mesa Digital\ISD_Análise\Projeto ISD - Banco Toyota\02.Construção\</t>
  </si>
  <si>
    <t>Informacao_DT-Acesso-servicenow.csv</t>
  </si>
  <si>
    <t>11/13/2019 10:15:29</t>
  </si>
  <si>
    <t>11/13/2019 10:18:30</t>
  </si>
  <si>
    <t>Cadastro de Arquivos - UNIPAR</t>
  </si>
  <si>
    <t>UNIPAR CARBOCLORO S.A.xlsx</t>
  </si>
  <si>
    <t>11/13/2019 10:14:13</t>
  </si>
  <si>
    <t>C:\Users\leandroal.ACS\Documents\</t>
  </si>
  <si>
    <t>Id Livres DAC2.xlsx</t>
  </si>
  <si>
    <t>11/13/2019 10:17:51</t>
  </si>
  <si>
    <t>11/13/2019 10:19:30</t>
  </si>
  <si>
    <t>/o=exchangelabs/ou=exchange administrative group (fydibohf23spdlt)/cn=recipients/cn=8b1ee9849bf1448b965d2e381d782565-gabriel viv;/o=exchangelabs/ou=exchange administrative group (fydibohf23spdlt)/cn=recipients/cn=8fc182d8ec964190abd5d149ac41ad8b-fabricio de;/o=exchangelabs/ou=exchange administrative group (fydibohf23spdlt)/cn=recipients/cn=c29ec9dae022497281c840087cccddec-patricia ar;/o=exchangelabs/ou=exchange administrative group (fydibohf23spdlt)/cn=recipients/cn=e0001a1553fb4b9a9be687db68a2ec15-yuri ian fr;lucianagd@algartech.com;</t>
  </si>
  <si>
    <t>Novo mailing</t>
  </si>
  <si>
    <t>Mailing_CIMI_Patricia.xlsx</t>
  </si>
  <si>
    <t>/o=exchangelabs/ou=exchange administrative group (fydibohf23spdlt)/cn=recipients/cn=8b1ee9849bf1448b965d2e381d782565-gabriel viv,/o=exchangelabs/ou=exchange administrative group (fydibohf23spdlt)/cn=recipients/cn=8fc182d8ec964190abd5d149ac41ad8b-fabricio de,/o=exchangelabs/ou=exchange administrative group (fydibohf23spdlt)/cn=recipients/cn=c29ec9dae022497281c840087cccddec-patricia ar,/o=exchangelabs/ou=exchange administrative group (fydibohf23spdlt)/cn=recipients/cn=e0001a1553fb4b9a9be687db68a2ec15-yuri ian fr,lucianagd@algartech.com</t>
  </si>
  <si>
    <t>11/13/2019 10:17:56</t>
  </si>
  <si>
    <t>11/13/2019 10:22:30</t>
  </si>
  <si>
    <t>11/13/2019 10:18:02</t>
  </si>
  <si>
    <t>11/13/2019 10:21:25</t>
  </si>
  <si>
    <t>11/13/2019 10:21:57</t>
  </si>
  <si>
    <t>11/13/2019 10:19:11</t>
  </si>
  <si>
    <t>11/13/2019 10:23:29</t>
  </si>
  <si>
    <t>DashBoard DR. TÉC - 13/11</t>
  </si>
  <si>
    <t>DR TEC - 20191113.xlsx</t>
  </si>
  <si>
    <t>11/13/2019 10:22:01</t>
  </si>
  <si>
    <t>/o=exchangelabs/ou=exchange administrative group (fydibohf23spdlt)/cn=recipients/cn=2b2fb8df84f84951b6d53454b4b3e8b3-izadora may;dayana_d_freitas_algar@whirlpool.com;</t>
  </si>
  <si>
    <t>/o=exchangelabs/ou=exchange administrative group (fydibohf23spdlt)/cn=recipients/cn=2b2fb8df84f84951b6d53454b4b3e8b3-izadora may,dayana_d_freitas_algar@whirlpool.com</t>
  </si>
  <si>
    <t>11/13/2019 10:21:52</t>
  </si>
  <si>
    <t>11/13/2019 10:26:29</t>
  </si>
  <si>
    <t>11/13/2019 10:23:14</t>
  </si>
  <si>
    <t>11/13/2019 10:27:30</t>
  </si>
  <si>
    <t>10.200.99.130</t>
  </si>
  <si>
    <t>C:\Users\victorvgar\Desktop\AVON\Pesquisa\</t>
  </si>
  <si>
    <t>Dados novembro.xlsx</t>
  </si>
  <si>
    <t>11/13/2019 10:25:52</t>
  </si>
  <si>
    <t>11/13/2019 10:28:29</t>
  </si>
  <si>
    <t>/o=exchangelabs/ou=exchange administrative group (fydibohf23spdlt)/cn=recipients/cn=6fbc44b6d6b549208175d5a27201bd13-cintia nune;/o=exchangelabs/ou=exchange administrative group (fydibohf23spdlt)/cn=recipients/cn=8ab5e44d485043d59eb4f21463e63e6a-tays dos sa;/o=exchangelabs/ou=exchange administrative group (fydibohf23spdlt)/cn=recipients/cn=a72a765de829420582b78941417073ac-karina rodr;/o=exchangelabs/ou=exchange administrative group (fydibohf23spdlt)/cn=recipients/cn=c32cee7d339f4e7fab5beda7be171cc0-priscila ca;/o=exchangelabs/ou=exchange administrative group (fydibohf23spdlt)/cn=recipients/cn=e3778f57d65f4c17a6287602f9eb0cdc-alessandra;/o=exchangelabs/ou=exchange administrative group (fydibohf23spdlt)/cn=recipients/cn=f45617401bdf436baf70c45766699413-frederico b;</t>
  </si>
  <si>
    <t>Ebit por cliente - 1ºsem2019</t>
  </si>
  <si>
    <t>EBIT POR CLIENTE_1ºSEM2019.xlsx</t>
  </si>
  <si>
    <t>/o=exchangelabs/ou=exchange administrative group (fydibohf23spdlt)/cn=recipients/cn=6fbc44b6d6b549208175d5a27201bd13-cintia nune,/o=exchangelabs/ou=exchange administrative group (fydibohf23spdlt)/cn=recipients/cn=8ab5e44d485043d59eb4f21463e63e6a-tays dos sa,/o=exchangelabs/ou=exchange administrative group (fydibohf23spdlt)/cn=recipients/cn=a72a765de829420582b78941417073ac-karina rodr,/o=exchangelabs/ou=exchange administrative group (fydibohf23spdlt)/cn=recipients/cn=c32cee7d339f4e7fab5beda7be171cc0-priscila ca,/o=exchangelabs/ou=exchange administrative group (fydibohf23spdlt)/cn=recipients/cn=e3778f57d65f4c17a6287602f9eb0cdc-alessandra,/o=exchangelabs/ou=exchange administrative group (fydibohf23spdlt)/cn=recipients/cn=f45617401bdf436baf70c45766699413-frederico b</t>
  </si>
  <si>
    <t>11/13/2019 10:26:41</t>
  </si>
  <si>
    <t>11/13/2019 10:31:30</t>
  </si>
  <si>
    <t>RES: Transferência para o VDN 44601</t>
  </si>
  <si>
    <t>VDN 44601 - Transferências.xlsx</t>
  </si>
  <si>
    <t>11/13/2019 10:29:34</t>
  </si>
  <si>
    <t>11/13/2019 10:32:29</t>
  </si>
  <si>
    <t>11/13/2019 10:31:28</t>
  </si>
  <si>
    <t>CRS BLOQUEADOS EM 13.11.19.xlsx</t>
  </si>
  <si>
    <t>11/13/2019 10:39:43</t>
  </si>
  <si>
    <t>11/13/2019 10:41:30</t>
  </si>
  <si>
    <t>SL XXXXX - WHP GLOBAL.xlsx</t>
  </si>
  <si>
    <t>11/13/2019 10:41:52</t>
  </si>
  <si>
    <t>11/13/2019 10:42:29</t>
  </si>
  <si>
    <t>11/13/2019 10:41:41</t>
  </si>
  <si>
    <t>11/13/2019 10:43:30</t>
  </si>
  <si>
    <t>11/13/2019 10:42:23</t>
  </si>
  <si>
    <t>UsuariosGrupos.xlsx</t>
  </si>
  <si>
    <t>11/13/2019 10:40:27</t>
  </si>
  <si>
    <t>11/13/2019 10:45:00</t>
  </si>
  <si>
    <t>11/13/2019 10:45:30</t>
  </si>
  <si>
    <t>4229.gestaoslas@bradesco.com.br;claudiac.machado@bradesco.com.br;emerson.r.correia@bradesco.com.br;vanessa.manzione@bradesco.com.br;</t>
  </si>
  <si>
    <t>10-Memória de Cálculo Faturamento 100% Variável -ALGAR - Outubro.xlsx</t>
  </si>
  <si>
    <t>4229.gestaoslas@bradesco.com.br,claudiac.machado@bradesco.com.br,emerson.r.correia@bradesco.com.br,vanessa.manzione@bradesco.com.br</t>
  </si>
  <si>
    <t>11/13/2019 10:46:51</t>
  </si>
  <si>
    <t>11/13/2019 10:48:29</t>
  </si>
  <si>
    <t>RES: Daily Report Suporte Unica</t>
  </si>
  <si>
    <t>11/13/2019 10:49:41</t>
  </si>
  <si>
    <t>11/13/2019 10:51:30</t>
  </si>
  <si>
    <t>10.200.32.63</t>
  </si>
  <si>
    <t>C:\Users\joaobab\OneDrive - Grupo Algar\temp\Whirpool\Categorizador\</t>
  </si>
  <si>
    <t>Template.xlsx</t>
  </si>
  <si>
    <t>11/13/2019 10:51:27</t>
  </si>
  <si>
    <t>11/13/2019 10:52:30</t>
  </si>
  <si>
    <t>11/13/2019 10:52:02</t>
  </si>
  <si>
    <t>11/13/2019 10:48:13</t>
  </si>
  <si>
    <t>11/13/2019 10:53:30</t>
  </si>
  <si>
    <t>10.211.2.99</t>
  </si>
  <si>
    <t>/o=exchangelabs/ou=exchange administrative group (fydibohf23spdlt)/cn=recipients/cn=5cdc4a7b917a447c993600ca829a0a39-elisangela;/o=exchangelabs/ou=exchange administrative group (fydibohf23spdlt)/cn=recipients/cn=c8e51a7be48b4f059a93293e923137af-aline soare;/o=exchangelabs/ou=exchange administrative group (fydibohf23spdlt)/cn=recipients/cn=d376cbd484f64104bc8476daf590c7dc-paulo eduar;</t>
  </si>
  <si>
    <t>RES: Cálculo horas extras</t>
  </si>
  <si>
    <t>/o=exchangelabs/ou=exchange administrative group (fydibohf23spdlt)/cn=recipients/cn=5cdc4a7b917a447c993600ca829a0a39-elisangela,/o=exchangelabs/ou=exchange administrative group (fydibohf23spdlt)/cn=recipients/cn=c8e51a7be48b4f059a93293e923137af-aline soare,/o=exchangelabs/ou=exchange administrative group (fydibohf23spdlt)/cn=recipients/cn=d376cbd484f64104bc8476daf590c7dc-paulo eduar</t>
  </si>
  <si>
    <t>11/13/2019 10:52:36</t>
  </si>
  <si>
    <t>11/13/2019 10:57:30</t>
  </si>
  <si>
    <t>11/13/2019 10:53:12</t>
  </si>
  <si>
    <t>11/13/2019 10:53:46</t>
  </si>
  <si>
    <t>11/13/2019 10:54:30</t>
  </si>
  <si>
    <t>11/13/2019 10:55:53</t>
  </si>
  <si>
    <t>BASE_HE_028_029_033_OUTUBRO_01A31.10.2019_GESTOR.xlsm</t>
  </si>
  <si>
    <t>11/13/2019 10:58:29</t>
  </si>
  <si>
    <t>D:\Banco Itau - Reunião CTO\</t>
  </si>
  <si>
    <t>Procedimentos GAPs do Projetos AlgarTech - Banco Itaú 12.11.19.xlsx</t>
  </si>
  <si>
    <t>D:\Banco Itau - Reunião CTO\Procedimentos GAPs do Projetos AlgarTech - Banco Itaú 12.11.19.xlsx</t>
  </si>
  <si>
    <t>11/13/2019 10:57:13</t>
  </si>
  <si>
    <t>11/13/2019 11:02:29</t>
  </si>
  <si>
    <t>/o=exchangelabs/ou=exchange administrative group (fydibohf23spdlt)/cn=recipients/cn=0163bfef0e474630bdcf0a3698e9ffd4-amanda ferr;/o=exchangelabs/ou=exchange administrative group (fydibohf23spdlt)/cn=recipients/cn=5865f7bdf6dd4e85886f125a03522b87-paulo ricar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a6ba306bde72439c8d608df7df1957f9-larice nasc;/o=exchangelabs/ou=exchange administrative group (fydibohf23spdlt)/cn=recipients/cn=bec14da9ad4d434b8151ce12587e9186-khassio mar;flavia@iclicconsultoria.com.br;</t>
  </si>
  <si>
    <t>ENC: base onda 4</t>
  </si>
  <si>
    <t>RES Estimativa de prazo para contato ONDA 4.msg\s1\</t>
  </si>
  <si>
    <t>Importação Onda 4.xlsx</t>
  </si>
  <si>
    <t>/o=exchangelabs/ou=exchange administrative group (fydibohf23spdlt)/cn=recipients/cn=0163bfef0e474630bdcf0a3698e9ffd4-amanda ferr,/o=exchangelabs/ou=exchange administrative group (fydibohf23spdlt)/cn=recipients/cn=5865f7bdf6dd4e85886f125a03522b87-paulo ricar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a6ba306bde72439c8d608df7df1957f9-larice nasc,/o=exchangelabs/ou=exchange administrative group (fydibohf23spdlt)/cn=recipients/cn=bec14da9ad4d434b8151ce12587e9186-khassio mar,flavia@iclicconsultoria.com.br</t>
  </si>
  <si>
    <t>11/13/2019 11:04:10</t>
  </si>
  <si>
    <t>11/13/2019 11:09:31</t>
  </si>
  <si>
    <t>/o=exchangelabs/ou=exchange administrative group (fydibohf23spdlt)/cn=recipients/cn=670d10f0276c47ba89a984b1a225496b-victor gala;</t>
  </si>
  <si>
    <t>/o=exchangelabs/ou=exchange administrative group (fydibohf23spdlt)/cn=recipients/cn=670d10f0276c47ba89a984b1a225496b-victor gala</t>
  </si>
  <si>
    <t>11/13/2019 11:03:57</t>
  </si>
  <si>
    <t>\\acsfs\dsti\CIT- Coordenação de Inteligência de Tecnologia\05 - Gerenciamento Orçamento e Contabilização\5. Contabilidade 2019\11. Novembro\Despesas antecipadas\ANS_OC 44514\</t>
  </si>
  <si>
    <t>Formulário Despesa Antecipada_ANS.xls</t>
  </si>
  <si>
    <t>11/13/2019 11:08:06</t>
  </si>
  <si>
    <t>11/13/2019 11:10:31</t>
  </si>
  <si>
    <t>c:\users\gustavoas\downloads\</t>
  </si>
  <si>
    <t>11/13/2019 11:08:03</t>
  </si>
  <si>
    <t>11/13/2019 11:11:30</t>
  </si>
  <si>
    <t>OCORRENCIAS 01A11.11.xlsx</t>
  </si>
  <si>
    <t>/o=exchangelabs/ou=exchange administrative group (fydibohf23spdlt)/cn=recipients/cn=1262e099c0f24b3489b19e6494cd5fca-rayssa da c;/o=exchangelabs/ou=exchange administrative group (fydibohf23spdlt)/cn=recipients/cn=71d61cf74988455d8586a88b31233851-pablo mathe;/o=exchangelabs/ou=exchange administrative group (fydibohf23spdlt)/cn=recipients/cn=d05fd9144bc0407496937c19109e2ce7-jefferson r;</t>
  </si>
  <si>
    <t>/o=exchangelabs/ou=exchange administrative group (fydibohf23spdlt)/cn=recipients/cn=1262e099c0f24b3489b19e6494cd5fca-rayssa da c,/o=exchangelabs/ou=exchange administrative group (fydibohf23spdlt)/cn=recipients/cn=71d61cf74988455d8586a88b31233851-pablo mathe,/o=exchangelabs/ou=exchange administrative group (fydibohf23spdlt)/cn=recipients/cn=d05fd9144bc0407496937c19109e2ce7-jefferson r</t>
  </si>
  <si>
    <t>11/13/2019 11:09:23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a78f7dae304e472e9f75bd537683f6e5-hugo de oli;/o=exchangelabs/ou=exchange administrative group (fydibohf23spdlt)/cn=recipients/cn=b1d771656e5d46709d93295f07966125-pedro henri;/o=exchangelabs/ou=exchange administrative group (fydibohf23spdlt)/cn=recipients/cn=b284454839e94314a90d49e7ec00864f-antonio car;/o=exchangelabs/ou=exchange administrative group (fydibohf23spdlt)/cn=recipients/cn=b712c36eebee42428d3790abe2696417-romario gom;</t>
  </si>
  <si>
    <t>ENC: Usuário para liberação Power BI NEXT</t>
  </si>
  <si>
    <t>Usuario para liberação power bi NEXT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a78f7dae304e472e9f75bd537683f6e5-hugo de oli,/o=exchangelabs/ou=exchange administrative group (fydibohf23spdlt)/cn=recipients/cn=b1d771656e5d46709d93295f07966125-pedro henri,/o=exchangelabs/ou=exchange administrative group (fydibohf23spdlt)/cn=recipients/cn=b284454839e94314a90d49e7ec00864f-antonio car,/o=exchangelabs/ou=exchange administrative group (fydibohf23spdlt)/cn=recipients/cn=b712c36eebee42428d3790abe2696417-romario gom</t>
  </si>
  <si>
    <t>11/13/2019 11:14:23</t>
  </si>
  <si>
    <t>11/13/2019 11:16:31</t>
  </si>
  <si>
    <t>11/13/2019 11:14:57</t>
  </si>
  <si>
    <t>11/13/2019 11:17:30</t>
  </si>
  <si>
    <t>mail.google.com/_/upload?authuser=0&amp;dcp=asu-n&amp;upload_id=AEnB2UqRqTkM8IYFbj9kyc_o-myLjo3XyR0Mmi_DaLtH7jDjlORDq-2TSxnKel7Nb6Zon1y6KNwNfE8a7BdRCsVlAbgP-CITVdFvy0dSU7vFLmO_ytTHAos&amp;upload_protocol=resumable</t>
  </si>
  <si>
    <t>\\acsfs\DEPTOS\PMO Governança\06 - GOVERNANÇA DO CAPEX\CAPEX LONGO PRAZO\CAPEX LP - REVISÃO_A19_M10\VALIDAÇÃO CAPEX LP - REUGER v2.pptx\</t>
  </si>
  <si>
    <t>11/13/2019 11:15:28</t>
  </si>
  <si>
    <t>11/13/2019 11:18:31</t>
  </si>
  <si>
    <t>11/13/2019 11:20:24</t>
  </si>
  <si>
    <t>11/13/2019 11:21:31</t>
  </si>
  <si>
    <t>Atividades-01 - BACKLOG ANF31_13_11_19 _ EDUARDA (2).xlsx</t>
  </si>
  <si>
    <t>11/13/2019 11:20:35</t>
  </si>
  <si>
    <t>11/13/2019 11:24:26</t>
  </si>
  <si>
    <t>11/13/2019 11:26:31</t>
  </si>
  <si>
    <t>11/13/2019 11:24:56</t>
  </si>
  <si>
    <t>11/13/2019 11:23:19</t>
  </si>
  <si>
    <t>11/13/2019 11:28:30</t>
  </si>
  <si>
    <t>10.200.99.40</t>
  </si>
  <si>
    <t>http://shareit.global.avon.com/sites/arrmcm/forca-de-vendas/_layouts/upload.aspx?list={49a50e3f-b4b4-49bc-b117-70e608bcb21b}&amp;rootfolder=/sites/arrmcm/forca-de-vendas/gerente de setor/incentivos&amp;source=http://shareit.global.avon.com/sites/arrmcm/forca-de-vendas/gerente de setor/forms/allitems.aspx?rootfolder=%2fsites%2farrmcm%2fforca%2dde%2dvendas%2fgerente%20de%20setor%2fincentivos&amp;folderctid=&amp;view=%7bd059265c%2dd14d%2d41b3%2d9614%2d5dc74317d84e%7d</t>
  </si>
  <si>
    <t>Recargas de vale presente - status de entrega.xls</t>
  </si>
  <si>
    <t>11/13/2019 11:24:17</t>
  </si>
  <si>
    <t>11/13/2019 11:24:58</t>
  </si>
  <si>
    <t>Consolidado - Bônus Vale Presente 2019.xls</t>
  </si>
  <si>
    <t>11/13/2019 11:27:01</t>
  </si>
  <si>
    <t>http://shareit.global.avon.com/sites/arrmcm/forca-de-vendas/_layouts/upload.aspx?list={49a50e3f-b4b4-49bc-b117-70e608bcb21b}&amp;rootfolder=/sites/arrmcm/forca-de-vendas/gerente de setor/incentivos&amp;source=http://shareit.global.avon.com/sites/arrmcm/forca-de-vendas/gerente de setor/forms/allitems.aspx?folderctid=&amp;rootfolder=%2fsites%2farrmcm%2fforca%2dde%2dvendas%2fgerente%20de%20setor%2fincentivos&amp;sortfield=modified&amp;sortdir=desc&amp;view=%7bd059265c%2dd14d%2d41b3%2d9614%2d5dc74317d84e%7d</t>
  </si>
  <si>
    <t>11/13/2019 11:27:48</t>
  </si>
  <si>
    <t>11/13/2019 11:31:30</t>
  </si>
  <si>
    <t>11/13/2019 11:30:11</t>
  </si>
  <si>
    <t>11/13/2019 11:33:31</t>
  </si>
  <si>
    <t>/o=exchangelabs/ou=exchange administrative group (fydibohf23spdlt)/cn=recipients/cn=0e2eb71726a34a0da705bbb0bf5c0367-leonardo me;/o=exchangelabs/ou=exchange administrative group (fydibohf23spdlt)/cn=recipients/cn=1e212ef08dab4f26b88cba944f2ab7cb-pmo.governa;/o=exchangelabs/ou=exchange administrative group (fydibohf23spdlt)/cn=recipients/cn=d5130784dc81436d9511788de4df376c-jeciene gom;</t>
  </si>
  <si>
    <t>PROJETO PRECIFICAÇÃO - CAPEX</t>
  </si>
  <si>
    <t>CAPEX APRESENTAÇÃO.xlsx</t>
  </si>
  <si>
    <t>/o=exchangelabs/ou=exchange administrative group (fydibohf23spdlt)/cn=recipients/cn=0e2eb71726a34a0da705bbb0bf5c0367-leonardo me,/o=exchangelabs/ou=exchange administrative group (fydibohf23spdlt)/cn=recipients/cn=1e212ef08dab4f26b88cba944f2ab7cb-pmo.governa,/o=exchangelabs/ou=exchange administrative group (fydibohf23spdlt)/cn=recipients/cn=d5130784dc81436d9511788de4df376c-jeciene gom</t>
  </si>
  <si>
    <t>11/13/2019 11:31:44</t>
  </si>
  <si>
    <t>11/13/2019 11:37:31</t>
  </si>
  <si>
    <t>/o=exchangelabs/ou=exchange administrative group (fydibohf23spdlt)/cn=recipients/cn=5d0ee7761c544528a373d2d279e26e82-gustavo hen;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e0001a1553fb4b9a9be687db68a2ec15-yuri ian fr;lucianagd@algartech.com;</t>
  </si>
  <si>
    <t>RES: Novo mailing</t>
  </si>
  <si>
    <t>/o=exchangelabs/ou=exchange administrative group (fydibohf23spdlt)/cn=recipients/cn=5d0ee7761c544528a373d2d279e26e82-gustavo hen,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e0001a1553fb4b9a9be687db68a2ec15-yuri ian fr,lucianagd@algartech.com</t>
  </si>
  <si>
    <t>11/13/2019 11:36:53</t>
  </si>
  <si>
    <t>11/13/2019 11:41:30</t>
  </si>
  <si>
    <t>mail.google.com/_/upload?authuser=0&amp;dcp=asu-n&amp;upload_id=AEnB2UpGM2bWGjNh5IVaNf5umgOTlg3e67P4qQAq50ZAbLD-8XOPebHojKBVeuIRFGu7h2e6Ze9RSx5WaAeZ_OxDuZ5kKgk5Yw&amp;upload_protocol=resumable</t>
  </si>
  <si>
    <t>amandacdr@algartech.com;fabiorb@algartech.com;felipe.pacheco@algartech.com;helderra@algartech.com;luiz.m.carvalho@algartech.com;wilsonaapn@algartech.com;</t>
  </si>
  <si>
    <t>amandacdr@algartech.com,fabiorb@algartech.com,felipe.pacheco@algartech.com,helderra@algartech.com,luiz.m.carvalho@algartech.com,wilsonaapn@algartech.com</t>
  </si>
  <si>
    <t>11/13/2019 11:35:08</t>
  </si>
  <si>
    <t>/o=exchangelabs/ou=exchange administrative group (fydibohf23spdlt)/cn=recipients/cn=2f25493a7e37433d8dafca90f527b173-danubia cri;</t>
  </si>
  <si>
    <t>Campanha de trocas</t>
  </si>
  <si>
    <t>/o=exchangelabs/ou=exchange administrative group (fydibohf23spdlt)/cn=recipients/cn=2f25493a7e37433d8dafca90f527b173-danubia cri</t>
  </si>
  <si>
    <t>11/13/2019 11:38:57</t>
  </si>
  <si>
    <t>11/13/2019 11:40:54</t>
  </si>
  <si>
    <t>11/13/2019 11:40:19</t>
  </si>
  <si>
    <t>11/13/2019 11:44:31</t>
  </si>
  <si>
    <t>11/13/2019 11:42:32</t>
  </si>
  <si>
    <t>11/13/2019 11:46:31</t>
  </si>
  <si>
    <t>/o=exchangelabs/ou=exchange administrative group (fydibohf23spdlt)/cn=recipients/cn=6bc6ced03b1b4fafa41bb5c70c178940-antonio per;/o=exchangelabs/ou=exchange administrative group (fydibohf23spdlt)/cn=recipients/cn=a541140f84c0497d919eaa7797d6c613-vinicius mo;</t>
  </si>
  <si>
    <t>ENC: [Seleção] RECEITAS FATURADAS - 30.09 - GRUPO TI</t>
  </si>
  <si>
    <t>Seleção Receitas - Tecnologia - 30.09.xlsx</t>
  </si>
  <si>
    <t>/o=exchangelabs/ou=exchange administrative group (fydibohf23spdlt)/cn=recipients/cn=6bc6ced03b1b4fafa41bb5c70c178940-antonio per,/o=exchangelabs/ou=exchange administrative group (fydibohf23spdlt)/cn=recipients/cn=a541140f84c0497d919eaa7797d6c613-vinicius mo</t>
  </si>
  <si>
    <t>11/13/2019 11:47:18</t>
  </si>
  <si>
    <t>11/13/2019 11:52:31</t>
  </si>
  <si>
    <t>/o=exchangelabs/ou=exchange administrative group (fydibohf23spdlt)/cn=recipients/cn=ae5de8da93c7422fa6ba5be702b44cd5-renata apar;/o=exchangelabs/ou=exchange administrative group (fydibohf23spdlt)/cn=recipients/cn=d206cd06fb7b4255ae57b9ce929cb6b3-mateus land;</t>
  </si>
  <si>
    <t>RES: Caminho para colocar a base NPS</t>
  </si>
  <si>
    <t>Planilha para Power BI_NPS.xlsx</t>
  </si>
  <si>
    <t>/o=exchangelabs/ou=exchange administrative group (fydibohf23spdlt)/cn=recipients/cn=ae5de8da93c7422fa6ba5be702b44cd5-renata apar,/o=exchangelabs/ou=exchange administrative group (fydibohf23spdlt)/cn=recipients/cn=d206cd06fb7b4255ae57b9ce929cb6b3-mateus land</t>
  </si>
  <si>
    <t>11/13/2019 11:53:30</t>
  </si>
  <si>
    <t>11/13/2019 11:56:30</t>
  </si>
  <si>
    <t>C:\Users\joaobab\OneDrive - Grupo Algar\temp\Estudos\Apresentações\Algar_Xperience_Workshop_v02.pptx\</t>
  </si>
  <si>
    <t>11/13/2019 11:53:18</t>
  </si>
  <si>
    <t>11/13/2019 11:57:31</t>
  </si>
  <si>
    <t>Descontos PLR</t>
  </si>
  <si>
    <t>Desconto PPR_Base 2019_1º semestre.xlsx</t>
  </si>
  <si>
    <t>11/13/2019 12:01:16</t>
  </si>
  <si>
    <t>11/13/2019 12:01:31</t>
  </si>
  <si>
    <t>11/13/2019 12:03:09</t>
  </si>
  <si>
    <t>11/13/2019 12:05:31</t>
  </si>
  <si>
    <t>ENC: Volume Gerenciadas Amex e Visa - 13/11</t>
  </si>
  <si>
    <t>11/13/2019 12:03:17</t>
  </si>
  <si>
    <t>11/13/2019 12:06:30</t>
  </si>
  <si>
    <t>Apresentação REUGER (CAPEX 19 e 20)</t>
  </si>
  <si>
    <t>CAPEX 2020 12_11.pptx\</t>
  </si>
  <si>
    <t>11/13/2019 12:05:20</t>
  </si>
  <si>
    <t>/o=exchangelabs/ou=exchange administrative group (fydibohf23spdlt)/cn=recipients/cn=61af722dd06149089cf1c867d796b8bc-delso estre;/o=exchangelabs/ou=exchange administrative group (fydibohf23spdlt)/cn=recipients/cn=c9ea031fea1c4d28a37208d7515cef44-mara rubia;</t>
  </si>
  <si>
    <t>/o=exchangelabs/ou=exchange administrative group (fydibohf23spdlt)/cn=recipients/cn=61af722dd06149089cf1c867d796b8bc-delso estre,/o=exchangelabs/ou=exchange administrative group (fydibohf23spdlt)/cn=recipients/cn=c9ea031fea1c4d28a37208d7515cef44-mara rubia</t>
  </si>
  <si>
    <t>11/13/2019 12:01:19</t>
  </si>
  <si>
    <t>mail.google.com/_/upload?authuser=0&amp;dcp=asu-n&amp;upload_id=AEnB2Uqol4LlTslHCkCSS1qTTnmTDUiowfR4TpylELoG_BflPZ12BEixUbysKBJS8kyv0tP-d4XgnG_F3jC_4NAG6P8FfOY1iyQn7NByTXluQJ-jSkECcuo&amp;upload_protocol=resumable</t>
  </si>
  <si>
    <t>11/13/2019 12:07:19</t>
  </si>
  <si>
    <t>11/13/2019 12:08:31</t>
  </si>
  <si>
    <t>/o=exchangelabs/ou=exchange administrative group (fydibohf23spdlt)/cn=recipients/cn=190a5958c4ec4cf68e1e85c8dae802b2-elisangela;/o=exchangelabs/ou=exchange administrative group (fydibohf23spdlt)/cn=recipients/cn=2144abc9537143519f505fcb8550b74c-juliana emi;/o=exchangelabs/ou=exchange administrative group (fydibohf23spdlt)/cn=recipients/cn=5ab64dc5178e4d66aadc5f660807b2c3-andre gomes;/o=exchangelabs/ou=exchange administrative group (fydibohf23spdlt)/cn=recipients/cn=aa95083c791042ddaef1eb09f98440e8-camila silv;</t>
  </si>
  <si>
    <t>Anotações TOP</t>
  </si>
  <si>
    <t>Insights_.xlsx</t>
  </si>
  <si>
    <t>/o=exchangelabs/ou=exchange administrative group (fydibohf23spdlt)/cn=recipients/cn=190a5958c4ec4cf68e1e85c8dae802b2-elisangela,/o=exchangelabs/ou=exchange administrative group (fydibohf23spdlt)/cn=recipients/cn=2144abc9537143519f505fcb8550b74c-juliana emi,/o=exchangelabs/ou=exchange administrative group (fydibohf23spdlt)/cn=recipients/cn=5ab64dc5178e4d66aadc5f660807b2c3-andre gomes,/o=exchangelabs/ou=exchange administrative group (fydibohf23spdlt)/cn=recipients/cn=aa95083c791042ddaef1eb09f98440e8-camila silv</t>
  </si>
  <si>
    <t>11/13/2019 12:06:17</t>
  </si>
  <si>
    <t>11/13/2019 12:09:30</t>
  </si>
  <si>
    <t>Marcos Paulo Pires - Cópia de Cópia de Prova de Excel e VBA_modelo 2.xlsx</t>
  </si>
  <si>
    <t>11/13/2019 12:10:58</t>
  </si>
  <si>
    <t>11/13/2019 12:13:30</t>
  </si>
  <si>
    <t>13_11_2019 - Relatório Pipeline - Key Account</t>
  </si>
  <si>
    <t>Relatório Pipeline_Dionizio_19_11_13.xlsx</t>
  </si>
  <si>
    <t>11/13/2019 12:12:46</t>
  </si>
  <si>
    <t>11/13/2019 12:16:31</t>
  </si>
  <si>
    <t>/o=exchangelabs/ou=exchange administrative group (fydibohf23spdlt)/cn=recipients/cn=109f6d628834480fabc1188cbdef64fa-antonia apa;/o=exchangelabs/ou=exchange administrative group (fydibohf23spdlt)/cn=recipients/cn=518d86a2f4064540845859796ca5563b-vinicius sc;/o=exchangelabs/ou=exchange administrative group (fydibohf23spdlt)/cn=recipients/cn=9036c60267804ebe88ce078c5e78649a-getulio mau;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usere11ed38c;</t>
  </si>
  <si>
    <t>/o=exchangelabs/ou=exchange administrative group (fydibohf23spdlt)/cn=recipients/cn=109f6d628834480fabc1188cbdef64fa-antonia apa,/o=exchangelabs/ou=exchange administrative group (fydibohf23spdlt)/cn=recipients/cn=518d86a2f4064540845859796ca5563b-vinicius sc,/o=exchangelabs/ou=exchange administrative group (fydibohf23spdlt)/cn=recipients/cn=9036c60267804ebe88ce078c5e78649a-getulio mau,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usere11ed38c</t>
  </si>
  <si>
    <t>11/13/2019 12:13:31</t>
  </si>
  <si>
    <t>ENC: Mailing CIMI</t>
  </si>
  <si>
    <t>11/13/2019 12:14:55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b712c36eebee42428d3790abe2696417-romario gom;/o=exchangelabs/ou=exchange administrative group (fydibohf23spdlt)/cn=recipients/cn=e4dbda4121b54299b4a719c6aa694894-algar tech;</t>
  </si>
  <si>
    <t>ENC: Consolidado dia 13/11.</t>
  </si>
  <si>
    <t>Consolidado atendimento 13.11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b712c36eebee42428d3790abe2696417-romario gom,/o=exchangelabs/ou=exchange administrative group (fydibohf23spdlt)/cn=recipients/cn=e4dbda4121b54299b4a719c6aa694894-algar tech</t>
  </si>
  <si>
    <t>11/13/2019 12:20:12</t>
  </si>
  <si>
    <t>11/13/2019 12:21:33</t>
  </si>
  <si>
    <t>/o=exchangelabs/ou=exchange administrative group (fydibohf23spdlt)/cn=recipients/cn=71d61cf74988455d8586a88b31233851-pablo mathe;/o=exchangelabs/ou=exchange administrative group (fydibohf23spdlt)/cn=recipients/cn=97bf0b4d6b424f9fbf91192510276150-renata de o;/o=exchangelabs/ou=exchange administrative group (fydibohf23spdlt)/cn=recipients/cn=c89277a86c7240d5b7de1f395d2f40ec-adriana rap;/o=exchangelabs/ou=exchange administrative group (fydibohf23spdlt)/cn=recipients/cn=fa51c9d13bf64a65807f2e4860c880b0-camila oliv;</t>
  </si>
  <si>
    <t>ENC: Transferência Erik Serra</t>
  </si>
  <si>
    <t>CustoFuncionario_112019_161334_20191108114616841.xls</t>
  </si>
  <si>
    <t>/o=exchangelabs/ou=exchange administrative group (fydibohf23spdlt)/cn=recipients/cn=71d61cf74988455d8586a88b31233851-pablo mathe,/o=exchangelabs/ou=exchange administrative group (fydibohf23spdlt)/cn=recipients/cn=97bf0b4d6b424f9fbf91192510276150-renata de o,/o=exchangelabs/ou=exchange administrative group (fydibohf23spdlt)/cn=recipients/cn=c89277a86c7240d5b7de1f395d2f40ec-adriana rap,/o=exchangelabs/ou=exchange administrative group (fydibohf23spdlt)/cn=recipients/cn=fa51c9d13bf64a65807f2e4860c880b0-camila oliv</t>
  </si>
  <si>
    <t>11/13/2019 13:14:50</t>
  </si>
  <si>
    <t>11/13/2019 13:18:32</t>
  </si>
  <si>
    <t>13_11_2019 - Relatório Pipeline</t>
  </si>
  <si>
    <t>Relatório Pipeline_Afonso_ 19_11_13.xlsx</t>
  </si>
  <si>
    <t>11/13/2019 13:31:38</t>
  </si>
  <si>
    <t>11/13/2019 13:32:32</t>
  </si>
  <si>
    <t>Extrato aprovadores x utilização - Engeset - Outubro.xls</t>
  </si>
  <si>
    <t>11/13/2019 13:36:32</t>
  </si>
  <si>
    <t>/o=exchangelabs/ou=exchange administrative group (fydibohf23spdlt)/cn=recipients/cn=3ab5db37e72d49469dabe5b57496dd5c-fabricio ra;/o=exchangelabs/ou=exchange administrative group (fydibohf23spdlt)/cn=recipients/cn=5337d7b73bdf49cdb93dda704a6dde96-maira da ro;/o=exchangelabs/ou=exchange administrative group (fydibohf23spdlt)/cn=recipients/cn=668a768851804aa4b0e4858ed2624f18-maria daian;/o=exchangelabs/ou=exchange administrative group (fydibohf23spdlt)/cn=recipients/cn=7a833dffdb3c4e9baa653653380e47b7-user;/o=exchangelabs/ou=exchange administrative group (fydibohf23spdlt)/cn=recipients/cn=e3c30a0666cf45d9a69e1308afc48b1c-edna rosa d;</t>
  </si>
  <si>
    <t>Distribuição - 2ª Dezena</t>
  </si>
  <si>
    <t>Distribuição - 2ª Dezena.xls</t>
  </si>
  <si>
    <t>/o=exchangelabs/ou=exchange administrative group (fydibohf23spdlt)/cn=recipients/cn=3ab5db37e72d49469dabe5b57496dd5c-fabricio ra,/o=exchangelabs/ou=exchange administrative group (fydibohf23spdlt)/cn=recipients/cn=5337d7b73bdf49cdb93dda704a6dde96-maira da ro,/o=exchangelabs/ou=exchange administrative group (fydibohf23spdlt)/cn=recipients/cn=668a768851804aa4b0e4858ed2624f18-maria daian,/o=exchangelabs/ou=exchange administrative group (fydibohf23spdlt)/cn=recipients/cn=7a833dffdb3c4e9baa653653380e47b7-user,/o=exchangelabs/ou=exchange administrative group (fydibohf23spdlt)/cn=recipients/cn=e3c30a0666cf45d9a69e1308afc48b1c-edna rosa d</t>
  </si>
  <si>
    <t>11/13/2019 13:43:02</t>
  </si>
  <si>
    <t>11/13/2019 13:47:32</t>
  </si>
  <si>
    <t>\\acsfs\dsti\CITIM - Coordenação de Infra TI Implantação\FLUXO TRANSACIONAL\CLIENTES CTBC\FATURAMENTO\Parceria Telecom - Rafael\Faturamento Total\</t>
  </si>
  <si>
    <t>TRANSFERÊNCIAS ENTRE EMPRESAS INFRA.Out.xlsx</t>
  </si>
  <si>
    <t>11/13/2019 13:46:43</t>
  </si>
  <si>
    <t>11/13/2019 13:49:32</t>
  </si>
  <si>
    <t>11/13/2019 13:50:32</t>
  </si>
  <si>
    <t>11/13/2019 13:47:51</t>
  </si>
  <si>
    <t>11/13/2019 13:52:31</t>
  </si>
  <si>
    <t>Opiniões -Etapa Implantação e Ongoing.xlsx</t>
  </si>
  <si>
    <t>11/13/2019 13:54:54</t>
  </si>
  <si>
    <t>11/13/2019 13:57:32</t>
  </si>
  <si>
    <t>11/13/2019 13:54:28</t>
  </si>
  <si>
    <t>11/13/2019 13:58:33</t>
  </si>
  <si>
    <t>Relatório Pipeline_Raul_ 2019_11_13.xlsx</t>
  </si>
  <si>
    <t>11/13/2019 13:58:15</t>
  </si>
  <si>
    <t>11/13/2019 13:59:32</t>
  </si>
  <si>
    <t>11/13/2019 11:50:07</t>
  </si>
  <si>
    <t>11/13/2019 14:01:32</t>
  </si>
  <si>
    <t>RES: Ajustes Fusion</t>
  </si>
  <si>
    <t>11/13/2019 13:59:39</t>
  </si>
  <si>
    <t>11/13/2019 14:02:32</t>
  </si>
  <si>
    <t>11/13/2019 14:00:12</t>
  </si>
  <si>
    <t>11/13/2019 14:00:50</t>
  </si>
  <si>
    <t>11/13/2019 14:07:12</t>
  </si>
  <si>
    <t>11/13/2019 14:12:33</t>
  </si>
  <si>
    <t>11/13/2019 14:11:56</t>
  </si>
  <si>
    <t>11/13/2019 14:14:33</t>
  </si>
  <si>
    <t>mail.google.com/mail/u/1/?tab=wm&amp;ogbl#inbox</t>
  </si>
  <si>
    <t>C:\Users\igortfc\Documents\</t>
  </si>
  <si>
    <t>Algar Telecom - SAN Storage DC GM - 112019.xlsx</t>
  </si>
  <si>
    <t>11/13/2019 14:11:55</t>
  </si>
  <si>
    <t>11/13/2019 14:16:33</t>
  </si>
  <si>
    <t>ENC: Orçado x Real - IPO</t>
  </si>
  <si>
    <t>11/13/2019 14:12:34</t>
  </si>
  <si>
    <t>11/13/2019 14:17:32</t>
  </si>
  <si>
    <t>/o=exchangelabs/ou=exchange administrative group (fydibohf23spdlt)/cn=recipients/cn=ae5de8da93c7422fa6ba5be702b44cd5-renata apar;</t>
  </si>
  <si>
    <t>Plano de Engajamento CS.xlsx</t>
  </si>
  <si>
    <t>/o=exchangelabs/ou=exchange administrative group (fydibohf23spdlt)/cn=recipients/cn=ae5de8da93c7422fa6ba5be702b44cd5-renata apar</t>
  </si>
  <si>
    <t>11/13/2019 14:15:47</t>
  </si>
  <si>
    <t>11/13/2019 14:18:33</t>
  </si>
  <si>
    <t>ENC: IMPORTANTE - Motivos de cancelamento de OS</t>
  </si>
  <si>
    <t>Ação motivos de cancelamento.xlsx</t>
  </si>
  <si>
    <t>11/13/2019 14:19:59</t>
  </si>
  <si>
    <t>11/13/2019 14:21:34</t>
  </si>
  <si>
    <t>RESULTADO_19_ASO.xls</t>
  </si>
  <si>
    <t>11/13/2019 14:22:33</t>
  </si>
  <si>
    <t>/o=exchangelabs/ou=exchange administrative group (fydibohf23spdlt)/cn=recipients/cn=431e89e447c64969a76c7a83edd73ce0-jean cleber;</t>
  </si>
  <si>
    <t>EPIs</t>
  </si>
  <si>
    <t>/o=exchangelabs/ou=exchange administrative group (fydibohf23spdlt)/cn=recipients/cn=431e89e447c64969a76c7a83edd73ce0-jean cleber</t>
  </si>
  <si>
    <t>11/13/2019 14:19:48</t>
  </si>
  <si>
    <t>11/13/2019 14:24:33</t>
  </si>
  <si>
    <t>10.200.35.94</t>
  </si>
  <si>
    <t>mail.google.com/_/upload?authuser=0&amp;dcp=asu-n&amp;upload_id=AEnB2UohSTBTOug80P_B6yL3hfaBem5YNjYiQv6piD7rMXJsSl4YxGFIS4ADOJ3aiBG6Nx0zFj7MHDJ135GG8c3XkocJ2S9PvbsZV9IeGQU0Q2AFwHlTQIE&amp;upload_protocol=resumable</t>
  </si>
  <si>
    <t>dolvaner@algartech.com;jecienegs@algartech.com;leonardomcb@algartech.com;wanessabds@algartech.com;</t>
  </si>
  <si>
    <t>D:\Projetos\ACS\One_drive\OneDrive - Grupo Algar\Projetos\2019 Algar_-_Precificação\Escopo\</t>
  </si>
  <si>
    <t>Desenho modelo_BP por produto.xlsx</t>
  </si>
  <si>
    <t>dolvaner@algartech.com,jecienegs@algartech.com,leonardomcb@algartech.com,wanessabds@algartech.com</t>
  </si>
  <si>
    <t>11/13/2019 14:21:42</t>
  </si>
  <si>
    <t>11/13/2019 14:26:33</t>
  </si>
  <si>
    <t>11/13/2019 14:21:43</t>
  </si>
  <si>
    <t>11/13/2019 14:21:46</t>
  </si>
  <si>
    <t>11/13/2019 14:22:00</t>
  </si>
  <si>
    <t>11/13/2019 14:22:03</t>
  </si>
  <si>
    <t>11/13/2019 14:22:04</t>
  </si>
  <si>
    <t>11/13/2019 14:23:30</t>
  </si>
  <si>
    <t>11/13/2019 14:23:31</t>
  </si>
  <si>
    <t>11/13/2019 14:23:32</t>
  </si>
  <si>
    <t>11/13/2019 14:23:33</t>
  </si>
  <si>
    <t>11/13/2019 14:23:34</t>
  </si>
  <si>
    <t>11/13/2019 14:23:44</t>
  </si>
  <si>
    <t>11/13/2019 14:23:45</t>
  </si>
  <si>
    <t>11/13/2019 14:23:46</t>
  </si>
  <si>
    <t>11/13/2019 14:23:47</t>
  </si>
  <si>
    <t>11/13/2019 14:23:48</t>
  </si>
  <si>
    <t>11/13/2019 14:23:49</t>
  </si>
  <si>
    <t>11/13/2019 14:23:53</t>
  </si>
  <si>
    <t>11/13/2019 14:23:54</t>
  </si>
  <si>
    <t>11/13/2019 14:24:12</t>
  </si>
  <si>
    <t>11/13/2019 14:24:13</t>
  </si>
  <si>
    <t>11/13/2019 14:24:15</t>
  </si>
  <si>
    <t>11/13/2019 14:24:20</t>
  </si>
  <si>
    <t>11/13/2019 14:24:21</t>
  </si>
  <si>
    <t>11/13/2019 14:24:22</t>
  </si>
  <si>
    <t>11/13/2019 14:24:23</t>
  </si>
  <si>
    <t>11/13/2019 14:24:24</t>
  </si>
  <si>
    <t>11/13/2019 14:24:25</t>
  </si>
  <si>
    <t>11/13/2019 14:24:26</t>
  </si>
  <si>
    <t>11/13/2019 14:24:27</t>
  </si>
  <si>
    <t>11/13/2019 14:24:28</t>
  </si>
  <si>
    <t>11/13/2019 14:24:29</t>
  </si>
  <si>
    <t>11/13/2019 14:24:30</t>
  </si>
  <si>
    <t>11/13/2019 14:24:49</t>
  </si>
  <si>
    <t>11/13/2019 14:25:04</t>
  </si>
  <si>
    <t>11/13/2019 14:25:40</t>
  </si>
  <si>
    <t>11/13/2019 14:25:41</t>
  </si>
  <si>
    <t>11/13/2019 14:25:44</t>
  </si>
  <si>
    <t>11/13/2019 14:25:45</t>
  </si>
  <si>
    <t>11/13/2019 14:25:47</t>
  </si>
  <si>
    <t>11/13/2019 14:25:48</t>
  </si>
  <si>
    <t>11/13/2019 14:25:50</t>
  </si>
  <si>
    <t>11/13/2019 14:25:51</t>
  </si>
  <si>
    <t>11/13/2019 14:25:53</t>
  </si>
  <si>
    <t>11/13/2019 14:25:54</t>
  </si>
  <si>
    <t>11/13/2019 14:31:34</t>
  </si>
  <si>
    <t>11/13/2019 14:26:06</t>
  </si>
  <si>
    <t>11/13/2019 14:26:08</t>
  </si>
  <si>
    <t>11/13/2019 14:26:09</t>
  </si>
  <si>
    <t>11/13/2019 14:26:10</t>
  </si>
  <si>
    <t>11/13/2019 14:26:11</t>
  </si>
  <si>
    <t>11/13/2019 14:26:12</t>
  </si>
  <si>
    <t>11/13/2019 14:26:13</t>
  </si>
  <si>
    <t>11/13/2019 14:26:14</t>
  </si>
  <si>
    <t>11/13/2019 14:26:15</t>
  </si>
  <si>
    <t>11/13/2019 14:26:16</t>
  </si>
  <si>
    <t>11/13/2019 14:26:17</t>
  </si>
  <si>
    <t>11/13/2019 14:26:18</t>
  </si>
  <si>
    <t>11/13/2019 14:26:19</t>
  </si>
  <si>
    <t>11/13/2019 14:26:20</t>
  </si>
  <si>
    <t>11/13/2019 14:26:21</t>
  </si>
  <si>
    <t>11/13/2019 14:26:24</t>
  </si>
  <si>
    <t>11/13/2019 14:26:26</t>
  </si>
  <si>
    <t>11/13/2019 14:26:27</t>
  </si>
  <si>
    <t>11/13/2019 14:26:28</t>
  </si>
  <si>
    <t>11/13/2019 14:26:29</t>
  </si>
  <si>
    <t>11/13/2019 14:26:30</t>
  </si>
  <si>
    <t>11/13/2019 14:26:32</t>
  </si>
  <si>
    <t>11/13/2019 14:26:36</t>
  </si>
  <si>
    <t>11/13/2019 14:26:37</t>
  </si>
  <si>
    <t>11/13/2019 14:26:42</t>
  </si>
  <si>
    <t>11/13/2019 14:26:43</t>
  </si>
  <si>
    <t>11/13/2019 14:26:44</t>
  </si>
  <si>
    <t>11/13/2019 14:26:45</t>
  </si>
  <si>
    <t>11/13/2019 14:26:47</t>
  </si>
  <si>
    <t>11/13/2019 14:26:48</t>
  </si>
  <si>
    <t>11/13/2019 14:26:49</t>
  </si>
  <si>
    <t>11/13/2019 14:26:50</t>
  </si>
  <si>
    <t>11/13/2019 14:26:51</t>
  </si>
  <si>
    <t>11/13/2019 14:26:52</t>
  </si>
  <si>
    <t>11/13/2019 14:26:53</t>
  </si>
  <si>
    <t>11/13/2019 14:27:01</t>
  </si>
  <si>
    <t>11/13/2019 14:27:04</t>
  </si>
  <si>
    <t>11/13/2019 14:27:07</t>
  </si>
  <si>
    <t>11/13/2019 14:27:08</t>
  </si>
  <si>
    <t>11/13/2019 14:27:13</t>
  </si>
  <si>
    <t>11/13/2019 14:27:14</t>
  </si>
  <si>
    <t>11/13/2019 14:27:15</t>
  </si>
  <si>
    <t>11/13/2019 14:27:16</t>
  </si>
  <si>
    <t>11/13/2019 14:27:17</t>
  </si>
  <si>
    <t>11/13/2019 14:27:18</t>
  </si>
  <si>
    <t>11/13/2019 14:27:19</t>
  </si>
  <si>
    <t>11/13/2019 14:27:20</t>
  </si>
  <si>
    <t>11/13/2019 14:27:23</t>
  </si>
  <si>
    <t>11/13/2019 14:27:24</t>
  </si>
  <si>
    <t>11/13/2019 14:27:25</t>
  </si>
  <si>
    <t>11/13/2019 14:27:26</t>
  </si>
  <si>
    <t>11/13/2019 14:27:28</t>
  </si>
  <si>
    <t>11/13/2019 14:27:29</t>
  </si>
  <si>
    <t>11/13/2019 14:27:31</t>
  </si>
  <si>
    <t>11/13/2019 14:27:32</t>
  </si>
  <si>
    <t>11/13/2019 14:27:33</t>
  </si>
  <si>
    <t>11/13/2019 14:27:34</t>
  </si>
  <si>
    <t>11/13/2019 14:27:35</t>
  </si>
  <si>
    <t>11/13/2019 14:27:36</t>
  </si>
  <si>
    <t>11/13/2019 14:27:37</t>
  </si>
  <si>
    <t>11/13/2019 14:27:38</t>
  </si>
  <si>
    <t>11/13/2019 14:27:39</t>
  </si>
  <si>
    <t>11/13/2019 14:27:40</t>
  </si>
  <si>
    <t>11/13/2019 14:27:47</t>
  </si>
  <si>
    <t>11/13/2019 14:27:53</t>
  </si>
  <si>
    <t>11/13/2019 14:27:54</t>
  </si>
  <si>
    <t>11/13/2019 14:27:55</t>
  </si>
  <si>
    <t>11/13/2019 14:28:05</t>
  </si>
  <si>
    <t>11/13/2019 14:28:34</t>
  </si>
  <si>
    <t>11/13/2019 14:28:35</t>
  </si>
  <si>
    <t>11/13/2019 14:28:36</t>
  </si>
  <si>
    <t>11/13/2019 14:28:37</t>
  </si>
  <si>
    <t>11/13/2019 14:28:39</t>
  </si>
  <si>
    <t>11/13/2019 14:28:41</t>
  </si>
  <si>
    <t>11/13/2019 14:28:42</t>
  </si>
  <si>
    <t>11/13/2019 14:28:43</t>
  </si>
  <si>
    <t>11/13/2019 14:28:44</t>
  </si>
  <si>
    <t>11/13/2019 14:28:49</t>
  </si>
  <si>
    <t>11/13/2019 14:28:50</t>
  </si>
  <si>
    <t>11/13/2019 14:28:51</t>
  </si>
  <si>
    <t>11/13/2019 14:28:52</t>
  </si>
  <si>
    <t>11/13/2019 14:28:53</t>
  </si>
  <si>
    <t>11/13/2019 14:28:58</t>
  </si>
  <si>
    <t>11/13/2019 14:29:02</t>
  </si>
  <si>
    <t>11/13/2019 14:29:03</t>
  </si>
  <si>
    <t>11/13/2019 14:29:04</t>
  </si>
  <si>
    <t>11/13/2019 14:29:08</t>
  </si>
  <si>
    <t>11/13/2019 14:29:09</t>
  </si>
  <si>
    <t>11/13/2019 14:29:10</t>
  </si>
  <si>
    <t>11/13/2019 14:29:30</t>
  </si>
  <si>
    <t>11/13/2019 14:29:31</t>
  </si>
  <si>
    <t>11/13/2019 14:29:32</t>
  </si>
  <si>
    <t>11/13/2019 14:29:33</t>
  </si>
  <si>
    <t>11/13/2019 14:29:34</t>
  </si>
  <si>
    <t>11/13/2019 14:29:35</t>
  </si>
  <si>
    <t>11/13/2019 14:29:36</t>
  </si>
  <si>
    <t>11/13/2019 14:29:37</t>
  </si>
  <si>
    <t>11/13/2019 14:29:38</t>
  </si>
  <si>
    <t>11/13/2019 14:29:40</t>
  </si>
  <si>
    <t>11/13/2019 14:29:41</t>
  </si>
  <si>
    <t>11/13/2019 14:29:42</t>
  </si>
  <si>
    <t>11/13/2019 14:32:34</t>
  </si>
  <si>
    <t>11/13/2019 14:29:43</t>
  </si>
  <si>
    <t>11/13/2019 14:29:44</t>
  </si>
  <si>
    <t>11/13/2019 14:29:54</t>
  </si>
  <si>
    <t>11/13/2019 14:29:56</t>
  </si>
  <si>
    <t>11/13/2019 14:29:57</t>
  </si>
  <si>
    <t>11/13/2019 14:29:59</t>
  </si>
  <si>
    <t>11/13/2019 14:30:00</t>
  </si>
  <si>
    <t>11/13/2019 14:30:01</t>
  </si>
  <si>
    <t>11/13/2019 14:30:02</t>
  </si>
  <si>
    <t>11/13/2019 14:30:04</t>
  </si>
  <si>
    <t>11/13/2019 14:30:05</t>
  </si>
  <si>
    <t>11/13/2019 14:30:06</t>
  </si>
  <si>
    <t>11/13/2019 14:30:07</t>
  </si>
  <si>
    <t>11/13/2019 14:30:10</t>
  </si>
  <si>
    <t>11/13/2019 14:30:13</t>
  </si>
  <si>
    <t>11/13/2019 14:30:14</t>
  </si>
  <si>
    <t>11/13/2019 14:30:19</t>
  </si>
  <si>
    <t>11/13/2019 14:30:35</t>
  </si>
  <si>
    <t>11/13/2019 14:30:37</t>
  </si>
  <si>
    <t>11/13/2019 12:33:43</t>
  </si>
  <si>
    <t>11/13/2019 14:40:34</t>
  </si>
  <si>
    <t>11/13/2019 14:36:55</t>
  </si>
  <si>
    <t>/o=exchangelabs/ou=exchange administrative group (fydibohf23spdlt)/cn=recipients/cn=8c01e71056fe4e1a8ecc4e24420bd9ef-fellyp cros;adsilva_pronto@timbrasil.com.br;doliveira_pronto@timbrasil.com.br;logisticatimopm@grupotpc.com;</t>
  </si>
  <si>
    <t>RES: CORREÇÃO PN</t>
  </si>
  <si>
    <t>CORREÇÃO PN.msg\s1\</t>
  </si>
  <si>
    <t>/o=exchangelabs/ou=exchange administrative group (fydibohf23spdlt)/cn=recipients/cn=8c01e71056fe4e1a8ecc4e24420bd9ef-fellyp cros,adsilva_pronto@timbrasil.com.br,doliveira_pronto@timbrasil.com.br,logisticatimopm@grupotpc.com</t>
  </si>
  <si>
    <t>11/13/2019 14:38:21</t>
  </si>
  <si>
    <t>11/13/2019 14:41:33</t>
  </si>
  <si>
    <t>/o=exchangelabs/ou=exchange administrative group (fydibohf23spdlt)/cn=recipients/cn=5103a61947244f738c5588a523b85ec1-erica dos s;/o=exchangelabs/ou=exchange administrative group (fydibohf23spdlt)/cn=recipients/cn=8ffcdd39b62f4308b2f876f9624fa69a-wasley luiz;thallitaarg@algartech.com;</t>
  </si>
  <si>
    <t>/o=exchangelabs/ou=exchange administrative group (fydibohf23spdlt)/cn=recipients/cn=5103a61947244f738c5588a523b85ec1-erica dos s,/o=exchangelabs/ou=exchange administrative group (fydibohf23spdlt)/cn=recipients/cn=8ffcdd39b62f4308b2f876f9624fa69a-wasley luiz,thallitaarg@algartech.com</t>
  </si>
  <si>
    <t>11/13/2019 14:40:30</t>
  </si>
  <si>
    <t>11/13/2019 14:44:33</t>
  </si>
  <si>
    <t>BPO_HUS.xlsx</t>
  </si>
  <si>
    <t>11/13/2019 14:52:45</t>
  </si>
  <si>
    <t>11/13/2019 14:54:34</t>
  </si>
  <si>
    <t>mail.google.com/_/upload?authuser=0&amp;dcp=asu-n&amp;upload_id=AEnB2UpzltWWYMhyvd2J5YW89AZoVOSldJHDT9JyNLy_8WEKNST-5ppwV8Ss2g40CKJKTHFM1N4bu5CrArYq5wzW2yAyrjvs9w&amp;upload_protocol=resumable</t>
  </si>
  <si>
    <t>Oportunidades BP excel_v2.xlsx</t>
  </si>
  <si>
    <t>11/13/2019 14:53:03</t>
  </si>
  <si>
    <t>11/13/2019 14:56:34</t>
  </si>
  <si>
    <t>/o=exchangelabs/ou=exchange administrative group (fydibohf23spdlt)/cn=recipients/cn=5f7164c2a89543b4964bf0b338d00f87-samara moha;</t>
  </si>
  <si>
    <t>Sindicato</t>
  </si>
  <si>
    <t>Regras de calculo ponto Algar consolidado (005).xlsx</t>
  </si>
  <si>
    <t>/o=exchangelabs/ou=exchange administrative group (fydibohf23spdlt)/cn=recipients/cn=5f7164c2a89543b4964bf0b338d00f87-samara moha</t>
  </si>
  <si>
    <t>11/13/2019 14:53:14</t>
  </si>
  <si>
    <t>11/13/2019 14:57:34</t>
  </si>
  <si>
    <t>11/13/2019 14:55:20</t>
  </si>
  <si>
    <t>11/13/2019 14:55:54</t>
  </si>
  <si>
    <t>11/13/2019 14:56:31</t>
  </si>
  <si>
    <t>11/13/2019 14:59:46</t>
  </si>
  <si>
    <t>11/13/2019 15:01:34</t>
  </si>
  <si>
    <t>/o=exchangelabs/ou=exchange administrative group (fydibohf23spdlt)/cn=recipients/cn=109f6d628834480fabc1188cbdef64fa-antonia apa;/o=exchangelabs/ou=exchange administrative group (fydibohf23spdlt)/cn=recipients/cn=518d86a2f4064540845859796ca5563b-vinicius sc;/o=exchangelabs/ou=exchange administrative group (fydibohf23spdlt)/cn=recipients/cn=8b1ee9849bf1448b965d2e381d782565-gabriel viv;/o=exchangelabs/ou=exchange administrative group (fydibohf23spdlt)/cn=recipients/cn=9036c60267804ebe88ce078c5e78649a-getulio mau;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usere11ed38c;</t>
  </si>
  <si>
    <t>RES: Mailing CIMI</t>
  </si>
  <si>
    <t>/o=exchangelabs/ou=exchange administrative group (fydibohf23spdlt)/cn=recipients/cn=109f6d628834480fabc1188cbdef64fa-antonia apa,/o=exchangelabs/ou=exchange administrative group (fydibohf23spdlt)/cn=recipients/cn=518d86a2f4064540845859796ca5563b-vinicius sc,/o=exchangelabs/ou=exchange administrative group (fydibohf23spdlt)/cn=recipients/cn=8b1ee9849bf1448b965d2e381d782565-gabriel viv,/o=exchangelabs/ou=exchange administrative group (fydibohf23spdlt)/cn=recipients/cn=9036c60267804ebe88ce078c5e78649a-getulio mau,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usere11ed38c</t>
  </si>
  <si>
    <t>11/13/2019 14:57:14</t>
  </si>
  <si>
    <t>11/13/2019 15:02:34</t>
  </si>
  <si>
    <t>11/13/2019 15:05:42</t>
  </si>
  <si>
    <t>11/13/2019 15:07:34</t>
  </si>
  <si>
    <t>ENC: ATA DE REUNIÃO - PROJETO PRECIFICAÇÃO</t>
  </si>
  <si>
    <t>11/13/2019 12:51:08</t>
  </si>
  <si>
    <t>11/13/2019 15:10:34</t>
  </si>
  <si>
    <t>C:\Users\elainemdlp\OD\_Projetos\Em andamento\Licitacao Goodyear\01 - Iniciacao\</t>
  </si>
  <si>
    <t>C:\Users\elainemdlp\OD\_Projetos\Em andamento\Licitacao Goodyear\01 - Iniciacao\BP 206431 - Goodyear v3.xlsb\</t>
  </si>
  <si>
    <t>11/13/2019 13:19:47</t>
  </si>
  <si>
    <t>C:\Users\elainemdlp\OD\_Projetos\Em andamento\Goodyear Licitacao\02 - Planejamento\</t>
  </si>
  <si>
    <t>Check list.xlsx</t>
  </si>
  <si>
    <t>11/13/2019 15:07:44</t>
  </si>
  <si>
    <t>11/13/2019 15:11:33</t>
  </si>
  <si>
    <t>11/13/2019 15:13:38</t>
  </si>
  <si>
    <t>11/13/2019 15:16:34</t>
  </si>
  <si>
    <t>ENC: (Análise Rateios))_GST vs Outras</t>
  </si>
  <si>
    <t>(Análise Rateios))_GST vs Outras.xls</t>
  </si>
  <si>
    <t>11/13/2019 15:14:02</t>
  </si>
  <si>
    <t>ENC: CR/Gerente</t>
  </si>
  <si>
    <t>11/13/2019 15:13:07</t>
  </si>
  <si>
    <t>11/13/2019 15:18:34</t>
  </si>
  <si>
    <t>RES: PLANILHA</t>
  </si>
  <si>
    <t>TOP Michelle.xlsx</t>
  </si>
  <si>
    <t>11/13/2019 15:17:15</t>
  </si>
  <si>
    <t>11/13/2019 15:19:33</t>
  </si>
  <si>
    <t>mail.google.com/mail/u/1/?ui=2&amp;view=btop&amp;ver=eyhxefjfd5dl&amp;q=Aslan.Ramos%40suse.com&amp;qs=true&amp;search=query&amp;th=%23thread-a%3Ar3708051651880850820|msg-f%3A1649565653456506505&amp;qt=aslan.ramos%40suse.com.1&amp;cvid=4</t>
  </si>
  <si>
    <t>ALGAR TECH - CEPH.xlsx</t>
  </si>
  <si>
    <t>11/13/2019 15:20:45</t>
  </si>
  <si>
    <t>11/13/2019 15:23:33</t>
  </si>
  <si>
    <t>Acompanhamento Mensal_Outubro_ 2019 Holding- Sem IFRS.xlsx</t>
  </si>
  <si>
    <t>11/13/2019 15:22:06</t>
  </si>
  <si>
    <t>11/13/2019 15:26:34</t>
  </si>
  <si>
    <t>CRs MKT - Rateio_.xlsx</t>
  </si>
  <si>
    <t>11/13/2019 15:26:02</t>
  </si>
  <si>
    <t>11/13/2019 15:27:34</t>
  </si>
  <si>
    <t>11/13/2019 15:26:29</t>
  </si>
  <si>
    <t>11/13/2019 15:26:59</t>
  </si>
  <si>
    <t>Cópia de Cópia de Curadoria MaiaPGFN Agosto.xlsx</t>
  </si>
  <si>
    <t>11/13/2019 15:26:01</t>
  </si>
  <si>
    <t>11/13/2019 15:28:34</t>
  </si>
  <si>
    <t>/o=exchangelabs/ou=exchange administrative group (fydibohf23spdlt)/cn=recipients/cn=6776a442e9d74eb38a4e02467843d314-juliana mar;/o=exchangelabs/ou=exchange administrative group (fydibohf23spdlt)/cn=recipients/cn=b16974d7de334bfabfe3dee1e8e47e59-sherley cri;/o=exchangelabs/ou=exchange administrative group (fydibohf23spdlt)/cn=recipients/cn=cd93dacc38404a95a829585c2e317a9f-dionizio ri;</t>
  </si>
  <si>
    <t>Product Catalog (3 níveis) 19-02-19 ...xlsx</t>
  </si>
  <si>
    <t>/o=exchangelabs/ou=exchange administrative group (fydibohf23spdlt)/cn=recipients/cn=6776a442e9d74eb38a4e02467843d314-juliana mar,/o=exchangelabs/ou=exchange administrative group (fydibohf23spdlt)/cn=recipients/cn=b16974d7de334bfabfe3dee1e8e47e59-sherley cri,/o=exchangelabs/ou=exchange administrative group (fydibohf23spdlt)/cn=recipients/cn=cd93dacc38404a95a829585c2e317a9f-dionizio ri</t>
  </si>
  <si>
    <t>11/13/2019 15:01:28</t>
  </si>
  <si>
    <t>11/13/2019 15:32:34</t>
  </si>
  <si>
    <t>marcellarr@algartech.com;</t>
  </si>
  <si>
    <t>marcellarr@algartech.com</t>
  </si>
  <si>
    <t>11/13/2019 15:31:39</t>
  </si>
  <si>
    <t>11/13/2019 15:33:33</t>
  </si>
  <si>
    <t>10.200.59.7</t>
  </si>
  <si>
    <t>/o=exchangelabs/ou=exchange administrative group (fydibohf23spdlt)/cn=recipients/cn=a2a95176ec8b4e558f3d0f3c2d9d370b-pablo dos s;/o=exchangelabs/ou=exchange administrative group (fydibohf23spdlt)/cn=recipients/cn=f50351055a2944cebcbdc18a918945d6-gustavo res;gvieira@toyota.com.br;rutiyama@toyota.com.br;</t>
  </si>
  <si>
    <t>Fechamento Mobility - Outubro/19</t>
  </si>
  <si>
    <t>/o=exchangelabs/ou=exchange administrative group (fydibohf23spdlt)/cn=recipients/cn=a2a95176ec8b4e558f3d0f3c2d9d370b-pablo dos s,/o=exchangelabs/ou=exchange administrative group (fydibohf23spdlt)/cn=recipients/cn=f50351055a2944cebcbdc18a918945d6-gustavo res,gvieira@toyota.com.br,rutiyama@toyota.com.br</t>
  </si>
  <si>
    <t>11/13/2019 15:30:47</t>
  </si>
  <si>
    <t>11/13/2019 15:35:33</t>
  </si>
  <si>
    <t>mail.google.com/_/upload?authuser=0&amp;dcp=asu-n&amp;upload_id=AEnB2Uq50rmjk5q27LAhA0jTYpz51MgjNSs7JVAbjGLIp8zjoZ1vzVGm9jBwiTEcZUtwIawXWrcHpGnlAEl_X_zWxY4t8rWPJQ&amp;upload_protocol=resumable</t>
  </si>
  <si>
    <t>mail.google.com/_/upload?authuser=0&amp;dcp=asu-n&amp;upload_id=AEnB2UowJinDxwav57VNhMs3GO4gPQaL-_vjP53ElVGFlSuhoaYmsvXZBI42tmIGAFQRkdY6osxDqPfPqjZTcSRxXURQtdM1Qg&amp;upload_protocol=resumable</t>
  </si>
  <si>
    <t>Formulario-Correcao_PO.v6.xlsx</t>
  </si>
  <si>
    <t>11/13/2019 15:32:28</t>
  </si>
  <si>
    <t>11/13/2019 15:37:33</t>
  </si>
  <si>
    <t>11/13/2019 15:32:59</t>
  </si>
  <si>
    <t>11/13/2019 15:33:44</t>
  </si>
  <si>
    <t>11/13/2019 15:34:17</t>
  </si>
  <si>
    <t>11/13/2019 15:35:31</t>
  </si>
  <si>
    <t>11/13/2019 15:38:33</t>
  </si>
  <si>
    <t>/o=exchangelabs/ou=exchange administrative group (fydibohf23spdlt)/cn=recipients/cn=6776a442e9d74eb38a4e02467843d314-juliana mar;/o=exchangelabs/ou=exchange administrative group (fydibohf23spdlt)/cn=recipients/cn=b16974d7de334bfabfe3dee1e8e47e59-sherley cri;</t>
  </si>
  <si>
    <t>Procedimento Aprova. Venda - Planilha Transacional - Planilha Mapeamento de Cláusula</t>
  </si>
  <si>
    <t>/o=exchangelabs/ou=exchange administrative group (fydibohf23spdlt)/cn=recipients/cn=6776a442e9d74eb38a4e02467843d314-juliana mar,/o=exchangelabs/ou=exchange administrative group (fydibohf23spdlt)/cn=recipients/cn=b16974d7de334bfabfe3dee1e8e47e59-sherley cri</t>
  </si>
  <si>
    <t>11/13/2019 15:37:42</t>
  </si>
  <si>
    <t>11/13/2019 15:40:34</t>
  </si>
  <si>
    <t>C:\Users\rodrigombu\OneDrive - Grupo Algar\Whirlpool\2019\11 - Novembro\Arquivo\Escala Feriado\</t>
  </si>
  <si>
    <t>Escala enviada pela operação.xlsx</t>
  </si>
  <si>
    <t>11/13/2019 15:37:43</t>
  </si>
  <si>
    <t>11-DIMENS_EH SAC_PJOTINHA_NOV - Escala Feriado 15-11.xlsm</t>
  </si>
  <si>
    <t>11/13/2019 15:40:28</t>
  </si>
  <si>
    <t>11/13/2019 15:41:33</t>
  </si>
  <si>
    <t>/o=exchangelabs/ou=exchange administrative group (fydibohf23spdlt)/cn=recipients/cn=2998281d701747ab8eab899908ad8907-isabel paz;</t>
  </si>
  <si>
    <t>Ferias Serasa</t>
  </si>
  <si>
    <t>FERIAS - SERASA.xlsx</t>
  </si>
  <si>
    <t>/o=exchangelabs/ou=exchange administrative group (fydibohf23spdlt)/cn=recipients/cn=2998281d701747ab8eab899908ad8907-isabel paz</t>
  </si>
  <si>
    <t>11/13/2019 15:42:41</t>
  </si>
  <si>
    <t>11/13/2019 15:43:33</t>
  </si>
  <si>
    <t>11/13/2019 15:42:54</t>
  </si>
  <si>
    <t>Cartão empresarial - Procedimento</t>
  </si>
  <si>
    <t>11/13/2019 15:45:13</t>
  </si>
  <si>
    <t>11/13/2019 15:47:33</t>
  </si>
  <si>
    <t>20191113 - Capex LP 2020_v2.xlsx</t>
  </si>
  <si>
    <t>11/13/2019 15:46:32</t>
  </si>
  <si>
    <t>heliel.xlsx</t>
  </si>
  <si>
    <t>11/13/2019 15:48:34</t>
  </si>
  <si>
    <t>/o=exchangelabs/ou=exchange administrative group (fydibohf23spdlt)/cn=recipients/cn=6776a442e9d74eb38a4e02467843d314-juliana mar;/o=exchangelabs/ou=exchange administrative group (fydibohf23spdlt)/cn=recipients/cn=cd93dacc38404a95a829585c2e317a9f-dionizio ri;</t>
  </si>
  <si>
    <t>Jurídico - Delegação de Responsabilidades</t>
  </si>
  <si>
    <t>14-08-19 ACADEMIA DE VENDAS Treinamento - Delegação de Responsabilidades.pptx\</t>
  </si>
  <si>
    <t>/o=exchangelabs/ou=exchange administrative group (fydibohf23spdlt)/cn=recipients/cn=6776a442e9d74eb38a4e02467843d314-juliana mar,/o=exchangelabs/ou=exchange administrative group (fydibohf23spdlt)/cn=recipients/cn=cd93dacc38404a95a829585c2e317a9f-dionizio ri</t>
  </si>
  <si>
    <t>11/13/2019 15:47:11</t>
  </si>
  <si>
    <t>11/13/2019 15:49:34</t>
  </si>
  <si>
    <t>CONSOLIDADO PRE FATURAMENTO 2019</t>
  </si>
  <si>
    <t>2019.Consolidado TI .xls</t>
  </si>
  <si>
    <t>11/13/2019 15:46:58</t>
  </si>
  <si>
    <t>11/13/2019 15:50:34</t>
  </si>
  <si>
    <t>Y:\financeiro_ula\FATURAMENTO\08. Relatórios Faturamento\03. 2019\10.2019\</t>
  </si>
  <si>
    <t>11/13/2019 15:48:45</t>
  </si>
  <si>
    <t>/o=exchangelabs/ou=exchange administrative group (fydibohf23spdlt)/cn=recipients/cn=080e83e29285438291c54f0de60e22c2-patricia me;/o=exchangelabs/ou=exchange administrative group (fydibohf23spdlt)/cn=recipients/cn=5dd03a66f797451390d7113259343399-aline da si;/o=exchangelabs/ou=exchange administrative group (fydibohf23spdlt)/cn=recipients/cn=e5206557a07d4b02b842e0181faecf51-isabela fer;/o=exchangelabs/ou=exchange administrative group (fydibohf23spdlt)/cn=recipients/cn=e651a71f124c43ddaaa0887cae33fb6b-jackeline g;/o=exchangelabs/ou=exchange administrative group (fydibohf23spdlt)/cn=recipients/cn=thiago oliveira reis;</t>
  </si>
  <si>
    <t>ERRATA: Lojinha MPE e Digital</t>
  </si>
  <si>
    <t>Fechar campanha lojinha Acompanhamento de Receita Telecom - Fechamento Out19.xlsx</t>
  </si>
  <si>
    <t>/o=exchangelabs/ou=exchange administrative group (fydibohf23spdlt)/cn=recipients/cn=080e83e29285438291c54f0de60e22c2-patricia me,/o=exchangelabs/ou=exchange administrative group (fydibohf23spdlt)/cn=recipients/cn=5dd03a66f797451390d7113259343399-aline da si,/o=exchangelabs/ou=exchange administrative group (fydibohf23spdlt)/cn=recipients/cn=e5206557a07d4b02b842e0181faecf51-isabela fer,/o=exchangelabs/ou=exchange administrative group (fydibohf23spdlt)/cn=recipients/cn=e651a71f124c43ddaaa0887cae33fb6b-jackeline g,/o=exchangelabs/ou=exchange administrative group (fydibohf23spdlt)/cn=recipients/cn=thiago oliveira reis</t>
  </si>
  <si>
    <t>11/13/2019 15:50:20</t>
  </si>
  <si>
    <t>11/13/2019 15:51:33</t>
  </si>
  <si>
    <t>Regra_TOP.xlsx</t>
  </si>
  <si>
    <t>11/13/2019 15:49:12</t>
  </si>
  <si>
    <t>11/13/2019 15:52:34</t>
  </si>
  <si>
    <t>11/13/2019 15:53:10</t>
  </si>
  <si>
    <t>11/13/2019 15:57:34</t>
  </si>
  <si>
    <t>/o=exchangelabs/ou=exchange administrative group (fydibohf23spdlt)/cn=recipients/cn=61af722dd06149089cf1c867d796b8bc-delso estre;/o=exchangelabs/ou=exchange administrative group (fydibohf23spdlt)/cn=recipients/cn=825e22489f504b16aae369306c36d2e0-olivar anto;/o=exchangelabs/ou=exchange administrative group (fydibohf23spdlt)/cn=recipients/cn=8c253c95243a40aa99c9416b7eb70a2a-julio cesar;/o=exchangelabs/ou=exchange administrative group (fydibohf23spdlt)/cn=recipients/cn=9ec15fdf8a374c6f80ea1bf33684216e-roberta alv;/o=exchangelabs/ou=exchange administrative group (fydibohf23spdlt)/cn=recipients/cn=a30d12803de94264a57a0656bab1cc89-jose mario;/o=exchangelabs/ou=exchange administrative group (fydibohf23spdlt)/cn=recipients/cn=c9ea031fea1c4d28a37208d7515cef44-mara rubia;/o=exchangelabs/ou=exchange administrative group (fydibohf23spdlt)/cn=recipients/cn=e46cd96e8e9e452c8cc8ba65a6c4ec57-gustavo hen;</t>
  </si>
  <si>
    <t>/o=exchangelabs/ou=exchange administrative group (fydibohf23spdlt)/cn=recipients/cn=61af722dd06149089cf1c867d796b8bc-delso estre,/o=exchangelabs/ou=exchange administrative group (fydibohf23spdlt)/cn=recipients/cn=825e22489f504b16aae369306c36d2e0-olivar anto,/o=exchangelabs/ou=exchange administrative group (fydibohf23spdlt)/cn=recipients/cn=8c253c95243a40aa99c9416b7eb70a2a-julio cesar,/o=exchangelabs/ou=exchange administrative group (fydibohf23spdlt)/cn=recipients/cn=9ec15fdf8a374c6f80ea1bf33684216e-roberta alv,/o=exchangelabs/ou=exchange administrative group (fydibohf23spdlt)/cn=recipients/cn=a30d12803de94264a57a0656bab1cc89-jose mario,/o=exchangelabs/ou=exchange administrative group (fydibohf23spdlt)/cn=recipients/cn=c9ea031fea1c4d28a37208d7515cef44-mara rubia,/o=exchangelabs/ou=exchange administrative group (fydibohf23spdlt)/cn=recipients/cn=e46cd96e8e9e452c8cc8ba65a6c4ec57-gustavo hen</t>
  </si>
  <si>
    <t>11/13/2019 15:52:33</t>
  </si>
  <si>
    <t>11/13/2019 15:53:56</t>
  </si>
  <si>
    <t>11/13/2019 15:59:35</t>
  </si>
  <si>
    <t>/o=exchangelabs/ou=exchange administrative group (fydibohf23spdlt)/cn=recipients/cn=a5fb24647d6e4c368aca7c8ad68585d5-jessica fer;</t>
  </si>
  <si>
    <t>/o=exchangelabs/ou=exchange administrative group (fydibohf23spdlt)/cn=recipients/cn=a5fb24647d6e4c368aca7c8ad68585d5-jessica fer</t>
  </si>
  <si>
    <t>11/13/2019 15:55:20</t>
  </si>
  <si>
    <t>ENC: Relatório Vendas CCS e GE</t>
  </si>
  <si>
    <t>07 - Relatório Electrolux CCS e GE _Setembro.zip\</t>
  </si>
  <si>
    <t>07 - Relat¢rio Electrolux CCS e GE _Setembro.xlsb</t>
  </si>
  <si>
    <t>11/13/2019 16:00:01</t>
  </si>
  <si>
    <t>11/13/2019 16:00:34</t>
  </si>
  <si>
    <t>11/13/2019 15:58:18</t>
  </si>
  <si>
    <t>11/13/2019 16:01:35</t>
  </si>
  <si>
    <t>ENC: Planilha Incentivo.xlsx</t>
  </si>
  <si>
    <t>1 Planilha Incentivo (1) Consolidada.xlsx</t>
  </si>
  <si>
    <t>11/13/2019 15:56:56</t>
  </si>
  <si>
    <t>11/13/2019 16:02:35</t>
  </si>
  <si>
    <t>C:\Users\maurojmdo_OLD\Documents\Meus Arquivos Recebidos\</t>
  </si>
  <si>
    <t>Topologia_URA_PS_Bradesco_V2.xlsx</t>
  </si>
  <si>
    <t>11/13/2019 15:59:37</t>
  </si>
  <si>
    <t>11/13/2019 16:03:35</t>
  </si>
  <si>
    <t>/o=exchangelabs/ou=exchange administrative group (fydibohf23spdlt)/cn=recipients/cn=6776a442e9d74eb38a4e02467843d314-juliana mar;</t>
  </si>
  <si>
    <t>Estrutura DMV _ Comercial Tech</t>
  </si>
  <si>
    <t>Estrutura DMV 2019 - SHER 11_11 v2.xlsx</t>
  </si>
  <si>
    <t>/o=exchangelabs/ou=exchange administrative group (fydibohf23spdlt)/cn=recipients/cn=6776a442e9d74eb38a4e02467843d314-juliana mar</t>
  </si>
  <si>
    <t>11/13/2019 16:03:03</t>
  </si>
  <si>
    <t>/o=exchangelabs/ou=exchange administrative group (fydibohf23spdlt)/cn=recipients/cn=3241a0d6cde94fd1bcaf7717d71a00b2-moira gnemm;/o=exchangelabs/ou=exchange administrative group (fydibohf23spdlt)/cn=recipients/cn=3d8a3ace44d54499a30000d5bd9dcba8-mirian tosh;/o=exchangelabs/ou=exchange administrative group (fydibohf23spdlt)/cn=recipients/cn=9e72be441e9e4b08a759859a5b3a336a-daniela de;/o=exchangelabs/ou=exchange administrative group (fydibohf23spdlt)/cn=recipients/cn=f7a4290a46314a3cbb0d392508a7b5c5-luciana sil;/o=exchangelabs/ou=exchange administrative group (fydibohf23spdlt)/cn=recipients/cn=f9fe932422d84c28aad0bc6079f59209-daniele dos;/o=exchangelabs/ou=exchange administrative group (fydibohf23spdlt)/cn=recipients/cn=group72a1a4ca;/o=exchangelabs/ou=exchange administrative group (fydibohf23spdlt)/cn=recipients/cn=valeria de mello lima;</t>
  </si>
  <si>
    <t>/o=exchangelabs/ou=exchange administrative group (fydibohf23spdlt)/cn=recipients/cn=3241a0d6cde94fd1bcaf7717d71a00b2-moira gnemm,/o=exchangelabs/ou=exchange administrative group (fydibohf23spdlt)/cn=recipients/cn=3d8a3ace44d54499a30000d5bd9dcba8-mirian tosh,/o=exchangelabs/ou=exchange administrative group (fydibohf23spdlt)/cn=recipients/cn=9e72be441e9e4b08a759859a5b3a336a-daniela de,/o=exchangelabs/ou=exchange administrative group (fydibohf23spdlt)/cn=recipients/cn=f7a4290a46314a3cbb0d392508a7b5c5-luciana sil,/o=exchangelabs/ou=exchange administrative group (fydibohf23spdlt)/cn=recipients/cn=f9fe932422d84c28aad0bc6079f59209-daniele dos,/o=exchangelabs/ou=exchange administrative group (fydibohf23spdlt)/cn=recipients/cn=group72a1a4ca,/o=exchangelabs/ou=exchange administrative group (fydibohf23spdlt)/cn=recipients/cn=valeria de mello lima</t>
  </si>
  <si>
    <t>11/13/2019 16:03:17</t>
  </si>
  <si>
    <t>ENC: Estrutura DMV _ Comercial Tech</t>
  </si>
  <si>
    <t>11/13/2019 16:02:13</t>
  </si>
  <si>
    <t>11/13/2019 16:05:35</t>
  </si>
  <si>
    <t>UPH em Novembro</t>
  </si>
  <si>
    <t>11/13/2019 16:02:01</t>
  </si>
  <si>
    <t>11/13/2019 16:06:35</t>
  </si>
  <si>
    <t>C:\Users\ericsonns\Documents\Desligamentos\</t>
  </si>
  <si>
    <t>11/13/2019 16:03:42</t>
  </si>
  <si>
    <t>11/13/2019 16:07:35</t>
  </si>
  <si>
    <t>11/13/2019 16:06:27</t>
  </si>
  <si>
    <t>11/13/2019 16:10:17</t>
  </si>
  <si>
    <t>11/13/2019 16:12:35</t>
  </si>
  <si>
    <t>11/13/2019 16:10:51</t>
  </si>
  <si>
    <t>11/13/2019 16:11:24</t>
  </si>
  <si>
    <t>11/13/2019 16:15:13</t>
  </si>
  <si>
    <t>11/13/2019 16:18:35</t>
  </si>
  <si>
    <t>10.200.99.165</t>
  </si>
  <si>
    <t>/o=exchangelabs/ou=exchange administrative group (fydibohf23spdlt)/cn=recipients/cn=121c8267f1584a98857fb6213f8090c2-fernanda al;/o=exchangelabs/ou=exchange administrative group (fydibohf23spdlt)/cn=recipients/cn=545f738e0fe740ba856f4eb6ef0135e0-vinicius si;/o=exchangelabs/ou=exchange administrative group (fydibohf23spdlt)/cn=recipients/cn=80fb880d4e904fd9990f1ffec561717a-avon - supe;/o=exchangelabs/ou=exchange administrative group (fydibohf23spdlt)/cn=recipients/cn=a0a64fc8533c4300a3c3e08700ae15a5-cqt avon -;/o=exchangelabs/ou=exchange administrative group (fydibohf23spdlt)/cn=recipients/cn=d1d015f213f648abbf348b5ccdf8e9d9-senilda per;/o=exchangelabs/ou=exchange administrative group (fydibohf23spdlt)/cn=recipients/cn=d9131dffd0564c2d927528011a4afe36-cqt avon -;/o=exchangelabs/ou=exchange administrative group (fydibohf23spdlt)/cn=recipients/cn=eb3a8d47e16546c381d649c124fcfbb7-cpc - contr;/o=exchangelabs/ou=exchange administrative group (fydibohf23spdlt)/cn=recipients/cn=f0ff087361a245daa16e71ac77ecc3f0-ivan c</t>
  </si>
  <si>
    <t>/o=exchangelabs/ou=exchange administrative group (fydibohf23spdlt)/cn=recipients/cn=121c8267f1584a98857fb6213f8090c2-fernanda al,/o=exchangelabs/ou=exchange administrative group (fydibohf23spdlt)/cn=recipients/cn=545f738e0fe740ba856f4eb6ef0135e0-vinicius si,/o=exchangelabs/ou=exchange administrative group (fydibohf23spdlt)/cn=recipients/cn=80fb880d4e904fd9990f1ffec561717a-avon - supe,/o=exchangelabs/ou=exchange administrative group (fydibohf23spdlt)/cn=recipients/cn=a0a64fc8533c4300a3c3e08700ae15a5-cqt avon -,/o=exchangelabs/ou=exchange administrative group (fydibohf23spdlt)/cn=recipients/cn=d1d015f213f648abbf348b5ccdf8e9d9-senilda per,/o=exchangelabs/ou=exchange administrative group (fydibohf23spdlt)/cn=recipients/cn=d9131dffd0564c2d927528011a4afe36-cqt avon -,/o=exchangelabs/ou=exchange administrative group (fydibohf23spdlt)/cn=recipients/cn=eb3a8d47e16546c381d649c124fcfbb7-cpc - contr,/o=exchangelabs/ou=exchange administrative group (fydibohf23spdlt)/cn=recipients/cn=f0ff087361a245daa16e71ac77ecc3f0-ivan c</t>
  </si>
  <si>
    <t>11/13/2019 16:16:14</t>
  </si>
  <si>
    <t>mail.google.com/_/upload?authuser=0&amp;dcp=asu-n&amp;upload_id=AEnB2UpRj8ELdptzWoR3N_y1GozsqXUGjCjNFMsb_jAxz9cEYvq2dqEodMw6WLzZlJG_fuiqgFVHDxmcACecaLUV4C3D8bq98g&amp;upload_protocol=resumable</t>
  </si>
  <si>
    <t>\\acsfs\DEPTOS\PMO Governança\06 - GOVERNANÇA DO CAPEX\CAPEX LONGO PRAZO\CAPEX LP - REVISÃO_A19_M10\VALIDAÇÃO CAPEX LP 20 a 24.pptx\</t>
  </si>
  <si>
    <t>11/13/2019 16:16:39</t>
  </si>
  <si>
    <t>/o=exchangelabs/ou=exchange administrative group (fydibohf23spdlt)/cn=recipients/cn=545f738e0fe740ba856f4eb6ef0135e0-vinicius si;/o=exchangelabs/ou=exchange administrative group (fydibohf23spdlt)/cn=recipients/cn=a72a765de829420582b78941417073ac-karina rodr;/o=exchangelabs/ou=exchange administrative group (fydibohf23spdlt)/cn=recipients/cn=a78f7dae304e472e9f75bd537683f6e5-hugo de oli;/o=exchangelabs/ou=exchange administrative group (fydibohf23spdlt)/cn=recipients/cn=d1bcfb1498124af49c7d3ae622d9e2da-iara agosti;/o=exchangelabs/ou=exchange administrative group (fydibohf23spdlt)/cn=recipients/cn=de309567271c4871b341e820d0b7364e-luiz carlos;</t>
  </si>
  <si>
    <t>ENC: Relatórios/ MIS legado Ecohouse</t>
  </si>
  <si>
    <t>/o=exchangelabs/ou=exchange administrative group (fydibohf23spdlt)/cn=recipients/cn=545f738e0fe740ba856f4eb6ef0135e0-vinicius si,/o=exchangelabs/ou=exchange administrative group (fydibohf23spdlt)/cn=recipients/cn=a72a765de829420582b78941417073ac-karina rodr,/o=exchangelabs/ou=exchange administrative group (fydibohf23spdlt)/cn=recipients/cn=a78f7dae304e472e9f75bd537683f6e5-hugo de oli,/o=exchangelabs/ou=exchange administrative group (fydibohf23spdlt)/cn=recipients/cn=d1bcfb1498124af49c7d3ae622d9e2da-iara agosti,/o=exchangelabs/ou=exchange administrative group (fydibohf23spdlt)/cn=recipients/cn=de309567271c4871b341e820d0b7364e-luiz carlos</t>
  </si>
  <si>
    <t>11/13/2019 16:19:21</t>
  </si>
  <si>
    <t>11/13/2019 16:21:35</t>
  </si>
  <si>
    <t>11/13/2019 16:22:39</t>
  </si>
  <si>
    <t>11/13/2019 16:28:34</t>
  </si>
  <si>
    <t>Planilha comercial de cotação (CENÁRIO 1 RFP) - Processo 40143349H Algar Tech_v2.xlsx</t>
  </si>
  <si>
    <t>11/13/2019 16:28:49</t>
  </si>
  <si>
    <t>11/13/2019 16:31:35</t>
  </si>
  <si>
    <t>Escala final de Semana - 23/11 e 23/11 - 30/11 e 01/12</t>
  </si>
  <si>
    <t>11/13/2019 16:27:23</t>
  </si>
  <si>
    <t>11/13/2019 16:32:35</t>
  </si>
  <si>
    <t>/o=exchangelabs/ou=exchange administrative group (fydibohf23spdlt)/cn=recipients/cn=f686c6cfcd464225892fe608e52efbcf-bruno apare;francisco.gouveia@temposervicos.com.br;hugonmo@algartech.com;vanusaos@algartech.com.br;</t>
  </si>
  <si>
    <t>RES: Filas Splitter</t>
  </si>
  <si>
    <t>UCB_ SPLITTER.xlsx</t>
  </si>
  <si>
    <t>/o=exchangelabs/ou=exchange administrative group (fydibohf23spdlt)/cn=recipients/cn=f686c6cfcd464225892fe608e52efbcf-bruno apare,francisco.gouveia@temposervicos.com.br,hugonmo@algartech.com,vanusaos@algartech.com.br</t>
  </si>
  <si>
    <t>11/13/2019 16:29:37</t>
  </si>
  <si>
    <t>/o=exchangelabs/ou=exchange administrative group (fydibohf23spdlt)/cn=recipients/cn=8b5b63d67af648d081a40c45cc800804-fabiana per;/o=exchangelabs/ou=exchange administrative group (fydibohf23spdlt)/cn=recipients/cn=b1a72fc2d0234efca84c7771ea70c7ee-roberta cri;douglas.r.almeida@bradesco.com.br;hugonmo@algartech.com;jhonatan.ventino@bradesco.com.br;poliane.amaral@bradesco.com.br;suzane.b.rodrigues@bradesco.com.br;vanusaos@algartech.com.br;</t>
  </si>
  <si>
    <t>/o=exchangelabs/ou=exchange administrative group (fydibohf23spdlt)/cn=recipients/cn=8b5b63d67af648d081a40c45cc800804-fabiana per,/o=exchangelabs/ou=exchange administrative group (fydibohf23spdlt)/cn=recipients/cn=b1a72fc2d0234efca84c7771ea70c7ee-roberta cri,douglas.r.almeida@bradesco.com.br,hugonmo@algartech.com,jhonatan.ventino@bradesco.com.br,poliane.amaral@bradesco.com.br,suzane.b.rodrigues@bradesco.com.br,vanusaos@algartech.com.br</t>
  </si>
  <si>
    <t>11/13/2019 16:35:05</t>
  </si>
  <si>
    <t>11/13/2019 16:37:35</t>
  </si>
  <si>
    <t>Postergação de fornecedores</t>
  </si>
  <si>
    <t>XXALGAR___AP___Relatorio_de_Consolidado_131119.xlsx</t>
  </si>
  <si>
    <t>11/13/2019 16:35:52</t>
  </si>
  <si>
    <t>11/13/2019 16:40:34</t>
  </si>
  <si>
    <t>mail.google.com/_/upload?authuser=0&amp;dcp=asu-n&amp;upload_id=AEnB2Uq9qdYGrxZUopUEUJs5ZU0maxUqDmMQnjrOrAb5BehnMD_MF1mTPhyQL-ykvBdGfdkcKj_SHo4iIoToHOkWfRHh-0wEsw&amp;upload_protocol=resumable</t>
  </si>
  <si>
    <t>\\acsfs\DEPTOS\Controladoria\Planejamento\GFC\04. Não Faturado\2019\10.Outubro\</t>
  </si>
  <si>
    <t>Consolidado Não Faturado Outubro.xlsx</t>
  </si>
  <si>
    <t>11/13/2019 16:36:12</t>
  </si>
  <si>
    <t>mail.google.com/_/upload?authuser=0&amp;dcp=asu-n&amp;upload_id=AEnB2UpvC3fgdjMvIFX_IZVHrtFZm08gJL0JD9u9pfgaIxiYjqwIuJFSxIuJjyQd_jj9lCNIYe36U6rbTTm0Glv4Fm9kP0CUUg&amp;upload_protocol=resumable</t>
  </si>
  <si>
    <t>\\acsfs\DEPTOS\Controladoria\Planejamento\GFC\04. Não Faturado\2019\09.Setembro\</t>
  </si>
  <si>
    <t>Consolidado Não Faturado Setembro.xlsx</t>
  </si>
  <si>
    <t>11/13/2019 16:40:21</t>
  </si>
  <si>
    <t>11/13/2019 16:41:35</t>
  </si>
  <si>
    <t>11/13/2019 16:40:51</t>
  </si>
  <si>
    <t>11/13/2019 16:46:53</t>
  </si>
  <si>
    <t>11/13/2019 16:50:34</t>
  </si>
  <si>
    <t>ENC: Tabulação Ecenter</t>
  </si>
  <si>
    <t>11/13/2019 16:48:34</t>
  </si>
  <si>
    <t>11/13/2019 16:53:35</t>
  </si>
  <si>
    <t>C:\suporte\Algar\bradesco telecom\</t>
  </si>
  <si>
    <t>Topologia_URA_Bradesco_Survey_Prod.xlsx</t>
  </si>
  <si>
    <t>11/13/2019 16:52:46</t>
  </si>
  <si>
    <t>11/13/2019 16:58:35</t>
  </si>
  <si>
    <t>RES: Maturidade Digital</t>
  </si>
  <si>
    <t>ASSESSMENT DA MOBILIDADE CORPORATIVA.xlsx</t>
  </si>
  <si>
    <t>11/13/2019 16:56:48</t>
  </si>
  <si>
    <t>11/13/2019 17:00:34</t>
  </si>
  <si>
    <t>10.250.255.81</t>
  </si>
  <si>
    <t>/o=exchangelabs/ou=exchange administrative group (fydibohf23spdlt)/cn=recipients/cn=16a29ec14a2c4cceae5d6ba9fc205b24-jaqueline a;/o=exchangelabs/ou=exchange administrative group (fydibohf23spdlt)/cn=recipients/cn=5cff907b7abb465c8dbe10257a462656-diego iure;/o=exchangelabs/ou=exchange administrative group (fydibohf23spdlt)/cn=recipients/cn=8e974a0c2c3f4521ad84c5b1aa62616e-caroline fe;/o=exchangelabs/ou=exchange administrative group (fydibohf23spdlt)/cn=recipients/cn=ca5634aac17d42dc9af0f58d88acc615-simone rodr;/o=exchangelabs/ou=exchange administrative group (fydibohf23spdlt)/cn=recipients/cn=daea76c116d14ba69bf57b6e77a4327e-luana almei;/o=exchangelabs/ou=exchange administrative group (fydibohf23spdlt)/cn=recipients/cn=f9e751102def46a896bc3ec6e90e1aed-katia dos r;alessandracm@algartech.com.br;marianasilm@algartech.com.br;</t>
  </si>
  <si>
    <t>CONTROLE DE FÉRIAS MANIFESTAÇÕES</t>
  </si>
  <si>
    <t>CONTROLE DE FERIAS MANIFESTAÇÕES.xls</t>
  </si>
  <si>
    <t>/o=exchangelabs/ou=exchange administrative group (fydibohf23spdlt)/cn=recipients/cn=16a29ec14a2c4cceae5d6ba9fc205b24-jaqueline a,/o=exchangelabs/ou=exchange administrative group (fydibohf23spdlt)/cn=recipients/cn=5cff907b7abb465c8dbe10257a462656-diego iure,/o=exchangelabs/ou=exchange administrative group (fydibohf23spdlt)/cn=recipients/cn=8e974a0c2c3f4521ad84c5b1aa62616e-caroline fe,/o=exchangelabs/ou=exchange administrative group (fydibohf23spdlt)/cn=recipients/cn=ca5634aac17d42dc9af0f58d88acc615-simone rodr,/o=exchangelabs/ou=exchange administrative group (fydibohf23spdlt)/cn=recipients/cn=daea76c116d14ba69bf57b6e77a4327e-luana almei,/o=exchangelabs/ou=exchange administrative group (fydibohf23spdlt)/cn=recipients/cn=f9e751102def46a896bc3ec6e90e1aed-katia dos r,alessandracm@algartech.com.br,marianasilm@algartech.com.br</t>
  </si>
  <si>
    <t>11/13/2019 16:57:34</t>
  </si>
  <si>
    <t>11/13/2019 17:01:35</t>
  </si>
  <si>
    <t>Entrega Fácil 13-11 (1) (1).xlsx</t>
  </si>
  <si>
    <t>11/13/2019 17:04:35</t>
  </si>
  <si>
    <t>http://sdmweb.algartech.com/caisd/uploadservlet</t>
  </si>
  <si>
    <t>Remanejamento CAIXA SITE 1 BLOCO 4 INFERIOR.xlsx</t>
  </si>
  <si>
    <t>11/13/2019 16:40:27</t>
  </si>
  <si>
    <t>mariasergia.rodrigues@bradesco.com.br;rafael@bvgroup.com.br;</t>
  </si>
  <si>
    <t>RES: PRIMUS turismo</t>
  </si>
  <si>
    <t>PRIMUS TURISMO E VIAGENS LTDA (vencimento 20).xlsx</t>
  </si>
  <si>
    <t>mariasergia.rodrigues@bradesco.com.br,rafael@bvgroup.com.br</t>
  </si>
  <si>
    <t>11/13/2019 17:00:33</t>
  </si>
  <si>
    <t>11/13/2019 17:05:35</t>
  </si>
  <si>
    <t>simoners@algartech.com.br;</t>
  </si>
  <si>
    <t>ENC: CONTROLE DE FÉRIAS MANIFESTAÇÕES</t>
  </si>
  <si>
    <t>simoners@algartech.com.br</t>
  </si>
  <si>
    <t>11/13/2019 17:04:02</t>
  </si>
  <si>
    <t>11/13/2019 17:06:35</t>
  </si>
  <si>
    <t>/o=exchangelabs/ou=exchange administrative group (fydibohf23spdlt)/cn=recipients/cn=8fc182d8ec964190abd5d149ac41ad8b-fabricio de;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/o=exchangelabs/ou=exchange administrative group (fydibohf23spdlt)/cn=recipients/cn=usere11ed38c;ligiamss@algartech.com;</t>
  </si>
  <si>
    <t>RES: Squad DC - Gestão de Demandas/Entregáveis 13/11</t>
  </si>
  <si>
    <t>/o=exchangelabs/ou=exchange administrative group (fydibohf23spdlt)/cn=recipients/cn=8fc182d8ec964190abd5d149ac41ad8b-fabricio de,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,/o=exchangelabs/ou=exchange administrative group (fydibohf23spdlt)/cn=recipients/cn=usere11ed38c,ligiamss@algartech.com</t>
  </si>
  <si>
    <t>11/13/2019 17:01:21</t>
  </si>
  <si>
    <t>11/13/2019 17:07:35</t>
  </si>
  <si>
    <t>/o=exchangelabs/ou=exchange administrative group (fydibohf23spdlt)/cn=recipients/cn=109f6d628834480fabc1188cbdef64fa-antonia apa;/o=exchangelabs/ou=exchange administrative group (fydibohf23spdlt)/cn=recipients/cn=569d7198742e4440ae175f4e06d6c6a9-thiago rodr;/o=exchangelabs/ou=exchange administrative group (fydibohf23spdlt)/cn=recipients/cn=8f185d9b3bd9437bbda2e6edb3323202-natalia men;/o=exchangelabs/ou=exchange administrative group (fydibohf23spdlt)/cn=recipients/cn=9932c4aaf3fc41ea840766c299f76e8d-andrea lace;/o=exchangelabs/ou=exchange administrative group (fydibohf23spdlt)/cn=recipients/cn=c29ec9dae022497281c840087cccddec-patricia ar;/o=exchangelabs/ou=exchange administrative group (fydibohf23spdlt)/cn=recipients/cn=ec17dc6bdb7449c1bc970fda7acc675b-leonardo tr;giovanne.3gs@yahoo.com;</t>
  </si>
  <si>
    <t>RES: Mapeamentos RPA's Whirlpool</t>
  </si>
  <si>
    <t>Demandas pendentes - Whirlpool.xlsx</t>
  </si>
  <si>
    <t>/o=exchangelabs/ou=exchange administrative group (fydibohf23spdlt)/cn=recipients/cn=109f6d628834480fabc1188cbdef64fa-antonia apa,/o=exchangelabs/ou=exchange administrative group (fydibohf23spdlt)/cn=recipients/cn=569d7198742e4440ae175f4e06d6c6a9-thiago rodr,/o=exchangelabs/ou=exchange administrative group (fydibohf23spdlt)/cn=recipients/cn=8f185d9b3bd9437bbda2e6edb3323202-natalia men,/o=exchangelabs/ou=exchange administrative group (fydibohf23spdlt)/cn=recipients/cn=9932c4aaf3fc41ea840766c299f76e8d-andrea lace,/o=exchangelabs/ou=exchange administrative group (fydibohf23spdlt)/cn=recipients/cn=c29ec9dae022497281c840087cccddec-patricia ar,/o=exchangelabs/ou=exchange administrative group (fydibohf23spdlt)/cn=recipients/cn=ec17dc6bdb7449c1bc970fda7acc675b-leonardo tr,giovanne.3gs@yahoo.com</t>
  </si>
  <si>
    <t>11/13/2019 17:05:57</t>
  </si>
  <si>
    <t>11/13/2019 17:10:34</t>
  </si>
  <si>
    <t>/o=exchangelabs/ou=exchange administrative group (fydibohf23spdlt)/cn=recipients/cn=1023d5718cf74aad8f1f7f0d507959c2-michel ribe;/o=exchangelabs/ou=exchange administrative group (fydibohf23spdlt)/cn=recipients/cn=c22b2d8de1594760baec681322c0933f-fernanda ma;</t>
  </si>
  <si>
    <t>Mailing Confirmação Agenda</t>
  </si>
  <si>
    <t>20191105 INSTALACAO.csv</t>
  </si>
  <si>
    <t>/o=exchangelabs/ou=exchange administrative group (fydibohf23spdlt)/cn=recipients/cn=1023d5718cf74aad8f1f7f0d507959c2-michel ribe,/o=exchangelabs/ou=exchange administrative group (fydibohf23spdlt)/cn=recipients/cn=c22b2d8de1594760baec681322c0933f-fernanda ma</t>
  </si>
  <si>
    <t>11/13/2019 17:05:36</t>
  </si>
  <si>
    <t>mail.google.com/_/upload?authuser=0&amp;dcp=asu-n&amp;upload_id=AEnB2UpTym0fMRxZRvBc6q4LyTTHVI4WLjVEk0Aqic1GgD2hEKWiUd0UfebwCB6XJiW_knC7N_Yqm9SrJYF-RrxapbirUswLQw&amp;upload_protocol=resumable</t>
  </si>
  <si>
    <t>mail.google.com/_/upload?authuser=0&amp;dcp=asu-n&amp;upload_id=AEnB2Uo0G5XMdS8niBc02KblUdu8Cco8SIPNBrXolDnMRTgGGdM5B4sUN3pKGsleSmsroQYtdI7W4NuhoYr4HsoNZSqzIy4SrA&amp;upload_protocol=resumable</t>
  </si>
  <si>
    <t>11/13/2019 17:11:26</t>
  </si>
  <si>
    <t>11/13/2019 17:11:34</t>
  </si>
  <si>
    <t>mail.google.com/_/upload?authuser=0&amp;dcp=asu-n&amp;upload_id=AEnB2Up_6b9qK8YT0kWauzt-k45zDWy65VPhFExWSEyWuVsQfQQrhBgej3emwh3JFjKQT8HAKnM6kegX29zImtfdiiqlfUDZ1mZnzDE4CcqRYqqbJwSwbTU&amp;upload_protocol=resumable</t>
  </si>
  <si>
    <t>Ativos. Busca Simples.xlsx</t>
  </si>
  <si>
    <t>11/13/2019 17:17:52</t>
  </si>
  <si>
    <t>11/13/2019 17:18:35</t>
  </si>
  <si>
    <t>/o=exchangelabs/ou=exchange administrative group (fydibohf23spdlt)/cn=recipients/cn=1e2e97da71ef410ba6f7bc3d1bfa9175-antonio car;/o=exchangelabs/ou=exchange administrative group (fydibohf23spdlt)/cn=recipients/cn=546d63420d554c4d858776a48a93ef0f-gustavo de;</t>
  </si>
  <si>
    <t>RES: 217402 - RFP Cobrança Carrefour</t>
  </si>
  <si>
    <t>Dúvidas_Carrefour Cobrança.xlsx</t>
  </si>
  <si>
    <t>/o=exchangelabs/ou=exchange administrative group (fydibohf23spdlt)/cn=recipients/cn=1e2e97da71ef410ba6f7bc3d1bfa9175-antonio car,/o=exchangelabs/ou=exchange administrative group (fydibohf23spdlt)/cn=recipients/cn=546d63420d554c4d858776a48a93ef0f-gustavo de</t>
  </si>
  <si>
    <t>11/13/2019 17:04:40</t>
  </si>
  <si>
    <t>11/13/2019 17:23:34</t>
  </si>
  <si>
    <t>/o=exchangelabs/ou=exchange administrative group (fydibohf23spdlt)/cn=recipients/cn=d88356e5298a4a49acbf5c81d99047c7-walter torr;</t>
  </si>
  <si>
    <t>BP Gestão de Acesso</t>
  </si>
  <si>
    <t>181286_v4.1 - TSystems - Gestão Acessos - BP Preço C015 B014 Desonerada_RV PL SL. Mín.xlsb</t>
  </si>
  <si>
    <t>/o=exchangelabs/ou=exchange administrative group (fydibohf23spdlt)/cn=recipients/cn=d88356e5298a4a49acbf5c81d99047c7-walter torr</t>
  </si>
  <si>
    <t>11/13/2019 17:26:01</t>
  </si>
  <si>
    <t>11/13/2019 17:28:35</t>
  </si>
  <si>
    <t>FTE 13_11.xlsx</t>
  </si>
  <si>
    <t>11/13/2019 17:27:50</t>
  </si>
  <si>
    <t>11/13/2019 17:29:34</t>
  </si>
  <si>
    <t>C:\Users\daniloma\Desktop\NEXT\</t>
  </si>
  <si>
    <t>PCN custos Next.xlsx</t>
  </si>
  <si>
    <t>11/13/2019 17:33:23</t>
  </si>
  <si>
    <t>11/13/2019 17:34:34</t>
  </si>
  <si>
    <t>/o=exchangelabs/ou=exchange administrative group (fydibohf23spdlt)/cn=recipients/cn=545f738e0fe740ba856f4eb6ef0135e0-vinicius si;/o=exchangelabs/ou=exchange administrative group (fydibohf23spdlt)/cn=recipients/cn=7903c13fa0504ff0bc7dd2644020b0e8-mirna prado;/o=exchangelabs/ou=exchange administrative group (fydibohf23spdlt)/cn=recipients/cn=81f72ed6e9d042e3bed0cec08d488854-vinicius go;/o=exchangelabs/ou=exchange administrative group (fydibohf23spdlt)/cn=recipients/cn=98e18f75c1d448d18c2b385d101db11f-luiz alfred;/o=exchangelabs/ou=exchange administrative group (fydibohf23spdlt)/cn=recipients/cn=c22b2d8de1594760baec681322c0933f-fernanda ma;/o=exchangelabs/ou=exchange administrative group (fydibohf23spdlt)/cn=recipients/cn=e174366906884bd1b4d4c5ddfc8c9433-rodrigo men;</t>
  </si>
  <si>
    <t>Dados - Planejamento Whirlpool // Dezembro/2019</t>
  </si>
  <si>
    <t>Operações Whirlpool_Dezembro 2019.xlsx</t>
  </si>
  <si>
    <t>/o=exchangelabs/ou=exchange administrative group (fydibohf23spdlt)/cn=recipients/cn=545f738e0fe740ba856f4eb6ef0135e0-vinicius si,/o=exchangelabs/ou=exchange administrative group (fydibohf23spdlt)/cn=recipients/cn=7903c13fa0504ff0bc7dd2644020b0e8-mirna prado,/o=exchangelabs/ou=exchange administrative group (fydibohf23spdlt)/cn=recipients/cn=81f72ed6e9d042e3bed0cec08d488854-vinicius go,/o=exchangelabs/ou=exchange administrative group (fydibohf23spdlt)/cn=recipients/cn=98e18f75c1d448d18c2b385d101db11f-luiz alfred,/o=exchangelabs/ou=exchange administrative group (fydibohf23spdlt)/cn=recipients/cn=c22b2d8de1594760baec681322c0933f-fernanda ma,/o=exchangelabs/ou=exchange administrative group (fydibohf23spdlt)/cn=recipients/cn=e174366906884bd1b4d4c5ddfc8c9433-rodrigo men</t>
  </si>
  <si>
    <t>11/13/2019 16:38:25</t>
  </si>
  <si>
    <t>11/13/2019 17:36:34</t>
  </si>
  <si>
    <t>/o=exchangelabs/ou=exchange administrative group (fydibohf23spdlt)/cn=recipients/cn=24e9a045d8f54be4b10091040f36aa67-cristiane f;</t>
  </si>
  <si>
    <t>PMO - Status de Governança - Rollout ISD-NOV-2019.pptx\</t>
  </si>
  <si>
    <t>/o=exchangelabs/ou=exchange administrative group (fydibohf23spdlt)/cn=recipients/cn=24e9a045d8f54be4b10091040f36aa67-cristiane f</t>
  </si>
  <si>
    <t>11/13/2019 17:33:04</t>
  </si>
  <si>
    <t>11/13/2019 17:37:35</t>
  </si>
  <si>
    <t>11/13/2019 17:34:08</t>
  </si>
  <si>
    <t>11/13/2019 17:38:34</t>
  </si>
  <si>
    <t>ENC: Consolidado 13/11</t>
  </si>
  <si>
    <t>11/13/2019 17:40:14</t>
  </si>
  <si>
    <t>11/13/2019 17:43:34</t>
  </si>
  <si>
    <t>lucasfra@algartech.com;regis.cunha@bradesco.com.br;</t>
  </si>
  <si>
    <t>RES: Fatura Cartão Corporativo Amex e Visa</t>
  </si>
  <si>
    <t>lucasfra@algartech.com,regis.cunha@bradesco.com.br</t>
  </si>
  <si>
    <t>11/13/2019 17:38:32</t>
  </si>
  <si>
    <t>/o=exchangelabs/ou=exchange administrative group (fydibohf23spdlt)/cn=recipients/cn=bb3e654013ba45d5b07da1bcdc47e1d4-larrynir ma;</t>
  </si>
  <si>
    <t>Aniversariantes</t>
  </si>
  <si>
    <t>Aniversariantes.xlsx</t>
  </si>
  <si>
    <t>/o=exchangelabs/ou=exchange administrative group (fydibohf23spdlt)/cn=recipients/cn=bb3e654013ba45d5b07da1bcdc47e1d4-larrynir ma</t>
  </si>
  <si>
    <t>11/13/2019 17:38:55</t>
  </si>
  <si>
    <t>C:\Users\waleskamms\OneDrive - Grupo Algar\Projetos\Indices Governo\</t>
  </si>
  <si>
    <t>2. Clientes governo_160919.xlsx</t>
  </si>
  <si>
    <t>11/13/2019 17:41:27</t>
  </si>
  <si>
    <t>Cópia de Indicações Martins V3.xlsx</t>
  </si>
  <si>
    <t>11/13/2019 17:42:30</t>
  </si>
  <si>
    <t>11/13/2019 17:47:34</t>
  </si>
  <si>
    <t>\\acsfs\deptos\DME\CME - Coordenacao de Marketing e Estrategia\Gestão de Vendas\Receita\Longo Prazo\2020\Final\</t>
  </si>
  <si>
    <t>Resumo Receita Líquida LP.xlsx</t>
  </si>
  <si>
    <t>11/13/2019 17:53:54</t>
  </si>
  <si>
    <t>11/13/2019 17:56:35</t>
  </si>
  <si>
    <t>/o=exchangelabs/ou=exchange administrative group (fydibohf23spdlt)/cn=recipients/cn=5c0e0b883c0f4ccbb2cf13db05a00b36-luciene ivo;/o=exchangelabs/ou=exchange administrative group (fydibohf23spdlt)/cn=recipients/cn=90878932db2a45bb924c0e3aac6d5da2-jonatas lem;adriana.moraes@bradesco.com.br;adriana.omarques@bradesco.com.br;bruna.alves.dias@bradesco.com.br;claudia.m.barbosa@bradesco.com.br;fernandasantos.ferreira@bradesco.com.br;juliana.galardo@bradesco.com.br;khadja.sousa@bradesco.com.br;nirlene.figueira@bradesco.com.br;paula.tavares@bradesco.com.br;renatag.medeiros@bradesco.com.br;</t>
  </si>
  <si>
    <t>RES: FECHAMENTO: Nível de serviço - Crédito PF e PJ - 04/11/2019</t>
  </si>
  <si>
    <t>Atendimento PF.xlsx</t>
  </si>
  <si>
    <t>/o=exchangelabs/ou=exchange administrative group (fydibohf23spdlt)/cn=recipients/cn=5c0e0b883c0f4ccbb2cf13db05a00b36-luciene ivo,/o=exchangelabs/ou=exchange administrative group (fydibohf23spdlt)/cn=recipients/cn=90878932db2a45bb924c0e3aac6d5da2-jonatas lem,adriana.moraes@bradesco.com.br,adriana.omarques@bradesco.com.br,bruna.alves.dias@bradesco.com.br,claudia.m.barbosa@bradesco.com.br,fernandasantos.ferreira@bradesco.com.br,juliana.galardo@bradesco.com.br,khadja.sousa@bradesco.com.br,nirlene.figueira@bradesco.com.br,paula.tavares@bradesco.com.br,renatag.medeiros@bradesco.com.br</t>
  </si>
  <si>
    <t>11/13/2019 17:57:36</t>
  </si>
  <si>
    <t>11/13/2019 18:02:35</t>
  </si>
  <si>
    <t>Levamentamento_Dados_SD-ISD (2).xlsx</t>
  </si>
  <si>
    <t>11/13/2019 18:05:38</t>
  </si>
  <si>
    <t>11/13/2019 18:10:35</t>
  </si>
  <si>
    <t>Lucianafaa</t>
  </si>
  <si>
    <t>status 08-11.xlsx</t>
  </si>
  <si>
    <t>11/13/2019 18:09:34</t>
  </si>
  <si>
    <t>Consolidado tarde 13.11.xlsx</t>
  </si>
  <si>
    <t>11/13/2019 18:09:59</t>
  </si>
  <si>
    <t>11/13/2019 18:13:35</t>
  </si>
  <si>
    <t>ENC: Relatório Pesquisa Falhas CP.13</t>
  </si>
  <si>
    <t>20191113 PESQUISA DE FALHAS CP13.xlsm</t>
  </si>
  <si>
    <t>11/13/2019 17:48:14</t>
  </si>
  <si>
    <t>11/13/2019 18:15:35</t>
  </si>
  <si>
    <t>DESMOBILIZAÇÃO LEGADO_v2.xlsx</t>
  </si>
  <si>
    <t>11/13/2019 18:20:59</t>
  </si>
  <si>
    <t>11/13/2019 18:25:35</t>
  </si>
  <si>
    <t>Curso #SouAlgar</t>
  </si>
  <si>
    <t>11/13/2019 18:27:42</t>
  </si>
  <si>
    <t>11/13/2019 18:30:34</t>
  </si>
  <si>
    <t>11/13/2019 18:28:26</t>
  </si>
  <si>
    <t>C:\Users\lucasfbr\OneDrive - Grupo Algar\Área de Trabalho\Organizer Outubro-2019\</t>
  </si>
  <si>
    <t>Conversão_proc_para_core.xlsx</t>
  </si>
  <si>
    <t>11/13/2019 18:26:47</t>
  </si>
  <si>
    <t>11/13/2019 18:31:35</t>
  </si>
  <si>
    <t>/o=exchangelabs/ou=exchange administrative group (fydibohf23spdlt)/cn=recipients/cn=4adb6e0b3de84bf2bfdb543494159749-leandro lim;/o=exchangelabs/ou=exchange administrative group (fydibohf23spdlt)/cn=recipients/cn=56c2af2d07fd48c0aebfc00ddc006494-alessio rod;/o=exchangelabs/ou=exchange administrative group (fydibohf23spdlt)/cn=recipients/cn=5dc660c055e14f5ab5647ab38237cbdc-eduardo aug;/o=exchangelabs/ou=exchange administrative group (fydibohf23spdlt)/cn=recipients/cn=6bc6ced03b1b4fafa41bb5c70c178940-antonio per;/o=exchangelabs/ou=exchange administrative group (fydibohf23spdlt)/cn=recipients/cn=8e4869266a924042a8d9b8e9156c0081-gilson da s;/o=exchangelabs/ou=exchange administrative group (fydibohf23spdlt)/cn=recipients/cn=a72a765de829420582b78941417073ac-karina rodr;/o=exchangelabs/ou=exchange administrative group (fydibohf23spdlt)/cn=recipients/cn=c29ec9dae022497281c840087cccddec-patricia ar;</t>
  </si>
  <si>
    <t>DE-PARA ESTRUTURAS NÍVEIS.xlsx</t>
  </si>
  <si>
    <t>/o=exchangelabs/ou=exchange administrative group (fydibohf23spdlt)/cn=recipients/cn=4adb6e0b3de84bf2bfdb543494159749-leandro lim,/o=exchangelabs/ou=exchange administrative group (fydibohf23spdlt)/cn=recipients/cn=56c2af2d07fd48c0aebfc00ddc006494-alessio rod,/o=exchangelabs/ou=exchange administrative group (fydibohf23spdlt)/cn=recipients/cn=5dc660c055e14f5ab5647ab38237cbdc-eduardo aug,/o=exchangelabs/ou=exchange administrative group (fydibohf23spdlt)/cn=recipients/cn=6bc6ced03b1b4fafa41bb5c70c178940-antonio per,/o=exchangelabs/ou=exchange administrative group (fydibohf23spdlt)/cn=recipients/cn=8e4869266a924042a8d9b8e9156c0081-gilson da s,/o=exchangelabs/ou=exchange administrative group (fydibohf23spdlt)/cn=recipients/cn=a72a765de829420582b78941417073ac-karina rodr,/o=exchangelabs/ou=exchange administrative group (fydibohf23spdlt)/cn=recipients/cn=c29ec9dae022497281c840087cccddec-patricia ar</t>
  </si>
  <si>
    <t>11/13/2019 18:33:47</t>
  </si>
  <si>
    <t>11/13/2019 18:35:35</t>
  </si>
  <si>
    <t>mail.google.com/_/upload?authuser=0&amp;dcp=asu-n&amp;upload_id=AEnB2UrwuC4yNJTL5g2klAoA9DU1PcLbgoIZHpGIf-7R-Z7yUKqNAILjFmddWMvgX9I4s_VNPnOsuvom6Hfi7jK-NKCxeS6qWg&amp;upload_protocol=resumable</t>
  </si>
  <si>
    <t>\\acsfs\DSTI\CIT- Coordenação de Inteligência de Tecnologia\17 - Gerenciamento da Configuração\02 - DO (EXECUTAR)\01 - CONTROLE DE LIC\00 - FORNECEDORES\01 - MICROSOFT\18 - EAS\RENEW\</t>
  </si>
  <si>
    <t>Estudo Renovação MS_v3.xlsx</t>
  </si>
  <si>
    <t>11/13/2019 18:35:09</t>
  </si>
  <si>
    <t>mail.google.com/_/upload?authuser=0&amp;dcp=asu-n&amp;upload_id=AEnB2Uotwjxk18bWhD_scKC7ujERkY9vd_6HBOI95fd55GgJkSWoPWqucjQWXbkxqM4r_23zIU60goLUNwXfnvtJhBmEa_oZGQ&amp;upload_protocol=resumable</t>
  </si>
  <si>
    <t>True-up MS EAS 2020_Negociação.xlsx</t>
  </si>
  <si>
    <t>11/13/2019 18:38:10</t>
  </si>
  <si>
    <t>11/13/2019 18:43:34</t>
  </si>
  <si>
    <t>ENC: Pesquisa com EVAs</t>
  </si>
  <si>
    <t>Pesquisa FMP.xlsx</t>
  </si>
  <si>
    <t>11/13/2019 18:42:21</t>
  </si>
  <si>
    <t>11/13/2019 18:46:35</t>
  </si>
  <si>
    <t>64-1C-67-9C-55-38</t>
  </si>
  <si>
    <t>NB-LUCASAV</t>
  </si>
  <si>
    <t>lucasav</t>
  </si>
  <si>
    <t>Lucas Arruda Venancio</t>
  </si>
  <si>
    <t>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90878932db2a45bb924c0e3aac6d5da2-jonatas lem;/o=exchangelabs/ou=exchange administrative group (fydibohf23spdlt)/cn=recipients/cn=a4ba92cba10f4fe498074594f937f3b6-leandro lop;/o=exchangelabs/ou=exchange administrative group (fydibohf23spdlt)/cn=recipients/cn=a78f7dae304e472e9f75bd537683f6e5-hugo de oli;/o=exchangelabs/ou=exchange administrative group (fydibohf23spdlt)/cn=recipients/cn=e894bfa401c848dc9e25ced4ad1f3dd7-luciana fer;</t>
  </si>
  <si>
    <t>Relatório de Performance URR</t>
  </si>
  <si>
    <t>Performance - ALGAR URR_Outubro.xlsm</t>
  </si>
  <si>
    <t>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90878932db2a45bb924c0e3aac6d5da2-jonatas lem,/o=exchangelabs/ou=exchange administrative group (fydibohf23spdlt)/cn=recipients/cn=a4ba92cba10f4fe498074594f937f3b6-leandro lop,/o=exchangelabs/ou=exchange administrative group (fydibohf23spdlt)/cn=recipients/cn=a78f7dae304e472e9f75bd537683f6e5-hugo de oli,/o=exchangelabs/ou=exchange administrative group (fydibohf23spdlt)/cn=recipients/cn=e894bfa401c848dc9e25ced4ad1f3dd7-luciana fer</t>
  </si>
  <si>
    <t>11/13/2019 17:12:50</t>
  </si>
  <si>
    <t>11/13/2019 19:03:35</t>
  </si>
  <si>
    <t>11/13/2019 17:12:51</t>
  </si>
  <si>
    <t>11/13/2019 17:12:52</t>
  </si>
  <si>
    <t>11/13/2019 17:12:53</t>
  </si>
  <si>
    <t>11/13/2019 17:12:54</t>
  </si>
  <si>
    <t>11/13/2019 17:12:59</t>
  </si>
  <si>
    <t>11/13/2019 17:13:00</t>
  </si>
  <si>
    <t>11/13/2019 17:13:01</t>
  </si>
  <si>
    <t>11/13/2019 17:13:03</t>
  </si>
  <si>
    <t>11/13/2019 17:13:04</t>
  </si>
  <si>
    <t>11/13/2019 17:13:05</t>
  </si>
  <si>
    <t>11/13/2019 17:13:24</t>
  </si>
  <si>
    <t>11/13/2019 17:13:28</t>
  </si>
  <si>
    <t>11/13/2019 17:13:29</t>
  </si>
  <si>
    <t>11/13/2019 17:13:41</t>
  </si>
  <si>
    <t>11/13/2019 17:13:42</t>
  </si>
  <si>
    <t>Chamadas-Tech.xlsx</t>
  </si>
  <si>
    <t>11/13/2019 17:13:43</t>
  </si>
  <si>
    <t>11/13/2019 17:13:52</t>
  </si>
  <si>
    <t>Programacao_Ferias_2020.csv</t>
  </si>
  <si>
    <t>11/13/2019 17:14:12</t>
  </si>
  <si>
    <t>Departamental_ALGAR TI.csv</t>
  </si>
  <si>
    <t>11/13/2019 17:20:24</t>
  </si>
  <si>
    <t>C:\Users\douglasxm\OneDrive - Grupo Algar\Documentos - Algar Tech\</t>
  </si>
  <si>
    <t>11/13/2019 17:20:27</t>
  </si>
  <si>
    <t>11/13/2019 17:20:28</t>
  </si>
  <si>
    <t>11/13/2019 17:20:29</t>
  </si>
  <si>
    <t>11/13/2019 17:20:30</t>
  </si>
  <si>
    <t>11/13/2019 17:20:31</t>
  </si>
  <si>
    <t>11/13/2019 17:20:44</t>
  </si>
  <si>
    <t>C:\Users\douglasxm\OneDrive - Grupo Algar\Documentos - Algar Tech\Resumo Final - 174252-AlgarTelecom-Serviços GPON - Passagem de Pasta.msg\s1\</t>
  </si>
  <si>
    <t>11/13/2019 17:20:47</t>
  </si>
  <si>
    <t>11/13/2019 17:20:48</t>
  </si>
  <si>
    <t>11/13/2019 17:20:49</t>
  </si>
  <si>
    <t>11/13/2019 17:20:50</t>
  </si>
  <si>
    <t>11/13/2019 17:20:56</t>
  </si>
  <si>
    <t>11/13/2019 17:21:09</t>
  </si>
  <si>
    <t>C:\Users\douglasxm\OneDrive - Grupo Algar\Documentos - Algar Tech\Itens Somar_ativos e inativos_03.07.zip\</t>
  </si>
  <si>
    <t>11/13/2019 17:21:12</t>
  </si>
  <si>
    <t>11/13/2019 17:21:13</t>
  </si>
  <si>
    <t>11/13/2019 17:21:16</t>
  </si>
  <si>
    <t>11/13/2019 17:21:19</t>
  </si>
  <si>
    <t>Departamental_Julh0_2019.csv</t>
  </si>
  <si>
    <t>11/13/2019 17:21:20</t>
  </si>
  <si>
    <t>11/13/2019 17:21:22</t>
  </si>
  <si>
    <t>11/13/2019 17:21:23</t>
  </si>
  <si>
    <t>11/13/2019 17:21:24</t>
  </si>
  <si>
    <t>11/13/2019 17:21:27</t>
  </si>
  <si>
    <t>11/13/2019 17:21:30</t>
  </si>
  <si>
    <t>C:\Users\douglasxm\OneDrive - Grupo Algar\Documentos - Algar Tech\BP Homologação DataCom rev1.xlsb\</t>
  </si>
  <si>
    <t>11/13/2019 17:21:31</t>
  </si>
  <si>
    <t>11/13/2019 17:21:35</t>
  </si>
  <si>
    <t>11/13/2019 17:21:39</t>
  </si>
  <si>
    <t>11/13/2019 17:21:47</t>
  </si>
  <si>
    <t>C:\Users\douglasxm\OneDrive - Grupo Algar\Documentos - Algar Tech\174261-INGRAM-Homologação APs HP.msg\s1\</t>
  </si>
  <si>
    <t>C:\Users\douglasxm\OneDrive - Grupo Algar\Documentos - Algar Tech\CASA\</t>
  </si>
  <si>
    <t>11/13/2019 17:22:08</t>
  </si>
  <si>
    <t>C:\Users\douglasxm\OneDrive - Grupo Algar\Documentos - Algar Tech\Itens Somar_ativos e inativos_03.07\</t>
  </si>
  <si>
    <t>11/13/2019 19:05:04</t>
  </si>
  <si>
    <t>11/13/2019 19:07:35</t>
  </si>
  <si>
    <t>11/13/2019 19:06:14</t>
  </si>
  <si>
    <t>11/13/2019 19:03:15</t>
  </si>
  <si>
    <t>ENC: IMPORTANTE_ALGAR TI_LEGADO ASYST [TRATATIVAS PAGAMENTO]</t>
  </si>
  <si>
    <t>Atualização Selic - Créditos e Débitos Asyst - 25-03-2019.xlsx</t>
  </si>
  <si>
    <t>11/13/2019 20:02:37</t>
  </si>
  <si>
    <t>11/13/2019 20:12:36</t>
  </si>
  <si>
    <t>11/13/2019 20:16:25</t>
  </si>
  <si>
    <t>11/13/2019 20:17:36</t>
  </si>
  <si>
    <t>ENC: Flujo de caja</t>
  </si>
  <si>
    <t>31 Fluxo de Caixa Colômbia 16-11-2019.xlsx</t>
  </si>
  <si>
    <t>11/13/2019 20:40:12</t>
  </si>
  <si>
    <t>11/13/2019 20:42:37</t>
  </si>
  <si>
    <t>C:\Users\filemoncmj\OneDrive - Grupo Algar\01. Algar Tech\01. Projetos de Clientes\47. Prudential\02. BP\Prudential - BP ISD - Versão Novembro 2019.xlsb\</t>
  </si>
  <si>
    <t>11/13/2019 20:40:16</t>
  </si>
  <si>
    <t>11/13/2019 21:15:01</t>
  </si>
  <si>
    <t>11/13/2019 21:19:37</t>
  </si>
  <si>
    <t>Bradesco 2019.xls</t>
  </si>
  <si>
    <t>11/13/2019 21:26:50</t>
  </si>
  <si>
    <t>11/13/2019 21:30:37</t>
  </si>
  <si>
    <t>/o=exchangelabs/ou=exchange administrative group (fydibohf23spdlt)/cn=recipients/cn=168e05cabbf14ae289464a0c09955b31-sara ferrei;/o=exchangelabs/ou=exchange administrative group (fydibohf23spdlt)/cn=recipients/cn=2d3379e2d04c40db810b4b1f41dd2aea-erica carol;/o=exchangelabs/ou=exchange administrative group (fydibohf23spdlt)/cn=recipients/cn=3d85af75e9a44da5bad9ced68d6c53ed-rosana peix;/o=exchangelabs/ou=exchange administrative group (fydibohf23spdlt)/cn=recipients/cn=9e7c445894a4474a86a42a5f271a0d12-viviane res;/o=exchangelabs/ou=exchange administrative group (fydibohf23spdlt)/cn=recipients/cn=d54ee4de981948cf993ae0c9e1a3aecc-andrea regi;</t>
  </si>
  <si>
    <t>Fechados de JAN -SET-19_GAT_Tatiane.xlsx</t>
  </si>
  <si>
    <t>/o=exchangelabs/ou=exchange administrative group (fydibohf23spdlt)/cn=recipients/cn=168e05cabbf14ae289464a0c09955b31-sara ferrei,/o=exchangelabs/ou=exchange administrative group (fydibohf23spdlt)/cn=recipients/cn=2d3379e2d04c40db810b4b1f41dd2aea-erica carol,/o=exchangelabs/ou=exchange administrative group (fydibohf23spdlt)/cn=recipients/cn=3d85af75e9a44da5bad9ced68d6c53ed-rosana peix,/o=exchangelabs/ou=exchange administrative group (fydibohf23spdlt)/cn=recipients/cn=9e7c445894a4474a86a42a5f271a0d12-viviane res,/o=exchangelabs/ou=exchange administrative group (fydibohf23spdlt)/cn=recipients/cn=d54ee4de981948cf993ae0c9e1a3aecc-andrea regi</t>
  </si>
  <si>
    <t>11/13/2019 22:13:39</t>
  </si>
  <si>
    <t>11/13/2019 22:14:31</t>
  </si>
  <si>
    <t>/o=exchangelabs/ou=exchange administrative group (fydibohf23spdlt)/cn=recipients/cn=2d3379e2d04c40db810b4b1f41dd2aea-erica carol;/o=exchangelabs/ou=exchange administrative group (fydibohf23spdlt)/cn=recipients/cn=55f846c335d7437f892f0b0d49c89e92-celma ribei;</t>
  </si>
  <si>
    <t>Desafios Pontuais - Fornecedores 2019 e 2020</t>
  </si>
  <si>
    <t>DESAFIOS_PONTUAIS_Fornecedores_2019_2020.xlsx</t>
  </si>
  <si>
    <t>/o=exchangelabs/ou=exchange administrative group (fydibohf23spdlt)/cn=recipients/cn=2d3379e2d04c40db810b4b1f41dd2aea-erica carol,/o=exchangelabs/ou=exchange administrative group (fydibohf23spdlt)/cn=recipients/cn=55f846c335d7437f892f0b0d49c89e92-celma ribei</t>
  </si>
  <si>
    <t>11/13/2019 23:27:32</t>
  </si>
  <si>
    <t>11/13/2019 23:31:32</t>
  </si>
  <si>
    <t>/o=exchangelabs/ou=exchange administrative group (fydibohf23spdlt)/cn=recipients/cn=2d3379e2d04c40db810b4b1f41dd2aea-erica carol;/o=exchangelabs/ou=exchange administrative group (fydibohf23spdlt)/cn=recipients/cn=509f93c55ee04a2db0c238b7a3e5d9a0-edval jose;/o=exchangelabs/ou=exchange administrative group (fydibohf23spdlt)/cn=recipients/cn=704ce6c3da8c45c9a4fbd113173d101c-tatiane sil;/o=exchangelabs/ou=exchange administrative group (fydibohf23spdlt)/cn=recipients/cn=c82d742f5f1e4122a86db0495b71e095-nilton j. g;/o=exchangelabs/ou=exchange administrative group (fydibohf23spdlt)/cn=recipients/cn=userd5d32f69;casantos@br.ibm.com;ingrid.marcella.silva@ibm.com;</t>
  </si>
  <si>
    <t>RES: RES: PENDENCIAS : Inadimplência IBM - Algar TI - CMOC - OC AB8YML01 *** VALIDACAO ***</t>
  </si>
  <si>
    <t>IBM_Validacao Erro Input_13.11_faturamentos.xlsx</t>
  </si>
  <si>
    <t>/o=exchangelabs/ou=exchange administrative group (fydibohf23spdlt)/cn=recipients/cn=2d3379e2d04c40db810b4b1f41dd2aea-erica carol,/o=exchangelabs/ou=exchange administrative group (fydibohf23spdlt)/cn=recipients/cn=509f93c55ee04a2db0c238b7a3e5d9a0-edval jose,/o=exchangelabs/ou=exchange administrative group (fydibohf23spdlt)/cn=recipients/cn=704ce6c3da8c45c9a4fbd113173d101c-tatiane sil,/o=exchangelabs/ou=exchange administrative group (fydibohf23spdlt)/cn=recipients/cn=c82d742f5f1e4122a86db0495b71e095-nilton j. g,/o=exchangelabs/ou=exchange administrative group (fydibohf23spdlt)/cn=recipients/cn=userd5d32f69,casantos@br.ibm.com,ingrid.marcella.silva@ibm.com</t>
  </si>
  <si>
    <t>11/14/2019 01:34:23</t>
  </si>
  <si>
    <t>11/14/2019 01:39:35</t>
  </si>
  <si>
    <t>/o=exchangelabs/ou=exchange administrative group (fydibohf23spdlt)/cn=recipients/cn=9e72be441e9e4b08a759859a5b3a336a-daniela de;/o=exchangelabs/ou=exchange administrative group (fydibohf23spdlt)/cn=recipients/cn=ae5de8da93c7422fa6ba5be702b44cd5-renata apar;/o=exchangelabs/ou=exchange administrative group (fydibohf23spdlt)/cn=recipients/cn=f7a4290a46314a3cbb0d392508a7b5c5-luciana sil;</t>
  </si>
  <si>
    <t>Report Semanal Customer Success_13-11_Resumido.pptx</t>
  </si>
  <si>
    <t>Report Semanal Customer Success_13-11_Resumido.pptx\</t>
  </si>
  <si>
    <t>/o=exchangelabs/ou=exchange administrative group (fydibohf23spdlt)/cn=recipients/cn=9e72be441e9e4b08a759859a5b3a336a-daniela de,/o=exchangelabs/ou=exchange administrative group (fydibohf23spdlt)/cn=recipients/cn=ae5de8da93c7422fa6ba5be702b44cd5-renata apar,/o=exchangelabs/ou=exchange administrative group (fydibohf23spdlt)/cn=recipients/cn=f7a4290a46314a3cbb0d392508a7b5c5-luciana sil</t>
  </si>
  <si>
    <t>11/14/2019 07:33:58</t>
  </si>
  <si>
    <t>11/14/2019 07:36:41</t>
  </si>
  <si>
    <t>11/14/2019 07:37:33</t>
  </si>
  <si>
    <t>11/14/2019 07:40:40</t>
  </si>
  <si>
    <t>C:\Users\filemoncmj\OneDrive - Grupo Algar\01. Algar Tech\01. Projetos de Clientes\47. Prudential\20. Dia D\Planejamento Marketing WEG.pptx\</t>
  </si>
  <si>
    <t>oleObject1.xls</t>
  </si>
  <si>
    <t>C:\Users\filemoncmj\OneDrive - Grupo Algar\01. Algar Tech\01. Projetos de Clientes\47. Prudential\20. Dia D\Apresentação Dia D WEG.pptx\</t>
  </si>
  <si>
    <t>11/14/2019 07:49:22</t>
  </si>
  <si>
    <t>11/14/2019 07:51:40</t>
  </si>
  <si>
    <t>11/14/2019 07:51:29</t>
  </si>
  <si>
    <t>11/14/2019 07:52:41</t>
  </si>
  <si>
    <t>alessandroam@algartech.com;diegorbo@algartech.com;felipemda@algartech.com;fernanda.freitas@cscalgar.com.br;joseasn@algartech.com;sesmt-regionaludi@algartech.com;</t>
  </si>
  <si>
    <t>CLASSIFICAÇÃO DE RISCO Felipe.xlsx</t>
  </si>
  <si>
    <t>alessandroam@algartech.com,diegorbo@algartech.com,felipemda@algartech.com,fernanda.freitas@cscalgar.com.br,joseasn@algartech.com,sesmt-regionaludi@algartech.com</t>
  </si>
  <si>
    <t>11/14/2019 08:14:47</t>
  </si>
  <si>
    <t>11/14/2019 08:18:41</t>
  </si>
  <si>
    <t>11/13/2019 23:00:54</t>
  </si>
  <si>
    <t>11/14/2019 08:20:41</t>
  </si>
  <si>
    <t>/o=exchangelabs/ou=exchange administrative group (fydibohf23spdlt)/cn=recipients/cn=2b69c7de1a3641269a7eed0596e1ddc2-wayner oliv;/o=exchangelabs/ou=exchange administrative group (fydibohf23spdlt)/cn=recipients/cn=54abac0a4fdc4ad1bec39bb51d85eab1-victor hugo;/o=exchangelabs/ou=exchange administrative group (fydibohf23spdlt)/cn=recipients/cn=5cdf7c02d3784fda99b7b159b2a127b2-rudney leme;/o=exchangelabs/ou=exchange administrative group (fydibohf23spdlt)/cn=recipients/cn=6bc6ced03b1b4fafa41bb5c70c178940-antonio per;/o=exchangelabs/ou=exchange administrative group (fydibohf23spdlt)/cn=recipients/cn=a4d4dbc88c434f8ba2bceed730d83878-marcellus r;/o=exchangelabs/ou=exchange administrative group (fydibohf23spdlt)/cn=recipients/cn=c5057601f2364b0db7ea84dbec10baa4-matheus mor;</t>
  </si>
  <si>
    <t>ENC: Desafios Pontuais - Fornecedores 2019 e 2020</t>
  </si>
  <si>
    <t>/o=exchangelabs/ou=exchange administrative group (fydibohf23spdlt)/cn=recipients/cn=2b69c7de1a3641269a7eed0596e1ddc2-wayner oliv,/o=exchangelabs/ou=exchange administrative group (fydibohf23spdlt)/cn=recipients/cn=54abac0a4fdc4ad1bec39bb51d85eab1-victor hugo,/o=exchangelabs/ou=exchange administrative group (fydibohf23spdlt)/cn=recipients/cn=5cdf7c02d3784fda99b7b159b2a127b2-rudney leme,/o=exchangelabs/ou=exchange administrative group (fydibohf23spdlt)/cn=recipients/cn=6bc6ced03b1b4fafa41bb5c70c178940-antonio per,/o=exchangelabs/ou=exchange administrative group (fydibohf23spdlt)/cn=recipients/cn=a4d4dbc88c434f8ba2bceed730d83878-marcellus r,/o=exchangelabs/ou=exchange administrative group (fydibohf23spdlt)/cn=recipients/cn=c5057601f2364b0db7ea84dbec10baa4-matheus mor</t>
  </si>
  <si>
    <t>11/13/2019 17:00:18</t>
  </si>
  <si>
    <t>11/14/2019 08:25:41</t>
  </si>
  <si>
    <t>9563;</t>
  </si>
  <si>
    <t>C:\Users\milenepf\Desktop\</t>
  </si>
  <si>
    <t>https://9563</t>
  </si>
  <si>
    <t>11/13/2019 11:58:48</t>
  </si>
  <si>
    <t>11/14/2019 08:35:41</t>
  </si>
  <si>
    <t>11/14/2019 08:51:06</t>
  </si>
  <si>
    <t>11/14/2019 08:51:40</t>
  </si>
  <si>
    <t>11/14/2019 08:48:58</t>
  </si>
  <si>
    <t>11/14/2019 08:52:41</t>
  </si>
  <si>
    <t>jimmylapdn@algartech.com.br;sandra.b.bezerra@bradesco.com.br;sandrabb@algartech.com.br;</t>
  </si>
  <si>
    <t>\\acsfs\deptos\Seguranca do Trabalho\7 - Treinamentos NRs - GERAL\7.7 - Integração de Terceiros\2018\</t>
  </si>
  <si>
    <t>LISTA DE PRESENÇA.xls</t>
  </si>
  <si>
    <t>jimmylapdn@algartech.com.br,sandra.b.bezerra@bradesco.com.br,sandrabb@algartech.com.br</t>
  </si>
  <si>
    <t>11/14/2019 09:01:43</t>
  </si>
  <si>
    <t>11/14/2019 09:04:41</t>
  </si>
  <si>
    <t>Template.csv</t>
  </si>
  <si>
    <t>11/14/2019 08:32:14</t>
  </si>
  <si>
    <t>11/14/2019 09:05:40</t>
  </si>
  <si>
    <t>11/14/2019 08:32:15</t>
  </si>
  <si>
    <t>11/14/2019 07:09:53</t>
  </si>
  <si>
    <t>11/14/2019 09:06:41</t>
  </si>
  <si>
    <t>11/14/2019 09:04:42</t>
  </si>
  <si>
    <t>11/14/2019 09:08:41</t>
  </si>
  <si>
    <t>11/14/2019 09:05:32</t>
  </si>
  <si>
    <t>11/14/2019 09:10:41</t>
  </si>
  <si>
    <t>mail.google.com/_/upload?authuser=0&amp;dcp=asu-n&amp;upload_id=AEnB2UpWQbeXmtAnIU8TF9NHus4wwVyuagyYc6pp2ScME2OW-RwqDP2xD1qnzMrSZ1QO7FWLhNRXbvgknIYVPdbrvTDl0jDQZQ6snAqYFtB6aHCro_vIaC4&amp;upload_protocol=resumable</t>
  </si>
  <si>
    <t>11/13/2019 19:35:34</t>
  </si>
  <si>
    <t>11/14/2019 09:11:41</t>
  </si>
  <si>
    <t>11/14/2019 09:12:17</t>
  </si>
  <si>
    <t>11/14/2019 09:13:41</t>
  </si>
  <si>
    <t>11/14/2019 09:12:47</t>
  </si>
  <si>
    <t>11/14/2019 09:15:41</t>
  </si>
  <si>
    <t>11/14/2019 09:11:46</t>
  </si>
  <si>
    <t>11/14/2019 09:16:41</t>
  </si>
  <si>
    <t>Volume UCB_ 14/11</t>
  </si>
  <si>
    <t>VOL. UCB.xlsx</t>
  </si>
  <si>
    <t>11/13/2019 15:46:09</t>
  </si>
  <si>
    <t>11/14/2019 09:17:40</t>
  </si>
  <si>
    <t>ENC: BP's Elux - Pagamento Á Vista</t>
  </si>
  <si>
    <t>216357 - URA para Continental_(Mensalidade).xlsb</t>
  </si>
  <si>
    <t>11/14/2019 09:20:48</t>
  </si>
  <si>
    <t>11/14/2019 09:23:41</t>
  </si>
  <si>
    <t>/o=exchangelabs/ou=exchange administrative group (fydibohf23spdlt)/cn=recipients/cn=1698f5af44b14116ad2d0b751d584c7d-danilo rafa;/o=exchangelabs/ou=exchange administrative group (fydibohf23spdlt)/cn=recipients/cn=2d38a20c1128454e96f537150116f708-jose antoni;/o=exchangelabs/ou=exchange administrative group (fydibohf23spdlt)/cn=recipients/cn=31b0fcd46c8d45f29253036e2256d5aa-jose paulin;/o=exchangelabs/ou=exchange administrative group (fydibohf23spdlt)/cn=recipients/cn=43665a5b9e7b4a1eb03aa2abdd30ebf4-virginia me;/o=exchangelabs/ou=exchange administrative group (fydibohf23spdlt)/cn=recipients/cn=503a4cae25a0474e8b364b01d4d28bc4-thais mozel;/o=exchangelabs/ou=exchange administrative group (fydibohf23spdlt)/cn=recipients/cn=626f88f0427049a1bc09ea3f8adf9b1d-marcio rica;/o=exchangelabs/ou=exchange administrative group (fydibohf23spdlt)/cn=recipients/cn=7401cdb0284f4d16ab5ec2851ef92cf2-nilsio silv;/o=exchangelabs/ou=exchange administrative group (fydibohf23spdlt)/cn=recipients/cn=748626653e664517a8268bc0a35e32b6-henr</t>
  </si>
  <si>
    <t>Avaliação Contratos que abrangem a empresa Engeset</t>
  </si>
  <si>
    <t>Contratos Abrange Engeset.xlsx</t>
  </si>
  <si>
    <t>/o=exchangelabs/ou=exchange administrative group (fydibohf23spdlt)/cn=recipients/cn=1698f5af44b14116ad2d0b751d584c7d-danilo rafa,/o=exchangelabs/ou=exchange administrative group (fydibohf23spdlt)/cn=recipients/cn=2d38a20c1128454e96f537150116f708-jose antoni,/o=exchangelabs/ou=exchange administrative group (fydibohf23spdlt)/cn=recipients/cn=31b0fcd46c8d45f29253036e2256d5aa-jose paulin,/o=exchangelabs/ou=exchange administrative group (fydibohf23spdlt)/cn=recipients/cn=43665a5b9e7b4a1eb03aa2abdd30ebf4-virginia me,/o=exchangelabs/ou=exchange administrative group (fydibohf23spdlt)/cn=recipients/cn=503a4cae25a0474e8b364b01d4d28bc4-thais mozel,/o=exchangelabs/ou=exchange administrative group (fydibohf23spdlt)/cn=recipients/cn=626f88f0427049a1bc09ea3f8adf9b1d-marcio rica,/o=exchangelabs/ou=exchange administrative group (fydibohf23spdlt)/cn=recipients/cn=7401cdb0284f4d16ab5ec2851ef92cf2-nilsio silv,/o=exchangelabs/ou=exchange administrative group (fydibohf23spdlt)/cn=recipients/cn=748626653e664517a8268bc0a35e32b6-henr</t>
  </si>
  <si>
    <t>11/13/2019 09:50:33</t>
  </si>
  <si>
    <t>C:\Users\gustavohdsa\Downloads\parecerjurdicourgente.zip\</t>
  </si>
  <si>
    <t>RELATÃ“RIO DE DESCONEXÃƒO.xls</t>
  </si>
  <si>
    <t>11/13/2019 17:12:09</t>
  </si>
  <si>
    <t>11/14/2019 09:28:41</t>
  </si>
  <si>
    <t>11/13/2019 17:12:17</t>
  </si>
  <si>
    <t>11/13/2019 17:12:32</t>
  </si>
  <si>
    <t>11/13/2019 17:12:34</t>
  </si>
  <si>
    <t>11/13/2019 17:12:35</t>
  </si>
  <si>
    <t>11/13/2019 17:12:37</t>
  </si>
  <si>
    <t>11/13/2019 17:12:39</t>
  </si>
  <si>
    <t>11/13/2019 17:12:49</t>
  </si>
  <si>
    <t>11/14/2019 09:24:32</t>
  </si>
  <si>
    <t>fabiolacc@algartecnologia.com.br;fernandodps@algartech.com;jheniffergs@algartech.com;lilianbcr@algartech.com;ricardomi@algartech.com;</t>
  </si>
  <si>
    <t>SLA GRC (1).xlsx</t>
  </si>
  <si>
    <t>fabiolacc@algartecnologia.com.br,fernandodps@algartech.com,jheniffergs@algartech.com,lilianbcr@algartech.com,ricardomi@algartech.com</t>
  </si>
  <si>
    <t>11/14/2019 09:23:49</t>
  </si>
  <si>
    <t>/o=exchangelabs/ou=exchange administrative group (fydibohf23spdlt)/cn=recipients/cn=5ab64dc5178e4d66aadc5f660807b2c3-andre gomes;/o=exchangelabs/ou=exchange administrative group (fydibohf23spdlt)/cn=recipients/cn=b36412a54b154c07b0a876537a78fce8-jheniffer g;</t>
  </si>
  <si>
    <t>RESUMOIPO.xlsb</t>
  </si>
  <si>
    <t>/o=exchangelabs/ou=exchange administrative group (fydibohf23spdlt)/cn=recipients/cn=5ab64dc5178e4d66aadc5f660807b2c3-andre gomes,/o=exchangelabs/ou=exchange administrative group (fydibohf23spdlt)/cn=recipients/cn=b36412a54b154c07b0a876537a78fce8-jheniffer g</t>
  </si>
  <si>
    <t>11/14/2019 09:25:26</t>
  </si>
  <si>
    <t>11/14/2019 09:29:42</t>
  </si>
  <si>
    <t>brjcarvalho@yahoo.com.br;mariajcb@algartech.com;</t>
  </si>
  <si>
    <t>RES: Estou compartilhando o arquivo 'PLANTAO MAMI 2019.xlsx' com você</t>
  </si>
  <si>
    <t>PLANTAO MAMI 2020.xlsx</t>
  </si>
  <si>
    <t>brjcarvalho@yahoo.com.br,mariajcb@algartech.com</t>
  </si>
  <si>
    <t>11/13/2019 17:12:03</t>
  </si>
  <si>
    <t>11/14/2019 09:33:42</t>
  </si>
  <si>
    <t>11/13/2019 17:12:04</t>
  </si>
  <si>
    <t>11/14/2019 09:32:37</t>
  </si>
  <si>
    <t>11/14/2019 09:35:41</t>
  </si>
  <si>
    <t>mail.google.com/_/upload?authuser=0&amp;dcp=asu-n&amp;upload_id=AEnB2UoGJDXwF059pkRexFRCeN4ZSoG59uTlbX0_8LeXg68snZ3xZcEiJxgjh-hOy5wLUDSPwjMa8lxRRCnQTh-k2JYn2wABOQ&amp;upload_protocol=resumable</t>
  </si>
  <si>
    <t>Atividades-ANF33 - GV_14_11_19 MARIA.xlsx</t>
  </si>
  <si>
    <t>11/14/2019 09:34:05</t>
  </si>
  <si>
    <t>11/14/2019 09:38:41</t>
  </si>
  <si>
    <t>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e0001a1553fb4b9a9be687db68a2ec15-yuri ian fr;institutocado@yahoo.com;</t>
  </si>
  <si>
    <t>RES: Resultados campanha - CIMI</t>
  </si>
  <si>
    <t>Status report_13112019_envio.xlsx</t>
  </si>
  <si>
    <t>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e0001a1553fb4b9a9be687db68a2ec15-yuri ian fr,institutocado@yahoo.com</t>
  </si>
  <si>
    <t>11/14/2019 09:33:46</t>
  </si>
  <si>
    <t>11/14/2019 09:38:36</t>
  </si>
  <si>
    <t>11/14/2019 09:39:42</t>
  </si>
  <si>
    <t>/o=exchangelabs/ou=exchange administrative group (fydibohf23spdlt)/cn=recipients/cn=d1ca1bbb859d4bb997649640237ba7cd-paulla rena;</t>
  </si>
  <si>
    <t>ENC: Análise de Score por Operador Champion Julho/19</t>
  </si>
  <si>
    <t>Analise de Quadrante Champion Julho Parcial 3.xlsx</t>
  </si>
  <si>
    <t>/o=exchangelabs/ou=exchange administrative group (fydibohf23spdlt)/cn=recipients/cn=d1ca1bbb859d4bb997649640237ba7cd-paulla rena</t>
  </si>
  <si>
    <t>11/14/2019 09:37:35</t>
  </si>
  <si>
    <t>/o=exchangelabs/ou=exchange administrative group (fydibohf23spdlt)/cn=recipients/cn=067d1ea266fb4f35946ec136606237ec-lucia helen;/o=exchangelabs/ou=exchange administrative group (fydibohf23spdlt)/cn=recipients/cn=685a6c7fa4684b9ab51c683ec151a83c-kelly crist;/o=exchangelabs/ou=exchange administrative group (fydibohf23spdlt)/cn=recipients/cn=fa4fe69c1dfb4d71beaaa5d64a4e88f8-carlos rodr;</t>
  </si>
  <si>
    <t>ENC: Resultado Consultoria Brasiliano</t>
  </si>
  <si>
    <t>/o=exchangelabs/ou=exchange administrative group (fydibohf23spdlt)/cn=recipients/cn=067d1ea266fb4f35946ec136606237ec-lucia helen,/o=exchangelabs/ou=exchange administrative group (fydibohf23spdlt)/cn=recipients/cn=685a6c7fa4684b9ab51c683ec151a83c-kelly crist,/o=exchangelabs/ou=exchange administrative group (fydibohf23spdlt)/cn=recipients/cn=fa4fe69c1dfb4d71beaaa5d64a4e88f8-carlos rodr</t>
  </si>
  <si>
    <t>11/13/2019 11:33:30</t>
  </si>
  <si>
    <t>11/14/2019 09:45:41</t>
  </si>
  <si>
    <t>Proposta SAGE</t>
  </si>
  <si>
    <t>200262 Sage Data Center_Produto Formatado_ v6 02 BPs de Setup.xlsb</t>
  </si>
  <si>
    <t>11/13/2019 14:16:37</t>
  </si>
  <si>
    <t>BP LDC</t>
  </si>
  <si>
    <t>189257 Command Center NOC+PS LDC Precificacao C017 B017_v11 com WIT.xlsb</t>
  </si>
  <si>
    <t>11/13/2019 14:19:02</t>
  </si>
  <si>
    <t>BPs SAGE</t>
  </si>
  <si>
    <t>200262 Sage Data Center_Produto Formatado_ v1.xlsb</t>
  </si>
  <si>
    <t>11/14/2019 09:43:19</t>
  </si>
  <si>
    <t>11/14/2019 09:46:42</t>
  </si>
  <si>
    <t>/o=exchangelabs/ou=exchange administrative group (fydibohf23spdlt)/cn=recipients/cn=e16aefd3b5634d7c8e23624cb89b8c14-lauane de j;</t>
  </si>
  <si>
    <t>Relatórios</t>
  </si>
  <si>
    <t>Relatórios.xlsx</t>
  </si>
  <si>
    <t>/o=exchangelabs/ou=exchange administrative group (fydibohf23spdlt)/cn=recipients/cn=e16aefd3b5634d7c8e23624cb89b8c14-lauane de j</t>
  </si>
  <si>
    <t>11/14/2019 09:49:58</t>
  </si>
  <si>
    <t>11/14/2019 09:51:41</t>
  </si>
  <si>
    <t>10.211.2.76</t>
  </si>
  <si>
    <t>11/14/2019 09:51:22</t>
  </si>
  <si>
    <t>11/14/2019 09:52:42</t>
  </si>
  <si>
    <t>11/14/2019 09:44:22</t>
  </si>
  <si>
    <t>11/14/2019 09:53:41</t>
  </si>
  <si>
    <t>ENC: Simulação Ofensores Custo PA</t>
  </si>
  <si>
    <t>11/13/2019 22:16:40</t>
  </si>
  <si>
    <t>11/14/2019 10:02:42</t>
  </si>
  <si>
    <t>11/14/2019 10:05:14</t>
  </si>
  <si>
    <t>11/14/2019 10:09:42</t>
  </si>
  <si>
    <t>11/14/2019 10:12:20</t>
  </si>
  <si>
    <t>11/14/2019 10:13:42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b712c36eebee42428d3790abe2696417-romario gom;/o=exchangelabs/ou=exchange administrative group (fydibohf23spdlt)/cn=recipients/cn=e4dbda4121b54299b4a719c6aa694894-algar tech;gustavosca@algartech.com.br;supervisaonext@algartech.com.br;</t>
  </si>
  <si>
    <t>11 - ADERENCIA NOVEMBRO_19 NEXT ( ATIVO / SAC / MANIFESTAÇÕES / HIBRIDO).</t>
  </si>
  <si>
    <t>12 - ADERENCIA DEZEMBRO_19 NEXT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b712c36eebee42428d3790abe2696417-romario gom,/o=exchangelabs/ou=exchange administrative group (fydibohf23spdlt)/cn=recipients/cn=e4dbda4121b54299b4a719c6aa694894-algar tech,gustavosca@algartech.com.br,supervisaonext@algartech.com.br</t>
  </si>
  <si>
    <t>11/14/2019 10:17:42</t>
  </si>
  <si>
    <t>11/14/2019 10:20:41</t>
  </si>
  <si>
    <t>ENC: Planejador de projetos AnaCarla.xlsx</t>
  </si>
  <si>
    <t>Planejador de projetos AnaCarla.xlsx</t>
  </si>
  <si>
    <t>11/14/2019 10:23:01</t>
  </si>
  <si>
    <t>11/14/2019 10:24:41</t>
  </si>
  <si>
    <t>10.200.62.8</t>
  </si>
  <si>
    <t>senildapdo@algartecnologia.com.br;</t>
  </si>
  <si>
    <t>C:\Users\victorvgar\Desktop\AVON\</t>
  </si>
  <si>
    <t>Planejamento - Treinamento Atualizado.xlsx</t>
  </si>
  <si>
    <t>senildapdo@algartecnologia.com.br</t>
  </si>
  <si>
    <t>11/14/2019 10:24:58</t>
  </si>
  <si>
    <t>11/14/2019 10:30:42</t>
  </si>
  <si>
    <t>MovimentaçõesIPO.xlsx</t>
  </si>
  <si>
    <t>11/14/2019 10:28:30</t>
  </si>
  <si>
    <t>11/14/2019 10:31:42</t>
  </si>
  <si>
    <t>ENC: Grupo de Rateio 12-11-2019.xlsx</t>
  </si>
  <si>
    <t>11/14/2019 10:28:53</t>
  </si>
  <si>
    <t>11/14/2019 10:32:42</t>
  </si>
  <si>
    <t>ENC: Medição ASCENTY - OUTUBRO 2019</t>
  </si>
  <si>
    <t>11 - RELATÓRIO ASCENTY - OUTUBRO - 2019.xlsx</t>
  </si>
  <si>
    <t>11/14/2019 10:32:36</t>
  </si>
  <si>
    <t>11/14/2019 10:35:42</t>
  </si>
  <si>
    <t>mail.google.com/_/upload?authuser=0&amp;dcp=asu-n&amp;upload_id=AEnB2Uobwh5TRl4ZXjIs8bu7oRcPsQvBh0QW4jt-8rNzGDsXHbMWvwi3a52hjvuLkvdLsO9Da8y-E90s4h1WGfBxK8DNsncVBA&amp;upload_protocol=resumable</t>
  </si>
  <si>
    <t>BACKLOG JULIANO.xlsx</t>
  </si>
  <si>
    <t>11/14/2019 10:42:42</t>
  </si>
  <si>
    <t>11/14/2019 10:44:41</t>
  </si>
  <si>
    <t>mail.google.com/_/upload?authuser=0&amp;dcp=asu-n&amp;upload_id=AEnB2UpVeCUETasZ_nh7oLvN7lDg6Nc_GM7GMQMdzcY5qmSunhrQH3Z_vl-oFj8its7uv5UnoD-2SjrlMJf2TBG2TuJlM6kMFg&amp;upload_protocol=resumable</t>
  </si>
  <si>
    <t>11/14/2019 10:39:57</t>
  </si>
  <si>
    <t>11/14/2019 10:45:42</t>
  </si>
  <si>
    <t>/o=exchangelabs/ou=exchange administrative group (fydibohf23spdlt)/cn=recipients/cn=2144abc9537143519f505fcb8550b74c-juliana emi;/o=exchangelabs/ou=exchange administrative group (fydibohf23spdlt)/cn=recipients/cn=a44038b29f734512bb2c91232d0f4f33-manuella sa;pamelatc@algartech.com;</t>
  </si>
  <si>
    <t>/o=exchangelabs/ou=exchange administrative group (fydibohf23spdlt)/cn=recipients/cn=2144abc9537143519f505fcb8550b74c-juliana emi,/o=exchangelabs/ou=exchange administrative group (fydibohf23spdlt)/cn=recipients/cn=a44038b29f734512bb2c91232d0f4f33-manuella sa,pamelatc@algartech.com</t>
  </si>
  <si>
    <t>11/14/2019 10:45:40</t>
  </si>
  <si>
    <t>11/14/2019 10:48:41</t>
  </si>
  <si>
    <t>Mailing_TechDayeVisitaRepublica.xlsx</t>
  </si>
  <si>
    <t>11/14/2019 10:46:22</t>
  </si>
  <si>
    <t>11/14/2019 10:49:41</t>
  </si>
  <si>
    <t>/o=exchangelabs/ou=exchange administrative group (fydibohf23spdlt)/cn=recipients/cn=5b1a099146bc4a0ba038a5237a044b28-lucas augus;</t>
  </si>
  <si>
    <t>/o=exchangelabs/ou=exchange administrative group (fydibohf23spdlt)/cn=recipients/cn=5b1a099146bc4a0ba038a5237a044b28-lucas augus</t>
  </si>
  <si>
    <t>11/14/2019 11:01:54</t>
  </si>
  <si>
    <t>11/14/2019 11:04:42</t>
  </si>
  <si>
    <t>11/14/2019 11:01:33</t>
  </si>
  <si>
    <t>11/14/2019 11:05:42</t>
  </si>
  <si>
    <t>/o=exchangelabs/ou=exchange administrative group (fydibohf23spdlt)/cn=recipients/cn=32fe8a14424941da83c2bf35a8a5709e-fabiana car;/o=exchangelabs/ou=exchange administrative group (fydibohf23spdlt)/cn=recipients/cn=545f738e0fe740ba856f4eb6ef0135e0-vinicius si;/o=exchangelabs/ou=exchange administrative group (fydibohf23spdlt)/cn=recipients/cn=5ab64dc5178e4d66aadc5f660807b2c3-andre gomes;/o=exchangelabs/ou=exchange administrative group (fydibohf23spdlt)/cn=recipients/cn=9c71bc5f5a3648bbbb5f6bedb86e15a6-marcelo buz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c08089b92f0643f18c949cb099a06593-tamara luis;</t>
  </si>
  <si>
    <t>Real x Orçado IPO</t>
  </si>
  <si>
    <t>/o=exchangelabs/ou=exchange administrative group (fydibohf23spdlt)/cn=recipients/cn=32fe8a14424941da83c2bf35a8a5709e-fabiana car,/o=exchangelabs/ou=exchange administrative group (fydibohf23spdlt)/cn=recipients/cn=545f738e0fe740ba856f4eb6ef0135e0-vinicius si,/o=exchangelabs/ou=exchange administrative group (fydibohf23spdlt)/cn=recipients/cn=5ab64dc5178e4d66aadc5f660807b2c3-andre gomes,/o=exchangelabs/ou=exchange administrative group (fydibohf23spdlt)/cn=recipients/cn=9c71bc5f5a3648bbbb5f6bedb86e15a6-marcelo buz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c08089b92f0643f18c949cb099a06593-tamara luis</t>
  </si>
  <si>
    <t>11/14/2019 10:58:49</t>
  </si>
  <si>
    <t>10.200.200.83</t>
  </si>
  <si>
    <t>/o=exchangelabs/ou=exchange administrative group (fydibohf23spdlt)/cn=recipients/cn=2072905e221e44cd93713caf57a4301f-roberta igi;/o=exchangelabs/ou=exchange administrative group (fydibohf23spdlt)/cn=recipients/cn=ff108780077c4fa998b7a0fae2af79d6-larissa fer;</t>
  </si>
  <si>
    <t>ENC: leads</t>
  </si>
  <si>
    <t>/o=exchangelabs/ou=exchange administrative group (fydibohf23spdlt)/cn=recipients/cn=2072905e221e44cd93713caf57a4301f-roberta igi,/o=exchangelabs/ou=exchange administrative group (fydibohf23spdlt)/cn=recipients/cn=ff108780077c4fa998b7a0fae2af79d6-larissa fer</t>
  </si>
  <si>
    <t>11/14/2019 10:59:42</t>
  </si>
  <si>
    <t>11/14/2019 11:07:19</t>
  </si>
  <si>
    <t>11/14/2019 11:10:41</t>
  </si>
  <si>
    <t>ENC: DESMOBILIZAÇÃO LEGADO_v2.xlsx</t>
  </si>
  <si>
    <t>11/14/2019 06:10:14</t>
  </si>
  <si>
    <t>11/14/2019 11:14:41</t>
  </si>
  <si>
    <t>RES: Planilhas de apuração premio</t>
  </si>
  <si>
    <t>CSC_Apuração Executivos_v3.xlsb</t>
  </si>
  <si>
    <t>11/14/2019 09:15:46</t>
  </si>
  <si>
    <t>/o=exchangelabs/ou=exchange administrative group (fydibohf23spdlt)/cn=recipients/cn=8c253c95243a40aa99c9416b7eb70a2a-julio cesar;</t>
  </si>
  <si>
    <t>PLR que vc pediu</t>
  </si>
  <si>
    <t>Resultado Consolidado EBIT_1ºsem2019_V15.xlsx</t>
  </si>
  <si>
    <t>/o=exchangelabs/ou=exchange administrative group (fydibohf23spdlt)/cn=recipients/cn=8c253c95243a40aa99c9416b7eb70a2a-julio cesar</t>
  </si>
  <si>
    <t>11/14/2019 09:44:25</t>
  </si>
  <si>
    <t>CSC_Apuração Não-Executivos_v2.xlsb</t>
  </si>
  <si>
    <t>11/14/2019 11:10:40</t>
  </si>
  <si>
    <t>11/14/2019 11:15:42</t>
  </si>
  <si>
    <t>Governança_EPO.pptx</t>
  </si>
  <si>
    <t>11/14/2019 11:16:47</t>
  </si>
  <si>
    <t>11/14/2019 11:18:41</t>
  </si>
  <si>
    <t>10.213.2.3</t>
  </si>
  <si>
    <t>A0-88-69-CE-EB-AE</t>
  </si>
  <si>
    <t>/o=exchangelabs/ou=exchange administrative group (fydibohf23spdlt)/cn=recipients/cn=0a343ab60c904ee9b25c54f941bc50a2-elincon pis;/o=exchangelabs/ou=exchange administrative group (fydibohf23spdlt)/cn=recipients/cn=1698f5af44b14116ad2d0b751d584c7d-danilo rafa;/o=exchangelabs/ou=exchange administrative group (fydibohf23spdlt)/cn=recipients/cn=3bff4ffb267e4ea2a4a3347f6a4c5cf8-tatiane mag;/o=exchangelabs/ou=exchange administrative group (fydibohf23spdlt)/cn=recipients/cn=d4969550e41b4ec9b728d4bfe5cf6031-patricia ro;</t>
  </si>
  <si>
    <t>Relatório de Pendencias ENEL/TIM</t>
  </si>
  <si>
    <t>Relatorio de Pendencias ENEL.TIM 14.11.19 .xlsx</t>
  </si>
  <si>
    <t>/o=exchangelabs/ou=exchange administrative group (fydibohf23spdlt)/cn=recipients/cn=0a343ab60c904ee9b25c54f941bc50a2-elincon pis,/o=exchangelabs/ou=exchange administrative group (fydibohf23spdlt)/cn=recipients/cn=1698f5af44b14116ad2d0b751d584c7d-danilo rafa,/o=exchangelabs/ou=exchange administrative group (fydibohf23spdlt)/cn=recipients/cn=3bff4ffb267e4ea2a4a3347f6a4c5cf8-tatiane mag,/o=exchangelabs/ou=exchange administrative group (fydibohf23spdlt)/cn=recipients/cn=d4969550e41b4ec9b728d4bfe5cf6031-patricia ro</t>
  </si>
  <si>
    <t>11/14/2019 11:14:04</t>
  </si>
  <si>
    <t>11/14/2019 11:19:42</t>
  </si>
  <si>
    <t>10.12.243.91</t>
  </si>
  <si>
    <t>Indicadores Algar - Versão Final ECH - Set a Out-2019.xlsx</t>
  </si>
  <si>
    <t>11/14/2019 11:17:20</t>
  </si>
  <si>
    <t>11/14/2019 11:20:42</t>
  </si>
  <si>
    <t>/o=exchangelabs/ou=exchange administrative group (fydibohf23spdlt)/cn=recipients/cn=56f1ed18d0b4438e8484a989403b0f53-ana paula c;/o=exchangelabs/ou=exchange administrative group (fydibohf23spdlt)/cn=recipients/cn=780b9404adbb490eb0a80de60612f32d-filemon can;/o=exchangelabs/ou=exchange administrative group (fydibohf23spdlt)/cn=recipients/cn=80a7fcb64979407494064f31427e5974-helder ribe;/o=exchangelabs/ou=exchange administrative group (fydibohf23spdlt)/cn=recipients/cn=b194f014572c4c36b52132f9199df1aa-jairo junio;</t>
  </si>
  <si>
    <t>ENC: CON-3140821 (projeto Prudential)</t>
  </si>
  <si>
    <t>44DETALHAMENTO_DE_ITENS_-_PRUDENTIAL_ Classificado.xlsx</t>
  </si>
  <si>
    <t>/o=exchangelabs/ou=exchange administrative group (fydibohf23spdlt)/cn=recipients/cn=56f1ed18d0b4438e8484a989403b0f53-ana paula c,/o=exchangelabs/ou=exchange administrative group (fydibohf23spdlt)/cn=recipients/cn=780b9404adbb490eb0a80de60612f32d-filemon can,/o=exchangelabs/ou=exchange administrative group (fydibohf23spdlt)/cn=recipients/cn=80a7fcb64979407494064f31427e5974-helder ribe,/o=exchangelabs/ou=exchange administrative group (fydibohf23spdlt)/cn=recipients/cn=b194f014572c4c36b52132f9199df1aa-jairo junio</t>
  </si>
  <si>
    <t>11/14/2019 11:28:32</t>
  </si>
  <si>
    <t>11/14/2019 11:29:42</t>
  </si>
  <si>
    <t>https://smartdata.mastercard.com/sdpc/paymentcontrol/uploadbatch.do</t>
  </si>
  <si>
    <t>C:\Users\suzidarlengarf\Desktop\</t>
  </si>
  <si>
    <t>Arquivo CSV 11.27.41.csv</t>
  </si>
  <si>
    <t>11/14/2019 11:28:48</t>
  </si>
  <si>
    <t>11/14/2019 11:29:57</t>
  </si>
  <si>
    <t>11/14/2019 11:33:42</t>
  </si>
  <si>
    <t>Demandas Tecnologia 2020.xlsx</t>
  </si>
  <si>
    <t>11/14/2019 11:35:05</t>
  </si>
  <si>
    <t>11/14/2019 11:39:42</t>
  </si>
  <si>
    <t>Arquivo CSV 11.34.40.csv</t>
  </si>
  <si>
    <t>11/14/2019 11:38:13</t>
  </si>
  <si>
    <t>Arquivo CSV 11.37.11.csv</t>
  </si>
  <si>
    <t>11/14/2019 11:37:24</t>
  </si>
  <si>
    <t>11/14/2019 11:40:41</t>
  </si>
  <si>
    <t>/o=exchangelabs/ou=exchange administrative group (fydibohf23spdlt)/cn=recipients/cn=a04932dbb122482ca31c487fc273f702-secretarias;</t>
  </si>
  <si>
    <t>Aprovações Expense Mobi - Diretoria</t>
  </si>
  <si>
    <t>/o=exchangelabs/ou=exchange administrative group (fydibohf23spdlt)/cn=recipients/cn=a04932dbb122482ca31c487fc273f702-secretarias</t>
  </si>
  <si>
    <t>11/14/2019 11:43:30</t>
  </si>
  <si>
    <t>11/14/2019 11:47:42</t>
  </si>
  <si>
    <t>/o=exchangelabs/ou=exchange administrative group (fydibohf23spdlt)/cn=recipients/cn=80a7fcb64979407494064f31427e5974-helder ribe;</t>
  </si>
  <si>
    <t>Enviando email: Prudential - BP GIAT - Versão Novembro 2019.xlsb, Prudential - BP ISD - Versão Novembro 2019.xlsb</t>
  </si>
  <si>
    <t>/o=exchangelabs/ou=exchange administrative group (fydibohf23spdlt)/cn=recipients/cn=80a7fcb64979407494064f31427e5974-helder ribe</t>
  </si>
  <si>
    <t>11/14/2019 11:44:50</t>
  </si>
  <si>
    <t>alefl@algartech.com;cristinahe@algartech.com;deborahvhw@algartech.com;fabriciovs@algartech.com;helbertbb@algartech.com;isabelladab@algartech.com;lucasm@algartecnologia.com.br;lucioms@algartech.com;marianesg@algartech.com;mayraneapl@algartech.com;nikellydcs@algartech.com;polati@algartech.com;reginaldort@algartech.com;renatobrl@algartech.com;si@algartech.com;suporteso@algartech.com;</t>
  </si>
  <si>
    <t>alefl@algartech.com,cristinahe@algartech.com,deborahvhw@algartech.com,fabriciovs@algartech.com,helbertbb@algartech.com,isabelladab@algartech.com,lucasm@algartecnologia.com.br,lucioms@algartech.com,marianesg@algartech.com,mayraneapl@algartech.com,nikellydcs@algartech.com,polati@algartech.com,reginaldort@algartech.com,renatobrl@algartech.com,si@algartech.com,suporteso@algartech.com</t>
  </si>
  <si>
    <t>11/14/2019 11:48:10</t>
  </si>
  <si>
    <t>11/14/2019 11:49:42</t>
  </si>
  <si>
    <t>/o=exchangelabs/ou=exchange administrative group (fydibohf23spdlt)/cn=recipients/cn=363af2e6e56746febce0b409a64e9677-anne caroli;/o=exchangelabs/ou=exchange administrative group (fydibohf23spdlt)/cn=recipients/cn=3ab5db37e72d49469dabe5b57496dd5c-fabricio ra;/o=exchangelabs/ou=exchange administrative group (fydibohf23spdlt)/cn=recipients/cn=5337d7b73bdf49cdb93dda704a6dde96-maira da ro;/o=exchangelabs/ou=exchange administrative group (fydibohf23spdlt)/cn=recipients/cn=668a768851804aa4b0e4858ed2624f18-maria daian;/o=exchangelabs/ou=exchange administrative group (fydibohf23spdlt)/cn=recipients/cn=7a833dffdb3c4e9baa653653380e47b7-user;/o=exchangelabs/ou=exchange administrative group (fydibohf23spdlt)/cn=recipients/cn=e3c30a0666cf45d9a69e1308afc48b1c-edna rosa d;thallitaarg@algartech.com;</t>
  </si>
  <si>
    <t>Distribuição OTJ</t>
  </si>
  <si>
    <t>Distribuição - On The Job.xls</t>
  </si>
  <si>
    <t>/o=exchangelabs/ou=exchange administrative group (fydibohf23spdlt)/cn=recipients/cn=363af2e6e56746febce0b409a64e9677-anne caroli,/o=exchangelabs/ou=exchange administrative group (fydibohf23spdlt)/cn=recipients/cn=3ab5db37e72d49469dabe5b57496dd5c-fabricio ra,/o=exchangelabs/ou=exchange administrative group (fydibohf23spdlt)/cn=recipients/cn=5337d7b73bdf49cdb93dda704a6dde96-maira da ro,/o=exchangelabs/ou=exchange administrative group (fydibohf23spdlt)/cn=recipients/cn=668a768851804aa4b0e4858ed2624f18-maria daian,/o=exchangelabs/ou=exchange administrative group (fydibohf23spdlt)/cn=recipients/cn=7a833dffdb3c4e9baa653653380e47b7-user,/o=exchangelabs/ou=exchange administrative group (fydibohf23spdlt)/cn=recipients/cn=e3c30a0666cf45d9a69e1308afc48b1c-edna rosa d,thallitaarg@algartech.com</t>
  </si>
  <si>
    <t>11/14/2019 11:49:25</t>
  </si>
  <si>
    <t>sheila.lopes@youse.com.br;</t>
  </si>
  <si>
    <t>Volume intra-diário - SAC</t>
  </si>
  <si>
    <t>SAC.xlsx</t>
  </si>
  <si>
    <t>sheila.lopes@youse.com.br</t>
  </si>
  <si>
    <t>11/14/2019 11:48:19</t>
  </si>
  <si>
    <t>11/14/2019 11:52:42</t>
  </si>
  <si>
    <t>C:\Users\leonardoefo\Grupo Algar\Waleska Maria Miranda Storti - Apresentações\</t>
  </si>
  <si>
    <t>Telecobrança_Desoneração_Prazos Recursais.xlsx</t>
  </si>
  <si>
    <t>11/14/2019 11:51:59</t>
  </si>
  <si>
    <t>11/14/2019 11:53:41</t>
  </si>
  <si>
    <t>Pipeline Detalhado Colombia 2019_11_14.xlsx</t>
  </si>
  <si>
    <t>11/14/2019 11:55:35</t>
  </si>
  <si>
    <t>11/14/2019 11:58:42</t>
  </si>
  <si>
    <t>11/14/2019 11:57:51</t>
  </si>
  <si>
    <t>/o=exchangelabs/ou=exchange administrative group (fydibohf23spdlt)/cn=recipients/cn=372a4aee70df4061aed129651510b96b-raul montei;/o=exchangelabs/ou=exchange administrative group (fydibohf23spdlt)/cn=recipients/cn=7b70aa18debb49fb8da0f7282594e513-ricardo ale;/o=exchangelabs/ou=exchange administrative group (fydibohf23spdlt)/cn=recipients/cn=909e770c97ed4b8fa033c30357f65607-juan carlos;/o=exchangelabs/ou=exchange administrative group (fydibohf23spdlt)/cn=recipients/cn=cd3b5b481f524fe68902e02768910038-koldo alcal;/o=exchangelabs/ou=exchange administrative group (fydibohf23spdlt)/cn=recipients/cn=d2c2c8150e204f7790f9c21d1df1eff0-jorge allan;</t>
  </si>
  <si>
    <t>Pipeline Detalhado Mexico 2019_11_14.xlsx</t>
  </si>
  <si>
    <t>/o=exchangelabs/ou=exchange administrative group (fydibohf23spdlt)/cn=recipients/cn=372a4aee70df4061aed129651510b96b-raul montei,/o=exchangelabs/ou=exchange administrative group (fydibohf23spdlt)/cn=recipients/cn=7b70aa18debb49fb8da0f7282594e513-ricardo ale,/o=exchangelabs/ou=exchange administrative group (fydibohf23spdlt)/cn=recipients/cn=909e770c97ed4b8fa033c30357f65607-juan carlos,/o=exchangelabs/ou=exchange administrative group (fydibohf23spdlt)/cn=recipients/cn=cd3b5b481f524fe68902e02768910038-koldo alcal,/o=exchangelabs/ou=exchange administrative group (fydibohf23spdlt)/cn=recipients/cn=d2c2c8150e204f7790f9c21d1df1eff0-jorge allan</t>
  </si>
  <si>
    <t>11/14/2019 12:01:39</t>
  </si>
  <si>
    <t>11/14/2019 12:01:43</t>
  </si>
  <si>
    <t>11/14/2019 11:57:19</t>
  </si>
  <si>
    <t>11/14/2019 12:02:42</t>
  </si>
  <si>
    <t>\\acsfs\DEPTOS\Controladoria\3. CSC\CONTROLES CSC\7-Orçamento 2020\Revisão Volumes 2020\TAX\</t>
  </si>
  <si>
    <t>DRAFT_BASE.XLSX</t>
  </si>
  <si>
    <t>11/14/2019 11:57:29</t>
  </si>
  <si>
    <t>/o=exchangelabs/ou=exchange administrative group (fydibohf23spdlt)/cn=recipients/cn=1d548783c10f4c62bcdf5de7a0f55a3e-lucas marqu;/o=exchangelabs/ou=exchange administrative group (fydibohf23spdlt)/cn=recipients/cn=user9f44a979;</t>
  </si>
  <si>
    <t>Base custo indiretos historico.xlsx</t>
  </si>
  <si>
    <t>/o=exchangelabs/ou=exchange administrative group (fydibohf23spdlt)/cn=recipients/cn=1d548783c10f4c62bcdf5de7a0f55a3e-lucas marqu,/o=exchangelabs/ou=exchange administrative group (fydibohf23spdlt)/cn=recipients/cn=user9f44a979</t>
  </si>
  <si>
    <t>11/14/2019 12:00:13</t>
  </si>
  <si>
    <t>11/14/2019 12:03:43</t>
  </si>
  <si>
    <t>Pipeline Detalhado Argentina 2019_11_14.xlsx</t>
  </si>
  <si>
    <t>11/14/2019 12:01:48</t>
  </si>
  <si>
    <t>/o=exchangelabs/ou=exchange administrative group (fydibohf23spdlt)/cn=recipients/cn=372a4aee70df4061aed129651510b96b-raul montei;/o=exchangelabs/ou=exchange administrative group (fydibohf23spdlt)/cn=recipients/cn=b79663656cc44aa3bf06617d1695ae51-carlos faci;</t>
  </si>
  <si>
    <t>Pipeline Detalhado Latam 2019_11_14.xlsx</t>
  </si>
  <si>
    <t>/o=exchangelabs/ou=exchange administrative group (fydibohf23spdlt)/cn=recipients/cn=372a4aee70df4061aed129651510b96b-raul montei,/o=exchangelabs/ou=exchange administrative group (fydibohf23spdlt)/cn=recipients/cn=b79663656cc44aa3bf06617d1695ae51-carlos faci</t>
  </si>
  <si>
    <t>11/14/2019 12:06:31</t>
  </si>
  <si>
    <t>11/14/2019 12:07:42</t>
  </si>
  <si>
    <t>adrianoms@algartech.com;alinemds@algartech.com;anapscl@algartech.com;andrelpsa@algartech.com;andremds@algartech.com;antoniocoj@algartech.com;brunocss@algartech.com;cpccontroldeskctbc@algartech.com;cqe-qualidadeudi@algartech.com;cqe-regionalcps@algartech.com;cqe-uberaba@algartech.com;cristinahe@algartech.com;danilormo@algartech.com;dgrc.coordenadores.cps.cwb@algartech.com;dgrc.coordenadores.udi.iua@algartech.com;dgrc.gerentes@algartech.com;dgrc.supervisores.cps@algartech.com;dgrc.supervisores.cwb@algartech.com;dgrc.supervisores.udi.iua@algartech.com;diegobg@algartech.com;diegoodz@algartech.com;diogogbb@algartech.com;eunice.pimenta@algartech.com;fabianapm@algartech.com;fabiolacc@algartecnologia.com.br;filiperve@algartech.com;gabrielaf@algartech.com;grazielabo@algartech.com;guilhermecst@algartech.com;hugooc@algartech.com;irisen@algartech.com;karolynecj@algartech.com;katiargf@algartech.com;liviafgg@algartech.com;lucianarba@algartecnologia.com.br;lucieneili@algartech.com;marcusgm@algartech.com;mariliafsc@algartech</t>
  </si>
  <si>
    <t>Farol NR-17 - 34ª Parcial 2019.xlsb</t>
  </si>
  <si>
    <t>adrianoms@algartech.com,alinemds@algartech.com,anapscl@algartech.com,andrelpsa@algartech.com,andremds@algartech.com,antoniocoj@algartech.com,brunocss@algartech.com,cpccontroldeskctbc@algartech.com,cqe-qualidadeudi@algartech.com,cqe-regionalcps@algartech.com,cqe-uberaba@algartech.com,cristinahe@algartech.com,danilormo@algartech.com,dgrc.coordenadores.cps.cwb@algartech.com,dgrc.coordenadores.udi.iua@algartech.com,dgrc.gerentes@algartech.com,dgrc.supervisores.cps@algartech.com,dgrc.supervisores.cwb@algartech.com,dgrc.supervisores.udi.iua@algartech.com,diegobg@algartech.com,diegoodz@algartech.com,diogogbb@algartech.com,eunice.pimenta@algartech.com,fabianapm@algartech.com,fabiolacc@algartecnologia.com.br,filiperve@algartech.com,gabrielaf@algartech.com,grazielabo@algartech.com,guilhermecst@algartech.com,hugooc@algartech.com,irisen@algartech.com,karolynecj@algartech.com,katiargf@algartech.com,liviafgg@algartech.com,lucianarba@algartecnologia.com.br,lucieneili@algartech.com,marcusgm@algartech.com,mariliafsc@algartech</t>
  </si>
  <si>
    <t>11/14/2019 12:05:59</t>
  </si>
  <si>
    <t>/o=exchangelabs/ou=exchange administrative group (fydibohf23spdlt)/cn=recipients/cn=0ee39e9e189c42369588db5cf6d2866d-celia regin;/o=exchangelabs/ou=exchange administrative group (fydibohf23spdlt)/cn=recipients/cn=2144abc9537143519f505fcb8550b74c-juliana emi;/o=exchangelabs/ou=exchange administrative group (fydibohf23spdlt)/cn=recipients/cn=685a6c7fa4684b9ab51c683ec151a83c-kelly crist;/o=exchangelabs/ou=exchange administrative group (fydibohf23spdlt)/cn=recipients/cn=9ec15fdf8a374c6f80ea1bf33684216e-roberta alv;/o=exchangelabs/ou=exchange administrative group (fydibohf23spdlt)/cn=recipients/cn=ab45243d601947128cfe3dec663408bf-pamela tava;/o=exchangelabs/ou=exchange administrative group (fydibohf23spdlt)/cn=recipients/cn=f6cbd0513564419dbd829242338a05f3-wilsiane ma;</t>
  </si>
  <si>
    <t>Descontos PPR - Dê asas a sua carreira</t>
  </si>
  <si>
    <t>/o=exchangelabs/ou=exchange administrative group (fydibohf23spdlt)/cn=recipients/cn=0ee39e9e189c42369588db5cf6d2866d-celia regin,/o=exchangelabs/ou=exchange administrative group (fydibohf23spdlt)/cn=recipients/cn=2144abc9537143519f505fcb8550b74c-juliana emi,/o=exchangelabs/ou=exchange administrative group (fydibohf23spdlt)/cn=recipients/cn=685a6c7fa4684b9ab51c683ec151a83c-kelly crist,/o=exchangelabs/ou=exchange administrative group (fydibohf23spdlt)/cn=recipients/cn=9ec15fdf8a374c6f80ea1bf33684216e-roberta alv,/o=exchangelabs/ou=exchange administrative group (fydibohf23spdlt)/cn=recipients/cn=ab45243d601947128cfe3dec663408bf-pamela tava,/o=exchangelabs/ou=exchange administrative group (fydibohf23spdlt)/cn=recipients/cn=f6cbd0513564419dbd829242338a05f3-wilsiane ma</t>
  </si>
  <si>
    <t>11/14/2019 12:05:37</t>
  </si>
  <si>
    <t>11/14/2019 12:10:43</t>
  </si>
  <si>
    <t>ENC: Produtividade CRCe 13/11</t>
  </si>
  <si>
    <t>11/14/2019 12:08:35</t>
  </si>
  <si>
    <t>/o=exchangelabs/ou=exchange administrative group (fydibohf23spdlt)/cn=recipients/cn=168e05cabbf14ae289464a0c09955b31-sara ferrei;/o=exchangelabs/ou=exchange administrative group (fydibohf23spdlt)/cn=recipients/cn=4911a634c3d94c7b874eeced615e3a90-luciana fer;/o=exchangelabs/ou=exchange administrative group (fydibohf23spdlt)/cn=recipients/cn=d54ee4de981948cf993ae0c9e1a3aecc-andrea regi;</t>
  </si>
  <si>
    <t>Fechados de JAN -SET19.xlsx</t>
  </si>
  <si>
    <t>/o=exchangelabs/ou=exchange administrative group (fydibohf23spdlt)/cn=recipients/cn=168e05cabbf14ae289464a0c09955b31-sara ferrei,/o=exchangelabs/ou=exchange administrative group (fydibohf23spdlt)/cn=recipients/cn=4911a634c3d94c7b874eeced615e3a90-luciana fer,/o=exchangelabs/ou=exchange administrative group (fydibohf23spdlt)/cn=recipients/cn=d54ee4de981948cf993ae0c9e1a3aecc-andrea regi</t>
  </si>
  <si>
    <t>11/14/2019 12:19:16</t>
  </si>
  <si>
    <t>11/14/2019 12:21:43</t>
  </si>
  <si>
    <t>karolinasr@algartech.com;patriciaac@algartech.com;paulohm@algartech.com;vivianeppe@algartech.com;</t>
  </si>
  <si>
    <t>Daily Operador_13-11-2019.xlsx</t>
  </si>
  <si>
    <t>karolinasr@algartech.com,patriciaac@algartech.com,paulohm@algartech.com,vivianeppe@algartech.com</t>
  </si>
  <si>
    <t>11/14/2019 12:20:46</t>
  </si>
  <si>
    <t>11/14/2019 12:23:43</t>
  </si>
  <si>
    <t>14_11_2019 _ Ata da reunião / Relatório Pipeline / Cronograma Account Plan Atualizado - Time Dionízio</t>
  </si>
  <si>
    <t>Relatório Pipeline_Dionizio_19_11_14.xlsx</t>
  </si>
  <si>
    <t>11/14/2019 12:27:55</t>
  </si>
  <si>
    <t>11/14/2019 12:29:43</t>
  </si>
  <si>
    <t>Auditoria Rechamada.xlsx</t>
  </si>
  <si>
    <t>11/14/2019 12:56:46</t>
  </si>
  <si>
    <t>11/14/2019 12:58:43</t>
  </si>
  <si>
    <t>https://caey.fa.us2.oraclecloud.com/crmui/faces/fusewelcome?_adf.ctrl-state=i85cgfe3t_5</t>
  </si>
  <si>
    <t>TRANSACIONAIS AGR OPP 217443 (CONTRATO 141147).xlsx</t>
  </si>
  <si>
    <t>11/14/2019 13:02:50</t>
  </si>
  <si>
    <t>11/14/2019 13:04:43</t>
  </si>
  <si>
    <t>/o=exchangelabs/ou=exchange administrative group (fydibohf23spdlt)/cn=recipients/cn=2504d5028b6b4fb89d14a5df6031358d-jane carla;/o=exchangelabs/ou=exchange administrative group (fydibohf23spdlt)/cn=recipients/cn=33eadc062e4e444685992c7de4b20cbb-ana carolin;/o=exchangelabs/ou=exchange administrative group (fydibohf23spdlt)/cn=recipients/cn=55f846c335d7437f892f0b0d49c89e92-celma ribei;/o=exchangelabs/ou=exchange administrative group (fydibohf23spdlt)/cn=recipients/cn=61af722dd06149089cf1c867d796b8bc-delso estre;/o=exchangelabs/ou=exchange administrative group (fydibohf23spdlt)/cn=recipients/cn=e46cd96e8e9e452c8cc8ba65a6c4ec57-gustavo hen;</t>
  </si>
  <si>
    <t>RES: Ebit 2° Semestre</t>
  </si>
  <si>
    <t>Ebit 2 Semestre.msg\s1\</t>
  </si>
  <si>
    <t>/o=exchangelabs/ou=exchange administrative group (fydibohf23spdlt)/cn=recipients/cn=2504d5028b6b4fb89d14a5df6031358d-jane carla,/o=exchangelabs/ou=exchange administrative group (fydibohf23spdlt)/cn=recipients/cn=33eadc062e4e444685992c7de4b20cbb-ana carolin,/o=exchangelabs/ou=exchange administrative group (fydibohf23spdlt)/cn=recipients/cn=55f846c335d7437f892f0b0d49c89e92-celma ribei,/o=exchangelabs/ou=exchange administrative group (fydibohf23spdlt)/cn=recipients/cn=61af722dd06149089cf1c867d796b8bc-delso estre,/o=exchangelabs/ou=exchange administrative group (fydibohf23spdlt)/cn=recipients/cn=e46cd96e8e9e452c8cc8ba65a6c4ec57-gustavo hen</t>
  </si>
  <si>
    <t>11/14/2019 13:04:28</t>
  </si>
  <si>
    <t>11/14/2019 13:07:42</t>
  </si>
  <si>
    <t>ENC: Enviando email: Prudential - BP GIAT - Versão Novembro 2019.xlsb, Prudential - BP ISD - Versão Novembro 2019.xlsb</t>
  </si>
  <si>
    <t>Prudential - BP ISD - Versão Novembro 2019 - v2.xlsb</t>
  </si>
  <si>
    <t>11/14/2019 13:04:11</t>
  </si>
  <si>
    <t>11/14/2019 13:08:43</t>
  </si>
  <si>
    <t>/o=exchangelabs/ou=exchange administrative group (fydibohf23spdlt)/cn=recipients/cn=027c2da1ea5a42378a892f895ed29947-andressa tu;/o=exchangelabs/ou=exchange administrative group (fydibohf23spdlt)/cn=recipients/cn=372a4aee70df4061aed129651510b96b-raul montei;/o=exchangelabs/ou=exchange administrative group (fydibohf23spdlt)/cn=recipients/cn=38cb943dd1ac413a953757a4a5a53053-fabio welze;/o=exchangelabs/ou=exchange administrative group (fydibohf23spdlt)/cn=recipients/cn=5676353c001f41558e00d4c7fa4fd023-aprova.vend;</t>
  </si>
  <si>
    <t>RES: 217443 - WEG - 01 TECN SUP PL - 3 TURNO DC</t>
  </si>
  <si>
    <t>/o=exchangelabs/ou=exchange administrative group (fydibohf23spdlt)/cn=recipients/cn=027c2da1ea5a42378a892f895ed29947-andressa tu,/o=exchangelabs/ou=exchange administrative group (fydibohf23spdlt)/cn=recipients/cn=372a4aee70df4061aed129651510b96b-raul montei,/o=exchangelabs/ou=exchange administrative group (fydibohf23spdlt)/cn=recipients/cn=38cb943dd1ac413a953757a4a5a53053-fabio welze,/o=exchangelabs/ou=exchange administrative group (fydibohf23spdlt)/cn=recipients/cn=5676353c001f41558e00d4c7fa4fd023-aprova.vend</t>
  </si>
  <si>
    <t>11/14/2019 08:47:02</t>
  </si>
  <si>
    <t>11/14/2019 13:15:43</t>
  </si>
  <si>
    <t>11/14/2019 08:47:03</t>
  </si>
  <si>
    <t>11/14/2019 08:47:06</t>
  </si>
  <si>
    <t>11/14/2019 08:47:16</t>
  </si>
  <si>
    <t>11/14/2019 08:47:18</t>
  </si>
  <si>
    <t>11/14/2019 08:47:19</t>
  </si>
  <si>
    <t>11/14/2019 08:48:48</t>
  </si>
  <si>
    <t>11/14/2019 08:48:49</t>
  </si>
  <si>
    <t>11/14/2019 08:48:50</t>
  </si>
  <si>
    <t>11/14/2019 08:48:52</t>
  </si>
  <si>
    <t>11/14/2019 08:48:53</t>
  </si>
  <si>
    <t>11/14/2019 08:48:54</t>
  </si>
  <si>
    <t>11/14/2019 08:49:11</t>
  </si>
  <si>
    <t>11/14/2019 08:49:12</t>
  </si>
  <si>
    <t>11/14/2019 08:49:14</t>
  </si>
  <si>
    <t>11/14/2019 08:49:16</t>
  </si>
  <si>
    <t>11/14/2019 08:49:17</t>
  </si>
  <si>
    <t>11/14/2019 08:49:18</t>
  </si>
  <si>
    <t>11/14/2019 08:49:19</t>
  </si>
  <si>
    <t>11/14/2019 08:49:20</t>
  </si>
  <si>
    <t>11/14/2019 08:49:28</t>
  </si>
  <si>
    <t>11/14/2019 08:49:29</t>
  </si>
  <si>
    <t>11/14/2019 08:49:51</t>
  </si>
  <si>
    <t>11/14/2019 08:49:52</t>
  </si>
  <si>
    <t>11/14/2019 08:49:55</t>
  </si>
  <si>
    <t>11/14/2019 08:49:59</t>
  </si>
  <si>
    <t>11/14/2019 08:50:00</t>
  </si>
  <si>
    <t>11/14/2019 08:50:01</t>
  </si>
  <si>
    <t>11/14/2019 08:50:02</t>
  </si>
  <si>
    <t>11/14/2019 08:50:03</t>
  </si>
  <si>
    <t>11/14/2019 08:50:04</t>
  </si>
  <si>
    <t>11/14/2019 08:50:05</t>
  </si>
  <si>
    <t>11/14/2019 08:50:06</t>
  </si>
  <si>
    <t>11/14/2019 08:50:07</t>
  </si>
  <si>
    <t>11/14/2019 08:50:08</t>
  </si>
  <si>
    <t>11/14/2019 08:50:09</t>
  </si>
  <si>
    <t>11/14/2019 08:50:30</t>
  </si>
  <si>
    <t>11/14/2019 08:50:50</t>
  </si>
  <si>
    <t>11/14/2019 08:51:45</t>
  </si>
  <si>
    <t>11/14/2019 08:51:46</t>
  </si>
  <si>
    <t>11/14/2019 08:51:47</t>
  </si>
  <si>
    <t>11/14/2019 08:51:49</t>
  </si>
  <si>
    <t>11/14/2019 08:51:50</t>
  </si>
  <si>
    <t>11/14/2019 08:51:52</t>
  </si>
  <si>
    <t>11/14/2019 08:51:53</t>
  </si>
  <si>
    <t>11/14/2019 08:51:54</t>
  </si>
  <si>
    <t>11/14/2019 08:51:57</t>
  </si>
  <si>
    <t>11/14/2019 08:52:00</t>
  </si>
  <si>
    <t>11/14/2019 08:52:01</t>
  </si>
  <si>
    <t>11/14/2019 08:52:02</t>
  </si>
  <si>
    <t>11/14/2019 08:52:28</t>
  </si>
  <si>
    <t>11/14/2019 08:52:33</t>
  </si>
  <si>
    <t>11/14/2019 08:52:34</t>
  </si>
  <si>
    <t>11/14/2019 08:52:35</t>
  </si>
  <si>
    <t>11/14/2019 08:52:36</t>
  </si>
  <si>
    <t>11/14/2019 08:52:37</t>
  </si>
  <si>
    <t>11/14/2019 08:52:38</t>
  </si>
  <si>
    <t>11/14/2019 08:52:39</t>
  </si>
  <si>
    <t>11/14/2019 08:52:40</t>
  </si>
  <si>
    <t>11/14/2019 08:52:42</t>
  </si>
  <si>
    <t>11/14/2019 08:52:43</t>
  </si>
  <si>
    <t>11/14/2019 08:52:44</t>
  </si>
  <si>
    <t>11/14/2019 08:52:45</t>
  </si>
  <si>
    <t>11/14/2019 08:52:46</t>
  </si>
  <si>
    <t>11/14/2019 08:52:47</t>
  </si>
  <si>
    <t>11/14/2019 08:52:48</t>
  </si>
  <si>
    <t>11/14/2019 08:52:49</t>
  </si>
  <si>
    <t>11/14/2019 08:52:50</t>
  </si>
  <si>
    <t>11/14/2019 08:52:54</t>
  </si>
  <si>
    <t>11/14/2019 08:52:58</t>
  </si>
  <si>
    <t>11/14/2019 08:53:01</t>
  </si>
  <si>
    <t>11/14/2019 08:53:03</t>
  </si>
  <si>
    <t>11/14/2019 08:53:05</t>
  </si>
  <si>
    <t>11/14/2019 08:53:06</t>
  </si>
  <si>
    <t>11/14/2019 08:53:09</t>
  </si>
  <si>
    <t>11/14/2019 08:53:10</t>
  </si>
  <si>
    <t>11/14/2019 08:53:14</t>
  </si>
  <si>
    <t>11/14/2019 08:53:15</t>
  </si>
  <si>
    <t>11/14/2019 08:53:24</t>
  </si>
  <si>
    <t>11/14/2019 08:53:25</t>
  </si>
  <si>
    <t>11/14/2019 08:53:26</t>
  </si>
  <si>
    <t>11/14/2019 08:53:28</t>
  </si>
  <si>
    <t>11/14/2019 08:53:29</t>
  </si>
  <si>
    <t>11/14/2019 08:53:34</t>
  </si>
  <si>
    <t>11/14/2019 08:53:35</t>
  </si>
  <si>
    <t>11/14/2019 08:53:37</t>
  </si>
  <si>
    <t>11/14/2019 08:53:38</t>
  </si>
  <si>
    <t>11/14/2019 08:53:39</t>
  </si>
  <si>
    <t>11/14/2019 08:53:40</t>
  </si>
  <si>
    <t>11/14/2019 08:53:43</t>
  </si>
  <si>
    <t>11/14/2019 08:53:59</t>
  </si>
  <si>
    <t>11/14/2019 08:54:04</t>
  </si>
  <si>
    <t>11/14/2019 08:54:08</t>
  </si>
  <si>
    <t>11/14/2019 08:54:10</t>
  </si>
  <si>
    <t>11/14/2019 08:54:11</t>
  </si>
  <si>
    <t>11/14/2019 08:54:12</t>
  </si>
  <si>
    <t>11/14/2019 08:54:13</t>
  </si>
  <si>
    <t>11/14/2019 08:54:14</t>
  </si>
  <si>
    <t>11/14/2019 08:54:16</t>
  </si>
  <si>
    <t>11/14/2019 08:54:17</t>
  </si>
  <si>
    <t>11/14/2019 08:54:18</t>
  </si>
  <si>
    <t>11/14/2019 08:54:19</t>
  </si>
  <si>
    <t>11/14/2019 08:54:20</t>
  </si>
  <si>
    <t>11/14/2019 08:54:21</t>
  </si>
  <si>
    <t>11/14/2019 08:54:22</t>
  </si>
  <si>
    <t>11/14/2019 08:54:23</t>
  </si>
  <si>
    <t>11/14/2019 08:54:24</t>
  </si>
  <si>
    <t>11/14/2019 08:54:25</t>
  </si>
  <si>
    <t>11/14/2019 08:54:26</t>
  </si>
  <si>
    <t>11/14/2019 08:54:32</t>
  </si>
  <si>
    <t>11/14/2019 08:54:33</t>
  </si>
  <si>
    <t>11/14/2019 08:54:37</t>
  </si>
  <si>
    <t>11/14/2019 08:54:38</t>
  </si>
  <si>
    <t>11/14/2019 08:54:39</t>
  </si>
  <si>
    <t>11/14/2019 08:54:41</t>
  </si>
  <si>
    <t>11/14/2019 08:54:43</t>
  </si>
  <si>
    <t>11/14/2019 08:54:45</t>
  </si>
  <si>
    <t>11/14/2019 08:54:46</t>
  </si>
  <si>
    <t>11/14/2019 08:54:57</t>
  </si>
  <si>
    <t>11/14/2019 08:55:10</t>
  </si>
  <si>
    <t>11/14/2019 08:55:11</t>
  </si>
  <si>
    <t>11/14/2019 08:55:12</t>
  </si>
  <si>
    <t>11/14/2019 08:55:32</t>
  </si>
  <si>
    <t>11/14/2019 08:56:12</t>
  </si>
  <si>
    <t>11/14/2019 08:56:13</t>
  </si>
  <si>
    <t>11/14/2019 08:56:15</t>
  </si>
  <si>
    <t>11/14/2019 08:56:17</t>
  </si>
  <si>
    <t>11/14/2019 08:56:18</t>
  </si>
  <si>
    <t>11/14/2019 08:56:20</t>
  </si>
  <si>
    <t>11/14/2019 08:56:22</t>
  </si>
  <si>
    <t>11/14/2019 08:56:23</t>
  </si>
  <si>
    <t>11/14/2019 08:56:24</t>
  </si>
  <si>
    <t>11/14/2019 08:56:25</t>
  </si>
  <si>
    <t>11/14/2019 08:56:26</t>
  </si>
  <si>
    <t>11/14/2019 08:56:38</t>
  </si>
  <si>
    <t>11/14/2019 08:56:39</t>
  </si>
  <si>
    <t>11/14/2019 08:56:40</t>
  </si>
  <si>
    <t>11/14/2019 08:56:41</t>
  </si>
  <si>
    <t>11/14/2019 08:56:42</t>
  </si>
  <si>
    <t>11/14/2019 08:56:43</t>
  </si>
  <si>
    <t>11/14/2019 08:56:44</t>
  </si>
  <si>
    <t>11/14/2019 08:56:45</t>
  </si>
  <si>
    <t>11/14/2019 08:56:46</t>
  </si>
  <si>
    <t>11/14/2019 08:56:53</t>
  </si>
  <si>
    <t>11/14/2019 08:57:01</t>
  </si>
  <si>
    <t>11/14/2019 08:57:03</t>
  </si>
  <si>
    <t>11/14/2019 08:57:07</t>
  </si>
  <si>
    <t>11/14/2019 08:57:08</t>
  </si>
  <si>
    <t>11/14/2019 08:57:09</t>
  </si>
  <si>
    <t>11/14/2019 08:57:10</t>
  </si>
  <si>
    <t>11/14/2019 08:57:11</t>
  </si>
  <si>
    <t>11/14/2019 08:57:12</t>
  </si>
  <si>
    <t>11/14/2019 08:57:50</t>
  </si>
  <si>
    <t>11/14/2019 08:57:51</t>
  </si>
  <si>
    <t>11/14/2019 08:57:52</t>
  </si>
  <si>
    <t>11/14/2019 08:57:54</t>
  </si>
  <si>
    <t>11/14/2019 08:57:55</t>
  </si>
  <si>
    <t>11/14/2019 08:57:57</t>
  </si>
  <si>
    <t>11/14/2019 08:57:59</t>
  </si>
  <si>
    <t>11/14/2019 13:15:44</t>
  </si>
  <si>
    <t>11/14/2019 08:58:00</t>
  </si>
  <si>
    <t>11/14/2019 08:58:01</t>
  </si>
  <si>
    <t>11/14/2019 08:58:02</t>
  </si>
  <si>
    <t>11/14/2019 08:58:03</t>
  </si>
  <si>
    <t>11/14/2019 08:58:04</t>
  </si>
  <si>
    <t>11/14/2019 08:58:05</t>
  </si>
  <si>
    <t>11/14/2019 08:58:06</t>
  </si>
  <si>
    <t>11/14/2019 08:58:07</t>
  </si>
  <si>
    <t>11/14/2019 08:58:08</t>
  </si>
  <si>
    <t>11/14/2019 08:58:22</t>
  </si>
  <si>
    <t>11/14/2019 08:58:23</t>
  </si>
  <si>
    <t>11/14/2019 08:58:24</t>
  </si>
  <si>
    <t>11/14/2019 08:58:25</t>
  </si>
  <si>
    <t>11/14/2019 08:58:26</t>
  </si>
  <si>
    <t>11/14/2019 08:58:27</t>
  </si>
  <si>
    <t>11/14/2019 08:58:30</t>
  </si>
  <si>
    <t>11/14/2019 08:58:31</t>
  </si>
  <si>
    <t>11/14/2019 08:58:32</t>
  </si>
  <si>
    <t>11/14/2019 08:58:33</t>
  </si>
  <si>
    <t>11/14/2019 08:58:34</t>
  </si>
  <si>
    <t>11/14/2019 08:58:38</t>
  </si>
  <si>
    <t>11/14/2019 08:58:42</t>
  </si>
  <si>
    <t>11/14/2019 08:58:43</t>
  </si>
  <si>
    <t>11/14/2019 08:58:52</t>
  </si>
  <si>
    <t>11/14/2019 08:59:20</t>
  </si>
  <si>
    <t>11/14/2019 08:59:21</t>
  </si>
  <si>
    <t>11/14/2019 08:59:22</t>
  </si>
  <si>
    <t>11/14/2019 08:59:24</t>
  </si>
  <si>
    <t>11/14/2019 13:18:21</t>
  </si>
  <si>
    <t>11/14/2019 13:22:43</t>
  </si>
  <si>
    <t>camiladps@algartech.com;ivanetesd@algartech.com;mayaratl@algartech.com.br;</t>
  </si>
  <si>
    <t>camiladps@algartech.com,ivanetesd@algartech.com,mayaratl@algartech.com.br</t>
  </si>
  <si>
    <t>11/14/2019 13:22:58</t>
  </si>
  <si>
    <t>11/14/2019 13:25:43</t>
  </si>
  <si>
    <t>Associados Algar.xlsx</t>
  </si>
  <si>
    <t>11/14/2019 13:25:59</t>
  </si>
  <si>
    <t>11/14/2019 13:30:43</t>
  </si>
  <si>
    <t>11/14/2019 13:39:50</t>
  </si>
  <si>
    <t>11/14/2019 13:40:42</t>
  </si>
  <si>
    <t>mail.google.com/_/upload?authuser=0&amp;dcp=asu-n&amp;upload_id=AEnB2UrUptFnllyDaQdMJLIFPMVN14KQORe8rgQ94JOq3W3kXQq426MBNwXPHFsqa2vqAK8VXXmDHfUFGLCR3UB6nRVwYbuvqA&amp;upload_protocol=resumable</t>
  </si>
  <si>
    <t>11/14/2019 13:44:44</t>
  </si>
  <si>
    <t>11/14/2019 13:45:43</t>
  </si>
  <si>
    <t>Prudential - BP GIAT - Versão Novembro 2019 - v2.xlsb</t>
  </si>
  <si>
    <t>C:\Users\filemoncmj\OneDrive - Grupo Algar\01. Algar Tech\01. Projetos de Clientes\47. Prudential\02. BP\Prudential - BP GIAT - Versão Novembro 2019 - v2.xlsb\</t>
  </si>
  <si>
    <t>11/13/2019 01:03:44</t>
  </si>
  <si>
    <t>11/14/2019 13:49:42</t>
  </si>
  <si>
    <t>10.200.61.78</t>
  </si>
  <si>
    <t>/o=exchangelabs/ou=exchange administrative group (fydibohf23spdlt)/cn=recipients/cn=2946605dcf554cb389220dec598b84fa-adriano mon;/o=exchangelabs/ou=exchange administrative group (fydibohf23spdlt)/cn=recipients/cn=b1a72fc2d0234efca84c7771ea70c7ee-roberta cri;</t>
  </si>
  <si>
    <t>RES: MC 4T - Operações Adriano</t>
  </si>
  <si>
    <t>Amex Disputa.xls</t>
  </si>
  <si>
    <t>/o=exchangelabs/ou=exchange administrative group (fydibohf23spdlt)/cn=recipients/cn=2946605dcf554cb389220dec598b84fa-adriano mon,/o=exchangelabs/ou=exchange administrative group (fydibohf23spdlt)/cn=recipients/cn=b1a72fc2d0234efca84c7771ea70c7ee-roberta cri</t>
  </si>
  <si>
    <t>11/14/2019 13:46:11</t>
  </si>
  <si>
    <t>brenocfm@algartech.com</t>
  </si>
  <si>
    <t>joelsonfs@algartech.com;rafaelmpe@algartech.com;</t>
  </si>
  <si>
    <t>C:\Users\brenocfm\Downloads\</t>
  </si>
  <si>
    <t>WHIRLP_UraEntradav2_1.xlsx</t>
  </si>
  <si>
    <t>joelsonfs@algartech.com,rafaelmpe@algartech.com</t>
  </si>
  <si>
    <t>11/14/2019 13:56:00</t>
  </si>
  <si>
    <t>11/14/2019 13:57:42</t>
  </si>
  <si>
    <t>BRA - Lista URL Bradesco PF.xlsx</t>
  </si>
  <si>
    <t>11/14/2019 13:58:41</t>
  </si>
  <si>
    <t>11/14/2019 13:59:42</t>
  </si>
  <si>
    <t>RES: Relatório de Performance URR</t>
  </si>
  <si>
    <t>11/14/2019 13:57:29</t>
  </si>
  <si>
    <t>11/14/2019 13:57:07</t>
  </si>
  <si>
    <t>11/14/2019 13:58:28</t>
  </si>
  <si>
    <t>11/14/2019 14:00:43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ganunes@tripag.com.br;marcosnf@tripag.com.br;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,ganunes@tripag.com.br,marcosnf@tripag.com.br</t>
  </si>
  <si>
    <t>11/14/2019 14:01:13</t>
  </si>
  <si>
    <t>11/14/2019 14:04:43</t>
  </si>
  <si>
    <t>UPH Cnovas e Formalização 1211 (2).xlsx</t>
  </si>
  <si>
    <t>11/14/2019 14:00:52</t>
  </si>
  <si>
    <t>11/14/2019 14:05:43</t>
  </si>
  <si>
    <t>Relatorio CIMI.xlsx</t>
  </si>
  <si>
    <t>11/14/2019 14:04:01</t>
  </si>
  <si>
    <t>11/14/2019 14:09:43</t>
  </si>
  <si>
    <t>Semana do Conhecimento Lista Atualizada Até 12.11.xlsx</t>
  </si>
  <si>
    <t>11/14/2019 14:05:49</t>
  </si>
  <si>
    <t>mail.google.com/_/upload?authuser=0&amp;dcp=asu-n&amp;upload_id=AEnB2UpsxiOveqndbc-yKw7noMNRpiqb8wRowLydASrywmP-t90tCzJgyKtpo89FRBVAoHc42zoZO80_bZAvnEiIJ1YJL_LTvQ&amp;upload_protocol=resumable</t>
  </si>
  <si>
    <t>11/14/2019 14:13:30</t>
  </si>
  <si>
    <t>11/14/2019 14:17:43</t>
  </si>
  <si>
    <t>D:\Projetos\ACS\One_drive\OneDrive - Grupo Algar\Projetos\2019 Whirlpool_-_Dashboards\</t>
  </si>
  <si>
    <t>Controle demandas - Whirlpool.xlsx</t>
  </si>
  <si>
    <t>11/14/2019 14:13:16</t>
  </si>
  <si>
    <t>11/14/2019 14:19:23</t>
  </si>
  <si>
    <t>11/14/2019 14:20:42</t>
  </si>
  <si>
    <t>mail.google.com/_/upload?authuser=0&amp;dcp=asu-n&amp;upload_id=AEnB2UrNeQiZbAeGtkE5uNGoBYr-n7zSPMMYVp6bHwAad9wc8WzXMLJ4dnDzbUWzbvzUHYmqjBu_bh8FXVFJielU2ffPEO4ekA&amp;upload_protocol=resumable</t>
  </si>
  <si>
    <t>mail.google.com/_/upload?authuser=0&amp;dcp=asu-n&amp;upload_id=AEnB2Uqj67hWoFsAvBzh1oPzvqu8g4TQAGEhBPbpz8Q9DVZTC6SjF3ueJfao7S3xwyIUnOjVzZxu7whqQWDyX8e4AgxSS3OdhQ&amp;upload_protocol=resumable</t>
  </si>
  <si>
    <t>11/14/2019 14:17:46</t>
  </si>
  <si>
    <t>11/14/2019 14:21:42</t>
  </si>
  <si>
    <t>/o=exchangelabs/ou=exchange administrative group (fydibohf23spdlt)/cn=recipients/cn=dc302903ac1a4151bcd049b90df4486f-ricardo soa;</t>
  </si>
  <si>
    <t>RES: 215380 - Commercial Proposal - A100 - Rack Office - Additional Circuit - rev00</t>
  </si>
  <si>
    <t>/o=exchangelabs/ou=exchange administrative group (fydibohf23spdlt)/cn=recipients/cn=dc302903ac1a4151bcd049b90df4486f-ricardo soa</t>
  </si>
  <si>
    <t>11/14/2019 14:18:57</t>
  </si>
  <si>
    <t>11/14/2019 14:22:43</t>
  </si>
  <si>
    <t>mail.google.com/_/upload?authuser=0&amp;dcp=asu-n&amp;upload_id=AEnB2UoXqRiOtaiDn14icu_-eeZ03PLH4xwe0E-is2tVIe0wXKxNjUvJqxov8w5dIb9j-Z-0fGxeTM3NJVvI7t9gEdTNXn5bdQ&amp;upload_protocol=resumable</t>
  </si>
  <si>
    <t>camilaammm@algartech.com;fernandorsju@algartech.com;</t>
  </si>
  <si>
    <t>2019_11_BAD_CALLS_TLV_MPE.xlsx</t>
  </si>
  <si>
    <t>camilaammm@algartech.com,fernandorsju@algartech.com</t>
  </si>
  <si>
    <t>11/14/2019 14:21:58</t>
  </si>
  <si>
    <t>11/14/2019 14:25:43</t>
  </si>
  <si>
    <t>11/14/2019 14:24:22</t>
  </si>
  <si>
    <t>11/14/2019 14:28:42</t>
  </si>
  <si>
    <t>Arquivo CSV 14.23.04.csv</t>
  </si>
  <si>
    <t>11/14/2019 14:32:57</t>
  </si>
  <si>
    <t>11/14/2019 14:35:43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kellyc@tripag.com.br;</t>
  </si>
  <si>
    <t>RES: Relatório de Pagamento Rejeitado 13/11/2019</t>
  </si>
  <si>
    <t>Controle de pagamentos Rejeitados Algar 13112019.xlsx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,kellyc@tripag.com.br</t>
  </si>
  <si>
    <t>11/14/2019 14:34:07</t>
  </si>
  <si>
    <t>sheila.lopes@youse.com.br;tatiana.varela@youse.com.br;wasleylc@algartech.com;william.koyama@youse.com.br;</t>
  </si>
  <si>
    <t>RES: Volumetria Pos Venda/Ouvidoria</t>
  </si>
  <si>
    <t>SAC1.xlsx</t>
  </si>
  <si>
    <t>sheila.lopes@youse.com.br,tatiana.varela@youse.com.br,wasleylc@algartech.com,william.koyama@youse.com.br</t>
  </si>
  <si>
    <t>11/14/2019 14:41:25</t>
  </si>
  <si>
    <t>11/14/2019 14:43:42</t>
  </si>
  <si>
    <t>IMPORTANTE - Ocorrências no ponto período de 01 A 13/11</t>
  </si>
  <si>
    <t>Ocorrência0111a13112019.xlsm</t>
  </si>
  <si>
    <t>11/14/2019 14:41:56</t>
  </si>
  <si>
    <t>Arquivo CSV 14.41.28.csv</t>
  </si>
  <si>
    <t>11/14/2019 14:50:49</t>
  </si>
  <si>
    <t>11/14/2019 14:52:44</t>
  </si>
  <si>
    <t>11/14/2019 14:48:50</t>
  </si>
  <si>
    <t>11/14/2019 14:53:43</t>
  </si>
  <si>
    <t>Arquivo CSV 14.48.40.csv</t>
  </si>
  <si>
    <t>11/14/2019 14:49:06</t>
  </si>
  <si>
    <t>11/14/2019 15:12:02</t>
  </si>
  <si>
    <t>11/14/2019 15:17:44</t>
  </si>
  <si>
    <t>10.200.206.9</t>
  </si>
  <si>
    <t>/o=exchangelabs/ou=exchange administrative group (fydibohf23spdlt)/cn=recipients/cn=f878ae58590e41cbabba2fa1ee2ae905-izadora nas;</t>
  </si>
  <si>
    <t>ENC: Relatório ASC</t>
  </si>
  <si>
    <t>ASC.csv</t>
  </si>
  <si>
    <t>/o=exchangelabs/ou=exchange administrative group (fydibohf23spdlt)/cn=recipients/cn=f878ae58590e41cbabba2fa1ee2ae905-izadora nas</t>
  </si>
  <si>
    <t>11/14/2019 15:20:43</t>
  </si>
  <si>
    <t>10.200.58.247</t>
  </si>
  <si>
    <t>9C-30-5B-F7-E1-6F</t>
  </si>
  <si>
    <t>/o=exchangelabs/ou=exchange administrative group (fydibohf23spdlt)/cn=recipients/cn=6f1e854114534422b54fccf103cdd81d-gabriel da;/o=exchangelabs/ou=exchange administrative group (fydibohf23spdlt)/cn=recipients/cn=9b52022a6e624c30a92f50cf4538a4bf-talmaia rod;/o=exchangelabs/ou=exchange administrative group (fydibohf23spdlt)/cn=recipients/cn=db4783aa152745d2a683beb0f57fe5d4-rai carlos;/o=exchangelabs/ou=exchange administrative group (fydibohf23spdlt)/cn=recipients/cn=groupd5c96cfa;/o=exchangelabs/ou=exchange administrative group (fydibohf23spdlt)/cn=recipients/cn=user8e89d2d7;gabrielsma@bv.algartech.com;</t>
  </si>
  <si>
    <t>RES: Controle de Erros operacionais - Outubro.xlsb</t>
  </si>
  <si>
    <t>Controle de Erros operacionais - Outubro.xlsb</t>
  </si>
  <si>
    <t>/o=exchangelabs/ou=exchange administrative group (fydibohf23spdlt)/cn=recipients/cn=6f1e854114534422b54fccf103cdd81d-gabriel da,/o=exchangelabs/ou=exchange administrative group (fydibohf23spdlt)/cn=recipients/cn=9b52022a6e624c30a92f50cf4538a4bf-talmaia rod,/o=exchangelabs/ou=exchange administrative group (fydibohf23spdlt)/cn=recipients/cn=db4783aa152745d2a683beb0f57fe5d4-rai carlos,/o=exchangelabs/ou=exchange administrative group (fydibohf23spdlt)/cn=recipients/cn=groupd5c96cfa,/o=exchangelabs/ou=exchange administrative group (fydibohf23spdlt)/cn=recipients/cn=user8e89d2d7,gabrielsma@bv.algartech.com</t>
  </si>
  <si>
    <t>11/13/2019 10:48:57</t>
  </si>
  <si>
    <t>/o=exchangelabs/ou=exchange administrative group (fydibohf23spdlt)/cn=recipients/cn=9b52022a6e624c30a92f50cf4538a4bf-talmaia rod;/o=exchangelabs/ou=exchange administrative group (fydibohf23spdlt)/cn=recipients/cn=a19b321d5b334e5aadd5d63abdb84bd8-karine fern;</t>
  </si>
  <si>
    <t>ENC: NPS e Transferência SAC, Novembro</t>
  </si>
  <si>
    <t>NPS SAC.xlsx</t>
  </si>
  <si>
    <t>/o=exchangelabs/ou=exchange administrative group (fydibohf23spdlt)/cn=recipients/cn=9b52022a6e624c30a92f50cf4538a4bf-talmaia rod,/o=exchangelabs/ou=exchange administrative group (fydibohf23spdlt)/cn=recipients/cn=a19b321d5b334e5aadd5d63abdb84bd8-karine fern</t>
  </si>
  <si>
    <t>11/13/2019 15:39:13</t>
  </si>
  <si>
    <t>/o=exchangelabs/ou=exchange administrative group (fydibohf23spdlt)/cn=recipients/cn=groupd5c96cfa;/o=exchangelabs/ou=exchange administrative group (fydibohf23spdlt)/cn=recipients/cn=user8e89d2d7;</t>
  </si>
  <si>
    <t>ENC: Erro de Procedimento - TNC Cópia de Contrato</t>
  </si>
  <si>
    <t>/o=exchangelabs/ou=exchange administrative group (fydibohf23spdlt)/cn=recipients/cn=groupd5c96cfa,/o=exchangelabs/ou=exchange administrative group (fydibohf23spdlt)/cn=recipients/cn=user8e89d2d7</t>
  </si>
  <si>
    <t>11/14/2019 15:18:23</t>
  </si>
  <si>
    <t>11/14/2019 15:21:43</t>
  </si>
  <si>
    <t>11/13/2019 19:11:15</t>
  </si>
  <si>
    <t>11/14/2019 15:22:43</t>
  </si>
  <si>
    <t>11/13/2019 20:13:58</t>
  </si>
  <si>
    <t>11/14/2019 15:03:31</t>
  </si>
  <si>
    <t>11/14/2019 15:24:44</t>
  </si>
  <si>
    <t>11/14/2019 15:03:38</t>
  </si>
  <si>
    <t>11/14/2019 15:03:42</t>
  </si>
  <si>
    <t>11/14/2019 15:04:04</t>
  </si>
  <si>
    <t>11/14/2019 15:04:52</t>
  </si>
  <si>
    <t>/o=exchangelabs/ou=exchange administrative group (fydibohf23spdlt)/cn=recipients/cn=002ec1cd4de64cd68f3e33ca3518cc0b-fernando ro;/o=exchangelabs/ou=exchange administrative group (fydibohf23spdlt)/cn=recipients/cn=092327d7955f47e78ad4a60dc2ac8d69-joaquim eli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1698f5af44b14116ad2d0b751d584c7d-danilo rafa;/o=exchangelabs/ou=exchange administrative group (fydibohf23spdlt)/cn=recipients/cn=1c3bae1d5aab4c72b84516e819cd16c9-wilton paim;/o=exchangelabs/ou=exchange administrative group (fydibohf23spdlt)/cn=recipients/cn=240fafdb21074ab9a87c95d3265e411c-rodrigo rod;/o=exchangelabs/ou=exchange administrative group (fydibohf23spdlt)/cn=recipients/cn=249f643ba1e044588b45a020c76dadde-dani</t>
  </si>
  <si>
    <t>Gamification - Coordenadore1.xlsm</t>
  </si>
  <si>
    <t>/o=exchangelabs/ou=exchange administrative group (fydibohf23spdlt)/cn=recipients/cn=002ec1cd4de64cd68f3e33ca3518cc0b-fernando ro,/o=exchangelabs/ou=exchange administrative group (fydibohf23spdlt)/cn=recipients/cn=092327d7955f47e78ad4a60dc2ac8d69-joaquim eli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1698f5af44b14116ad2d0b751d584c7d-danilo rafa,/o=exchangelabs/ou=exchange administrative group (fydibohf23spdlt)/cn=recipients/cn=1c3bae1d5aab4c72b84516e819cd16c9-wilton paim,/o=exchangelabs/ou=exchange administrative group (fydibohf23spdlt)/cn=recipients/cn=240fafdb21074ab9a87c95d3265e411c-rodrigo rod,/o=exchangelabs/ou=exchange administrative group (fydibohf23spdlt)/cn=recipients/cn=249f643ba1e044588b45a020c76dadde-dani</t>
  </si>
  <si>
    <t>11/14/2019 15:20:13</t>
  </si>
  <si>
    <t>/o=exchangelabs/ou=exchange administrative group (fydibohf23spdlt)/cn=recipients/cn=0ad67812a921472ea75457aad47f39a8-kallil vice;/o=exchangelabs/ou=exchange administrative group (fydibohf23spdlt)/cn=recipients/cn=0bafe1ed27024338be4e911e19871cd1-william rob;/o=exchangelabs/ou=exchange administrative group (fydibohf23spdlt)/cn=recipients/cn=0dcacc4b85064afca35951a19181140d-joel alves;/o=exchangelabs/ou=exchange administrative group (fydibohf23spdlt)/cn=recipients/cn=3d76664d4bc241c487f06913aba47ca9-rafael da s;/o=exchangelabs/ou=exchange administrative group (fydibohf23spdlt)/cn=recipients/cn=57f57523b47440868fdef2c0ecd04b26-gustavo ram;/o=exchangelabs/ou=exchange administrative group (fydibohf23spdlt)/cn=recipients/cn=891c08f4f04f4527be9bc1b3d75f6378-luiz fernan;/o=exchangelabs/ou=exchange administrative group (fydibohf23spdlt)/cn=recipients/cn=8bab2e9eaf824d2d93602784a48ac5f9-ronan salus;</t>
  </si>
  <si>
    <t>Notebooks SESI.xlsx</t>
  </si>
  <si>
    <t>/o=exchangelabs/ou=exchange administrative group (fydibohf23spdlt)/cn=recipients/cn=0ad67812a921472ea75457aad47f39a8-kallil vice,/o=exchangelabs/ou=exchange administrative group (fydibohf23spdlt)/cn=recipients/cn=0bafe1ed27024338be4e911e19871cd1-william rob,/o=exchangelabs/ou=exchange administrative group (fydibohf23spdlt)/cn=recipients/cn=0dcacc4b85064afca35951a19181140d-joel alves,/o=exchangelabs/ou=exchange administrative group (fydibohf23spdlt)/cn=recipients/cn=3d76664d4bc241c487f06913aba47ca9-rafael da s,/o=exchangelabs/ou=exchange administrative group (fydibohf23spdlt)/cn=recipients/cn=57f57523b47440868fdef2c0ecd04b26-gustavo ram,/o=exchangelabs/ou=exchange administrative group (fydibohf23spdlt)/cn=recipients/cn=891c08f4f04f4527be9bc1b3d75f6378-luiz fernan,/o=exchangelabs/ou=exchange administrative group (fydibohf23spdlt)/cn=recipients/cn=8bab2e9eaf824d2d93602784a48ac5f9-ronan salus</t>
  </si>
  <si>
    <t>11/14/2019 15:22:01</t>
  </si>
  <si>
    <t>11/14/2019 15:27:43</t>
  </si>
  <si>
    <t>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82a0eb6bc4824a7583bd82a28990d2e8-natanael la;/o=exchangelabs/ou=exchange administrative group (fydibohf23spdlt)/cn=recipients/cn=b712c36eebee42428d3790abe2696417-romario gom;</t>
  </si>
  <si>
    <t>RES: Consolidado dia 13/11.</t>
  </si>
  <si>
    <t>Consolidado 13.11.xlsx</t>
  </si>
  <si>
    <t>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82a0eb6bc4824a7583bd82a28990d2e8-natanael la,/o=exchangelabs/ou=exchange administrative group (fydibohf23spdlt)/cn=recipients/cn=b712c36eebee42428d3790abe2696417-romario gom</t>
  </si>
  <si>
    <t>11/14/2019 15:25:28</t>
  </si>
  <si>
    <t>11/14/2019 14:29:59</t>
  </si>
  <si>
    <t>11/14/2019 15:35:43</t>
  </si>
  <si>
    <t>Cópia de Analise Rampa CAPEX 2020.xlsx</t>
  </si>
  <si>
    <t>11/14/2019 15:31:53</t>
  </si>
  <si>
    <t>/o=exchangelabs/ou=exchange administrative group (fydibohf23spdlt)/cn=recipients/cn=d5130784dc81436d9511788de4df376c-jeciene gom;/o=exchangelabs/ou=exchange administrative group (fydibohf23spdlt)/cn=recipients/cn=ee68a2a53024446789dc480aef9c7a7c-joao gabrie;</t>
  </si>
  <si>
    <t>Acompanhamento Cerrado Evidencias 1411.xlsx</t>
  </si>
  <si>
    <t>/o=exchangelabs/ou=exchange administrative group (fydibohf23spdlt)/cn=recipients/cn=d5130784dc81436d9511788de4df376c-jeciene gom,/o=exchangelabs/ou=exchange administrative group (fydibohf23spdlt)/cn=recipients/cn=ee68a2a53024446789dc480aef9c7a7c-joao gabrie</t>
  </si>
  <si>
    <t>11/14/2019 15:32:16</t>
  </si>
  <si>
    <t>/o=exchangelabs/ou=exchange administrative group (fydibohf23spdlt)/cn=recipients/cn=525b3060f0654996a4c2979efbfaed04-douglas sil;/o=exchangelabs/ou=exchange administrative group (fydibohf23spdlt)/cn=recipients/cn=5ab64dc5178e4d66aadc5f660807b2c3-andre gomes;/o=exchangelabs/ou=exchange administrative group (fydibohf23spdlt)/cn=recipients/cn=ee68a2a53024446789dc480aef9c7a7c-joao gabrie;</t>
  </si>
  <si>
    <t>/o=exchangelabs/ou=exchange administrative group (fydibohf23spdlt)/cn=recipients/cn=525b3060f0654996a4c2979efbfaed04-douglas sil,/o=exchangelabs/ou=exchange administrative group (fydibohf23spdlt)/cn=recipients/cn=5ab64dc5178e4d66aadc5f660807b2c3-andre gomes,/o=exchangelabs/ou=exchange administrative group (fydibohf23spdlt)/cn=recipients/cn=ee68a2a53024446789dc480aef9c7a7c-joao gabrie</t>
  </si>
  <si>
    <t>11/14/2019 15:44:59</t>
  </si>
  <si>
    <t>11/14/2019 15:49:44</t>
  </si>
  <si>
    <t>mail.google.com/_/upload?authuser=0&amp;dcp=asu-n&amp;upload_id=AEnB2UrCALhPy-FPf1Wg7cdEsYZ8rGw4INGrEWEyvcQLzNY2hTID_I_VSP7N0JXAXRb2f4DiMa7iJ0dFKaQQs-EEGNoMe70WdA&amp;upload_protocol=resumable</t>
  </si>
  <si>
    <t>BAIXAS TIM.xlsx</t>
  </si>
  <si>
    <t>11/14/2019 15:57:28</t>
  </si>
  <si>
    <t>11/14/2019 16:04:43</t>
  </si>
  <si>
    <t>Arquivo CSV 15.56.57.csv</t>
  </si>
  <si>
    <t>11/14/2019 16:03:10</t>
  </si>
  <si>
    <t>11/14/2019 16:07:44</t>
  </si>
  <si>
    <t>/o=exchangelabs/ou=exchange administrative group (fydibohf23spdlt)/cn=recipients/cn=79b149cf7a984ca686e3b0e40b3bc8cf-danilo cesa;/o=exchangelabs/ou=exchange administrative group (fydibohf23spdlt)/cn=recipients/cn=96c835195d674d6ebf3e3dbf87493053-jaqueline d;/o=exchangelabs/ou=exchange administrative group (fydibohf23spdlt)/cn=recipients/cn=d376cbd484f64104bc8476daf590c7dc-paulo eduar;/o=exchangelabs/ou=exchange administrative group (fydibohf23spdlt)/cn=recipients/cn=da8b0d0eb1af471c9c028aba05e743fd-guilherme a;anderson.silva@superfrio.com.br;rafaelbdt@algartech.com;</t>
  </si>
  <si>
    <t>RES: Faturamento Superfrio - Outubro.</t>
  </si>
  <si>
    <t>Fat_SuperFrio_Out_19 (1) OUTUBRO.xlsx</t>
  </si>
  <si>
    <t>/o=exchangelabs/ou=exchange administrative group (fydibohf23spdlt)/cn=recipients/cn=79b149cf7a984ca686e3b0e40b3bc8cf-danilo cesa,/o=exchangelabs/ou=exchange administrative group (fydibohf23spdlt)/cn=recipients/cn=96c835195d674d6ebf3e3dbf87493053-jaqueline d,/o=exchangelabs/ou=exchange administrative group (fydibohf23spdlt)/cn=recipients/cn=d376cbd484f64104bc8476daf590c7dc-paulo eduar,/o=exchangelabs/ou=exchange administrative group (fydibohf23spdlt)/cn=recipients/cn=da8b0d0eb1af471c9c028aba05e743fd-guilherme a,anderson.silva@superfrio.com.br,rafaelbdt@algartech.com</t>
  </si>
  <si>
    <t>11/14/2019 15:52:52</t>
  </si>
  <si>
    <t>11/14/2019 16:09:44</t>
  </si>
  <si>
    <t>Arquivo CSV 15.50.48.csv</t>
  </si>
  <si>
    <t>11/14/2019 16:07:48</t>
  </si>
  <si>
    <t>Arquivo CSV 16.02.04.csv</t>
  </si>
  <si>
    <t>11/14/2019 16:10:22</t>
  </si>
  <si>
    <t>11/14/2019 16:12:44</t>
  </si>
  <si>
    <t>C:\Users\lucianarba\Desktop\Relatório Mensal Toyota - Outubro - Copia.pptx\</t>
  </si>
  <si>
    <t>11/14/2019 16:12:42</t>
  </si>
  <si>
    <t>11/14/2019 16:16:43</t>
  </si>
  <si>
    <t>11/14/2019 16:16:00</t>
  </si>
  <si>
    <t>11/14/2019 16:19:43</t>
  </si>
  <si>
    <t>11/14/2019 16:22:31</t>
  </si>
  <si>
    <t>11/14/2019 16:24:43</t>
  </si>
  <si>
    <t>home</t>
  </si>
  <si>
    <t>Cronograma Geral - Dê Asas.xlsx</t>
  </si>
  <si>
    <t>11/14/2019 16:24:02</t>
  </si>
  <si>
    <t>11/14/2019 16:26:40</t>
  </si>
  <si>
    <t>11/14/2019 16:27:43</t>
  </si>
  <si>
    <t>/o=exchangelabs/ou=exchange administrative group (fydibohf23spdlt)/cn=recipients/cn=79b149cf7a984ca686e3b0e40b3bc8cf-danilo cesa;/o=exchangelabs/ou=exchange administrative group (fydibohf23spdlt)/cn=recipients/cn=da8b0d0eb1af471c9c028aba05e743fd-guilherme a;</t>
  </si>
  <si>
    <t>Faturamento Pendente INFRA TI Novembro.</t>
  </si>
  <si>
    <t>11. T TEC Faturamento COMFRIO .xlsx</t>
  </si>
  <si>
    <t>/o=exchangelabs/ou=exchange administrative group (fydibohf23spdlt)/cn=recipients/cn=79b149cf7a984ca686e3b0e40b3bc8cf-danilo cesa,/o=exchangelabs/ou=exchange administrative group (fydibohf23spdlt)/cn=recipients/cn=da8b0d0eb1af471c9c028aba05e743fd-guilherme a</t>
  </si>
  <si>
    <t>11/14/2019 16:24:28</t>
  </si>
  <si>
    <t>11/14/2019 16:28:44</t>
  </si>
  <si>
    <t>/o=exchangelabs/ou=exchange administrative group (fydibohf23spdlt)/cn=recipients/cn=3d25b4eef89c4e33881f90388be85233-lucia leper;</t>
  </si>
  <si>
    <t>RES: Fluxo con valores procesos actualizados</t>
  </si>
  <si>
    <t>Preclosing 2019 e Orçamento 2020 Argentina.xlsx</t>
  </si>
  <si>
    <t>/o=exchangelabs/ou=exchange administrative group (fydibohf23spdlt)/cn=recipients/cn=3d25b4eef89c4e33881f90388be85233-lucia leper</t>
  </si>
  <si>
    <t>11/14/2019 16:28:40</t>
  </si>
  <si>
    <t>11/14/2019 16:29:44</t>
  </si>
  <si>
    <t>/o=exchangelabs/ou=exchange administrative group (fydibohf23spdlt)/cn=recipients/cn=33d249108a194f94ad1c0c445c411f81-sabrina vie;/o=exchangelabs/ou=exchange administrative group (fydibohf23spdlt)/cn=recipients/cn=6bc6ced03b1b4fafa41bb5c70c178940-antonio per;/o=exchangelabs/ou=exchange administrative group (fydibohf23spdlt)/cn=recipients/cn=76d765d676864fe79b29c865fa21a2c7-leticia rez;/o=exchangelabs/ou=exchange administrative group (fydibohf23spdlt)/cn=recipients/cn=b1a72fc2d0234efca84c7771ea70c7ee-roberta cri;/o=exchangelabs/ou=exchange administrative group (fydibohf23spdlt)/cn=recipients/cn=f50351055a2944cebcbdc18a918945d6-gustavo res;</t>
  </si>
  <si>
    <t>RES: Base CR's</t>
  </si>
  <si>
    <t>GRC - CR X LOCALIDADE.xlsx</t>
  </si>
  <si>
    <t>/o=exchangelabs/ou=exchange administrative group (fydibohf23spdlt)/cn=recipients/cn=33d249108a194f94ad1c0c445c411f81-sabrina vie,/o=exchangelabs/ou=exchange administrative group (fydibohf23spdlt)/cn=recipients/cn=6bc6ced03b1b4fafa41bb5c70c178940-antonio per,/o=exchangelabs/ou=exchange administrative group (fydibohf23spdlt)/cn=recipients/cn=76d765d676864fe79b29c865fa21a2c7-leticia rez,/o=exchangelabs/ou=exchange administrative group (fydibohf23spdlt)/cn=recipients/cn=b1a72fc2d0234efca84c7771ea70c7ee-roberta cri,/o=exchangelabs/ou=exchange administrative group (fydibohf23spdlt)/cn=recipients/cn=f50351055a2944cebcbdc18a918945d6-gustavo res</t>
  </si>
  <si>
    <t>11/14/2019 16:25:14</t>
  </si>
  <si>
    <t>Arquivo CSV 16.24.40.csv</t>
  </si>
  <si>
    <t>11/14/2019 16:28:52</t>
  </si>
  <si>
    <t>11/14/2019 16:31:43</t>
  </si>
  <si>
    <t>Custo - SPOF Geradores</t>
  </si>
  <si>
    <t>Requisição de Compra_ SPOF Geradores_Proenerg.xls</t>
  </si>
  <si>
    <t>11/14/2019 16:28:37</t>
  </si>
  <si>
    <t>11/14/2019 16:32:44</t>
  </si>
  <si>
    <t>Coordenadores Diretores e Gerentes 14112019.xlsx</t>
  </si>
  <si>
    <t>11/14/2019 16:30:53</t>
  </si>
  <si>
    <t>11/14/2019 16:31:35</t>
  </si>
  <si>
    <t>11/14/2019 16:33:43</t>
  </si>
  <si>
    <t>Relatório de pendencias ENEL/TIM</t>
  </si>
  <si>
    <t>11/14/2019 16:30:29</t>
  </si>
  <si>
    <t>11/14/2019 16:34:44</t>
  </si>
  <si>
    <t>/o=exchangelabs/ou=exchange administrative group (fydibohf23spdlt)/cn=recipients/cn=46839392c4904906893683e927ab62e2-carlos edua;/o=exchangelabs/ou=exchange administrative group (fydibohf23spdlt)/cn=recipients/cn=cd7b8f1463954705b9d398b58ce8411d-dannyella f;/o=exchangelabs/ou=exchange administrative group (fydibohf23spdlt)/cn=recipients/cn=cfc48e6960e745d5a5caa3a9584c60eb-leticia vie;</t>
  </si>
  <si>
    <t>RES: Capitalização de Juros Outubro/2019</t>
  </si>
  <si>
    <t>Capitalização de Juros - Out19.xlsx</t>
  </si>
  <si>
    <t>/o=exchangelabs/ou=exchange administrative group (fydibohf23spdlt)/cn=recipients/cn=46839392c4904906893683e927ab62e2-carlos edua,/o=exchangelabs/ou=exchange administrative group (fydibohf23spdlt)/cn=recipients/cn=cd7b8f1463954705b9d398b58ce8411d-dannyella f,/o=exchangelabs/ou=exchange administrative group (fydibohf23spdlt)/cn=recipients/cn=cfc48e6960e745d5a5caa3a9584c60eb-leticia vie</t>
  </si>
  <si>
    <t>11/14/2019 16:36:03</t>
  </si>
  <si>
    <t>11/14/2019 16:39:44</t>
  </si>
  <si>
    <t>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b739f6c32af9463ab9cd653d7f330c20-haruna morg;/o=exchangelabs/ou=exchange administrative group (fydibohf23spdlt)/cn=recipients/cn=e47f7192d7b143e286620292e5ce82f2-mirian pris;/o=exchangelabs/ou=exchange administrative group (fydibohf23spdlt)/cn=recipients/cn=groupd5c96cfa;/o=exchangelabs/ou=exchange administrative group (fydibohf23spdlt)/cn=recipients/cn=user8e89d2d7;alexandre.junior@call.neobpo.com.br;eliane.martins@bv.com.br;flora.lira@bv.com.br;jose.gomes@bv.com.br;maria.patrocinia@bv.com.br;monica.apereira@call.neobpo.com.br;renata.farina@bv.com.br;thais.santos@bv.com.br;valquiria.ghirotti@call.neobpo.com.br;</t>
  </si>
  <si>
    <t>RES: Erro de Procedimento - TNC Cópia de Contrato</t>
  </si>
  <si>
    <t>Tarefas Cópia de Contrato_ Algar_Out.19.xlsx</t>
  </si>
  <si>
    <t>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b739f6c32af9463ab9cd653d7f330c20-haruna morg,/o=exchangelabs/ou=exchange administrative group (fydibohf23spdlt)/cn=recipients/cn=e47f7192d7b143e286620292e5ce82f2-mirian pris,/o=exchangelabs/ou=exchange administrative group (fydibohf23spdlt)/cn=recipients/cn=groupd5c96cfa,/o=exchangelabs/ou=exchange administrative group (fydibohf23spdlt)/cn=recipients/cn=user8e89d2d7,alexandre.junior@call.neobpo.com.br,eliane.martins@bv.com.br,flora.lira@bv.com.br,jose.gomes@bv.com.br,maria.patrocinia@bv.com.br,monica.apereira@call.neobpo.com.br,renata.farina@bv.com.br,thais.santos@bv.com.br,valquiria.ghirotti@call.neobpo.com.br</t>
  </si>
  <si>
    <t>11/14/2019 16:36:32</t>
  </si>
  <si>
    <t>11/14/2019 16:41:43</t>
  </si>
  <si>
    <t>RES: Classificação de ativos - Projeto: Monitoramento ar condicionado subestação 1 e 2</t>
  </si>
  <si>
    <t>Classificação de Ativos - ALGAR TECH Monitoramento ar condicionado subestação 1 e 2.xlsx</t>
  </si>
  <si>
    <t>11/14/2019 16:45:35</t>
  </si>
  <si>
    <t>11/14/2019 16:48:44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e894bfa401c848dc9e25ced4ad1f3dd7-luciana fer;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e894bfa401c848dc9e25ced4ad1f3dd7-luciana fer</t>
  </si>
  <si>
    <t>11/14/2019 16:46:54</t>
  </si>
  <si>
    <t>11/14/2019 16:51:43</t>
  </si>
  <si>
    <t>11/14/2019 16:49:14</t>
  </si>
  <si>
    <t>11/14/2019 16:50:08</t>
  </si>
  <si>
    <t>11/14/2019 16:54:33</t>
  </si>
  <si>
    <t>11/14/2019 16:56:43</t>
  </si>
  <si>
    <t>/o=exchangelabs/ou=exchange administrative group (fydibohf23spdlt)/cn=recipients/cn=66edf19ebc2742d0aad16b8a34a09b10-andre luiz;/o=exchangelabs/ou=exchange administrative group (fydibohf23spdlt)/cn=recipients/cn=9590810d44524cf49acee6103c18936a-denys guidi;/o=exchangelabs/ou=exchange administrative group (fydibohf23spdlt)/cn=recipients/cn=97028c61ebe04c3ca84c604712943944-fabiano wil;</t>
  </si>
  <si>
    <t>RES: 216376 - A100 - GRU2 - STS Cyberex SPOF</t>
  </si>
  <si>
    <t>Classificação de Ativos - SPOF Diesel_Classificada.xlsx</t>
  </si>
  <si>
    <t>/o=exchangelabs/ou=exchange administrative group (fydibohf23spdlt)/cn=recipients/cn=66edf19ebc2742d0aad16b8a34a09b10-andre luiz,/o=exchangelabs/ou=exchange administrative group (fydibohf23spdlt)/cn=recipients/cn=9590810d44524cf49acee6103c18936a-denys guidi,/o=exchangelabs/ou=exchange administrative group (fydibohf23spdlt)/cn=recipients/cn=97028c61ebe04c3ca84c604712943944-fabiano wil</t>
  </si>
  <si>
    <t>11/14/2019 16:53:44</t>
  </si>
  <si>
    <t>11/14/2019 16:57:44</t>
  </si>
  <si>
    <t>11/14/2019 16:57:54</t>
  </si>
  <si>
    <t>11/14/2019 16:58:43</t>
  </si>
  <si>
    <t>Relatação de ativos 31-10_.xlsx</t>
  </si>
  <si>
    <t>11/14/2019 16:58:20</t>
  </si>
  <si>
    <t>11/14/2019 17:02:43</t>
  </si>
  <si>
    <t>mail.google.com/_/upload?authuser=0&amp;dcp=asu-n&amp;upload_id=AEnB2UpyrbEjbbSZuzv19yjbz9fy2a6DLp6SjyHAc5MHHzTnq1hdzS0ueqvXIBw_IezDOQJQf-YcnNWPO3m0MVqT7pKIwZLHZQ&amp;upload_protocol=resumable</t>
  </si>
  <si>
    <t>almoxarifado@algartech.com;cei-projetostransanionais@algartech.com;daniloms@algartech.com;danteglha@algartech.com;elisangelads@algartech.com;fabiorb@algartech.com;fabriciovs@algartech.com;guilhermeaso@algartech.com;guilhermecst@algartech.com;joaoedl@algartech.com;leandroro@algartech.com;leandrosos@algartech.com;leonardofdsa@algartech.com;marceloat@algartech.com;rafaelg@algartech.com;williamads@algartech.com;</t>
  </si>
  <si>
    <t>Troca de CPU para VDI (1).xlsx</t>
  </si>
  <si>
    <t>almoxarifado@algartech.com,cei-projetostransanionais@algartech.com,daniloms@algartech.com,danteglha@algartech.com,elisangelads@algartech.com,fabiorb@algartech.com,fabriciovs@algartech.com,guilhermeaso@algartech.com,guilhermecst@algartech.com,joaoedl@algartech.com,leandroro@algartech.com,leandrosos@algartech.com,leonardofdsa@algartech.com,marceloat@algartech.com,rafaelg@algartech.com,williamads@algartech.com</t>
  </si>
  <si>
    <t>11/14/2019 16:58:21</t>
  </si>
  <si>
    <t>mail.google.com/_/upload?authuser=0&amp;dcp=asu-n&amp;upload_id=AEnB2UrCVg59CJCvzLJqqDJtlx6SSL7PaapFf2tp-RXPgVLwRcpFrFV7KJwYJ3vuJ8TkIFZwPdRt7Fjgd5oATFMqDl851oGGeg&amp;upload_protocol=resumable</t>
  </si>
  <si>
    <t>Troca de maquina por performance Ticket 803748_13 11 (1).xlsx</t>
  </si>
  <si>
    <t>11/14/2019 17:04:38</t>
  </si>
  <si>
    <t>11/14/2019 17:07:44</t>
  </si>
  <si>
    <t>bianca_aragon@whirlpool.com;camila_paixao@whirlpool.com;eunice.pimenta@algartech.com;fabianacscg@algartech.com;</t>
  </si>
  <si>
    <t>Almir.xlsx</t>
  </si>
  <si>
    <t>bianca_aragon@whirlpool.com,camila_paixao@whirlpool.com,eunice.pimenta@algartech.com,fabianacscg@algartech.com</t>
  </si>
  <si>
    <t>11/14/2019 17:10:10</t>
  </si>
  <si>
    <t>11/14/2019 17:12:44</t>
  </si>
  <si>
    <t>Escala TRN - FEIRA DE PRODUTOS.xlsx</t>
  </si>
  <si>
    <t>11/14/2019 17:25:35</t>
  </si>
  <si>
    <t>11/14/2019 17:29:43</t>
  </si>
  <si>
    <t>danubiacsm@algartech.com;</t>
  </si>
  <si>
    <t>Lista de presença no treinamento Semana do Conhecimento</t>
  </si>
  <si>
    <t>PRESENÇA TRN SEMANA CONHECIMENTO.xlsx</t>
  </si>
  <si>
    <t>11/14/2019 18:05:39</t>
  </si>
  <si>
    <t>11/14/2019 18:06:44</t>
  </si>
  <si>
    <t>/o=exchangelabs/ou=exchange administrative group (fydibohf23spdlt)/cn=recipients/cn=a4ba92cba10f4fe498074594f937f3b6-leandro lop;</t>
  </si>
  <si>
    <t>Performance URR</t>
  </si>
  <si>
    <t>/o=exchangelabs/ou=exchange administrative group (fydibohf23spdlt)/cn=recipients/cn=a4ba92cba10f4fe498074594f937f3b6-leandro lop</t>
  </si>
  <si>
    <t>11/14/2019 18:22:03</t>
  </si>
  <si>
    <t>11/14/2019 18:25:44</t>
  </si>
  <si>
    <t>iaraadss@algartech.com;jaquelines@algartech.com;lucioms@algartech.com;</t>
  </si>
  <si>
    <t>Categorias G Suite.xlsx</t>
  </si>
  <si>
    <t>iaraadss@algartech.com,jaquelines@algartech.com,lucioms@algartech.com</t>
  </si>
  <si>
    <t>11/14/2019 18:41:15</t>
  </si>
  <si>
    <t>11/14/2019 18:41:43</t>
  </si>
  <si>
    <t>mail.google.com/_/upload?authuser=0&amp;dcp=asu-n&amp;upload_id=AEnB2UrGkk569Ah3YIxrnwwS_ZIEQkQazPLKD8mCQxCaHbeh47gGPnJxlfkVr48tV_PZHmFkg4cNLQqrkuCqfaYkboRP_UwnmJKjBtq2lO_nj_zhEUSQi8I&amp;upload_protocol=resumable</t>
  </si>
  <si>
    <t>C:\Users\alefl\OneDrive - Grupo Algar\Qradar\All\Algar\</t>
  </si>
  <si>
    <t>Alteração de OU.xlsx</t>
  </si>
  <si>
    <t>11/14/2019 23:51:46</t>
  </si>
  <si>
    <t>11/14/2019 23:55:45</t>
  </si>
  <si>
    <t>Projeto Faber Castell</t>
  </si>
  <si>
    <t>216445 RFP Faber Castell Precificacao C017 B017_v1.xlsb</t>
  </si>
  <si>
    <t>11/14/2019 17:41:04</t>
  </si>
  <si>
    <t>11/15/2019 09:42:48</t>
  </si>
  <si>
    <t>C:\Users\filemoncmj\OneDrive - Grupo Algar\01. Algar Tech\01. Projetos de Clientes\47. Prudential\25. Recuperações de Custo\</t>
  </si>
  <si>
    <t>11/15/2019 00:10:02</t>
  </si>
  <si>
    <t>11/15/2019 13:31:52</t>
  </si>
  <si>
    <t>11/15/2019 15:34:27</t>
  </si>
  <si>
    <t>11/15/2019 15:36:55</t>
  </si>
  <si>
    <t>216445 RFP Faber Castell Precificacao C017 B017_v1 Cenário Fiori.xlsb</t>
  </si>
  <si>
    <t>11/15/2019 20:07:31</t>
  </si>
  <si>
    <t>11/15/2019 20:11:55</t>
  </si>
  <si>
    <t>lcsantos@algartech.com;</t>
  </si>
  <si>
    <t>AR Diário - Jan a Out/ 2019</t>
  </si>
  <si>
    <t>lcsantos@algartech.com</t>
  </si>
  <si>
    <t>11/15/2019 20:22:19</t>
  </si>
  <si>
    <t>11/16/2019 09:39:00</t>
  </si>
  <si>
    <t>C:\Users\igortfc\Downloads\Ativar função de snapshot em backup de servidores.eml\</t>
  </si>
  <si>
    <t>11/16/2019 07:24:26</t>
  </si>
  <si>
    <t>Relação_RFC_Skills_Vs_Recursos_Prudential_Compilado.xlsx</t>
  </si>
  <si>
    <t>11/16/2019 09:46:12</t>
  </si>
  <si>
    <t>11/16/2019 09:50:59</t>
  </si>
  <si>
    <t>/o=exchangelabs/ou=exchange administrative group (fydibohf23spdlt)/cn=recipients/cn=55f846c335d7437f892f0b0d49c89e92-celma ribei;/o=exchangelabs/ou=exchange administrative group (fydibohf23spdlt)/cn=recipients/cn=5cdf7c02d3784fda99b7b159b2a127b2-rudney leme;/o=exchangelabs/ou=exchange administrative group (fydibohf23spdlt)/cn=recipients/cn=a4d4dbc88c434f8ba2bceed730d83878-marcellus r;/o=exchangelabs/ou=exchange administrative group (fydibohf23spdlt)/cn=recipients/cn=c5057601f2364b0db7ea84dbec10baa4-matheus mor;</t>
  </si>
  <si>
    <t>RES: Operações Financeiras para Pré-Pagamento Debêntures Bradesco</t>
  </si>
  <si>
    <t>Posição de Mútuos Algar Tech 2019.xlsx</t>
  </si>
  <si>
    <t>/o=exchangelabs/ou=exchange administrative group (fydibohf23spdlt)/cn=recipients/cn=55f846c335d7437f892f0b0d49c89e92-celma ribei,/o=exchangelabs/ou=exchange administrative group (fydibohf23spdlt)/cn=recipients/cn=5cdf7c02d3784fda99b7b159b2a127b2-rudney leme,/o=exchangelabs/ou=exchange administrative group (fydibohf23spdlt)/cn=recipients/cn=a4d4dbc88c434f8ba2bceed730d83878-marcellus r,/o=exchangelabs/ou=exchange administrative group (fydibohf23spdlt)/cn=recipients/cn=c5057601f2364b0db7ea84dbec10baa4-matheus mor</t>
  </si>
  <si>
    <t>11/16/2019 10:02:44</t>
  </si>
  <si>
    <t>11/16/2019 10:06:59</t>
  </si>
  <si>
    <t>11/16/2019 12:44:12</t>
  </si>
  <si>
    <t>11/16/2019 12:54:02</t>
  </si>
  <si>
    <t>/o=exchangelabs/ou=exchange administrative group (fydibohf23spdlt)/cn=recipients/cn=2b69c7de1a3641269a7eed0596e1ddc2-wayner oliv;/o=exchangelabs/ou=exchange administrative group (fydibohf23spdlt)/cn=recipients/cn=2d3379e2d04c40db810b4b1f41dd2aea-erica carol;/o=exchangelabs/ou=exchange administrative group (fydibohf23spdlt)/cn=recipients/cn=65f2464c9a2e4d2981cae7124572133d-cristiane c;</t>
  </si>
  <si>
    <t>Depreciação GST</t>
  </si>
  <si>
    <t>DRE_Depreciação_Final_com_GS1T.xlsx</t>
  </si>
  <si>
    <t>/o=exchangelabs/ou=exchange administrative group (fydibohf23spdlt)/cn=recipients/cn=2b69c7de1a3641269a7eed0596e1ddc2-wayner oliv,/o=exchangelabs/ou=exchange administrative group (fydibohf23spdlt)/cn=recipients/cn=2d3379e2d04c40db810b4b1f41dd2aea-erica carol,/o=exchangelabs/ou=exchange administrative group (fydibohf23spdlt)/cn=recipients/cn=65f2464c9a2e4d2981cae7124572133d-cristiane c</t>
  </si>
  <si>
    <t>11/16/2019 13:16:38</t>
  </si>
  <si>
    <t>11/16/2019 13:21:01</t>
  </si>
  <si>
    <t>ENC: Depreciação GST</t>
  </si>
  <si>
    <t>11/16/2019 13:46:08</t>
  </si>
  <si>
    <t>11/16/2019 16:45:06</t>
  </si>
  <si>
    <t>C:\Users\filemoncmj\OneDrive - Grupo Algar\01. Algar Tech\01. Projetos de Clientes\47. Prudential\17. FTE\</t>
  </si>
  <si>
    <t>151119 - Registro de FTE Realizado ISD Prudential.xlsb</t>
  </si>
  <si>
    <t>151119 - Registro de FTE Realizado GIAT Prudential.xlsb</t>
  </si>
  <si>
    <t>11/16/2019 17:42:51</t>
  </si>
  <si>
    <t>11/16/2019 17:46:06</t>
  </si>
  <si>
    <t>11/16/2019 17:44:29</t>
  </si>
  <si>
    <t>11/16/2019 18:21:15</t>
  </si>
  <si>
    <t>11/17/2019 11:57:15</t>
  </si>
  <si>
    <t>C:\Users\filemoncmj\OneDrive - Grupo Algar\01. Algar Tech\01. Projetos de Clientes\47. Prudential\17. FTE\Dezembro\</t>
  </si>
  <si>
    <t>151219 - Registro de FTE Realizado ISD Prudential.xlsb</t>
  </si>
  <si>
    <t>11/16/2019 18:21:16</t>
  </si>
  <si>
    <t>151219 - Registro de FTE Realizado GIAT Prudential.xlsb</t>
  </si>
  <si>
    <t>11/16/2019 18:27:15</t>
  </si>
  <si>
    <t>11/16/2019 18:29:34</t>
  </si>
  <si>
    <t>mail.google.com/_/upload?authuser=0&amp;dcp=asu-n&amp;upload_id=AEnB2Uo7bnf6IpakrdsbX_pEzsVcxMkWdr8zBrKItCmnm_Vw9fa_nLHcrm_NwaEwJu2e0G4KvHh-PApWOt3ZgCd_NJCH1A7AJ8-ewB0Z25oRXPCeMzgFbBc&amp;upload_protocol=resumable</t>
  </si>
  <si>
    <t>mail.google.com/_/upload?authuser=0&amp;dcp=asu-n&amp;upload_id=AEnB2UrMcy3jxtX3510YBF6gB-ny4Ewx_rgfMhYxHxKPezXUUg9GH1B6AFkjAHVP7WCnN-TU8k6UtpsiwGiTa60FddkUDpJNow&amp;upload_protocol=resumable</t>
  </si>
  <si>
    <t>11/17/2019 15:21:39</t>
  </si>
  <si>
    <t>11/17/2019 15:22:18</t>
  </si>
  <si>
    <t>\\acsfs\DEPTOS\Controladoria\3. CSC\CONTROLES CSC\7-Orçamento 2020\Revisao Volumes 2020_v2\</t>
  </si>
  <si>
    <t>Cost Driver 2020 Algar Tech_cenário novo Engeset.xlsx</t>
  </si>
  <si>
    <t>11/17/2019 15:34:55</t>
  </si>
  <si>
    <t>11/17/2019 15:39:19</t>
  </si>
  <si>
    <t>11/17/2019 20:46:59</t>
  </si>
  <si>
    <t>11/17/2019 20:56:20</t>
  </si>
  <si>
    <t>2019_11_17_Base_Auditorias_Online.xlsx</t>
  </si>
  <si>
    <t>11/15/2019 15:41:14</t>
  </si>
  <si>
    <t>11/17/2019 21:05:19</t>
  </si>
  <si>
    <t>Projeto Faber Castell - Considere esta última versão</t>
  </si>
  <si>
    <t>11/15/2019 15:44:27</t>
  </si>
  <si>
    <t>Projeto Faber Castell - Considere esta última versão Final.</t>
  </si>
  <si>
    <t>11/14/2019 15:25:41</t>
  </si>
  <si>
    <t>11/18/2019 07:22:22</t>
  </si>
  <si>
    <t>ENC: Faturamento Telecom</t>
  </si>
  <si>
    <t>11/15/2019 13:48:52</t>
  </si>
  <si>
    <t>11/18/2019 07:37:22</t>
  </si>
  <si>
    <t>mail.google.com/_/upload?authuser=1&amp;dcp=asu-n&amp;upload_id=AEnB2UqJr9GQ23HPYFeazcYDKysEdGNFqLe-TnuLpnBOIU7CnzzoJWDN7Vy7hWins1jwU2K_Lan2cOJPp9dTJCYHyVNVP0uVkA&amp;upload_protocol=resumable</t>
  </si>
  <si>
    <t>11/18/2019 07:38:55</t>
  </si>
  <si>
    <t>11/18/2019 07:40:23</t>
  </si>
  <si>
    <t>https://caey.fa.us2.oraclecloud.com/crmui/faces/fusewelcome?_adf.ctrl-state=ezblzvgp_10</t>
  </si>
  <si>
    <t>C:\Users\sherleyce\Desktop\Margens GAT 2018 - 30%.msg\s1\</t>
  </si>
  <si>
    <t>GAT Preço 2018.xlsx</t>
  </si>
  <si>
    <t>11/18/2019 07:43:27</t>
  </si>
  <si>
    <t>11/18/2019 07:45:23</t>
  </si>
  <si>
    <t>11/18/2019 07:52:53</t>
  </si>
  <si>
    <t>11/18/2019 07:55:24</t>
  </si>
  <si>
    <t>ENC: Margens GAT 2018</t>
  </si>
  <si>
    <t>C:\Users\marceloaa\Downloads\</t>
  </si>
  <si>
    <t>11/18/2019 07:58:01</t>
  </si>
  <si>
    <t>11/18/2019 08:00:24</t>
  </si>
  <si>
    <t>Quantidade UHV Outubro.xlsx</t>
  </si>
  <si>
    <t>11/16/2019 17:48:14</t>
  </si>
  <si>
    <t>11/18/2019 08:01:23</t>
  </si>
  <si>
    <t>Atualização de Baixa GST</t>
  </si>
  <si>
    <t>Inventario Engeset Nov_19.xlsx</t>
  </si>
  <si>
    <t>11/17/2019 12:17:44</t>
  </si>
  <si>
    <t>11/18/2019 08:14:24</t>
  </si>
  <si>
    <t>Base 2017</t>
  </si>
  <si>
    <t>11/18/2019 08:09:18</t>
  </si>
  <si>
    <t>11/18/2019 08:15:23</t>
  </si>
  <si>
    <t>10.200.200.65</t>
  </si>
  <si>
    <t>Vendas</t>
  </si>
  <si>
    <t>11/13/2019 18:16:49</t>
  </si>
  <si>
    <t>11/18/2019 08:16:24</t>
  </si>
  <si>
    <t>Chamados para 14-11</t>
  </si>
  <si>
    <t>Chamados 14-11.xlsx</t>
  </si>
  <si>
    <t>11/14/2019 12:34:33</t>
  </si>
  <si>
    <t>elisangelamol@algartech.com;mihapasilva@gmail.com;</t>
  </si>
  <si>
    <t>Casos resolvidos TechOnline TOP</t>
  </si>
  <si>
    <t>ABONO Consolidado.xlsx</t>
  </si>
  <si>
    <t>elisangelamol@algartech.com,mihapasilva@gmail.com</t>
  </si>
  <si>
    <t>11/14/2019 14:16:15</t>
  </si>
  <si>
    <t>/o=exchangelabs/ou=exchange administrative group (fydibohf23spdlt)/cn=recipients/cn=525b3060f0654996a4c2979efbfaed04-douglas sil;/o=exchangelabs/ou=exchange administrative group (fydibohf23spdlt)/cn=recipients/cn=5ab64dc5178e4d66aadc5f660807b2c3-andre gomes;</t>
  </si>
  <si>
    <t>/o=exchangelabs/ou=exchange administrative group (fydibohf23spdlt)/cn=recipients/cn=525b3060f0654996a4c2979efbfaed04-douglas sil,/o=exchangelabs/ou=exchange administrative group (fydibohf23spdlt)/cn=recipients/cn=5ab64dc5178e4d66aadc5f660807b2c3-andre gomes</t>
  </si>
  <si>
    <t>11/14/2019 14:27:43</t>
  </si>
  <si>
    <t>ENC: Políticas</t>
  </si>
  <si>
    <t>11/14/2019 16:31:58</t>
  </si>
  <si>
    <t>/o=exchangelabs/ou=exchange administrative group (fydibohf23spdlt)/cn=recipients/cn=525b3060f0654996a4c2979efbfaed04-douglas sil;/o=exchangelabs/ou=exchange administrative group (fydibohf23spdlt)/cn=recipients/cn=5ab64dc5178e4d66aadc5f660807b2c3-andre gomes;mihapasilva@gmail.com;</t>
  </si>
  <si>
    <t>RES: Planilha Incentivo.xlsx</t>
  </si>
  <si>
    <t>Políticas Incentivos - Michelle.xlsx</t>
  </si>
  <si>
    <t>/o=exchangelabs/ou=exchange administrative group (fydibohf23spdlt)/cn=recipients/cn=525b3060f0654996a4c2979efbfaed04-douglas sil,/o=exchangelabs/ou=exchange administrative group (fydibohf23spdlt)/cn=recipients/cn=5ab64dc5178e4d66aadc5f660807b2c3-andre gomes,mihapasilva@gmail.com</t>
  </si>
  <si>
    <t>11/15/2019 08:17:27</t>
  </si>
  <si>
    <t>11/15/2019 08:28:36</t>
  </si>
  <si>
    <t>ENC: Desconto Ausência em Treinamento PLR 2019 - 1º semestre</t>
  </si>
  <si>
    <t>11/15/2019 10:34:58</t>
  </si>
  <si>
    <t>/o=exchangelabs/ou=exchange administrative group (fydibohf23spdlt)/cn=recipients/cn=61af722dd06149089cf1c867d796b8bc-delso estre;/o=exchangelabs/ou=exchange administrative group (fydibohf23spdlt)/cn=recipients/cn=c9ea031fea1c4d28a37208d7515cef44-mara rubia;wilsianemf@algartech.com;</t>
  </si>
  <si>
    <t>ENC: Descontos PLR</t>
  </si>
  <si>
    <t>/o=exchangelabs/ou=exchange administrative group (fydibohf23spdlt)/cn=recipients/cn=61af722dd06149089cf1c867d796b8bc-delso estre,/o=exchangelabs/ou=exchange administrative group (fydibohf23spdlt)/cn=recipients/cn=c9ea031fea1c4d28a37208d7515cef44-mara rubia,wilsianemf@algartech.com</t>
  </si>
  <si>
    <t>11/13/2019 12:42:36</t>
  </si>
  <si>
    <t>11/18/2019 08:24:24</t>
  </si>
  <si>
    <t>/o=exchangelabs/ou=exchange administrative group (fydibohf23spdlt)/cn=recipients/cn=02b715e2a3c744dbab0f4054efc9d2d2-raquel corr;/o=exchangelabs/ou=exchange administrative group (fydibohf23spdlt)/cn=recipients/cn=88c76f56ba274d40bc5ef03a7197e5b9-marcos pere;</t>
  </si>
  <si>
    <t>Relatorio_Acionamento (17).xlsx</t>
  </si>
  <si>
    <t>/o=exchangelabs/ou=exchange administrative group (fydibohf23spdlt)/cn=recipients/cn=02b715e2a3c744dbab0f4054efc9d2d2-raquel corr,/o=exchangelabs/ou=exchange administrative group (fydibohf23spdlt)/cn=recipients/cn=88c76f56ba274d40bc5ef03a7197e5b9-marcos pere</t>
  </si>
  <si>
    <t>11/18/2019 08:18:14</t>
  </si>
  <si>
    <t>11/18/2019 08:25:24</t>
  </si>
  <si>
    <t>/o=exchangelabs/ou=exchange administrative group (fydibohf23spdlt)/cn=recipients/cn=2072905e221e44cd93713caf57a4301f-roberta igi;/o=exchangelabs/ou=exchange administrative group (fydibohf23spdlt)/cn=recipients/cn=d6cce5a70d504cc2ad89cee834cd59a9-luciana rib;</t>
  </si>
  <si>
    <t>ENC: Analise AHT</t>
  </si>
  <si>
    <t>TMA MARIA LUIZA.xlsb</t>
  </si>
  <si>
    <t>/o=exchangelabs/ou=exchange administrative group (fydibohf23spdlt)/cn=recipients/cn=2072905e221e44cd93713caf57a4301f-roberta igi,/o=exchangelabs/ou=exchange administrative group (fydibohf23spdlt)/cn=recipients/cn=d6cce5a70d504cc2ad89cee834cd59a9-luciana rib</t>
  </si>
  <si>
    <t>11/18/2019 08:26:50</t>
  </si>
  <si>
    <t>11/18/2019 08:30:24</t>
  </si>
  <si>
    <t>11/18/2019 08:27:10</t>
  </si>
  <si>
    <t>ENC: Reports Ativos</t>
  </si>
  <si>
    <t>11/18/2019 08:27:32</t>
  </si>
  <si>
    <t>10.200.57.183</t>
  </si>
  <si>
    <t>/o=exchangelabs/ou=exchange administrative group (fydibohf23spdlt)/cn=recipients/cn=32fe8a14424941da83c2bf35a8a5709e-fabiana car;/o=exchangelabs/ou=exchange administrative group (fydibohf23spdlt)/cn=recipients/cn=a4ba92cba10f4fe498074594f937f3b6-leandro lop;/o=exchangelabs/ou=exchange administrative group (fydibohf23spdlt)/cn=recipients/cn=a78f7dae304e472e9f75bd537683f6e5-hugo de oli;/o=exchangelabs/ou=exchange administrative group (fydibohf23spdlt)/cn=recipients/cn=b36412a54b154c07b0a876537a78fce8-jheniffer g;marcotvo@algartech.com;</t>
  </si>
  <si>
    <t>ENC: Fechamento Rateio Outubro/2019</t>
  </si>
  <si>
    <t>/o=exchangelabs/ou=exchange administrative group (fydibohf23spdlt)/cn=recipients/cn=32fe8a14424941da83c2bf35a8a5709e-fabiana car,/o=exchangelabs/ou=exchange administrative group (fydibohf23spdlt)/cn=recipients/cn=a4ba92cba10f4fe498074594f937f3b6-leandro lop,/o=exchangelabs/ou=exchange administrative group (fydibohf23spdlt)/cn=recipients/cn=a78f7dae304e472e9f75bd537683f6e5-hugo de oli,/o=exchangelabs/ou=exchange administrative group (fydibohf23spdlt)/cn=recipients/cn=b36412a54b154c07b0a876537a78fce8-jheniffer g,marcotvo@algartech.com</t>
  </si>
  <si>
    <t>11/13/2019 09:42:04</t>
  </si>
  <si>
    <t>ENC: Report Intradiário - Atendimento Cerrado - 12/11/2019 - Acumulado até 22hrs</t>
  </si>
  <si>
    <t>11/13/2019 10:06:34</t>
  </si>
  <si>
    <t>/o=exchangelabs/ou=exchange administrative group (fydibohf23spdlt)/cn=recipients/cn=00dbcea0702d4358b7c66d1d0dd7b863-juliana tei;/o=exchangelabs/ou=exchange administrative group (fydibohf23spdlt)/cn=recipients/cn=3df17c1010ae4cab986aa8b612dce3c5-vesliane ap;/o=exchangelabs/ou=exchange administrative group (fydibohf23spdlt)/cn=recipients/cn=525b3060f0654996a4c2979efbfaed04-douglas sil;/o=exchangelabs/ou=exchange administrative group (fydibohf23spdlt)/cn=recipients/cn=7010366a38334f4ea93ff55da14a3fd0-supervisore;/o=exchangelabs/ou=exchange administrative group (fydibohf23spdlt)/cn=recipients/cn=7c18c68de32d4253b0f64f2eed60d60e-thais ferna;daniellagc@algartech.com.br;deborahvhw@algartech.com;</t>
  </si>
  <si>
    <t>RES: Verificar impacto no resultado de qualidade Outubro</t>
  </si>
  <si>
    <t>Base oficial.xlsx</t>
  </si>
  <si>
    <t>/o=exchangelabs/ou=exchange administrative group (fydibohf23spdlt)/cn=recipients/cn=00dbcea0702d4358b7c66d1d0dd7b863-juliana tei,/o=exchangelabs/ou=exchange administrative group (fydibohf23spdlt)/cn=recipients/cn=3df17c1010ae4cab986aa8b612dce3c5-vesliane ap,/o=exchangelabs/ou=exchange administrative group (fydibohf23spdlt)/cn=recipients/cn=525b3060f0654996a4c2979efbfaed04-douglas sil,/o=exchangelabs/ou=exchange administrative group (fydibohf23spdlt)/cn=recipients/cn=7010366a38334f4ea93ff55da14a3fd0-supervisore,/o=exchangelabs/ou=exchange administrative group (fydibohf23spdlt)/cn=recipients/cn=7c18c68de32d4253b0f64f2eed60d60e-thais ferna,daniellagc@algartech.com.br,deborahvhw@algartech.com</t>
  </si>
  <si>
    <t>11/18/2019 08:30:06</t>
  </si>
  <si>
    <t>11/18/2019 08:31:24</t>
  </si>
  <si>
    <t>C:\Users\brunop\Desktop\Docs Visão Receptivo\</t>
  </si>
  <si>
    <t>Migração Arquitetura 09-10_112019.xlsx</t>
  </si>
  <si>
    <t>11/18/2019 08:26:17</t>
  </si>
  <si>
    <t>ENC: Erro operacional</t>
  </si>
  <si>
    <t>11/14/2019 17:43:54</t>
  </si>
  <si>
    <t>11/18/2019 08:36:24</t>
  </si>
  <si>
    <t>ENC: Enc: Re: RES: RES: Resposta do Cenario adicional - RFP Field Services</t>
  </si>
  <si>
    <t>199274_IBM_v8_Bodyshop_MULTI_(C017_B017) - rev8.xlsb</t>
  </si>
  <si>
    <t>11/18/2019 08:34:56</t>
  </si>
  <si>
    <t>11/18/2019 08:38:24</t>
  </si>
  <si>
    <t>\\acsfs\dsti\CIT- Coordenação de Inteligência de Tecnologia\35 - Gerenciamento de Disponibilidade e Continuidade\02 - INDICADORES - PROCESSO\01 - INDICADORES CONSOLIDADO\2019\Out-19\</t>
  </si>
  <si>
    <t>R1-P1-Out-19.xls</t>
  </si>
  <si>
    <t>11/18/2019 08:31:39</t>
  </si>
  <si>
    <t>11/14/2019 14:57:52</t>
  </si>
  <si>
    <t>11/18/2019 08:40:24</t>
  </si>
  <si>
    <t>10.200.57.137</t>
  </si>
  <si>
    <t>D4-6A-6A-F9-B1-A7</t>
  </si>
  <si>
    <t>11/14/2019 14:59:28</t>
  </si>
  <si>
    <t>Preco_215380_V1 - Copia.xlsb</t>
  </si>
  <si>
    <t>11/18/2019 08:41:31</t>
  </si>
  <si>
    <t>11/18/2019 08:43:24</t>
  </si>
  <si>
    <t>0]�5;111;1110555955;1573935831301;[];[]]];false]";jbulg\";null;r2jnncmdqt862zvrwg7o3um6drxg1etgffib1pa7skvtd0e7dryh46i0kb9gvvkof_f8j3xigabtkyatuzzml-i9oqtsg-resp1weye_hqe7qowcz3cvxskhrcqvutjjbdwz69cmtwm21se7rjtatr0mhh-xiyp57wynznfsd7a4b2kzh60fg20z4je4ga2e0gqbm9pyv0dn1ygsoextmeyn8qm4nfsvz0xzcmk3cxqjymxmyd9medihvzraxoyqlyobr8si1x3zqhybgaboc8f4ur1blghgtx0gqzlzm6jcueysvjxtttvwmohittrs8ode8sc0rgu4i6;r2jnncmdqt862zvrwg7o3um6drxg1etgffib1pa7skvtd0e7dryh46i0kb9gvvkof_f8j3xigabtkyatuzzml-i9oqtsg-resp1weye_hqe7qowcz3cvxskhrcqvutjjbdwz69cmtwm21se7rjtatr0mhh-xiyp57wynznfsd7a4b2kzh60fg20z4je4ga2e0gqbm9pyv0dn1ygsoextmeyn8qm4nfsvz0xzcmk3cxqjymxmyd9medihvzraxoyqlyobr8si1x3zqhybgaboc8f4ur1blghgtx0gqzlzm6jcueysvjxtttvwmohittrs8ode8sc0rgu4i7;</t>
  </si>
  <si>
    <t>massa rdm 10-2019.xls</t>
  </si>
  <si>
    <t>0]�5,111,1110555955,1573935831301,[],[]]],false]",jbulg\",null,r2jnncmdqt862zvrwg7o3um6drxg1etgffib1pa7skvtd0e7dryh46i0kb9gvvkof_f8j3xigabtkyatuzzml-i9oqtsg-resp1weye_hqe7qowcz3cvxskhrcqvutjjbdwz69cmtwm21se7rjtatr0mhh-xiyp57wynznfsd7a4b2kzh60fg20z4je4ga2e0gqbm9pyv0dn1ygsoextmeyn8qm4nfsvz0xzcmk3cxqjymxmyd9medihvzraxoyqlyobr8si1x3zqhybgaboc8f4ur1blghgtx0gqzlzm6jcueysvjxtttvwmohittrs8ode8sc0rgu4i6,r2jnncmdqt862zvrwg7o3um6drxg1etgffib1pa7skvtd0e7dryh46i0kb9gvvkof_f8j3xigabtkyatuzzml-i9oqtsg-resp1weye_hqe7qowcz3cvxskhrcqvutjjbdwz69cmtwm21se7rjtatr0mhh-xiyp57wynznfsd7a4b2kzh60fg20z4je4ga2e0gqbm9pyv0dn1ygsoextmeyn8qm4nfsvz0xzcmk3cxqjymxmyd9medihvzraxoyqlyobr8si1x3zqhybgaboc8f4ur1blghgtx0gqzlzm6jcueysvjxtttvwmohittrs8ode8sc0rgu4i7</t>
  </si>
  <si>
    <t>11/15/2019 23:40:01</t>
  </si>
  <si>
    <t>11/18/2019 08:45:23</t>
  </si>
  <si>
    <t>C:\Users\leandrolds\Desktop\</t>
  </si>
  <si>
    <t>BASE URR.xlsb</t>
  </si>
  <si>
    <t>D:\BASE URR.xlsb</t>
  </si>
  <si>
    <t>11/15/2019 23:40:29</t>
  </si>
  <si>
    <t>IGEST_URR_FAT_RAM_102019_ALELO.xlsx</t>
  </si>
  <si>
    <t>D:\IGEST_URR_FAT_RAM_102019_ALELO.xlsx</t>
  </si>
  <si>
    <t>11/15/2019 23:40:59</t>
  </si>
  <si>
    <t>IGEST_URR_FAT_RAM_082019_ALELO.xlsx</t>
  </si>
  <si>
    <t>D:\IGEST_URR_FAT_RAM_082019_ALELO.xlsx</t>
  </si>
  <si>
    <t>11/15/2019 23:41:28</t>
  </si>
  <si>
    <t>IGEST_URR_FAT_RAM_092019_ALELO.xlsx</t>
  </si>
  <si>
    <t>D:\IGEST_URR_FAT_RAM_092019_ALELO.xlsx</t>
  </si>
  <si>
    <t>11/18/2019 08:43:40</t>
  </si>
  <si>
    <t>11/18/2019 08:46:24</t>
  </si>
  <si>
    <t>ENC: [CEMAR] - FROTA</t>
  </si>
  <si>
    <t>Estudo Veículos projeto CEMAR.xlsx</t>
  </si>
  <si>
    <t>11/18/2019 08:43:52</t>
  </si>
  <si>
    <t>Tech 18-11</t>
  </si>
  <si>
    <t>Chamados 18-11.xlsx</t>
  </si>
  <si>
    <t>11/18/2019 08:44:18</t>
  </si>
  <si>
    <t>11/18/2019 08:47:23</t>
  </si>
  <si>
    <t>11/18/2019 08:44:57</t>
  </si>
  <si>
    <t>11/18/2019 08:45:14</t>
  </si>
  <si>
    <t>11/18/2019 08:46:08</t>
  </si>
  <si>
    <t>11/18/2019 08:43:26</t>
  </si>
  <si>
    <t>ENC: Antecipações DELL _ 2020</t>
  </si>
  <si>
    <t>DELL _ TI .xlsx</t>
  </si>
  <si>
    <t>11/18/2019 08:51:23</t>
  </si>
  <si>
    <t>FormulÃ¡rio TTV - LanÃ§amento de Hora Extra 18.11 (2).xlsx</t>
  </si>
  <si>
    <t>11/18/2019 08:46:17</t>
  </si>
  <si>
    <t>11/18/2019 08:47:02</t>
  </si>
  <si>
    <t>11/18/2019 08:52:24</t>
  </si>
  <si>
    <t>C:\Users\mariannacsm\OneDrive - Grupo Algar\0- PMO-POOL\PMO\CAPEX\CONSOLIDAÇÃO CAPEX 2020\TECNOLOGIA\Antecipações DELL _ 2020 .msg\s117\</t>
  </si>
  <si>
    <t>DELL _ TI.xlsx</t>
  </si>
  <si>
    <t>11/14/2019 17:59:04</t>
  </si>
  <si>
    <t>/o=exchangelabs/ou=exchange administrative group (fydibohf23spdlt)/cn=recipients/cn=49af12246d2746008617ced5a3abafc3-daniel de s;/o=exchangelabs/ou=exchange administrative group (fydibohf23spdlt)/cn=recipients/cn=8c89829ad534498fa4c85b5ac11174f1-suelen more;/o=exchangelabs/ou=exchange administrative group (fydibohf23spdlt)/cn=recipients/cn=b194f014572c4c36b52132f9199df1aa-jairo junio;</t>
  </si>
  <si>
    <t>OPP IPHAN - GOVERNO PREGÂO</t>
  </si>
  <si>
    <t>Precificação Iphan_V4.xlsb</t>
  </si>
  <si>
    <t>/o=exchangelabs/ou=exchange administrative group (fydibohf23spdlt)/cn=recipients/cn=49af12246d2746008617ced5a3abafc3-daniel de s,/o=exchangelabs/ou=exchange administrative group (fydibohf23spdlt)/cn=recipients/cn=8c89829ad534498fa4c85b5ac11174f1-suelen more,/o=exchangelabs/ou=exchange administrative group (fydibohf23spdlt)/cn=recipients/cn=b194f014572c4c36b52132f9199df1aa-jairo junio</t>
  </si>
  <si>
    <t>11/18/2019 08:53:42</t>
  </si>
  <si>
    <t>11/18/2019 08:55:23</t>
  </si>
  <si>
    <t>/o=exchangelabs/ou=exchange administrative group (fydibohf23spdlt)/cn=recipients/cn=2072905e221e44cd93713caf57a4301f-roberta igi;/o=exchangelabs/ou=exchange administrative group (fydibohf23spdlt)/cn=recipients/cn=6857e7b89b5f46e3b6aed2352ac8d5ac-carlos albe;/o=exchangelabs/ou=exchange administrative group (fydibohf23spdlt)/cn=recipients/cn=be0b59caa4dc43e39afaa089f44ef778-leonardo al;/o=exchangelabs/ou=exchange administrative group (fydibohf23spdlt)/cn=recipients/cn=d6cce5a70d504cc2ad89cee834cd59a9-luciana rib;/o=exchangelabs/ou=exchange administrative group (fydibohf23spdlt)/cn=recipients/cn=e6b7580a624e482b95aa2b9747aa6d6d-paulo sergi;amacedo@tripag.com.br;cfonseca@tripag.com.br;cynthiaf@tripag.com.br;dbpaixao@tripag.com.br;ganunes@tripag.com.br;kellyc@tripag.com.br;lucasfs@tribanco.com.br;marcosnf@tripag.com.br;oscilang@tripag.com.br;samias@tribanco.com.br;</t>
  </si>
  <si>
    <t>/o=exchangelabs/ou=exchange administrative group (fydibohf23spdlt)/cn=recipients/cn=2072905e221e44cd93713caf57a4301f-roberta igi,/o=exchangelabs/ou=exchange administrative group (fydibohf23spdlt)/cn=recipients/cn=6857e7b89b5f46e3b6aed2352ac8d5ac-carlos albe,/o=exchangelabs/ou=exchange administrative group (fydibohf23spdlt)/cn=recipients/cn=be0b59caa4dc43e39afaa089f44ef778-leonardo al,/o=exchangelabs/ou=exchange administrative group (fydibohf23spdlt)/cn=recipients/cn=d6cce5a70d504cc2ad89cee834cd59a9-luciana rib,/o=exchangelabs/ou=exchange administrative group (fydibohf23spdlt)/cn=recipients/cn=e6b7580a624e482b95aa2b9747aa6d6d-paulo sergi,amacedo@tripag.com.br,cfonseca@tripag.com.br,cynthiaf@tripag.com.br,dbpaixao@tripag.com.br,ganunes@tripag.com.br,kellyc@tripag.com.br,lucasfs@tribanco.com.br,marcosnf@tripag.com.br,oscilang@tripag.com.br,samias@tribanco.com.br</t>
  </si>
  <si>
    <t>11/18/2019 08:53:31</t>
  </si>
  <si>
    <t>11/18/2019 08:57:24</t>
  </si>
  <si>
    <t>semana - 47.xls</t>
  </si>
  <si>
    <t>11/18/2019 08:53:44</t>
  </si>
  <si>
    <t>11/18/2019 08:54:14</t>
  </si>
  <si>
    <t>11/18/2019 08:58:43</t>
  </si>
  <si>
    <t>11/18/2019 09:01:24</t>
  </si>
  <si>
    <t>10.12.243.124</t>
  </si>
  <si>
    <t>11/18/2019 09:03:00</t>
  </si>
  <si>
    <t>11/18/2019 09:04:23</t>
  </si>
  <si>
    <t>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249f643ba1e044588b45a020c76dadde-daniel de o;/o=exchangelabs/ou=exchange administrative group (fydibohf23spdlt)/cn=recipients/cn=287c26b08a0f48578479a15a452f025d-edilson rod;/o=exchangelabs/ou=exchange administrative group (fydibohf23spdlt)/cn=recipients/cn=3d76664d4bc241c487f06913aba47ca9-rafael da s;/o=exchangelabs/ou=exchange administrative group (fydibohf23spdlt)/cn=recipients/cn=54abac0a4fdc4ad1bec39bb51d85eab1-victor hugo;/o=exchangelabs/ou=exchange administrative group (fydibohf23spdlt)/cn=recipients/cn=5cdc4a7b917a447c993600ca829a0a39-elisangela;/o=exchangelabs/ou=exchange administrative group (fydibohf23spdlt)/cn=recipients/cn=5f7164c2a89543b4964bf0b338d00f87-samar</t>
  </si>
  <si>
    <t>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249f643ba1e044588b45a020c76dadde-daniel de o,/o=exchangelabs/ou=exchange administrative group (fydibohf23spdlt)/cn=recipients/cn=287c26b08a0f48578479a15a452f025d-edilson rod,/o=exchangelabs/ou=exchange administrative group (fydibohf23spdlt)/cn=recipients/cn=3d76664d4bc241c487f06913aba47ca9-rafael da s,/o=exchangelabs/ou=exchange administrative group (fydibohf23spdlt)/cn=recipients/cn=54abac0a4fdc4ad1bec39bb51d85eab1-victor hugo,/o=exchangelabs/ou=exchange administrative group (fydibohf23spdlt)/cn=recipients/cn=5cdc4a7b917a447c993600ca829a0a39-elisangela,/o=exchangelabs/ou=exchange administrative group (fydibohf23spdlt)/cn=recipients/cn=5f7164c2a89543b4964bf0b338d00f87-samar</t>
  </si>
  <si>
    <t>11/18/2019 09:00:30</t>
  </si>
  <si>
    <t>11/18/2019 09:05:24</t>
  </si>
  <si>
    <t>192.168.1.104</t>
  </si>
  <si>
    <t>Controle de penalidades setembro 2019 - justificativas</t>
  </si>
  <si>
    <t>RES Controle de Penalidades - Setembro2019.msg\s1\</t>
  </si>
  <si>
    <t>11/18/2019 09:01:26</t>
  </si>
  <si>
    <t>11/18/2019 09:06:23</t>
  </si>
  <si>
    <t>/o=exchangelabs/ou=exchange administrative group (fydibohf23spdlt)/cn=recipients/cn=5ab64dc5178e4d66aadc5f660807b2c3-andre gomes;/o=exchangelabs/ou=exchange administrative group (fydibohf23spdlt)/cn=recipients/cn=cee041e3afc5419faa2273808d5b57ff-priscila de;</t>
  </si>
  <si>
    <t>Políticas de Incentivos</t>
  </si>
  <si>
    <t>Políticas Incentivos.xlsx</t>
  </si>
  <si>
    <t>/o=exchangelabs/ou=exchange administrative group (fydibohf23spdlt)/cn=recipients/cn=5ab64dc5178e4d66aadc5f660807b2c3-andre gomes,/o=exchangelabs/ou=exchange administrative group (fydibohf23spdlt)/cn=recipients/cn=cee041e3afc5419faa2273808d5b57ff-priscila de</t>
  </si>
  <si>
    <t>11/13/2019 11:21:58</t>
  </si>
  <si>
    <t>10.201.28.36</t>
  </si>
  <si>
    <t>priscilacy@algartech.com;</t>
  </si>
  <si>
    <t>Arquivo Prévia 11.2019 Ajustado.xlsx</t>
  </si>
  <si>
    <t>priscilacy@algartech.com</t>
  </si>
  <si>
    <t>11/13/2019 11:23:06</t>
  </si>
  <si>
    <t>11/18/2019 09:07:24</t>
  </si>
  <si>
    <t>11/13/2019 11:23:31</t>
  </si>
  <si>
    <t>11/13/2019 11:27:43</t>
  </si>
  <si>
    <t>11/18/2019 09:08:48</t>
  </si>
  <si>
    <t>11/18/2019 09:10:23</t>
  </si>
  <si>
    <t>RES: Controle de penalidades setembro 2019 - justificativas</t>
  </si>
  <si>
    <t>Controle de Penalidades de Stembro 2019 -JUSTIFICATIVAS.xlsx</t>
  </si>
  <si>
    <t>11/18/2019 09:07:58</t>
  </si>
  <si>
    <t>ENC: Férias Naira</t>
  </si>
  <si>
    <t>ESCALA NOVEMBRO - DEZEMBRO- 2019 -.xlsx</t>
  </si>
  <si>
    <t>11/18/2019 09:08:46</t>
  </si>
  <si>
    <t>11/18/2019 09:11:24</t>
  </si>
  <si>
    <t>Seguue</t>
  </si>
  <si>
    <t>PLANO DE AÇÃO_ns.xls</t>
  </si>
  <si>
    <t>11/18/2019 09:06:40</t>
  </si>
  <si>
    <t>ENC: Políticas de Incentivos</t>
  </si>
  <si>
    <t>11/14/2019 09:40:12</t>
  </si>
  <si>
    <t>11/18/2019 09:12:24</t>
  </si>
  <si>
    <t>C:\Users\camilat\OneDrive - Grupo Algar\MEUS\Curso Estatistica\</t>
  </si>
  <si>
    <t>CADERNO DE EXERCÍCIOS (2).xls</t>
  </si>
  <si>
    <t>11/14/2019 10:29:59</t>
  </si>
  <si>
    <t>C:\Users\camilat\OneDrive - Grupo Algar\GERENCIAL\FINANCEIRO\Faturamento\340500033\NOVEMBRO 19 - Copia\</t>
  </si>
  <si>
    <t>11/14/2019 10:30:00</t>
  </si>
  <si>
    <t>Emissão Extra Base Line Novembro 2019.xlsx</t>
  </si>
  <si>
    <t>11/14/2019 10:34:19</t>
  </si>
  <si>
    <t>2019-09 - Cassio Borges - Copia.xlsx</t>
  </si>
  <si>
    <t>11/14/2019 10:50:42</t>
  </si>
  <si>
    <t>2019-11 - Cassio Borges - Copia.xlsx</t>
  </si>
  <si>
    <t>11/14/2019 14:49:56</t>
  </si>
  <si>
    <t>cassiomb@algartecnologia.com.br;luciane.moura@bradesco.com.br;paulorsk@algartech.com;tatianeeg@algartech.com;</t>
  </si>
  <si>
    <t>2019-11 - Thalles.xlsx</t>
  </si>
  <si>
    <t>cassiomb@algartecnologia.com.br,luciane.moura@bradesco.com.br,paulorsk@algartech.com,tatianeeg@algartech.com</t>
  </si>
  <si>
    <t>2019-11 - Cassio Borges.xlsx</t>
  </si>
  <si>
    <t>11/14/2019 14:55:41</t>
  </si>
  <si>
    <t>2019-11 - Thalles - Copia.xlsx</t>
  </si>
  <si>
    <t>11/14/2019 15:26:32</t>
  </si>
  <si>
    <t>2019-11 - Leila.xlsx</t>
  </si>
  <si>
    <t>11/14/2019 15:28:51</t>
  </si>
  <si>
    <t>C:\Users\camilat\OneDrive - Grupo Algar\GERENCIAL\FINANCEIRO\Faturamento\340500033\DEZEMBRO 19\</t>
  </si>
  <si>
    <t>Faturamento Consultoria Algar - Dezembro 2019.xlsm</t>
  </si>
  <si>
    <t>11/14/2019 15:44:38</t>
  </si>
  <si>
    <t>Planilha de Rateio INFRA Dezembro 2019.xlsx</t>
  </si>
  <si>
    <t>11/14/2019 15:47:59</t>
  </si>
  <si>
    <t>11/14/2019 15:48:08</t>
  </si>
  <si>
    <t>11/14/2019 15:52:30</t>
  </si>
  <si>
    <t>11/14/2019 17:13:48</t>
  </si>
  <si>
    <t>Solicitações de Férias Irregulares - Scheila Herrero - Copia.xls</t>
  </si>
  <si>
    <t>11/18/2019 09:09:22</t>
  </si>
  <si>
    <t>11/18/2019 09:14:24</t>
  </si>
  <si>
    <t>/o=exchangelabs/ou=exchange administrative group (fydibohf23spdlt)/cn=recipients/cn=55f846c335d7437f892f0b0d49c89e92-celma ribei;/o=exchangelabs/ou=exchange administrative group (fydibohf23spdlt)/cn=recipients/cn=carlos henrique vilarinho_db6c0fb3df;</t>
  </si>
  <si>
    <t>/o=exchangelabs/ou=exchange administrative group (fydibohf23spdlt)/cn=recipients/cn=55f846c335d7437f892f0b0d49c89e92-celma ribei,/o=exchangelabs/ou=exchange administrative group (fydibohf23spdlt)/cn=recipients/cn=carlos henrique vilarinho_db6c0fb3df</t>
  </si>
  <si>
    <t>11/18/2019 09:11:27</t>
  </si>
  <si>
    <t>ENC: BP Operação Overlap</t>
  </si>
  <si>
    <t>11/18/2019 09:13:59</t>
  </si>
  <si>
    <t>11/18/2019 09:15:23</t>
  </si>
  <si>
    <t>/o=exchangelabs/ou=exchange administrative group (fydibohf23spdlt)/cn=recipients/cn=7010366a38334f4ea93ff55da14a3fd0-supervisore;assistenteoperacionalfrd@algartech.com.br;</t>
  </si>
  <si>
    <t>ENC: Migração Google - Associados da rede segregada Bradesco</t>
  </si>
  <si>
    <t>/o=exchangelabs/ou=exchange administrative group (fydibohf23spdlt)/cn=recipients/cn=7010366a38334f4ea93ff55da14a3fd0-supervisore,assistenteoperacionalfrd@algartech.com.br</t>
  </si>
  <si>
    <t>11/18/2019 09:13:31</t>
  </si>
  <si>
    <t>11/18/2019 09:16:24</t>
  </si>
  <si>
    <t>mail.google.com/_/upload?authuser=0&amp;dcp=asu-n&amp;upload_id=AEnB2UpUr9g8O5R0uaql68SqxE5IIN-trcUCd--AdojVn7SMYfjTnqgd56GlUbKg3oPwvxM9LclNoGmib86rEJCwCO5LqmCFlw&amp;upload_protocol=resumable</t>
  </si>
  <si>
    <t>Atividades-ANF34 - UR_18_11_19 (2) (1) M.A.xlsx</t>
  </si>
  <si>
    <t>11/17/2019 11:42:13</t>
  </si>
  <si>
    <t>11/18/2019 09:19:24</t>
  </si>
  <si>
    <t>D:\RODRIGO\PARTICULAR\FOTOS\2019\11 - Novembro\Backup cel Karla\documentos\</t>
  </si>
  <si>
    <t>Calendário%20AADL%202019.xlsx</t>
  </si>
  <si>
    <t>G:\2019\11 - Novembro\Backup cel Karla\documentos\Calendário%20AADL%202019.xlsx</t>
  </si>
  <si>
    <t>11/17/2019 11:42:15</t>
  </si>
  <si>
    <t>LISTA ROTINA - clientes alphavile 2.xlsx</t>
  </si>
  <si>
    <t>G:\2019\11 - Novembro\Backup cel Karla\documentos\LISTA ROTINA - clientes alphavile 2.xlsx</t>
  </si>
  <si>
    <t>LISTA ROTINA.xlsx</t>
  </si>
  <si>
    <t>G:\2019\11 - Novembro\Backup cel Karla\documentos\LISTA ROTINA.xlsx</t>
  </si>
  <si>
    <t>11/13/2019 17:55:02</t>
  </si>
  <si>
    <t>11/18/2019 09:23:24</t>
  </si>
  <si>
    <t>11/18/2019 09:25:37</t>
  </si>
  <si>
    <t>11/18/2019 09:27:23</t>
  </si>
  <si>
    <t>solicitações de férias irregulares - caroll rezende.xls</t>
  </si>
  <si>
    <t>11/18/2019 09:28:15</t>
  </si>
  <si>
    <t>11/18/2019 09:30:24</t>
  </si>
  <si>
    <t>/o=exchangelabs/ou=exchange administrative group (fydibohf23spdlt)/cn=recipients/cn=554d2cdc1361428a8f1cbe37bb559534-caroline fe;/o=exchangelabs/ou=exchange administrative group (fydibohf23spdlt)/cn=recipients/cn=56dc126fba5b4a5f8fb1cd7e4f10477d-thais olive;/o=exchangelabs/ou=exchange administrative group (fydibohf23spdlt)/cn=recipients/cn=c34f1ae7ba484a33bbcd3ef2d8a2ff15-sandra borg;sandra.borges@temposervicos.com.br;vanessa.freitag@bradesco.com.br;</t>
  </si>
  <si>
    <t>UHV SPENDING BACK e LAST 10 - Outubro/19</t>
  </si>
  <si>
    <t>UHV_ALGAR_20191109.zip\</t>
  </si>
  <si>
    <t>UHV_ALGAR_20191109.xlsx</t>
  </si>
  <si>
    <t>/o=exchangelabs/ou=exchange administrative group (fydibohf23spdlt)/cn=recipients/cn=554d2cdc1361428a8f1cbe37bb559534-caroline fe,/o=exchangelabs/ou=exchange administrative group (fydibohf23spdlt)/cn=recipients/cn=56dc126fba5b4a5f8fb1cd7e4f10477d-thais olive,/o=exchangelabs/ou=exchange administrative group (fydibohf23spdlt)/cn=recipients/cn=c34f1ae7ba484a33bbcd3ef2d8a2ff15-sandra borg,sandra.borges@temposervicos.com.br,vanessa.freitag@bradesco.com.br</t>
  </si>
  <si>
    <t>11/18/2019 09:29:31</t>
  </si>
  <si>
    <t>11/18/2019 09:31:23</t>
  </si>
  <si>
    <t>0ANALYSIS_PATTERN - 2019-11-18T092859.557.csv</t>
  </si>
  <si>
    <t>11/18/2019 09:27:20</t>
  </si>
  <si>
    <t>11/18/2019 09:32:24</t>
  </si>
  <si>
    <t>Solicitações de Férias Irregulares - Caroll Rezende.xls</t>
  </si>
  <si>
    <t>11/18/2019 09:35:12</t>
  </si>
  <si>
    <t>11/18/2019 09:36:24</t>
  </si>
  <si>
    <t>0ANALYSIS_PATTERN - 2019-11-18T093245.826.csv</t>
  </si>
  <si>
    <t>11/18/2019 09:37:58</t>
  </si>
  <si>
    <t>11/18/2019 09:41:24</t>
  </si>
  <si>
    <t>/o=exchangelabs/ou=exchange administrative group (fydibohf23spdlt)/cn=recipients/cn=8b1ee9849bf1448b965d2e381d782565-gabriel viv;/o=exchangelabs/ou=exchange administrative group (fydibohf23spdlt)/cn=recipients/cn=92f840270c3143f3a4d11a96cbe1c928-marcela car;/o=exchangelabs/ou=exchange administrative group (fydibohf23spdlt)/cn=recipients/cn=c29ec9dae022497281c840087cccddec-patricia ar;lucianagd@algartech.com;</t>
  </si>
  <si>
    <t>Novo Mailing CIMI</t>
  </si>
  <si>
    <t>Mailing_18112019.xlsx</t>
  </si>
  <si>
    <t>/o=exchangelabs/ou=exchange administrative group (fydibohf23spdlt)/cn=recipients/cn=8b1ee9849bf1448b965d2e381d782565-gabriel viv,/o=exchangelabs/ou=exchange administrative group (fydibohf23spdlt)/cn=recipients/cn=92f840270c3143f3a4d11a96cbe1c928-marcela car,/o=exchangelabs/ou=exchange administrative group (fydibohf23spdlt)/cn=recipients/cn=c29ec9dae022497281c840087cccddec-patricia ar,lucianagd@algartech.com</t>
  </si>
  <si>
    <t>11/18/2019 09:41:03</t>
  </si>
  <si>
    <t>11/18/2019 09:44:23</t>
  </si>
  <si>
    <t>10.200.57.72</t>
  </si>
  <si>
    <t>11/18/2019 09:40:10</t>
  </si>
  <si>
    <t>11/18/2019 09:45:24</t>
  </si>
  <si>
    <t>/o=exchangelabs/ou=exchange administrative group (fydibohf23spdlt)/cn=recipients/cn=4adb6e0b3de84bf2bfdb543494159749-leandro lim;/o=exchangelabs/ou=exchange administrative group (fydibohf23spdlt)/cn=recipients/cn=804f4398b96748e7962c1608bfe4071a-hewerson go;/o=exchangelabs/ou=exchange administrative group (fydibohf23spdlt)/cn=recipients/cn=8f185d9b3bd9437bbda2e6edb3323202-natalia men;</t>
  </si>
  <si>
    <t>ENC: RES: Proposta comercial Máscara para acompanhar SMS</t>
  </si>
  <si>
    <t>/o=exchangelabs/ou=exchange administrative group (fydibohf23spdlt)/cn=recipients/cn=4adb6e0b3de84bf2bfdb543494159749-leandro lim,/o=exchangelabs/ou=exchange administrative group (fydibohf23spdlt)/cn=recipients/cn=804f4398b96748e7962c1608bfe4071a-hewerson go,/o=exchangelabs/ou=exchange administrative group (fydibohf23spdlt)/cn=recipients/cn=8f185d9b3bd9437bbda2e6edb3323202-natalia men</t>
  </si>
  <si>
    <t>11/18/2019 09:43:41</t>
  </si>
  <si>
    <t>11/18/2019 09:50:23</t>
  </si>
  <si>
    <t>boadquirente@useunica.com.br;</t>
  </si>
  <si>
    <t>ENC: Ausência de Arq. de Venda #MD201911008271#</t>
  </si>
  <si>
    <t>Lista de transações - BURITI.xls</t>
  </si>
  <si>
    <t>boadquirente@useunica.com.br</t>
  </si>
  <si>
    <t>11/18/2019 09:47:17</t>
  </si>
  <si>
    <t>D:\OneDrive\AlgarTech\Pré-Vendas\Cliente\2019\A100\215365 - Monitoramento AC Sub 12 via BMS\RES_ Classificação de ativos - Projeto_ Monitoramento ar condicionado subestação 1 e 2.msg\s139\</t>
  </si>
  <si>
    <t>11/18/2019 09:49:29</t>
  </si>
  <si>
    <t>D:\OneDrive\AlgarTech\Pré-Vendas\Cliente\2019\A100\215365 - Monitoramento AC Sub 12 via BMS\</t>
  </si>
  <si>
    <t>11/18/2019 09:50:01</t>
  </si>
  <si>
    <t>11/16/2019 12:48:39</t>
  </si>
  <si>
    <t>11/18/2019 09:51:24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fileSize%2Cowners(kind%2CpermissionId%2CdisplayName%2Cpicture%2CemailAddress%2Cdomain%2Cid)%2ClastModifyingUser(kind%2CpermissionId%2CdisplayName%2Cpicture%2CemailAddress%2Cid)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Subscribed%2CtrashingUser(kind%2CpermissionId%2Cdisplay</t>
  </si>
  <si>
    <t>11/18/2019 09:50:55</t>
  </si>
  <si>
    <t>11/18/2019 09:52:23</t>
  </si>
  <si>
    <t>2019-11 - Scheila.xlsx</t>
  </si>
  <si>
    <t>11/18/2019 09:55:35</t>
  </si>
  <si>
    <t>11/18/2019 09:56:23</t>
  </si>
  <si>
    <t>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90878932db2a45bb924c0e3aac6d5da2-jonatas lem;/o=exchangelabs/ou=exchange administrative group (fydibohf23spdlt)/cn=recipients/cn=a4ba92cba10f4fe498074594f937f3b6-leandro lop;/o=exchangelabs/ou=exchange administrative group (fydibohf23spdlt)/cn=recipients/cn=a78f7dae304e472e9f75bd537683f6e5-hugo de oli;/o=exchangelabs/ou=exchange administrative group (fydibohf23spdlt)/cn=recipients/cn=e894bfa401c848dc9e25ced4ad1f3dd7-luciana fer;rafaelabsz@algartech.com.br;wesleymb@algartech.com.br;</t>
  </si>
  <si>
    <t>Pendentes na Auditoria.xlsx</t>
  </si>
  <si>
    <t>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90878932db2a45bb924c0e3aac6d5da2-jonatas lem,/o=exchangelabs/ou=exchange administrative group (fydibohf23spdlt)/cn=recipients/cn=a4ba92cba10f4fe498074594f937f3b6-leandro lop,/o=exchangelabs/ou=exchange administrative group (fydibohf23spdlt)/cn=recipients/cn=a78f7dae304e472e9f75bd537683f6e5-hugo de oli,/o=exchangelabs/ou=exchange administrative group (fydibohf23spdlt)/cn=recipients/cn=e894bfa401c848dc9e25ced4ad1f3dd7-luciana fer,rafaelabsz@algartech.com.br,wesleymb@algartech.com.br</t>
  </si>
  <si>
    <t>11/18/2019 09:54:59</t>
  </si>
  <si>
    <t>Chamado 829637</t>
  </si>
  <si>
    <t>Cópia de ANX_CATEGORIZACAO_-_UCB_18_11_2019 (002).xls</t>
  </si>
  <si>
    <t>11/18/2019 09:54:08</t>
  </si>
  <si>
    <t>Status report_14112019_envio.xlsx</t>
  </si>
  <si>
    <t>11/18/2019 09:58:21</t>
  </si>
  <si>
    <t>11/18/2019 09:59:24</t>
  </si>
  <si>
    <t>/o=exchangelabs/ou=exchange administrative group (fydibohf23spdlt)/cn=recipients/cn=a4ba92cba10f4fe498074594f937f3b6-leandro lop;/o=exchangelabs/ou=exchange administrative group (fydibohf23spdlt)/cn=recipients/cn=cac18c5388b04f6d979d1bc87a08825a-marcopaulo;/o=exchangelabs/ou=exchange administrative group (fydibohf23spdlt)/cn=recipients/cn=f45617401bdf436baf70c45766699413-frederico b;elton.costa@quilleconsultoria.com.br;</t>
  </si>
  <si>
    <t>As 26 TOP</t>
  </si>
  <si>
    <t>/o=exchangelabs/ou=exchange administrative group (fydibohf23spdlt)/cn=recipients/cn=a4ba92cba10f4fe498074594f937f3b6-leandro lop,/o=exchangelabs/ou=exchange administrative group (fydibohf23spdlt)/cn=recipients/cn=cac18c5388b04f6d979d1bc87a08825a-marcopaulo,/o=exchangelabs/ou=exchange administrative group (fydibohf23spdlt)/cn=recipients/cn=f45617401bdf436baf70c45766699413-frederico b,elton.costa@quilleconsultoria.com.br</t>
  </si>
  <si>
    <t>11/18/2019 09:55:48</t>
  </si>
  <si>
    <t>11/18/2019 10:00:23</t>
  </si>
  <si>
    <t>Classificacao_de_Ativos_-_ALGAR_TECH_Monitoramento_ar_condicionado_subestacao_1_e_1.xlsx</t>
  </si>
  <si>
    <t>11/18/2019 09:56:22</t>
  </si>
  <si>
    <t>11/18/2019 09:59:44</t>
  </si>
  <si>
    <t>11/18/2019 10:01:24</t>
  </si>
  <si>
    <t>11/18/2019 10:01:38</t>
  </si>
  <si>
    <t>11/18/2019 10:05:24</t>
  </si>
  <si>
    <t>11/18/2019 10:04:05</t>
  </si>
  <si>
    <t>/o=exchangelabs/ou=exchange administrative group (fydibohf23spdlt)/cn=recipients/cn=2072905e221e44cd93713caf57a4301f-roberta igi;/o=exchangelabs/ou=exchange administrative group (fydibohf23spdlt)/cn=recipients/cn=6857e7b89b5f46e3b6aed2352ac8d5ac-carlos albe;/o=exchangelabs/ou=exchange administrative group (fydibohf23spdlt)/cn=recipients/cn=be0b59caa4dc43e39afaa089f44ef778-leonardo al;/o=exchangelabs/ou=exchange administrative group (fydibohf23spdlt)/cn=recipients/cn=d6cce5a70d504cc2ad89cee834cd59a9-luciana rib;/o=exchangelabs/ou=exchange administrative group (fydibohf23spdlt)/cn=recipients/cn=e6b7580a624e482b95aa2b9747aa6d6d-paulo sergi;asoares@tribanco.com.br;cynthiaf@tripag.com.br;kamilap@tripag.com.br;lrocha@tribanco.com.br;lucasfs@tribanco.com.br;marcosnf@tripag.com.br;</t>
  </si>
  <si>
    <t>/o=exchangelabs/ou=exchange administrative group (fydibohf23spdlt)/cn=recipients/cn=2072905e221e44cd93713caf57a4301f-roberta igi,/o=exchangelabs/ou=exchange administrative group (fydibohf23spdlt)/cn=recipients/cn=6857e7b89b5f46e3b6aed2352ac8d5ac-carlos albe,/o=exchangelabs/ou=exchange administrative group (fydibohf23spdlt)/cn=recipients/cn=be0b59caa4dc43e39afaa089f44ef778-leonardo al,/o=exchangelabs/ou=exchange administrative group (fydibohf23spdlt)/cn=recipients/cn=d6cce5a70d504cc2ad89cee834cd59a9-luciana rib,/o=exchangelabs/ou=exchange administrative group (fydibohf23spdlt)/cn=recipients/cn=e6b7580a624e482b95aa2b9747aa6d6d-paulo sergi,asoares@tribanco.com.br,cynthiaf@tripag.com.br,kamilap@tripag.com.br,lrocha@tribanco.com.br,lucasfs@tribanco.com.br,marcosnf@tripag.com.br</t>
  </si>
  <si>
    <t>11/18/2019 10:04:24</t>
  </si>
  <si>
    <t>11/18/2019 10:07:24</t>
  </si>
  <si>
    <t>/o=exchangelabs/ou=exchange administrative group (fydibohf23spdlt)/cn=recipients/cn=010c9ad8a2ca4b90b7642d039dda856e-karolyne ca;/o=exchangelabs/ou=exchange administrative group (fydibohf23spdlt)/cn=recipients/cn=204079a0e50e40a6a37bf2241ef87bf2-juliana can;/o=exchangelabs/ou=exchange administrative group (fydibohf23spdlt)/cn=recipients/cn=33eadc062e4e444685992c7de4b20cbb-ana carolin;/o=exchangelabs/ou=exchange administrative group (fydibohf23spdlt)/cn=recipients/cn=365a174aa87c4e7791042b5696995b1b-marcos rola;/o=exchangelabs/ou=exchange administrative group (fydibohf23spdlt)/cn=recipients/cn=4661e55ca89b4e56a85d5bce819cc072-luana cunha;/o=exchangelabs/ou=exchange administrative group (fydibohf23spdlt)/cn=recipients/cn=4b24b2427dcd4bed878aaa73381ba047-pcp - plane;/o=exchangelabs/ou=exchange administrative group (fydibohf23spdlt)/cn=recipients/cn=545f738e0fe740ba856f4eb6ef0135e0-vinicius si;/o=exchangelabs/ou=exchange administrative group (fydibohf23spdlt)/cn=recipients/cn=5cff907b7abb465c8dbe10257a462656-dieg</t>
  </si>
  <si>
    <t>ENC: &gt;&gt;&gt;&gt;&gt;Relatório de Férias&lt;&lt;&lt;&lt;&lt;</t>
  </si>
  <si>
    <t>RES FLUXO DE SOLICITAÇÃO DE FÉRIAS Torre GRC.msg\s1\</t>
  </si>
  <si>
    <t>/o=exchangelabs/ou=exchange administrative group (fydibohf23spdlt)/cn=recipients/cn=010c9ad8a2ca4b90b7642d039dda856e-karolyne ca,/o=exchangelabs/ou=exchange administrative group (fydibohf23spdlt)/cn=recipients/cn=204079a0e50e40a6a37bf2241ef87bf2-juliana can,/o=exchangelabs/ou=exchange administrative group (fydibohf23spdlt)/cn=recipients/cn=33eadc062e4e444685992c7de4b20cbb-ana carolin,/o=exchangelabs/ou=exchange administrative group (fydibohf23spdlt)/cn=recipients/cn=365a174aa87c4e7791042b5696995b1b-marcos rola,/o=exchangelabs/ou=exchange administrative group (fydibohf23spdlt)/cn=recipients/cn=4661e55ca89b4e56a85d5bce819cc072-luana cunha,/o=exchangelabs/ou=exchange administrative group (fydibohf23spdlt)/cn=recipients/cn=4b24b2427dcd4bed878aaa73381ba047-pcp - plane,/o=exchangelabs/ou=exchange administrative group (fydibohf23spdlt)/cn=recipients/cn=545f738e0fe740ba856f4eb6ef0135e0-vinicius si,/o=exchangelabs/ou=exchange administrative group (fydibohf23spdlt)/cn=recipients/cn=5cff907b7abb465c8dbe10257a462656-dieg</t>
  </si>
  <si>
    <t>11/18/2019 10:06:05</t>
  </si>
  <si>
    <t>11/18/2019 10:09:24</t>
  </si>
  <si>
    <t>alessandracm@algartech.com.br;dener.rossi@temposervicos.com.br;katiargf@algartech.com;</t>
  </si>
  <si>
    <t>C:\Users\luanaaoli\Desktop\INICIATIVAS\6. Escopo B\</t>
  </si>
  <si>
    <t>Planilha extras.xlsx</t>
  </si>
  <si>
    <t>alessandracm@algartech.com.br,dener.rossi@temposervicos.com.br,katiargf@algartech.com</t>
  </si>
  <si>
    <t>11/18/2019 10:09:47</t>
  </si>
  <si>
    <t>11/18/2019 10:11:24</t>
  </si>
  <si>
    <t>mail.google.com/_/upload?authuser=0&amp;dcp=asu-n&amp;upload_id=AEnB2UooMWLKy0SwtmwtdmZwWJm6I_e0HItcfOfhdPT93AllVZY9kUfDTXmsyCwM_58u3M_cDLRcoXwj_nVV9dDqOHCvpyBBZv6Sg9S0SdzDaNJP6HXmwAw&amp;upload_protocol=resumable</t>
  </si>
  <si>
    <t>Atividades-ANF34 - UR_Não-agendada M.A.xlsx</t>
  </si>
  <si>
    <t>11/18/2019 10:07:25</t>
  </si>
  <si>
    <t>11/18/2019 10:12:24</t>
  </si>
  <si>
    <t>PARA AVALIARMOS</t>
  </si>
  <si>
    <t>11/18/2019 10:08:47</t>
  </si>
  <si>
    <t>11/18/2019 10:15:24</t>
  </si>
  <si>
    <t>/o=exchangelabs/ou=exchange administrative group (fydibohf23spdlt)/cn=recipients/cn=a0a678df991c4132bcad49c2c080f184-aline beatr;</t>
  </si>
  <si>
    <t>/o=exchangelabs/ou=exchange administrative group (fydibohf23spdlt)/cn=recipients/cn=a0a678df991c4132bcad49c2c080f184-aline beatr</t>
  </si>
  <si>
    <t>11/18/2019 10:14:39</t>
  </si>
  <si>
    <t>11/18/2019 10:19:23</t>
  </si>
  <si>
    <t>Template_-_Baixa_Manual.xlsx</t>
  </si>
  <si>
    <t>11/18/2019 10:17:06</t>
  </si>
  <si>
    <t>11/18/2019 10:20:24</t>
  </si>
  <si>
    <t>/o=exchangelabs/ou=exchange administrative group (fydibohf23spdlt)/cn=recipients/cn=11f82acf0305494bb01bbdb799d10a90-2ntricard;/o=exchangelabs/ou=exchange administrative group (fydibohf23spdlt)/cn=recipients/cn=2072905e221e44cd93713caf57a4301f-roberta igi;/o=exchangelabs/ou=exchange administrative group (fydibohf23spdlt)/cn=recipients/cn=5c78075b16fc4ec9bc2f2b01887be798-user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d6cce5a70d504cc2ad89cee834cd59a9-luciana rib;/o=exchangelabs/ou=exchange administrative group (fydibohf23spdlt)/cn=recipients/cn=e6b7580a624e482b95aa2b9747aa6d6d-paulo sergi;amacedo@tripag.com.br;asoares@tribanco.com.br;cfonseca@tripag.com.br;claudia@tripag.com.br;cynthiaf@tripag.com.br;dbrandao@tripag.</t>
  </si>
  <si>
    <t>/o=exchangelabs/ou=exchange administrative group (fydibohf23spdlt)/cn=recipients/cn=11f82acf0305494bb01bbdb799d10a90-2ntricard,/o=exchangelabs/ou=exchange administrative group (fydibohf23spdlt)/cn=recipients/cn=2072905e221e44cd93713caf57a4301f-roberta igi,/o=exchangelabs/ou=exchange administrative group (fydibohf23spdlt)/cn=recipients/cn=5c78075b16fc4ec9bc2f2b01887be798-user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d6cce5a70d504cc2ad89cee834cd59a9-luciana rib,/o=exchangelabs/ou=exchange administrative group (fydibohf23spdlt)/cn=recipients/cn=e6b7580a624e482b95aa2b9747aa6d6d-paulo sergi,amacedo@tripag.com.br,asoares@tribanco.com.br,cfonseca@tripag.com.br,claudia@tripag.com.br,cynthiaf@tripag.com.br,dbrandao@tripag.</t>
  </si>
  <si>
    <t>11/18/2019 10:18:45</t>
  </si>
  <si>
    <t>11/18/2019 10:21:23</t>
  </si>
  <si>
    <t>RES: RES: Resultados campanha - CIMI</t>
  </si>
  <si>
    <t>Status report_CIMI.xlsx</t>
  </si>
  <si>
    <t>11/18/2019 10:22:06</t>
  </si>
  <si>
    <t>11/18/2019 10:23:23</t>
  </si>
  <si>
    <t>10.200.60.203</t>
  </si>
  <si>
    <t>/o=exchangelabs/ou=exchange administrative group (fydibohf23spdlt)/cn=recipients/cn=92f840270c3143f3a4d11a96cbe1c928-marcela car;/o=exchangelabs/ou=exchange administrative group (fydibohf23spdlt)/cn=recipients/cn=f00c439d0d474c0586a503a0209ed1f2-bruno wande;/o=exchangelabs/ou=exchange administrative group (fydibohf23spdlt)/cn=recipients/cn=usere11ed38c;</t>
  </si>
  <si>
    <t>ENC: Convite - Licitação de Serviços de Contact Center Receptivo e Infraestrutura</t>
  </si>
  <si>
    <t>00 Licitação NOVA RFP MAPFRE ASSISTÊNCIA vf.docx\</t>
  </si>
  <si>
    <t>/o=exchangelabs/ou=exchange administrative group (fydibohf23spdlt)/cn=recipients/cn=92f840270c3143f3a4d11a96cbe1c928-marcela car,/o=exchangelabs/ou=exchange administrative group (fydibohf23spdlt)/cn=recipients/cn=f00c439d0d474c0586a503a0209ed1f2-bruno wande,/o=exchangelabs/ou=exchange administrative group (fydibohf23spdlt)/cn=recipients/cn=usere11ed38c</t>
  </si>
  <si>
    <t>11/18/2019 10:21:10</t>
  </si>
  <si>
    <t>11/18/2019 10:24:24</t>
  </si>
  <si>
    <t>Ebit por Cliente</t>
  </si>
  <si>
    <t>2019-2020.xls</t>
  </si>
  <si>
    <t>11/18/2019 10:22:29</t>
  </si>
  <si>
    <t>11/18/2019 10:26:24</t>
  </si>
  <si>
    <t>11/18/2019 10:24:00</t>
  </si>
  <si>
    <t>c:\users\elainemdlp\od\_projetos\em andamento\expansao next\03 - execução\avaya 20 pa\</t>
  </si>
  <si>
    <t>lista pa.xlsx</t>
  </si>
  <si>
    <t>11/18/2019 10:21:12</t>
  </si>
  <si>
    <t>Status 18-11.xlsx</t>
  </si>
  <si>
    <t>11/18/2019 10:25:56</t>
  </si>
  <si>
    <t>11/18/2019 10:25:04</t>
  </si>
  <si>
    <t>11/18/2019 10:30:24</t>
  </si>
  <si>
    <t>ENC: Report Intradiário - Atendimento Algar Tech - 13/11/2019 - Acumulado até 22hrs</t>
  </si>
  <si>
    <t>11/18/2019 10:29:39</t>
  </si>
  <si>
    <t>/o=exchangelabs/ou=exchange administrative group (fydibohf23spdlt)/cn=recipients/cn=857b2b6b70d84d3b9947cf5422f304c2-leonardo de;/o=exchangelabs/ou=exchange administrative group (fydibohf23spdlt)/cn=recipients/cn=b16974d7de334bfabfe3dee1e8e47e59-sherley cri;/o=exchangelabs/ou=exchange administrative group (fydibohf23spdlt)/cn=recipients/cn=b5ef1f826e364d2aa99a0df5d1906feb-liliane apa;cinthiamf@algartech.com;</t>
  </si>
  <si>
    <t>ENC: TICKET ID 262442 -- Criação de relatório no CRM OSC (Fusion) - Oportunidades por data criação – Operação de Vendas - TESTE NOVO RELATÓRIO: Relatório com Função - teste</t>
  </si>
  <si>
    <t>TICKET ID 262442 -- Criação de relatório no CRM OSC (Fusion) - Oportunidades por data criação Operação de Vendas.msg\s1\</t>
  </si>
  <si>
    <t>RELATORIO MODELO - Oportunidades por data criação (System Date) DETALHADO.xlsx</t>
  </si>
  <si>
    <t>/o=exchangelabs/ou=exchange administrative group (fydibohf23spdlt)/cn=recipients/cn=857b2b6b70d84d3b9947cf5422f304c2-leonardo de,/o=exchangelabs/ou=exchange administrative group (fydibohf23spdlt)/cn=recipients/cn=b16974d7de334bfabfe3dee1e8e47e59-sherley cri,/o=exchangelabs/ou=exchange administrative group (fydibohf23spdlt)/cn=recipients/cn=b5ef1f826e364d2aa99a0df5d1906feb-liliane apa,cinthiamf@algartech.com</t>
  </si>
  <si>
    <t>11/18/2019 10:26:42</t>
  </si>
  <si>
    <t>11/18/2019 10:31:23</t>
  </si>
  <si>
    <t>11/18/2019 10:31:04</t>
  </si>
  <si>
    <t>11/18/2019 10:33:23</t>
  </si>
  <si>
    <t>/o=exchangelabs/ou=exchange administrative group (fydibohf23spdlt)/cn=recipients/cn=a75579a499254c2291e852b70c4d70d1-eunice apar;andre_f_leiva@whirlpool.com;</t>
  </si>
  <si>
    <t>PLANO DE AÇÃO_ns (003).xls</t>
  </si>
  <si>
    <t>/o=exchangelabs/ou=exchange administrative group (fydibohf23spdlt)/cn=recipients/cn=a75579a499254c2291e852b70c4d70d1-eunice apar,andre_f_leiva@whirlpool.com</t>
  </si>
  <si>
    <t>11/18/2019 10:32:30</t>
  </si>
  <si>
    <t>11/18/2019 10:34:24</t>
  </si>
  <si>
    <t>11/18/2019 10:30:59</t>
  </si>
  <si>
    <t>11/18/2019 10:35:24</t>
  </si>
  <si>
    <t>ENC: Produtividade CRCe 14/11</t>
  </si>
  <si>
    <t>11/18/2019 10:31:16</t>
  </si>
  <si>
    <t>/o=exchangelabs/ou=exchange administrative group (fydibohf23spdlt)/cn=recipients/cn=5b1a099146bc4a0ba038a5237a044b28-lucas augus;/o=exchangelabs/ou=exchange administrative group (fydibohf23spdlt)/cn=recipients/cn=696f712aa5c841708a095699a50884db-luan kevem;/o=exchangelabs/ou=exchange administrative group (fydibohf23spdlt)/cn=recipients/cn=d1ca1bbb859d4bb997649640237ba7cd-paulla rena;/o=exchangelabs/ou=exchange administrative group (fydibohf23spdlt)/cn=recipients/cn=d73974a6e555442cafd74cda95746e86-denia alves;</t>
  </si>
  <si>
    <t>ENC: Categorizações EDP e Sicoob</t>
  </si>
  <si>
    <t>Categorizações Sicoob e EDP.xlsx</t>
  </si>
  <si>
    <t>/o=exchangelabs/ou=exchange administrative group (fydibohf23spdlt)/cn=recipients/cn=5b1a099146bc4a0ba038a5237a044b28-lucas augus,/o=exchangelabs/ou=exchange administrative group (fydibohf23spdlt)/cn=recipients/cn=696f712aa5c841708a095699a50884db-luan kevem,/o=exchangelabs/ou=exchange administrative group (fydibohf23spdlt)/cn=recipients/cn=d1ca1bbb859d4bb997649640237ba7cd-paulla rena,/o=exchangelabs/ou=exchange administrative group (fydibohf23spdlt)/cn=recipients/cn=d73974a6e555442cafd74cda95746e86-denia alves</t>
  </si>
  <si>
    <t>11/18/2019 10:34:59</t>
  </si>
  <si>
    <t>215365_Dimensionamento_GP.xlsx</t>
  </si>
  <si>
    <t>11/18/2019 10:33:48</t>
  </si>
  <si>
    <t>11/18/2019 10:36:24</t>
  </si>
  <si>
    <t>\\acsfs\deptos\DME\CME - Coordenacao de Marketing e Estrategia\Gestão da Área\Reuniões de Governança\Reunião Gerencial\2019\11 - Novembro\Algar Tech_4a REUGER 2019_Marketing_Vendas_Receita_V6.pptx\</t>
  </si>
  <si>
    <t>11/18/2019 10:36:11</t>
  </si>
  <si>
    <t>11/18/2019 10:40:24</t>
  </si>
  <si>
    <t>ENC: TICKET ID 262442 -- Criação de relatório no CRM OSC (Fusion) - Oportunidades por data criação – Operação de Vendas - ANEXO RELATÓRIO TESTE: Relatório com Função - teste</t>
  </si>
  <si>
    <t>11/18/2019 10:38:26</t>
  </si>
  <si>
    <t>11/18/2019 10:41:24</t>
  </si>
  <si>
    <t>6465;</t>
  </si>
  <si>
    <t>Casos Especiais.xlsx</t>
  </si>
  <si>
    <t>http://6465</t>
  </si>
  <si>
    <t>11/18/2019 10:49:24</t>
  </si>
  <si>
    <t>11/18/2019 10:50:24</t>
  </si>
  <si>
    <t>Custos Office 2019-2020 Bradesco 18112019.xlsx</t>
  </si>
  <si>
    <t>11/18/2019 06:59:37</t>
  </si>
  <si>
    <t>ACOMPANHAMENTO CAPEX 2019 v14_11.pptx</t>
  </si>
  <si>
    <t>ACOMPANHAMENTO CAPEX 2019 v14_11.pptx\</t>
  </si>
  <si>
    <t>11/18/2019 10:41:05</t>
  </si>
  <si>
    <t>11/18/2019 10:51:24</t>
  </si>
  <si>
    <t>mail.google.com/_/upload?authuser=0&amp;dcp=asu-n&amp;upload_id=AEnB2Ur5rAdyjZwQzN5vseV5VbxiKsUf3yT_S1HuhmGhuiQgN6hQApJtP7VATZdXA1dpmWbsKB_-3Da40WiDJDqoMwvnhaXhVA&amp;upload_protocol=resumable</t>
  </si>
  <si>
    <t>Atividades-ANF34 - UR_Não-agendada M.A.N.xlsx</t>
  </si>
  <si>
    <t>11/18/2019 10:48:25</t>
  </si>
  <si>
    <t>ENC: 2º Negociação (Preço meta / Target) - Processo 40143349H - Service Desk Cartões - Algartech</t>
  </si>
  <si>
    <t>11/18/2019 10:49:06</t>
  </si>
  <si>
    <t>11/18/2019 10:54:23</t>
  </si>
  <si>
    <t>10.200.60.207</t>
  </si>
  <si>
    <t>\\acsfs\DEPTOS\Controladoria\3. CSC\CONTROLES CSC\7-Orçamento 2020\Revisao Volumes 2020_v2\Viagens\</t>
  </si>
  <si>
    <t>Volumetria SV - orçamento 2020_V2.xlsx</t>
  </si>
  <si>
    <t>11/18/2019 10:49:16</t>
  </si>
  <si>
    <t>11/18/2019 10:52:05</t>
  </si>
  <si>
    <t>deboraaxm@algartech.com;fernandaman@algartech.com;francisco_cardoso@whirlpool.com;thiagorrg@algartech.com;</t>
  </si>
  <si>
    <t>Caderno de teste Reagendamento.xlsx</t>
  </si>
  <si>
    <t>deboraaxm@algartech.com,fernandaman@algartech.com,francisco_cardoso@whirlpool.com,thiagorrg@algartech.com</t>
  </si>
  <si>
    <t>11/18/2019 10:52:06</t>
  </si>
  <si>
    <t>Caderno de teste confirmação de Agenda.xlsx</t>
  </si>
  <si>
    <t>11/18/2019 10:53:37</t>
  </si>
  <si>
    <t>11/18/2019 10:51:31</t>
  </si>
  <si>
    <t>11/18/2019 10:55:24</t>
  </si>
  <si>
    <t>/o=exchangelabs/ou=exchange administrative group (fydibohf23spdlt)/cn=recipients/cn=3daf2f0b162f40c696c00f9ecbb7d69a-ana laura t;/o=exchangelabs/ou=exchange administrative group (fydibohf23spdlt)/cn=recipients/cn=c34f1ae7ba484a33bbcd3ef2d8a2ff15-sandra borg;</t>
  </si>
  <si>
    <t>RES: Quantidade CPF's UHV - Outubro/19</t>
  </si>
  <si>
    <t>Quantidade UHV.msg\s1\</t>
  </si>
  <si>
    <t>/o=exchangelabs/ou=exchange administrative group (fydibohf23spdlt)/cn=recipients/cn=3daf2f0b162f40c696c00f9ecbb7d69a-ana laura t,/o=exchangelabs/ou=exchange administrative group (fydibohf23spdlt)/cn=recipients/cn=c34f1ae7ba484a33bbcd3ef2d8a2ff15-sandra borg</t>
  </si>
  <si>
    <t>11/18/2019 10:54:51</t>
  </si>
  <si>
    <t>11/18/2019 10:55:22</t>
  </si>
  <si>
    <t>11/18/2019 10:56:23</t>
  </si>
  <si>
    <t>RES: Alteração de Skill | Troca de Device</t>
  </si>
  <si>
    <t>Controle de treinamento - NEXT - PCP - 18.11.xlsx</t>
  </si>
  <si>
    <t>11/18/2019 10:58:39</t>
  </si>
  <si>
    <t>11/18/2019 10:59:23</t>
  </si>
  <si>
    <t>fernandodps@algartech.com;janecsa@algartech.com;ricardomi@algartech.com;</t>
  </si>
  <si>
    <t>Variação escopo B.xls</t>
  </si>
  <si>
    <t>fernandodps@algartech.com,janecsa@algartech.com,ricardomi@algartech.com</t>
  </si>
  <si>
    <t>11/18/2019 10:52:45</t>
  </si>
  <si>
    <t>11/18/2019 11:00:24</t>
  </si>
  <si>
    <t>Projeto Grupo Marista</t>
  </si>
  <si>
    <t>199252 Marista Plan Precificacao C017 B017_v1 POC.xlsb</t>
  </si>
  <si>
    <t>11/18/2019 10:24:43</t>
  </si>
  <si>
    <t>11/18/2019 11:01:23</t>
  </si>
  <si>
    <t>Planilha de Fechamento Financeiro</t>
  </si>
  <si>
    <t>ORÇADO X REAL 2019 - OPERAÇÕES CINTIA NUNE3.xlsb</t>
  </si>
  <si>
    <t>11/18/2019 10:59:30</t>
  </si>
  <si>
    <t>/o=exchangelabs/ou=exchange administrative group (fydibohf23spdlt)/cn=recipients/cn=525b3060f0654996a4c2979efbfaed04-douglas sil;/o=exchangelabs/ou=exchange administrative group (fydibohf23spdlt)/cn=recipients/cn=6bc6ced03b1b4fafa41bb5c70c178940-antonio per;</t>
  </si>
  <si>
    <t>RES: Depreciação CSC</t>
  </si>
  <si>
    <t>REL_FA_PROJECAO_DEPRECIACAO_10102019_145524 Algar TEC Set_19 (1).xlsx</t>
  </si>
  <si>
    <t>/o=exchangelabs/ou=exchange administrative group (fydibohf23spdlt)/cn=recipients/cn=525b3060f0654996a4c2979efbfaed04-douglas sil,/o=exchangelabs/ou=exchange administrative group (fydibohf23spdlt)/cn=recipients/cn=6bc6ced03b1b4fafa41bb5c70c178940-antonio per</t>
  </si>
  <si>
    <t>11/18/2019 11:00:15</t>
  </si>
  <si>
    <t>11/18/2019 11:04:23</t>
  </si>
  <si>
    <t>C:\Users\gildaepma\OneDrive - Grupo Algar\backup\Orçamento csc 2ª revisão 2017\acompanhamento orçamento\</t>
  </si>
  <si>
    <t>orçamento csc 2017 - acompanhamento 2ª projeção.xlsx</t>
  </si>
  <si>
    <t>11/18/2019 11:04:04</t>
  </si>
  <si>
    <t>Variação bradesco 2020.xls</t>
  </si>
  <si>
    <t>11/18/2019 10:09:20</t>
  </si>
  <si>
    <t>11/18/2019 11:05:24</t>
  </si>
  <si>
    <t>leandro.souza@animale.com.br;sandra.duarte@bradesco.com.br;</t>
  </si>
  <si>
    <t>Bradesco Cartões - BTB</t>
  </si>
  <si>
    <t>Relatorio.xlsx</t>
  </si>
  <si>
    <t>leandro.souza@animale.com.br,sandra.duarte@bradesco.com.br</t>
  </si>
  <si>
    <t>11/18/2019 10:40:35</t>
  </si>
  <si>
    <t>sandra.duarte@bradesco.com.br;</t>
  </si>
  <si>
    <t>sandra.duarte@bradesco.com.br</t>
  </si>
  <si>
    <t>11/18/2019 11:02:02</t>
  </si>
  <si>
    <t>11/18/2019 11:06:23</t>
  </si>
  <si>
    <t>10.12.241.96</t>
  </si>
  <si>
    <t>Escala TRN - FEIRA DE PRODUTOS 18.11.xlsx</t>
  </si>
  <si>
    <t>11/18/2019 11:00:56</t>
  </si>
  <si>
    <t>Cadastro Geral</t>
  </si>
  <si>
    <t>Cadastro Geral 05-11 CPF.xlsx</t>
  </si>
  <si>
    <t>11/18/2019 11:05:23</t>
  </si>
  <si>
    <t>11/18/2019 11:08:24</t>
  </si>
  <si>
    <t>/o=exchangelabs/ou=exchange administrative group (fydibohf23spdlt)/cn=recipients/cn=3fc2777bb8ee48fa9fadbf3ceb1b065d-cibele anal;diegorbo@algartech.com;</t>
  </si>
  <si>
    <t>ENC: Plantio de Árvores - Diretores Algar Tech</t>
  </si>
  <si>
    <t>Arte.xlsx</t>
  </si>
  <si>
    <t>/o=exchangelabs/ou=exchange administrative group (fydibohf23spdlt)/cn=recipients/cn=3fc2777bb8ee48fa9fadbf3ceb1b065d-cibele anal,diegorbo@algartech.com</t>
  </si>
  <si>
    <t>11/18/2019 11:08:21</t>
  </si>
  <si>
    <t>11/18/2019 11:09:23</t>
  </si>
  <si>
    <t>bruna.vernalha@bradesco.com.br;daiane.alves@bradesco.com.br;denisev.carvalho@bradesco.com.br;eva.cordeiro@bradesco.com.br;fernandodps@algartech.com;janecsa@algartech.com;ricardomi@algartech.com;tatiana.bueno@bradesco.com.br;vanessa.crisan.santos@bradesco.com.br;</t>
  </si>
  <si>
    <t>\\acsfs\ACS\Suporte à Operações\02 - Faturamento\2019\12 - Dezembro\BRADESCO\</t>
  </si>
  <si>
    <t>Faturamento Dezembro.xlsb</t>
  </si>
  <si>
    <t>bruna.vernalha@bradesco.com.br,daiane.alves@bradesco.com.br,denisev.carvalho@bradesco.com.br,eva.cordeiro@bradesco.com.br,fernandodps@algartech.com,janecsa@algartech.com,ricardomi@algartech.com,tatiana.bueno@bradesco.com.br,vanessa.crisan.santos@bradesco.com.br</t>
  </si>
  <si>
    <t>11/18/2019 11:08:06</t>
  </si>
  <si>
    <t>11/18/2019 11:10:24</t>
  </si>
  <si>
    <t>/o=exchangelabs/ou=exchange administrative group (fydibohf23spdlt)/cn=recipients/cn=d05b086490f84e1380a430afb1101aa7-giofrerdane;elismael.menino@sicoob.com.br;rogerio.nascimento@sicoob.com.br;</t>
  </si>
  <si>
    <t>Duda Sicoob - Melhorias de entendimento</t>
  </si>
  <si>
    <t>Sicoob Curadoria.xlsx</t>
  </si>
  <si>
    <t>/o=exchangelabs/ou=exchange administrative group (fydibohf23spdlt)/cn=recipients/cn=d05b086490f84e1380a430afb1101aa7-giofrerdane,elismael.menino@sicoob.com.br,rogerio.nascimento@sicoob.com.br</t>
  </si>
  <si>
    <t>11/18/2019 11:09:15</t>
  </si>
  <si>
    <t>11/18/2019 11:11:23</t>
  </si>
  <si>
    <t>renanpc@algartech.com.br;</t>
  </si>
  <si>
    <t>Login Associados</t>
  </si>
  <si>
    <t>Escala Login.xlsx</t>
  </si>
  <si>
    <t>renanpc@algartech.com.br</t>
  </si>
  <si>
    <t>11/18/2019 11:10:36</t>
  </si>
  <si>
    <t>11/18/2019 11:14:24</t>
  </si>
  <si>
    <t>Solicitações de Férias Irregulares - Caroll Rezende - Copia.xls</t>
  </si>
  <si>
    <t>11/18/2019 11:11:13</t>
  </si>
  <si>
    <t>solicitações de férias irregulares - caroll rezende - copia.xls</t>
  </si>
  <si>
    <t>11/18/2019 11:18:32</t>
  </si>
  <si>
    <t>11/18/2019 11:20:24</t>
  </si>
  <si>
    <t>10.201.28.34</t>
  </si>
  <si>
    <t>11/18/2019 11:20:08</t>
  </si>
  <si>
    <t>11/18/2019 11:21:25</t>
  </si>
  <si>
    <t>Base BW % Conversão - Nov-2019 - Parcial - 17-11-19.xlsm</t>
  </si>
  <si>
    <t>11/18/2019 11:20:15</t>
  </si>
  <si>
    <t>Farol Churn - Parcial - Nov/2019 - 17/11/19</t>
  </si>
  <si>
    <t>11/18/2019 11:22:47</t>
  </si>
  <si>
    <t>11/18/2019 11:23:25</t>
  </si>
  <si>
    <t>mail.google.com/_/upload?authuser=0&amp;dcp=asu-n&amp;upload_id=AEnB2UoLC0FtNNfMcYNkxW_nrjZup7wukqz9t0e9WelYrW7EL4yzbEvskxpYD-XVYsHrgjWFXpxb1n8aaFBsNFp6F9yRIyUV6liK7eVjeV1-XIPpu8JJBcE&amp;upload_protocol=resumable</t>
  </si>
  <si>
    <t>11/18/2019 11:23:59</t>
  </si>
  <si>
    <t>11/18/2019 11:25:25</t>
  </si>
  <si>
    <t>11/18/2019 11:20:50</t>
  </si>
  <si>
    <t>11/18/2019 11:26:24</t>
  </si>
  <si>
    <t>10.207.12.77</t>
  </si>
  <si>
    <t>/o=exchangelabs/ou=exchange administrative group (fydibohf23spdlt)/cn=recipients/cn=027c2da1ea5a42378a892f895ed29947-andressa tu;/o=exchangelabs/ou=exchange administrative group (fydibohf23spdlt)/cn=recipients/cn=c514dbe8b91547adb4618232d1a650ba-afonso domi;/o=exchangelabs/ou=exchange administrative group (fydibohf23spdlt)/cn=recipients/cn=c82d742f5f1e4122a86db0495b71e095-nilton j. g;</t>
  </si>
  <si>
    <t>RES: Reajuste Johnson &amp; Johnson</t>
  </si>
  <si>
    <t>ENC Racional Reajuste 2019.xlsx.msg\s1\</t>
  </si>
  <si>
    <t>/o=exchangelabs/ou=exchange administrative group (fydibohf23spdlt)/cn=recipients/cn=027c2da1ea5a42378a892f895ed29947-andressa tu,/o=exchangelabs/ou=exchange administrative group (fydibohf23spdlt)/cn=recipients/cn=c514dbe8b91547adb4618232d1a650ba-afonso domi,/o=exchangelabs/ou=exchange administrative group (fydibohf23spdlt)/cn=recipients/cn=c82d742f5f1e4122a86db0495b71e095-nilton j. g</t>
  </si>
  <si>
    <t>11/18/2019 11:23:14</t>
  </si>
  <si>
    <t>Produtividade RAF - NOV-2019 - Parcial - 17-11-19.xlsm</t>
  </si>
  <si>
    <t>11/18/2019 11:30:12</t>
  </si>
  <si>
    <t>11/18/2019 11:31:25</t>
  </si>
  <si>
    <t>crcevmc@algartech.com.br;diegoodz@algartech.com.br;katia.barbosa@bradesco.com.br;natalia.toma@bradesco.com.br;</t>
  </si>
  <si>
    <t>RES: Emissões BTB e CPB - GR e Clean CRM:003680003062</t>
  </si>
  <si>
    <t>PLANILHA DE PARAMETRIZAÇÃO Hotel.xlsm</t>
  </si>
  <si>
    <t>crcevmc@algartech.com.br,diegoodz@algartech.com.br,katia.barbosa@bradesco.com.br,natalia.toma@bradesco.com.br</t>
  </si>
  <si>
    <t>11/18/2019 11:31:03</t>
  </si>
  <si>
    <t>abilenerdm@algartech.com.br;brenotf@algartech.com.br;crcevmc@algartech.com.br;diegorm@algartech.com.br;emissaogerenciadapj@algartech.com.br;hamiltoniof@algartech.com.br;pablo.faria@temposervicos.com.br;</t>
  </si>
  <si>
    <t>RES: EMISSÃO_BTB_EMPRESA:GR SERVICOS E ALIMENTACAO LTDA. CRM:004060000297</t>
  </si>
  <si>
    <t>SDOL - GR SERVICOS E ALIMENTACAO LTDA.xlsx</t>
  </si>
  <si>
    <t>abilenerdm@algartech.com.br,brenotf@algartech.com.br,crcevmc@algartech.com.br,diegorm@algartech.com.br,emissaogerenciadapj@algartech.com.br,hamiltoniof@algartech.com.br,pablo.faria@temposervicos.com.br</t>
  </si>
  <si>
    <t>11/18/2019 11:31:14</t>
  </si>
  <si>
    <t>11/18/2019 11:32:24</t>
  </si>
  <si>
    <t>C:\Users\adrielefc\Documents\Meus Arquivos Recebidos\</t>
  </si>
  <si>
    <t>112019_Forecast de Receita Oficial_2019_V3.xlsx</t>
  </si>
  <si>
    <t>11/18/2019 11:32:00</t>
  </si>
  <si>
    <t>11/18/2019 11:33:24</t>
  </si>
  <si>
    <t>ENC: CDI Manuel</t>
  </si>
  <si>
    <t>CDI_MANUAL_(2)_(4) (5).xlsx</t>
  </si>
  <si>
    <t>11/18/2019 11:32:04</t>
  </si>
  <si>
    <t>11/18/2019 11:34:24</t>
  </si>
  <si>
    <t>/o=exchangelabs/ou=exchange administrative group (fydibohf23spdlt)/cn=recipients/cn=8b5b63d67af648d081a40c45cc800804-fabiana per;/o=exchangelabs/ou=exchange administrative group (fydibohf23spdlt)/cn=recipients/cn=bec14da9ad4d434b8151ce12587e9186-khassio mar;flavia@iclicconsultoria.com.br;janaina.arantes@bradesco.com.br;leonardoamf@algartech.com.br;</t>
  </si>
  <si>
    <t>ENC: (FCA) Ata da reunião de 05nov19</t>
  </si>
  <si>
    <t>FIAT.xlsx</t>
  </si>
  <si>
    <t>/o=exchangelabs/ou=exchange administrative group (fydibohf23spdlt)/cn=recipients/cn=8b5b63d67af648d081a40c45cc800804-fabiana per,/o=exchangelabs/ou=exchange administrative group (fydibohf23spdlt)/cn=recipients/cn=bec14da9ad4d434b8151ce12587e9186-khassio mar,flavia@iclicconsultoria.com.br,janaina.arantes@bradesco.com.br,leonardoamf@algartech.com.br</t>
  </si>
  <si>
    <t>11/18/2019 11:29:12</t>
  </si>
  <si>
    <t>11/18/2019 11:34:12</t>
  </si>
  <si>
    <t>11/18/2019 11:35:25</t>
  </si>
  <si>
    <t>c:\users\adrianamac\desktop\sedex.docx\</t>
  </si>
  <si>
    <t>Microsoft_Excel_97-2003_Worksheet.xls</t>
  </si>
  <si>
    <t>11/18/2019 11:37:10</t>
  </si>
  <si>
    <t>11/18/2019 11:39:25</t>
  </si>
  <si>
    <t>/o=exchangelabs/ou=exchange administrative group (fydibohf23spdlt)/cn=recipients/cn=2f25493a7e37433d8dafca90f527b173-danubia cri;/o=exchangelabs/ou=exchange administrative group (fydibohf23spdlt)/cn=recipients/cn=7903c13fa0504ff0bc7dd2644020b0e8-mirna prado;/o=exchangelabs/ou=exchange administrative group (fydibohf23spdlt)/cn=recipients/cn=b0dffb7bae8b4669bf2555c821ef7035-daniela vie;/o=exchangelabs/ou=exchange administrative group (fydibohf23spdlt)/cn=recipients/cn=bf5c8ee8081a4a4cbf005372e2697869-tassiane ci;/o=exchangelabs/ou=exchange administrative group (fydibohf23spdlt)/cn=recipients/cn=c22b2d8de1594760baec681322c0933f-fernanda ma;/o=exchangelabs/ou=exchange administrative group (fydibohf23spdlt)/cn=recipients/cn=e174366906884bd1b4d4c5ddfc8c9433-rodrigo men;/o=exchangelabs/ou=exchange administrative group (fydibohf23spdlt)/cn=recipients/cn=e76869615b8149a9945434c66719ab6e-dayane de o;/o=exchangelabs/ou=exchange administrative group (fydibohf23spdlt)/cn=recipients/cn=f0ff087361a245daa16e71ac77ecc3f0-ivan</t>
  </si>
  <si>
    <t>ENC: Treinamento e Usuários Dynamics</t>
  </si>
  <si>
    <t>Planilha Padrão Usuários.xlsx</t>
  </si>
  <si>
    <t>/o=exchangelabs/ou=exchange administrative group (fydibohf23spdlt)/cn=recipients/cn=2f25493a7e37433d8dafca90f527b173-danubia cri,/o=exchangelabs/ou=exchange administrative group (fydibohf23spdlt)/cn=recipients/cn=7903c13fa0504ff0bc7dd2644020b0e8-mirna prado,/o=exchangelabs/ou=exchange administrative group (fydibohf23spdlt)/cn=recipients/cn=b0dffb7bae8b4669bf2555c821ef7035-daniela vie,/o=exchangelabs/ou=exchange administrative group (fydibohf23spdlt)/cn=recipients/cn=bf5c8ee8081a4a4cbf005372e2697869-tassiane ci,/o=exchangelabs/ou=exchange administrative group (fydibohf23spdlt)/cn=recipients/cn=c22b2d8de1594760baec681322c0933f-fernanda ma,/o=exchangelabs/ou=exchange administrative group (fydibohf23spdlt)/cn=recipients/cn=e174366906884bd1b4d4c5ddfc8c9433-rodrigo men,/o=exchangelabs/ou=exchange administrative group (fydibohf23spdlt)/cn=recipients/cn=e76869615b8149a9945434c66719ab6e-dayane de o,/o=exchangelabs/ou=exchange administrative group (fydibohf23spdlt)/cn=recipients/cn=f0ff087361a245daa16e71ac77ecc3f0-ivan</t>
  </si>
  <si>
    <t>11/18/2019 11:34:47</t>
  </si>
  <si>
    <t>11/18/2019 11:40:25</t>
  </si>
  <si>
    <t>ENC: Emissões BTB e CPB - GR e Clean CRM:003680003062</t>
  </si>
  <si>
    <t>11/18/2019 11:35:14</t>
  </si>
  <si>
    <t>ENC: Produtividade CRCe até 17/11</t>
  </si>
  <si>
    <t>11/18/2019 11:39:52</t>
  </si>
  <si>
    <t>11/18/2019 11:42:25</t>
  </si>
  <si>
    <t>CAPEX 2019</t>
  </si>
  <si>
    <t>11/18/2019 11:39:09</t>
  </si>
  <si>
    <t>11/18/2019 11:43:24</t>
  </si>
  <si>
    <t>/o=exchangelabs/ou=exchange administrative group (fydibohf23spdlt)/cn=recipients/cn=1c23a421bdb44f94b937fb601a7f8381-ana vitoria;/o=exchangelabs/ou=exchange administrative group (fydibohf23spdlt)/cn=recipients/cn=c492b691dff246198e997a7bfe50c15a-joao pedro;</t>
  </si>
  <si>
    <t>/o=exchangelabs/ou=exchange administrative group (fydibohf23spdlt)/cn=recipients/cn=1c23a421bdb44f94b937fb601a7f8381-ana vitoria,/o=exchangelabs/ou=exchange administrative group (fydibohf23spdlt)/cn=recipients/cn=c492b691dff246198e997a7bfe50c15a-joao pedro</t>
  </si>
  <si>
    <t>11/18/2019 11:43:14</t>
  </si>
  <si>
    <t>11/18/2019 11:46:25</t>
  </si>
  <si>
    <t>ana.p.herter@bradesco.com.br;lucasfra@algartech.com;</t>
  </si>
  <si>
    <t>Formulário de Implementação</t>
  </si>
  <si>
    <t>ana.p.herter@bradesco.com.br,lucasfra@algartech.com</t>
  </si>
  <si>
    <t>11/18/2019 11:47:46</t>
  </si>
  <si>
    <t>11/18/2019 11:50:25</t>
  </si>
  <si>
    <t>10.213.2.40</t>
  </si>
  <si>
    <t>c:\users\ythiakgm\appdata\local\microsoft\windows\temporary internet files\content.outlook\irsircxz\</t>
  </si>
  <si>
    <t>11/18/2019 11:46:23</t>
  </si>
  <si>
    <t>11/18/2019 11:51:24</t>
  </si>
  <si>
    <t>abilenerdm@algartech.com.br;brenotf@algartech.com.br;crcevmc@algartech.com.br;diegorm@algartech.com.br;emissaogerenciadapj@algartech.com.br;hamiltoniof@algartech.com.br;lucasldsa@algartech.com.br;pablo.faria@temposervicos.com.br;</t>
  </si>
  <si>
    <t>RES: Emissão_btb_empresa CLEAN MALL SERVICOS LTDA CRM:004060000298</t>
  </si>
  <si>
    <t>abilenerdm@algartech.com.br,brenotf@algartech.com.br,crcevmc@algartech.com.br,diegorm@algartech.com.br,emissaogerenciadapj@algartech.com.br,hamiltoniof@algartech.com.br,lucasldsa@algartech.com.br,pablo.faria@temposervicos.com.br</t>
  </si>
  <si>
    <t>11/18/2019 11:56:02</t>
  </si>
  <si>
    <t>11/18/2019 11:59:24</t>
  </si>
  <si>
    <t>11/18/2019 11:56:22</t>
  </si>
  <si>
    <t>11/18/2019 12:00:25</t>
  </si>
  <si>
    <t>ENC: RFI - Crédito e Cobrança Banco PAN</t>
  </si>
  <si>
    <t>RFI - Rotina Atual.xlsx</t>
  </si>
  <si>
    <t>11/18/2019 12:09:30</t>
  </si>
  <si>
    <t>11/18/2019 12:14:25</t>
  </si>
  <si>
    <t>VersaoFinalCSC_atualizado em 18.11.xlsx</t>
  </si>
  <si>
    <t>11/18/2019 12:14:34</t>
  </si>
  <si>
    <t>11/18/2019 12:18:24</t>
  </si>
  <si>
    <t>11/18/2019 12:16:10</t>
  </si>
  <si>
    <t>11/18/2019 12:19:24</t>
  </si>
  <si>
    <t>/o=exchangelabs/ou=exchange administrative group (fydibohf23spdlt)/cn=recipients/cn=52684aee05874b27a5c249763c2fe008-andre mota;/o=exchangelabs/ou=exchange administrative group (fydibohf23spdlt)/cn=recipients/cn=f87f494a8d1d405d8a7b42a51dd5ab84-iris eugeni;</t>
  </si>
  <si>
    <t>COMPOSIÇÃO RECEITA CAIXA - NOV.19.xlsx</t>
  </si>
  <si>
    <t>/o=exchangelabs/ou=exchange administrative group (fydibohf23spdlt)/cn=recipients/cn=52684aee05874b27a5c249763c2fe008-andre mota,/o=exchangelabs/ou=exchange administrative group (fydibohf23spdlt)/cn=recipients/cn=f87f494a8d1d405d8a7b42a51dd5ab84-iris eugeni</t>
  </si>
  <si>
    <t>11/18/2019 12:13:38</t>
  </si>
  <si>
    <t>11/18/2019 12:20:25</t>
  </si>
  <si>
    <t>ENC: Indicação Martins</t>
  </si>
  <si>
    <t>11/18/2019 12:25:10</t>
  </si>
  <si>
    <t>11/18/2019 12:29:25</t>
  </si>
  <si>
    <t>\\acsfs\DSTI\CSB - Coordenacao de Suporte BPO\3 - GSP - Gerência de Suporte a Projetos\PROJETOS CLIENTES\Regional UDI\Whirlpool\2019\URA Services e TLV Genesys + Ativ link Century\Repasse\</t>
  </si>
  <si>
    <t>Telefone x RP x VDN.xlsx</t>
  </si>
  <si>
    <t>11/18/2019 12:31:33</t>
  </si>
  <si>
    <t>11/18/2019 12:37:24</t>
  </si>
  <si>
    <t>/o=exchangelabs/ou=exchange administrative group (fydibohf23spdlt)/cn=recipients/cn=8c01e71056fe4e1a8ecc4e24420bd9ef-fellyp cros;bjusto_amerinode@timbrasil.com.br;fsobral@timbrasil.com.br;llana@timbrasil.com.br;</t>
  </si>
  <si>
    <t>MATERIAIS BAIXO GIRO/ TRANSFERÊNCIAS 1406727/1406736/1406740/1406743/1406744/1406749 NF(S) 16037/16036/15991/15963/15962/15961/15960/15957/15954/15951/15947/15939/15936/16141</t>
  </si>
  <si>
    <t>BAIXA GIRO.xlsx</t>
  </si>
  <si>
    <t>/o=exchangelabs/ou=exchange administrative group (fydibohf23spdlt)/cn=recipients/cn=8c01e71056fe4e1a8ecc4e24420bd9ef-fellyp cros,bjusto_amerinode@timbrasil.com.br,fsobral@timbrasil.com.br,llana@timbrasil.com.br</t>
  </si>
  <si>
    <t>11/18/2019 12:43:46</t>
  </si>
  <si>
    <t>11/18/2019 12:46:25</t>
  </si>
  <si>
    <t>11/18/2019 12:52:38</t>
  </si>
  <si>
    <t>11/18/2019 12:56:26</t>
  </si>
  <si>
    <t>/o=exchangelabs/ou=exchange administrative group (fydibohf23spdlt)/cn=recipients/cn=1023d5718cf74aad8f1f7f0d507959c2-michel ribe;/o=exchangelabs/ou=exchange administrative group (fydibohf23spdlt)/cn=recipients/cn=26d35797a23841dda77608720c95f631-tiago dos r;/o=exchangelabs/ou=exchange administrative group (fydibohf23spdlt)/cn=recipients/cn=c22b2d8de1594760baec681322c0933f-fernanda ma;/o=exchangelabs/ou=exchange administrative group (fydibohf23spdlt)/cn=recipients/cn=user77161474;izadoramdor@algartech.com;</t>
  </si>
  <si>
    <t>ENC: Mailing Confirmação Agenda</t>
  </si>
  <si>
    <t>Mailing Confirmação Agenda.csv</t>
  </si>
  <si>
    <t>/o=exchangelabs/ou=exchange administrative group (fydibohf23spdlt)/cn=recipients/cn=1023d5718cf74aad8f1f7f0d507959c2-michel ribe,/o=exchangelabs/ou=exchange administrative group (fydibohf23spdlt)/cn=recipients/cn=26d35797a23841dda77608720c95f631-tiago dos r,/o=exchangelabs/ou=exchange administrative group (fydibohf23spdlt)/cn=recipients/cn=c22b2d8de1594760baec681322c0933f-fernanda ma,/o=exchangelabs/ou=exchange administrative group (fydibohf23spdlt)/cn=recipients/cn=user77161474,izadoramdor@algartech.com</t>
  </si>
  <si>
    <t>11/18/2019 13:15:09</t>
  </si>
  <si>
    <t>11/18/2019 13:16:26</t>
  </si>
  <si>
    <t>Venda Dia 2710.xlsx</t>
  </si>
  <si>
    <t>11/18/2019 13:20:27</t>
  </si>
  <si>
    <t>11/18/2019 13:25:26</t>
  </si>
  <si>
    <t>11/18/2019 13:27:15</t>
  </si>
  <si>
    <t>11/18/2019 13:28:25</t>
  </si>
  <si>
    <t>/o=exchangelabs/ou=exchange administrative group (fydibohf23spdlt)/cn=recipients/cn=007e35fb7ac14b8e97891f45db73cad4-suyane silv;</t>
  </si>
  <si>
    <t>RES: CDI Manuel</t>
  </si>
  <si>
    <t>CDI_MANUAL LAUANY.xlsx</t>
  </si>
  <si>
    <t>/o=exchangelabs/ou=exchange administrative group (fydibohf23spdlt)/cn=recipients/cn=007e35fb7ac14b8e97891f45db73cad4-suyane silv</t>
  </si>
  <si>
    <t>11/18/2019 13:25:46</t>
  </si>
  <si>
    <t>11/18/2019 13:29:26</t>
  </si>
  <si>
    <t>11/18/2019 12:26:05</t>
  </si>
  <si>
    <t>11/18/2019 13:33:26</t>
  </si>
  <si>
    <t>/o=exchangelabs/ou=exchange administrative group (fydibohf23spdlt)/cn=recipients/cn=06d628e3f48b48f491437fe6311215ae-claudiane a;/o=exchangelabs/ou=exchange administrative group (fydibohf23spdlt)/cn=recipients/cn=hugo cesar rodrigues dos santos;hugo_cesar_rodrigues_dos_santos_algar@whirlpool.com;</t>
  </si>
  <si>
    <t>/o=exchangelabs/ou=exchange administrative group (fydibohf23spdlt)/cn=recipients/cn=06d628e3f48b48f491437fe6311215ae-claudiane a,/o=exchangelabs/ou=exchange administrative group (fydibohf23spdlt)/cn=recipients/cn=hugo cesar rodrigues dos santos,hugo_cesar_rodrigues_dos_santos_algar@whirlpool.com</t>
  </si>
  <si>
    <t>11/18/2019 13:33:06</t>
  </si>
  <si>
    <t>11/18/2019 13:35:26</t>
  </si>
  <si>
    <t>11/18/2019 13:35:24</t>
  </si>
  <si>
    <t>11/18/2019 13:36:25</t>
  </si>
  <si>
    <t>C:\Users\rodrigombu\OneDrive - Grupo Algar\Whirlpool\2019\11 - Novembro\Arquivo\CCO\</t>
  </si>
  <si>
    <t>% Categorizações CCO - NOv-2019.xls</t>
  </si>
  <si>
    <t>11/18/2019 13:42:53</t>
  </si>
  <si>
    <t>11/18/2019 13:45:26</t>
  </si>
  <si>
    <t>/o=exchangelabs/ou=exchange administrative group (fydibohf23spdlt)/cn=recipients/cn=0ca6cc8d100949a7866a928f62ef5778-rosilene de;/o=exchangelabs/ou=exchange administrative group (fydibohf23spdlt)/cn=recipients/cn=7a5ceaeaef9041b49ad4d0d90f19ee70-marianna co;</t>
  </si>
  <si>
    <t>ENC: ALGAR - NOTAS FISCAIS PENDETES</t>
  </si>
  <si>
    <t>ALGAR - NOTAS FISCAIS PENDENTES.xlsx</t>
  </si>
  <si>
    <t>/o=exchangelabs/ou=exchange administrative group (fydibohf23spdlt)/cn=recipients/cn=0ca6cc8d100949a7866a928f62ef5778-rosilene de,/o=exchangelabs/ou=exchange administrative group (fydibohf23spdlt)/cn=recipients/cn=7a5ceaeaef9041b49ad4d0d90f19ee70-marianna co</t>
  </si>
  <si>
    <t>11/18/2019 13:42:56</t>
  </si>
  <si>
    <t>11/18/2019 13:46:26</t>
  </si>
  <si>
    <t>mail.google.com/_/upload?authuser=0&amp;dcp=asu-n&amp;upload_id=AEnB2Upg-rTjAeo9rdIIo7pV-kLvm9Uwsd1BnJr5Vv1sVTH7OSKjKdxxZyKoPgVwfWLojVYLmvJLwAV-WVij-zZaQsU1Hmq3YA&amp;upload_protocol=resumable</t>
  </si>
  <si>
    <t>Formulario-Correcao_PO.v9.xlsx</t>
  </si>
  <si>
    <t>11/18/2019 13:40:45</t>
  </si>
  <si>
    <t>11/18/2019 13:46:41</t>
  </si>
  <si>
    <t>11/18/2019 13:47:26</t>
  </si>
  <si>
    <t>Planilha Projeção LP GAT consolidado</t>
  </si>
  <si>
    <t>PROJEÇÃO LP GAT PPE + AS IS + CAPEX_v3.xlsx</t>
  </si>
  <si>
    <t>11/18/2019 13:55:54</t>
  </si>
  <si>
    <t>11/18/2019 13:56:25</t>
  </si>
  <si>
    <t>lucasfra@algartech.com;ricardog.sousa@bradesco.com.br;</t>
  </si>
  <si>
    <t>RES: Modelo de relatório - CPB</t>
  </si>
  <si>
    <t>lucasfra@algartech.com,ricardog.sousa@bradesco.com.br</t>
  </si>
  <si>
    <t>11/18/2019 13:57:32</t>
  </si>
  <si>
    <t>11/18/2019 14:00:26</t>
  </si>
  <si>
    <t>/o=exchangelabs/ou=exchange administrative group (fydibohf23spdlt)/cn=recipients/cn=56dc126fba5b4a5f8fb1cd7e4f10477d-thais olive;sandra.b.bezerra@bradesco.com.br;</t>
  </si>
  <si>
    <t>RES: Base Amex TPC São Paulo - SP</t>
  </si>
  <si>
    <t>Base Amex TPC São Paulo.xlsx</t>
  </si>
  <si>
    <t>/o=exchangelabs/ou=exchange administrative group (fydibohf23spdlt)/cn=recipients/cn=56dc126fba5b4a5f8fb1cd7e4f10477d-thais olive,sandra.b.bezerra@bradesco.com.br</t>
  </si>
  <si>
    <t>11/18/2019 13:57:33</t>
  </si>
  <si>
    <t>D:\OneDrive\AlgarTech\Pré-Vendas\Cliente\2019\SuperFrio\217462 - Teste de Restauração Snapshot VM\</t>
  </si>
  <si>
    <t>Preco_Colocation_V1.xlsb</t>
  </si>
  <si>
    <t>11/18/2019 13:58:49</t>
  </si>
  <si>
    <t>11/18/2019 14:02:26</t>
  </si>
  <si>
    <t>RES: Ponto de controle semanal 05/11</t>
  </si>
  <si>
    <t>Lista de Pendências 18-11 (002).xlsx</t>
  </si>
  <si>
    <t>11/18/2019 12:19:44</t>
  </si>
  <si>
    <t>11/18/2019 14:04:26</t>
  </si>
  <si>
    <t>11/18/2019 14:01:44</t>
  </si>
  <si>
    <t>11/18/2019 14:07:26</t>
  </si>
  <si>
    <t>/o=exchangelabs/ou=exchange administrative group (fydibohf23spdlt)/cn=recipients/cn=696f712aa5c841708a095699a50884db-luan kevem;/o=exchangelabs/ou=exchange administrative group (fydibohf23spdlt)/cn=recipients/cn=d1ca1bbb859d4bb997649640237ba7cd-paulla rena;/o=exchangelabs/ou=exchange administrative group (fydibohf23spdlt)/cn=recipients/cn=d73974a6e555442cafd74cda95746e86-denia alves;elismael.menino@sicoob.com.br;rogerio.nascimento@sicoob.com.br;</t>
  </si>
  <si>
    <t>/o=exchangelabs/ou=exchange administrative group (fydibohf23spdlt)/cn=recipients/cn=696f712aa5c841708a095699a50884db-luan kevem,/o=exchangelabs/ou=exchange administrative group (fydibohf23spdlt)/cn=recipients/cn=d1ca1bbb859d4bb997649640237ba7cd-paulla rena,/o=exchangelabs/ou=exchange administrative group (fydibohf23spdlt)/cn=recipients/cn=d73974a6e555442cafd74cda95746e86-denia alves,elismael.menino@sicoob.com.br,rogerio.nascimento@sicoob.com.br</t>
  </si>
  <si>
    <t>11/18/2019 14:02:59</t>
  </si>
  <si>
    <t>ueniargl@algartech.com.br;</t>
  </si>
  <si>
    <t>ENC: ESCALA #SOU DONO _ 13/11</t>
  </si>
  <si>
    <t>ueniargl@algartech.com.br</t>
  </si>
  <si>
    <t>11/18/2019 14:07:30</t>
  </si>
  <si>
    <t>11/18/2019 14:13:26</t>
  </si>
  <si>
    <t>/o=exchangelabs/ou=exchange administrative group (fydibohf23spdlt)/cn=recipients/cn=9299eace44a54a5785d36736737dc306-alessandra;</t>
  </si>
  <si>
    <t>Pagamento devolvido,</t>
  </si>
  <si>
    <t>Controle de pagamentos Rejeitados Algar 18112019.xlsx</t>
  </si>
  <si>
    <t>/o=exchangelabs/ou=exchange administrative group (fydibohf23spdlt)/cn=recipients/cn=9299eace44a54a5785d36736737dc306-alessandra</t>
  </si>
  <si>
    <t>11/18/2019 14:12:28</t>
  </si>
  <si>
    <t>11/18/2019 14:17:26</t>
  </si>
  <si>
    <t>C:\Users\mariannacsm\OneDrive - Grupo Algar\0- PMO-POOL\COMPRAS\06 - External NFs\</t>
  </si>
  <si>
    <t>11/18/2019 14:15:06</t>
  </si>
  <si>
    <t>/o=exchangelabs/ou=exchange administrative group (fydibohf23spdlt)/cn=recipients/cn=00351cfd10744e67afc321025db57f3a-rosangela t;/o=exchangelabs/ou=exchange administrative group (fydibohf23spdlt)/cn=recipients/cn=03d4f154d826454384b4973cf8a3121d-daniela nun;/o=exchangelabs/ou=exchange administrative group (fydibohf23spdlt)/cn=recipients/cn=15445d09bcc1488fa6db45ecd34481fe-ana elisa d;/o=exchangelabs/ou=exchange administrative group (fydibohf23spdlt)/cn=recipients/cn=1823a757b34d42a79cc59911d7308161-simone carv;/o=exchangelabs/ou=exchange administrative group (fydibohf23spdlt)/cn=recipients/cn=230f4410440747e88bfdc65fddb1e192-vanessa sou;/o=exchangelabs/ou=exchange administrative group (fydibohf23spdlt)/cn=recipients/cn=2a2dbb67c76e4e33beac0602893fa479-carlos juni;/o=exchangelabs/ou=exchange administrative group (fydibohf23spdlt)/cn=recipients/cn=3720674f67dd4336be39b7fa42f5aac8-wesley silv;/o=exchangelabs/ou=exchange administrative group (fydibohf23spdlt)/cn=recipients/cn=3d76664d4bc241c487f06913aba47ca9-rafa</t>
  </si>
  <si>
    <t>Relatório External Central de Notas</t>
  </si>
  <si>
    <t>Relatório Pendências NFs.xlsx</t>
  </si>
  <si>
    <t>/o=exchangelabs/ou=exchange administrative group (fydibohf23spdlt)/cn=recipients/cn=00351cfd10744e67afc321025db57f3a-rosangela t,/o=exchangelabs/ou=exchange administrative group (fydibohf23spdlt)/cn=recipients/cn=03d4f154d826454384b4973cf8a3121d-daniela nun,/o=exchangelabs/ou=exchange administrative group (fydibohf23spdlt)/cn=recipients/cn=15445d09bcc1488fa6db45ecd34481fe-ana elisa d,/o=exchangelabs/ou=exchange administrative group (fydibohf23spdlt)/cn=recipients/cn=1823a757b34d42a79cc59911d7308161-simone carv,/o=exchangelabs/ou=exchange administrative group (fydibohf23spdlt)/cn=recipients/cn=230f4410440747e88bfdc65fddb1e192-vanessa sou,/o=exchangelabs/ou=exchange administrative group (fydibohf23spdlt)/cn=recipients/cn=2a2dbb67c76e4e33beac0602893fa479-carlos juni,/o=exchangelabs/ou=exchange administrative group (fydibohf23spdlt)/cn=recipients/cn=3720674f67dd4336be39b7fa42f5aac8-wesley silv,/o=exchangelabs/ou=exchange administrative group (fydibohf23spdlt)/cn=recipients/cn=3d76664d4bc241c487f06913aba47ca9-rafa</t>
  </si>
  <si>
    <t>11/18/2019 14:22:00</t>
  </si>
  <si>
    <t>11/18/2019 14:24:25</t>
  </si>
  <si>
    <t>10.200.99.44</t>
  </si>
  <si>
    <t>ENC: ASLCP_ACCESS REVIEW</t>
  </si>
  <si>
    <t>ASLCP IC743 Alessandro Ferrari.xlsx</t>
  </si>
  <si>
    <t>11/18/2019 14:21:07</t>
  </si>
  <si>
    <t>/o=exchangelabs/ou=exchange administrative group (fydibohf23spdlt)/cn=recipients/cn=2504d5028b6b4fb89d14a5df6031358d-jane carla;/o=exchangelabs/ou=exchange administrative group (fydibohf23spdlt)/cn=recipients/cn=2b69c7de1a3641269a7eed0596e1ddc2-wayner oliv;/o=exchangelabs/ou=exchange administrative group (fydibohf23spdlt)/cn=recipients/cn=54abac0a4fdc4ad1bec39bb51d85eab1-victor hugo;/o=exchangelabs/ou=exchange administrative group (fydibohf23spdlt)/cn=recipients/cn=55f846c335d7437f892f0b0d49c89e92-celma ribei;/o=exchangelabs/ou=exchange administrative group (fydibohf23spdlt)/cn=recipients/cn=6bc6ced03b1b4fafa41bb5c70c178940-antonio per;</t>
  </si>
  <si>
    <t>Informações de desmobilização.xlsx</t>
  </si>
  <si>
    <t>/o=exchangelabs/ou=exchange administrative group (fydibohf23spdlt)/cn=recipients/cn=2504d5028b6b4fb89d14a5df6031358d-jane carla,/o=exchangelabs/ou=exchange administrative group (fydibohf23spdlt)/cn=recipients/cn=2b69c7de1a3641269a7eed0596e1ddc2-wayner oliv,/o=exchangelabs/ou=exchange administrative group (fydibohf23spdlt)/cn=recipients/cn=54abac0a4fdc4ad1bec39bb51d85eab1-victor hugo,/o=exchangelabs/ou=exchange administrative group (fydibohf23spdlt)/cn=recipients/cn=55f846c335d7437f892f0b0d49c89e92-celma ribei,/o=exchangelabs/ou=exchange administrative group (fydibohf23spdlt)/cn=recipients/cn=6bc6ced03b1b4fafa41bb5c70c178940-antonio per</t>
  </si>
  <si>
    <t>11/18/2019 14:22:22</t>
  </si>
  <si>
    <t>11/18/2019 14:25:26</t>
  </si>
  <si>
    <t>ENC: Relatório Treinamento NR-17 - 34ª Parcial 2019</t>
  </si>
  <si>
    <t>11/18/2019 14:25:59</t>
  </si>
  <si>
    <t>11/18/2019 14:27:26</t>
  </si>
  <si>
    <t>11/18/2019 14:24:35</t>
  </si>
  <si>
    <t>11/18/2019 14:29:26</t>
  </si>
  <si>
    <t>/o=exchangelabs/ou=exchange administrative group (fydibohf23spdlt)/cn=recipients/cn=0a87f2cad91d442c9f093f600a4c5266-vanessa rod;/o=exchangelabs/ou=exchange administrative group (fydibohf23spdlt)/cn=recipients/cn=1fbcd60c36f14b1cae70e747a3f94b5d-catiana lou;/o=exchangelabs/ou=exchange administrative group (fydibohf23spdlt)/cn=recipients/cn=2abd653b249741f0aaab575ad2f855a3-tayse ianda;/o=exchangelabs/ou=exchange administrative group (fydibohf23spdlt)/cn=recipients/cn=39b10ea69c23443aab7ad02aa1a69607-jose afonso;/o=exchangelabs/ou=exchange administrative group (fydibohf23spdlt)/cn=recipients/cn=e6e28e2646d74f638943c02afdaa6d1e-luciana rod;</t>
  </si>
  <si>
    <t>/o=exchangelabs/ou=exchange administrative group (fydibohf23spdlt)/cn=recipients/cn=0a87f2cad91d442c9f093f600a4c5266-vanessa rod,/o=exchangelabs/ou=exchange administrative group (fydibohf23spdlt)/cn=recipients/cn=1fbcd60c36f14b1cae70e747a3f94b5d-catiana lou,/o=exchangelabs/ou=exchange administrative group (fydibohf23spdlt)/cn=recipients/cn=2abd653b249741f0aaab575ad2f855a3-tayse ianda,/o=exchangelabs/ou=exchange administrative group (fydibohf23spdlt)/cn=recipients/cn=39b10ea69c23443aab7ad02aa1a69607-jose afonso,/o=exchangelabs/ou=exchange administrative group (fydibohf23spdlt)/cn=recipients/cn=e6e28e2646d74f638943c02afdaa6d1e-luciana rod</t>
  </si>
  <si>
    <t>11/18/2019 14:32:27</t>
  </si>
  <si>
    <t>11/18/2019 14:34:25</t>
  </si>
  <si>
    <t>11/18/2019 14:33:54</t>
  </si>
  <si>
    <t>11/18/2019 14:39:26</t>
  </si>
  <si>
    <t>11/18/2019 14:42:56</t>
  </si>
  <si>
    <t>11/18/2019 14:46:26</t>
  </si>
  <si>
    <t>/o=exchangelabs/ou=exchange administrative group (fydibohf23spdlt)/cn=recipients/cn=029150745eb3404986232d7559006193-acacio ribe;/o=exchangelabs/ou=exchange administrative group (fydibohf23spdlt)/cn=recipients/cn=05727f9c1c2340389e0d1a6f512fd23a-miguel jaso;/o=exchangelabs/ou=exchange administrative group (fydibohf23spdlt)/cn=recipients/cn=0bafe1ed27024338be4e911e19871cd1-william rob;/o=exchangelabs/ou=exchange administrative group (fydibohf23spdlt)/cn=recipients/cn=168e05cabbf14ae289464a0c09955b31-sara ferrei;/o=exchangelabs/ou=exchange administrative group (fydibohf23spdlt)/cn=recipients/cn=18106b2c2b164f0f859ac301d85fc885-luis carlos;/o=exchangelabs/ou=exchange administrative group (fydibohf23spdlt)/cn=recipients/cn=1ef8a40c52af4b4dbe421ec9beecd02c-simone pont;/o=exchangelabs/ou=exchange administrative group (fydibohf23spdlt)/cn=recipients/cn=220eab2784814ada972ad8cbae088aa3-camila de o;/o=exchangelabs/ou=exchange administrative group (fydibohf23spdlt)/cn=recipients/cn=249f643ba1e044588b45a020c76dadde-dani</t>
  </si>
  <si>
    <t>CRONOGRAMA FECHAMENTO NOV19</t>
  </si>
  <si>
    <t>/o=exchangelabs/ou=exchange administrative group (fydibohf23spdlt)/cn=recipients/cn=029150745eb3404986232d7559006193-acacio ribe,/o=exchangelabs/ou=exchange administrative group (fydibohf23spdlt)/cn=recipients/cn=05727f9c1c2340389e0d1a6f512fd23a-miguel jaso,/o=exchangelabs/ou=exchange administrative group (fydibohf23spdlt)/cn=recipients/cn=0bafe1ed27024338be4e911e19871cd1-william rob,/o=exchangelabs/ou=exchange administrative group (fydibohf23spdlt)/cn=recipients/cn=168e05cabbf14ae289464a0c09955b31-sara ferrei,/o=exchangelabs/ou=exchange administrative group (fydibohf23spdlt)/cn=recipients/cn=18106b2c2b164f0f859ac301d85fc885-luis carlos,/o=exchangelabs/ou=exchange administrative group (fydibohf23spdlt)/cn=recipients/cn=1ef8a40c52af4b4dbe421ec9beecd02c-simone pont,/o=exchangelabs/ou=exchange administrative group (fydibohf23spdlt)/cn=recipients/cn=220eab2784814ada972ad8cbae088aa3-camila de o,/o=exchangelabs/ou=exchange administrative group (fydibohf23spdlt)/cn=recipients/cn=249f643ba1e044588b45a020c76dadde-dani</t>
  </si>
  <si>
    <t>11/18/2019 14:45:33</t>
  </si>
  <si>
    <t>11/18/2019 14:49:25</t>
  </si>
  <si>
    <t>RES: Mailing Reagendamento</t>
  </si>
  <si>
    <t>Cópia de Reagendamento Diversos - 201911 - Ociosidade.xlsm</t>
  </si>
  <si>
    <t>11/18/2019 14:48:21</t>
  </si>
  <si>
    <t>11/18/2019 14:50:26</t>
  </si>
  <si>
    <t>11/18/2019 14:48:22</t>
  </si>
  <si>
    <t>11/18/2019 14:48:23</t>
  </si>
  <si>
    <t>11/18/2019 14:48:27</t>
  </si>
  <si>
    <t>11/18/2019 14:48:29</t>
  </si>
  <si>
    <t>11/18/2019 14:48:30</t>
  </si>
  <si>
    <t>11/18/2019 14:49:41</t>
  </si>
  <si>
    <t>11/18/2019 14:49:42</t>
  </si>
  <si>
    <t>11/18/2019 14:49:43</t>
  </si>
  <si>
    <t>11/18/2019 14:51:26</t>
  </si>
  <si>
    <t>11/18/2019 14:49:44</t>
  </si>
  <si>
    <t>11/18/2019 14:49:53</t>
  </si>
  <si>
    <t>11/18/2019 14:49:54</t>
  </si>
  <si>
    <t>11/18/2019 14:49:55</t>
  </si>
  <si>
    <t>11/18/2019 14:49:56</t>
  </si>
  <si>
    <t>11/18/2019 14:49:57</t>
  </si>
  <si>
    <t>11/18/2019 14:50:01</t>
  </si>
  <si>
    <t>11/18/2019 14:50:02</t>
  </si>
  <si>
    <t>11/18/2019 14:50:14</t>
  </si>
  <si>
    <t>11/18/2019 14:50:15</t>
  </si>
  <si>
    <t>11/18/2019 14:50:16</t>
  </si>
  <si>
    <t>11/18/2019 14:48:36</t>
  </si>
  <si>
    <t>11/18/2019 14:53:26</t>
  </si>
  <si>
    <t>saramfg@algartech.com;victorhsr@algartech.com;vivianercu@algartech.com;</t>
  </si>
  <si>
    <t>Nova RB 340002017.xlsx</t>
  </si>
  <si>
    <t>saramfg@algartech.com,victorhsr@algartech.com,vivianercu@algartech.com</t>
  </si>
  <si>
    <t>11/18/2019 14:50:19</t>
  </si>
  <si>
    <t>11/18/2019 14:56:26</t>
  </si>
  <si>
    <t>11/18/2019 14:50:20</t>
  </si>
  <si>
    <t>11/18/2019 14:50:21</t>
  </si>
  <si>
    <t>11/18/2019 14:50:22</t>
  </si>
  <si>
    <t>11/18/2019 14:50:23</t>
  </si>
  <si>
    <t>11/18/2019 14:50:24</t>
  </si>
  <si>
    <t>11/18/2019 14:50:25</t>
  </si>
  <si>
    <t>11/18/2019 14:50:27</t>
  </si>
  <si>
    <t>11/18/2019 14:50:40</t>
  </si>
  <si>
    <t>11/18/2019 14:50:51</t>
  </si>
  <si>
    <t>11/18/2019 14:51:19</t>
  </si>
  <si>
    <t>11/18/2019 14:51:20</t>
  </si>
  <si>
    <t>11/18/2019 14:51:21</t>
  </si>
  <si>
    <t>11/18/2019 14:51:22</t>
  </si>
  <si>
    <t>11/18/2019 14:51:23</t>
  </si>
  <si>
    <t>11/18/2019 14:51:24</t>
  </si>
  <si>
    <t>11/18/2019 14:51:25</t>
  </si>
  <si>
    <t>11/18/2019 14:51:27</t>
  </si>
  <si>
    <t>11/18/2019 14:51:28</t>
  </si>
  <si>
    <t>11/18/2019 14:51:29</t>
  </si>
  <si>
    <t>11/18/2019 14:51:41</t>
  </si>
  <si>
    <t>11/18/2019 14:51:43</t>
  </si>
  <si>
    <t>11/18/2019 14:51:44</t>
  </si>
  <si>
    <t>11/18/2019 14:51:45</t>
  </si>
  <si>
    <t>11/18/2019 14:51:46</t>
  </si>
  <si>
    <t>11/18/2019 14:51:47</t>
  </si>
  <si>
    <t>11/18/2019 14:51:48</t>
  </si>
  <si>
    <t>11/18/2019 14:51:49</t>
  </si>
  <si>
    <t>11/18/2019 14:51:50</t>
  </si>
  <si>
    <t>11/18/2019 14:51:51</t>
  </si>
  <si>
    <t>11/18/2019 14:51:52</t>
  </si>
  <si>
    <t>11/18/2019 14:51:53</t>
  </si>
  <si>
    <t>11/18/2019 14:51:54</t>
  </si>
  <si>
    <t>11/18/2019 14:51:55</t>
  </si>
  <si>
    <t>11/18/2019 14:51:57</t>
  </si>
  <si>
    <t>11/18/2019 14:51:58</t>
  </si>
  <si>
    <t>11/18/2019 14:52:00</t>
  </si>
  <si>
    <t>11/18/2019 14:52:01</t>
  </si>
  <si>
    <t>11/18/2019 14:52:02</t>
  </si>
  <si>
    <t>11/18/2019 14:52:03</t>
  </si>
  <si>
    <t>11/18/2019 14:52:04</t>
  </si>
  <si>
    <t>11/18/2019 14:52:06</t>
  </si>
  <si>
    <t>11/18/2019 14:52:07</t>
  </si>
  <si>
    <t>11/18/2019 14:52:12</t>
  </si>
  <si>
    <t>11/18/2019 14:52:13</t>
  </si>
  <si>
    <t>11/18/2019 14:52:14</t>
  </si>
  <si>
    <t>11/18/2019 14:52:15</t>
  </si>
  <si>
    <t>11/18/2019 14:52:17</t>
  </si>
  <si>
    <t>11/18/2019 14:52:18</t>
  </si>
  <si>
    <t>11/18/2019 14:52:19</t>
  </si>
  <si>
    <t>11/18/2019 14:52:20</t>
  </si>
  <si>
    <t>11/18/2019 14:52:21</t>
  </si>
  <si>
    <t>11/18/2019 14:52:22</t>
  </si>
  <si>
    <t>11/18/2019 14:52:30</t>
  </si>
  <si>
    <t>11/18/2019 14:52:33</t>
  </si>
  <si>
    <t>11/18/2019 14:52:36</t>
  </si>
  <si>
    <t>11/18/2019 14:52:37</t>
  </si>
  <si>
    <t>11/18/2019 14:52:38</t>
  </si>
  <si>
    <t>11/18/2019 14:52:39</t>
  </si>
  <si>
    <t>11/18/2019 14:52:40</t>
  </si>
  <si>
    <t>11/18/2019 14:52:41</t>
  </si>
  <si>
    <t>11/18/2019 14:52:42</t>
  </si>
  <si>
    <t>11/18/2019 14:52:43</t>
  </si>
  <si>
    <t>11/18/2019 14:52:44</t>
  </si>
  <si>
    <t>11/18/2019 14:52:45</t>
  </si>
  <si>
    <t>11/18/2019 14:52:46</t>
  </si>
  <si>
    <t>11/18/2019 14:52:47</t>
  </si>
  <si>
    <t>11/18/2019 14:52:48</t>
  </si>
  <si>
    <t>11/18/2019 14:52:51</t>
  </si>
  <si>
    <t>11/18/2019 14:52:52</t>
  </si>
  <si>
    <t>11/18/2019 14:52:54</t>
  </si>
  <si>
    <t>11/18/2019 14:52:55</t>
  </si>
  <si>
    <t>11/18/2019 14:52:56</t>
  </si>
  <si>
    <t>11/18/2019 14:52:57</t>
  </si>
  <si>
    <t>11/18/2019 14:52:59</t>
  </si>
  <si>
    <t>11/18/2019 14:53:00</t>
  </si>
  <si>
    <t>11/18/2019 14:53:01</t>
  </si>
  <si>
    <t>11/18/2019 14:53:02</t>
  </si>
  <si>
    <t>11/18/2019 14:53:03</t>
  </si>
  <si>
    <t>11/18/2019 14:53:11</t>
  </si>
  <si>
    <t>11/18/2019 14:53:17</t>
  </si>
  <si>
    <t>11/18/2019 14:53:18</t>
  </si>
  <si>
    <t>11/18/2019 14:53:29</t>
  </si>
  <si>
    <t>11/18/2019 14:53:52</t>
  </si>
  <si>
    <t>11/18/2019 14:53:53</t>
  </si>
  <si>
    <t>11/18/2019 14:53:54</t>
  </si>
  <si>
    <t>11/18/2019 14:53:55</t>
  </si>
  <si>
    <t>11/18/2019 14:53:56</t>
  </si>
  <si>
    <t>11/18/2019 14:53:57</t>
  </si>
  <si>
    <t>11/18/2019 14:54:03</t>
  </si>
  <si>
    <t>11/18/2019 14:54:04</t>
  </si>
  <si>
    <t>11/18/2019 14:54:05</t>
  </si>
  <si>
    <t>11/18/2019 14:54:06</t>
  </si>
  <si>
    <t>11/18/2019 14:54:07</t>
  </si>
  <si>
    <t>11/18/2019 14:54:11</t>
  </si>
  <si>
    <t>11/18/2019 14:54:15</t>
  </si>
  <si>
    <t>11/18/2019 14:54:17</t>
  </si>
  <si>
    <t>11/18/2019 14:54:19</t>
  </si>
  <si>
    <t>11/18/2019 14:54:20</t>
  </si>
  <si>
    <t>11/18/2019 14:54:39</t>
  </si>
  <si>
    <t>11/18/2019 14:54:40</t>
  </si>
  <si>
    <t>11/18/2019 14:54:41</t>
  </si>
  <si>
    <t>11/18/2019 14:54:42</t>
  </si>
  <si>
    <t>11/18/2019 14:54:43</t>
  </si>
  <si>
    <t>11/18/2019 14:54:44</t>
  </si>
  <si>
    <t>11/18/2019 14:54:45</t>
  </si>
  <si>
    <t>11/18/2019 14:54:46</t>
  </si>
  <si>
    <t>11/18/2019 14:54:47</t>
  </si>
  <si>
    <t>11/18/2019 14:54:48</t>
  </si>
  <si>
    <t>11/18/2019 14:54:49</t>
  </si>
  <si>
    <t>11/18/2019 14:54:50</t>
  </si>
  <si>
    <t>11/18/2019 14:55:04</t>
  </si>
  <si>
    <t>11/18/2019 14:55:05</t>
  </si>
  <si>
    <t>11/18/2019 14:55:06</t>
  </si>
  <si>
    <t>11/18/2019 14:55:07</t>
  </si>
  <si>
    <t>11/18/2019 14:55:08</t>
  </si>
  <si>
    <t>11/18/2019 14:55:09</t>
  </si>
  <si>
    <t>11/18/2019 14:55:10</t>
  </si>
  <si>
    <t>11/18/2019 14:55:11</t>
  </si>
  <si>
    <t>11/18/2019 14:55:12</t>
  </si>
  <si>
    <t>11/18/2019 14:55:14</t>
  </si>
  <si>
    <t>11/18/2019 14:55:15</t>
  </si>
  <si>
    <t>11/18/2019 14:55:18</t>
  </si>
  <si>
    <t>11/18/2019 14:55:20</t>
  </si>
  <si>
    <t>11/18/2019 14:55:21</t>
  </si>
  <si>
    <t>11/18/2019 14:55:25</t>
  </si>
  <si>
    <t>11/16/2019 09:25:55</t>
  </si>
  <si>
    <t>11/18/2019 14:59:25</t>
  </si>
  <si>
    <t>10.200.60.6</t>
  </si>
  <si>
    <t>64-1C-67-9C-32-4C</t>
  </si>
  <si>
    <t>C:\Users\fellypcsj\OneDrive - Grupo Algar\Pendências\Deslocamento Férias\Fernando Rodrigues.msg\s1\</t>
  </si>
  <si>
    <t>072019 - DESLOCAMENTO VEICULO FÉRIAS.xlsx</t>
  </si>
  <si>
    <t>11/16/2019 09:25:56</t>
  </si>
  <si>
    <t>C:\Users\fellypcsj\OneDrive - Grupo Algar\Pendências\Deslocamento Férias\Gilson Alves.msg\s1\</t>
  </si>
  <si>
    <t>11/16/2019 09:25:57</t>
  </si>
  <si>
    <t>C:\Users\fellypcsj\OneDrive - Grupo Algar\Pendências\Deslocamento Férias\Eric Henrique.msg\s1\</t>
  </si>
  <si>
    <t>072019 - DESLOCAMENTO VEICULO FÉRIAS (002).xlsx</t>
  </si>
  <si>
    <t>11/16/2019 09:25:58</t>
  </si>
  <si>
    <t>C:\Users\fellypcsj\OneDrive - Grupo Algar\Pendências\Deslocamento Férias\Rui Miguel.msg\s1\</t>
  </si>
  <si>
    <t>C:\Users\fellypcsj\OneDrive - Grupo Algar\Pendências\Deslocamento Férias\</t>
  </si>
  <si>
    <t>2019 - DESLOCAMENTO VEICULO FÉRIAS.xlsx</t>
  </si>
  <si>
    <t>11/16/2019 09:26:03</t>
  </si>
  <si>
    <t>11/16/2019 09:26:12</t>
  </si>
  <si>
    <t>11/16/2019 09:34:23</t>
  </si>
  <si>
    <t>11/16/2019 09:35:18</t>
  </si>
  <si>
    <t>11/16/2019 17:01:43</t>
  </si>
  <si>
    <t>11/18/2019 14:59:01</t>
  </si>
  <si>
    <t>11/18/2019 15:01:25</t>
  </si>
  <si>
    <t>DISABLE_INSTANCIAS_SQL_SAGE.xlsx</t>
  </si>
  <si>
    <t>11/18/2019 14:55:41</t>
  </si>
  <si>
    <t>11/18/2019 14:55:42</t>
  </si>
  <si>
    <t>11/18/2019 15:01:18</t>
  </si>
  <si>
    <t>11/18/2019 15:03:25</t>
  </si>
  <si>
    <t>C:\Users\lucasfbr\OneDrive - Grupo Algar\LUCAS\3 - Demandas\Licenciamento Microsoft\Fase 2\7 - SAM\</t>
  </si>
  <si>
    <t>MLS Techxlsx.xlsx</t>
  </si>
  <si>
    <t>11/18/2019 15:06:44</t>
  </si>
  <si>
    <t>11/18/2019 15:08:26</t>
  </si>
  <si>
    <t>11/18/2019 15:07:01</t>
  </si>
  <si>
    <t>Cópia de MLS_ALGAR_2017.xlsx</t>
  </si>
  <si>
    <t>11/18/2019 15:07:27</t>
  </si>
  <si>
    <t>11/18/2019 15:09:25</t>
  </si>
  <si>
    <t>10.208.12.62</t>
  </si>
  <si>
    <t>C:\Users\simoneesm\OneDrive - Grupo Algar\Controle\ALGAR\TH\Férias\2019\</t>
  </si>
  <si>
    <t>Férias_CNJ_PF_PRF.xlsx</t>
  </si>
  <si>
    <t>11/18/2019 15:08:05</t>
  </si>
  <si>
    <t>11/18/2019 15:11:25</t>
  </si>
  <si>
    <t>11/18/2019 15:08:48</t>
  </si>
  <si>
    <t>11/18/2019 15:12:26</t>
  </si>
  <si>
    <t>amado@avaya.com;bmsampaio@avaya.com;cavalcanti@avaya.com;cleberafp@algartech.com;cpinto@avaya.com;hnossig@avaya.com;jambar@avaya.com;junior@avaya.com;leandrosma@algartech.com;maurojmdo@algartech.com;poncef@avaya.com;rbarros@avaya.com;vcacquafreda@avaya.com;</t>
  </si>
  <si>
    <t>D:\AlgarTech\Planejamento_Engenharia\BPO\RFP - Perguntas\</t>
  </si>
  <si>
    <t>Questionamentos Algar Tech - TI.xlsx</t>
  </si>
  <si>
    <t>amado@avaya.com,bmsampaio@avaya.com,cavalcanti@avaya.com,cleberafp@algartech.com,cpinto@avaya.com,hnossig@avaya.com,jambar@avaya.com,junior@avaya.com,leandrosma@algartech.com,maurojmdo@algartech.com,poncef@avaya.com,rbarros@avaya.com,vcacquafreda@avaya.com</t>
  </si>
  <si>
    <t>11/18/2019 15:08:47</t>
  </si>
  <si>
    <t>10.207.12.47</t>
  </si>
  <si>
    <t>/o=exchangelabs/ou=exchange administrative group (fydibohf23spdlt)/cn=recipients/cn=651324bc204a42f6bbcdf62273ebdc5c-aluisio ant;/o=exchangelabs/ou=exchange administrative group (fydibohf23spdlt)/cn=recipients/cn=b79663656cc44aa3bf06617d1695ae51-carlos faci;</t>
  </si>
  <si>
    <t>Catalogo de Produtos - Fusion</t>
  </si>
  <si>
    <t>/o=exchangelabs/ou=exchange administrative group (fydibohf23spdlt)/cn=recipients/cn=651324bc204a42f6bbcdf62273ebdc5c-aluisio ant,/o=exchangelabs/ou=exchange administrative group (fydibohf23spdlt)/cn=recipients/cn=b79663656cc44aa3bf06617d1695ae51-carlos faci</t>
  </si>
  <si>
    <t>11/18/2019 15:13:09</t>
  </si>
  <si>
    <t>11/18/2019 15:14:26</t>
  </si>
  <si>
    <t>/o=exchangelabs/ou=exchange administrative group (fydibohf23spdlt)/cn=recipients/cn=0c3b159caeb64e888a1aff8085d3e351-antonio de;/o=exchangelabs/ou=exchange administrative group (fydibohf23spdlt)/cn=recipients/cn=3e53cb9709eb44f6a5c985e8a116316d-marcelo gil;/o=exchangelabs/ou=exchange administrative group (fydibohf23spdlt)/cn=recipients/cn=4cfa6f7817f44e48a6a34e48106550f7-raimundo de;/o=exchangelabs/ou=exchange administrative group (fydibohf23spdlt)/cn=recipients/cn=65f2464c9a2e4d2981cae7124572133d-cristiane c;/o=exchangelabs/ou=exchange administrative group (fydibohf23spdlt)/cn=recipients/cn=a726283886e24ad29dbb9ee862752722-igor jefers;adsilva_pronto@timbrasil.com.br;logisticatimopm@grupotpc.com;mpanhoca@timbrasil.com.br;mtbarros@timbrasil.com.br;nmota@timbrasil.com.br;ppaternina@timbrasil.com.br;ralbuquerque_act@timbrasil.com.br;</t>
  </si>
  <si>
    <t>RES: Liberação do Sistema SGS - Player Teresina</t>
  </si>
  <si>
    <t>RES Saneamento de usuários SGS - Algar.msg\s1\</t>
  </si>
  <si>
    <t>102019 - ACESSOS SGS.xlsx</t>
  </si>
  <si>
    <t>/o=exchangelabs/ou=exchange administrative group (fydibohf23spdlt)/cn=recipients/cn=0c3b159caeb64e888a1aff8085d3e351-antonio de,/o=exchangelabs/ou=exchange administrative group (fydibohf23spdlt)/cn=recipients/cn=3e53cb9709eb44f6a5c985e8a116316d-marcelo gil,/o=exchangelabs/ou=exchange administrative group (fydibohf23spdlt)/cn=recipients/cn=4cfa6f7817f44e48a6a34e48106550f7-raimundo de,/o=exchangelabs/ou=exchange administrative group (fydibohf23spdlt)/cn=recipients/cn=65f2464c9a2e4d2981cae7124572133d-cristiane c,/o=exchangelabs/ou=exchange administrative group (fydibohf23spdlt)/cn=recipients/cn=a726283886e24ad29dbb9ee862752722-igor jefers,adsilva_pronto@timbrasil.com.br,logisticatimopm@grupotpc.com,mpanhoca@timbrasil.com.br,mtbarros@timbrasil.com.br,nmota@timbrasil.com.br,ppaternina@timbrasil.com.br,ralbuquerque_act@timbrasil.com.br</t>
  </si>
  <si>
    <t>11/18/2019 15:13:22</t>
  </si>
  <si>
    <t>11/18/2019 15:15:25</t>
  </si>
  <si>
    <t>/o=exchangelabs/ou=exchange administrative group (fydibohf23spdlt)/cn=recipients/cn=72cf7e0bd1fe499886b9c12b4b5b52b6-inacio anto;/o=exchangelabs/ou=exchange administrative group (fydibohf23spdlt)/cn=recipients/cn=90878932db2a45bb924c0e3aac6d5da2-jonatas lem;/o=exchangelabs/ou=exchange administrative group (fydibohf23spdlt)/cn=recipients/cn=a4ba92cba10f4fe498074594f937f3b6-leandro lop;/o=exchangelabs/ou=exchange administrative group (fydibohf23spdlt)/cn=recipients/cn=e894bfa401c848dc9e25ced4ad1f3dd7-luciana fer;rafaelabsz@algartech.com.br;wesleymb@algartech.com.br;</t>
  </si>
  <si>
    <t>RES: Relatório Receptivo - URR 18/11/2019 09:30:56</t>
  </si>
  <si>
    <t>RelatórioReceptivoURR_Novembro.xlsx</t>
  </si>
  <si>
    <t>/o=exchangelabs/ou=exchange administrative group (fydibohf23spdlt)/cn=recipients/cn=72cf7e0bd1fe499886b9c12b4b5b52b6-inacio anto,/o=exchangelabs/ou=exchange administrative group (fydibohf23spdlt)/cn=recipients/cn=90878932db2a45bb924c0e3aac6d5da2-jonatas lem,/o=exchangelabs/ou=exchange administrative group (fydibohf23spdlt)/cn=recipients/cn=a4ba92cba10f4fe498074594f937f3b6-leandro lop,/o=exchangelabs/ou=exchange administrative group (fydibohf23spdlt)/cn=recipients/cn=e894bfa401c848dc9e25ced4ad1f3dd7-luciana fer,rafaelabsz@algartech.com.br,wesleymb@algartech.com.br</t>
  </si>
  <si>
    <t>11/18/2019 15:13:15</t>
  </si>
  <si>
    <t>11/18/2019 15:17:25</t>
  </si>
  <si>
    <t>Arquivo Produção</t>
  </si>
  <si>
    <t>Produtividade UNE_UCB_Formalização e Casos Especiais D-1_.xlsb</t>
  </si>
  <si>
    <t>11/18/2019 15:15:38</t>
  </si>
  <si>
    <t>Produção VALE</t>
  </si>
  <si>
    <t>11/18/2019 15:23:36</t>
  </si>
  <si>
    <t>11/18/2019 15:24:26</t>
  </si>
  <si>
    <t>C:\Users\rodrigormc\Downloads\Boletim Semanal_14-11 - Comercial Algar.pptx\</t>
  </si>
  <si>
    <t>11/18/2019 15:23:38</t>
  </si>
  <si>
    <t>mail.google.com/_/upload?authuser=0&amp;dcp=asu-n&amp;upload_id=AEnB2UpnYM025ubI2HHpTK8M5gCWBUSbmjRdelm8R6Gl18rAleZOJVB8cDR-TDx7XroLPi6R53e630pfve3Xp30qGkXxgxu_Zw&amp;upload_protocol=resumable</t>
  </si>
  <si>
    <t>C:\Users\rodrigormc\Desktop\Parcial\Boletim Semanal_14-11 - Comercial Algar.pptx\</t>
  </si>
  <si>
    <t>11/18/2019 15:25:02</t>
  </si>
  <si>
    <t>11/18/2019 15:29:25</t>
  </si>
  <si>
    <t>/o=exchangelabs/ou=exchange administrative group (fydibohf23spdlt)/cn=recipients/cn=65f2464c9a2e4d2981cae7124572133d-cristiane c;llana@timbrasil.com.br;mpanhoca@timbrasil.com.br;nmota@timbrasil.com.br;qgouveia@timbrasil.com.br;rporto@timbrasil.com.br;</t>
  </si>
  <si>
    <t>/o=exchangelabs/ou=exchange administrative group (fydibohf23spdlt)/cn=recipients/cn=65f2464c9a2e4d2981cae7124572133d-cristiane c,llana@timbrasil.com.br,mpanhoca@timbrasil.com.br,nmota@timbrasil.com.br,qgouveia@timbrasil.com.br,rporto@timbrasil.com.br</t>
  </si>
  <si>
    <t>11/18/2019 15:30:02</t>
  </si>
  <si>
    <t>11/18/2019 15:34:25</t>
  </si>
  <si>
    <t>10.200.57.79</t>
  </si>
  <si>
    <t>11/18/2019 15:31:06</t>
  </si>
  <si>
    <t>11/18/2019 15:35:26</t>
  </si>
  <si>
    <t>C:\Users\viniciussg\Desktop\BP\Whirpool\</t>
  </si>
  <si>
    <t>BP - WHIRPOOL - Preco sem Multas - Capex FTE Implantacao_ajustadoOPEX_desafio.xlsb</t>
  </si>
  <si>
    <t>C:\Users\viniciussg\Desktop\BP\Whirpool\BP - WHIRPOOL - Preco sem Multas - Capex FTE Implantacao_ajustadoOPEX_desafio.xlsb\</t>
  </si>
  <si>
    <t>11/18/2019 15:31:53</t>
  </si>
  <si>
    <t>11/18/2019 15:36:25</t>
  </si>
  <si>
    <t>estetira operacional.xlsx</t>
  </si>
  <si>
    <t>11/18/2019 15:32:41</t>
  </si>
  <si>
    <t>11/18/2019 15:38:03</t>
  </si>
  <si>
    <t>11/18/2019 15:39:26</t>
  </si>
  <si>
    <t>/o=exchangelabs/ou=exchange administrative group (fydibohf23spdlt)/cn=recipients/cn=55124587bb9148f5887830eedfe99a77-marilia men;</t>
  </si>
  <si>
    <t>ENC: Relatório External Central de Notas</t>
  </si>
  <si>
    <t>/o=exchangelabs/ou=exchange administrative group (fydibohf23spdlt)/cn=recipients/cn=55124587bb9148f5887830eedfe99a77-marilia men</t>
  </si>
  <si>
    <t>11/18/2019 15:37:28</t>
  </si>
  <si>
    <t>11/18/2019 15:40:26</t>
  </si>
  <si>
    <t>D:\OneDrive\AlgarTech\Pré-Vendas\Cliente\2019\SuperFrio\217471 - Clone do servidor L001PPENTH\</t>
  </si>
  <si>
    <t>Preco_TesteSnapshot_V1.xlsb</t>
  </si>
  <si>
    <t>11/18/2019 15:39:46</t>
  </si>
  <si>
    <t>11/18/2019 15:44:26</t>
  </si>
  <si>
    <t>11/18/2019 15:42:11</t>
  </si>
  <si>
    <t>11/18/2019 15:47:25</t>
  </si>
  <si>
    <t>D8-9C-67-6F-2A-E1</t>
  </si>
  <si>
    <t>/o=exchangelabs/ou=exchange administrative group (fydibohf23spdlt)/cn=recipients/cn=287c26b08a0f48578479a15a452f025d-edilson rod;/o=exchangelabs/ou=exchange administrative group (fydibohf23spdlt)/cn=recipients/cn=79b149cf7a984ca686e3b0e40b3bc8cf-danilo cesa;</t>
  </si>
  <si>
    <t>ENC: Tabela com valores a serem alinhados</t>
  </si>
  <si>
    <t>Racional.Alinhamento.Telecom.14.11.2019.xlsx</t>
  </si>
  <si>
    <t>/o=exchangelabs/ou=exchange administrative group (fydibohf23spdlt)/cn=recipients/cn=287c26b08a0f48578479a15a452f025d-edilson rod,/o=exchangelabs/ou=exchange administrative group (fydibohf23spdlt)/cn=recipients/cn=79b149cf7a984ca686e3b0e40b3bc8cf-danilo cesa</t>
  </si>
  <si>
    <t>11/18/2019 15:46:41</t>
  </si>
  <si>
    <t>11/18/2019 15:50:26</t>
  </si>
  <si>
    <t>Preco_217471_CloneL001PPENTH_V1.xlsb</t>
  </si>
  <si>
    <t>11/18/2019 15:47:19</t>
  </si>
  <si>
    <t>11/18/2019 15:51:25</t>
  </si>
  <si>
    <t>/o=exchangelabs/ou=exchange administrative group (fydibohf23spdlt)/cn=recipients/cn=50f8ab770c6e4ce1a0c6a59d9c0a5d77-gessica ste;/o=exchangelabs/ou=exchange administrative group (fydibohf23spdlt)/cn=recipients/cn=f2208b22da5b4bf3a5f4a7b9dfa2fd06-danilo marq;flavia@iclicconsultoria.com.br;</t>
  </si>
  <si>
    <t>/o=exchangelabs/ou=exchange administrative group (fydibohf23spdlt)/cn=recipients/cn=50f8ab770c6e4ce1a0c6a59d9c0a5d77-gessica ste,/o=exchangelabs/ou=exchange administrative group (fydibohf23spdlt)/cn=recipients/cn=f2208b22da5b4bf3a5f4a7b9dfa2fd06-danilo marq,flavia@iclicconsultoria.com.br</t>
  </si>
  <si>
    <t>11/18/2019 15:54:10</t>
  </si>
  <si>
    <t>11/18/2019 15:56:26</t>
  </si>
  <si>
    <t>11/18/2019 15:55:44</t>
  </si>
  <si>
    <t>11/18/2019 15:57:25</t>
  </si>
  <si>
    <t>renantc@algartech.com.br;</t>
  </si>
  <si>
    <t>ENC: Login Associados</t>
  </si>
  <si>
    <t>renantc@algartech.com.br</t>
  </si>
  <si>
    <t>11/18/2019 15:55:01</t>
  </si>
  <si>
    <t>11/18/2019 15:59:25</t>
  </si>
  <si>
    <t>ENC: BAIXA DE MATERIAIS PLAYER GOVERNADOR VALADARES</t>
  </si>
  <si>
    <t>11/18/2019 15:54:40</t>
  </si>
  <si>
    <t>11/18/2019 16:00:26</t>
  </si>
  <si>
    <t>Performance - ALGAR URR_Novembro.xlsm</t>
  </si>
  <si>
    <t>11/18/2019 15:57:52</t>
  </si>
  <si>
    <t>11/18/2019 16:01:25</t>
  </si>
  <si>
    <t>C:\Users\elainemdlp\OD\_Projetos\Em andamento\EDP\</t>
  </si>
  <si>
    <t>Ficha do Projeto.xlsx</t>
  </si>
  <si>
    <t>11/18/2019 16:04:15</t>
  </si>
  <si>
    <t>11/18/2019 16:07:26</t>
  </si>
  <si>
    <t>ENC: Resultado - Avaliação de Conhecimento</t>
  </si>
  <si>
    <t>Correção - Avaliação de conhecimento.xlsx</t>
  </si>
  <si>
    <t>11/18/2019 16:08:12</t>
  </si>
  <si>
    <t>11/18/2019 16:09:26</t>
  </si>
  <si>
    <t>DRE_INCENTIVOS FISCAIS PRECLOSING 2019.xlsx</t>
  </si>
  <si>
    <t>11/18/2019 16:06:40</t>
  </si>
  <si>
    <t>11/18/2019 16:11:26</t>
  </si>
  <si>
    <t>IMPOSTOS ENGESET AJUSTE PWEB 192550.xls</t>
  </si>
  <si>
    <t>11/18/2019 16:10:15</t>
  </si>
  <si>
    <t>RES: Consulta - TAGMA - 80662</t>
  </si>
  <si>
    <t>Formulário Abertura Relacionamento.xlsx</t>
  </si>
  <si>
    <t>11/18/2019 16:15:24</t>
  </si>
  <si>
    <t>11/18/2019 16:18:26</t>
  </si>
  <si>
    <t>11/18/2019 16:17:12</t>
  </si>
  <si>
    <t>11/18/2019 16:21:25</t>
  </si>
  <si>
    <t>FTE_Caixa_Out19 - Copia.xlsb</t>
  </si>
  <si>
    <t>11/18/2019 16:21:16</t>
  </si>
  <si>
    <t>11/18/2019 16:23:26</t>
  </si>
  <si>
    <t>ENC: Inclusão de informações - Dash PA Digital Ecohouse e Services</t>
  </si>
  <si>
    <t>Dashboard PA Digital - Services v2.xlsb</t>
  </si>
  <si>
    <t>11/18/2019 16:17:56</t>
  </si>
  <si>
    <t>bruna.vernalha@bradesco.com.br;daiane.alves@bradesco.com.br;denisev.carvalho@bradesco.com.br;eva.cordeiro@bradesco.com.br;janecsa@algartech.com;matheusmpm@algartech.com;tatiana.bueno@bradesco.com.br;vanessa.crisan.santos@bradesco.com.br;</t>
  </si>
  <si>
    <t>DRE CAP 2019.xlsx</t>
  </si>
  <si>
    <t>bruna.vernalha@bradesco.com.br,daiane.alves@bradesco.com.br,denisev.carvalho@bradesco.com.br,eva.cordeiro@bradesco.com.br,janecsa@algartech.com,matheusmpm@algartech.com,tatiana.bueno@bradesco.com.br,vanessa.crisan.santos@bradesco.com.br</t>
  </si>
  <si>
    <t>11/18/2019 16:24:35</t>
  </si>
  <si>
    <t>11/18/2019 16:25:25</t>
  </si>
  <si>
    <t>/o=exchangelabs/ou=exchange administrative group (fydibohf23spdlt)/cn=recipients/cn=01258235ab064fe382971a269caa9ae4-camila alve;/o=exchangelabs/ou=exchange administrative group (fydibohf23spdlt)/cn=recipients/cn=38a577afc82741f3a6931f08d972dadd-ana paula l;/o=exchangelabs/ou=exchange administrative group (fydibohf23spdlt)/cn=recipients/cn=5edd3119d5be484e8f7d76c7e692f780-vanessa flo;/o=exchangelabs/ou=exchange administrative group (fydibohf23spdlt)/cn=recipients/cn=afe703aaac894a95a93f05caa34fb443-trueisciele;/o=exchangelabs/ou=exchange administrative group (fydibohf23spdlt)/cn=recipients/cn=b0dffb7bae8b4669bf2555c821ef7035-daniela vie;/o=exchangelabs/ou=exchange administrative group (fydibohf23spdlt)/cn=recipients/cn=b3344521e5c94673b0c42b683cb2479c-leticia nun;/o=exchangelabs/ou=exchange administrative group (fydibohf23spdlt)/cn=recipients/cn=d450eb92a9be40a4b42269f112fd456d-larissa apa;/o=exchangelabs/ou=exchange administrative group (fydibohf23spdlt)/cn=recipients/cn=edae426e1b6b463380016e9cc0970bd9-jess</t>
  </si>
  <si>
    <t>Distribuição de Meta - Whp</t>
  </si>
  <si>
    <t>Distribuição WHP.xlsx</t>
  </si>
  <si>
    <t>/o=exchangelabs/ou=exchange administrative group (fydibohf23spdlt)/cn=recipients/cn=01258235ab064fe382971a269caa9ae4-camila alve,/o=exchangelabs/ou=exchange administrative group (fydibohf23spdlt)/cn=recipients/cn=38a577afc82741f3a6931f08d972dadd-ana paula l,/o=exchangelabs/ou=exchange administrative group (fydibohf23spdlt)/cn=recipients/cn=5edd3119d5be484e8f7d76c7e692f780-vanessa flo,/o=exchangelabs/ou=exchange administrative group (fydibohf23spdlt)/cn=recipients/cn=afe703aaac894a95a93f05caa34fb443-trueisciele,/o=exchangelabs/ou=exchange administrative group (fydibohf23spdlt)/cn=recipients/cn=b0dffb7bae8b4669bf2555c821ef7035-daniela vie,/o=exchangelabs/ou=exchange administrative group (fydibohf23spdlt)/cn=recipients/cn=b3344521e5c94673b0c42b683cb2479c-leticia nun,/o=exchangelabs/ou=exchange administrative group (fydibohf23spdlt)/cn=recipients/cn=d450eb92a9be40a4b42269f112fd456d-larissa apa,/o=exchangelabs/ou=exchange administrative group (fydibohf23spdlt)/cn=recipients/cn=edae426e1b6b463380016e9cc0970bd9-jess</t>
  </si>
  <si>
    <t>11/18/2019 16:25:53</t>
  </si>
  <si>
    <t>11/18/2019 16:28:26</t>
  </si>
  <si>
    <t>Proposta_CSP&amp;EAS.xlsx</t>
  </si>
  <si>
    <t>11/18/2019 16:27:36</t>
  </si>
  <si>
    <t>11/18/2019 16:31:25</t>
  </si>
  <si>
    <t>11/18/2019 16:28:07</t>
  </si>
  <si>
    <t>11/18/2019 16:30:32</t>
  </si>
  <si>
    <t>11/18/2019 16:34:25</t>
  </si>
  <si>
    <t>ORC_2020_GILDA MIRANDA_v6.xlsx</t>
  </si>
  <si>
    <t>11/18/2019 16:34:21</t>
  </si>
  <si>
    <t>11/18/2019 16:36:25</t>
  </si>
  <si>
    <t>Template_Registro_FTE_Realizado_Outubro_v1.0 - Copia.xlsb</t>
  </si>
  <si>
    <t>11/18/2019 16:36:01</t>
  </si>
  <si>
    <t>11/18/2019 16:37:26</t>
  </si>
  <si>
    <t>ENC: Alteração Categorização e Nomenclatura - Rotinas/Particularidades CRC Amex e CRC VMC (DEPARA)</t>
  </si>
  <si>
    <t>DEPARA ASSUNTO E EVENTO - ROTINAS E PARTICULARIDADES.xlsx</t>
  </si>
  <si>
    <t>11/18/2019 16:42:09</t>
  </si>
  <si>
    <t>11/18/2019 16:44:25</t>
  </si>
  <si>
    <t>11/18/2019 16:50:37</t>
  </si>
  <si>
    <t>11/18/2019 16:51:25</t>
  </si>
  <si>
    <t>FTE_BV_Out19 - Copia.xlsb</t>
  </si>
  <si>
    <t>11/18/2019 16:51:53</t>
  </si>
  <si>
    <t>11/18/2019 16:54:25</t>
  </si>
  <si>
    <t>/o=exchangelabs/ou=exchange administrative group (fydibohf23spdlt)/cn=recipients/cn=56dc126fba5b4a5f8fb1cd7e4f10477d-thais olive;/o=exchangelabs/ou=exchange administrative group (fydibohf23spdlt)/cn=recipients/cn=60c79fa1bc994449ac17a5e2109f7abd-claudio fer;/o=exchangelabs/ou=exchange administrative group (fydibohf23spdlt)/cn=recipients/cn=950d4f3abf7d433ba34bbfa8a2d47d3e-laura mayor;/o=exchangelabs/ou=exchange administrative group (fydibohf23spdlt)/cn=recipients/cn=a5fb24647d6e4c368aca7c8ad68585d5-jessica fer;/o=exchangelabs/ou=exchange administrative group (fydibohf23spdlt)/cn=recipients/cn=d1d015f213f648abbf348b5ccdf8e9d9-senilda per;adriana.oliveira@avon.com;</t>
  </si>
  <si>
    <t>ENC: Layout arquivo Estratégia de Natal 2019</t>
  </si>
  <si>
    <t>arquivo_generico_setores.xlsb</t>
  </si>
  <si>
    <t>/o=exchangelabs/ou=exchange administrative group (fydibohf23spdlt)/cn=recipients/cn=56dc126fba5b4a5f8fb1cd7e4f10477d-thais olive,/o=exchangelabs/ou=exchange administrative group (fydibohf23spdlt)/cn=recipients/cn=60c79fa1bc994449ac17a5e2109f7abd-claudio fer,/o=exchangelabs/ou=exchange administrative group (fydibohf23spdlt)/cn=recipients/cn=950d4f3abf7d433ba34bbfa8a2d47d3e-laura mayor,/o=exchangelabs/ou=exchange administrative group (fydibohf23spdlt)/cn=recipients/cn=a5fb24647d6e4c368aca7c8ad68585d5-jessica fer,/o=exchangelabs/ou=exchange administrative group (fydibohf23spdlt)/cn=recipients/cn=d1d015f213f648abbf348b5ccdf8e9d9-senilda per,adriana.oliveira@avon.com</t>
  </si>
  <si>
    <t>11/18/2019 16:51:15</t>
  </si>
  <si>
    <t>11/18/2019 16:56:25</t>
  </si>
  <si>
    <t>FTE_BV_Nov19.xlsb</t>
  </si>
  <si>
    <t>11/18/2019 16:54:55</t>
  </si>
  <si>
    <t>11/18/2019 16:57:26</t>
  </si>
  <si>
    <t>/o=exchangelabs/ou=exchange administrative group (fydibohf23spdlt)/cn=recipients/cn=1619b3f8c30a4e4691630d9aecbfe25f-marcos borg;/o=exchangelabs/ou=exchange administrative group (fydibohf23spdlt)/cn=recipients/cn=287c26b08a0f48578479a15a452f025d-edilson rod;/o=exchangelabs/ou=exchange administrative group (fydibohf23spdlt)/cn=recipients/cn=79b149cf7a984ca686e3b0e40b3bc8cf-danilo cesa;/o=exchangelabs/ou=exchange administrative group (fydibohf23spdlt)/cn=recipients/cn=a3ae935527214ea6981fef4426b7d31d-lisiane mon;/o=exchangelabs/ou=exchange administrative group (fydibohf23spdlt)/cn=recipients/cn=f71035a74a95411c8b0276261ec8a527-rafael barr;</t>
  </si>
  <si>
    <t>/o=exchangelabs/ou=exchange administrative group (fydibohf23spdlt)/cn=recipients/cn=1619b3f8c30a4e4691630d9aecbfe25f-marcos borg,/o=exchangelabs/ou=exchange administrative group (fydibohf23spdlt)/cn=recipients/cn=287c26b08a0f48578479a15a452f025d-edilson rod,/o=exchangelabs/ou=exchange administrative group (fydibohf23spdlt)/cn=recipients/cn=79b149cf7a984ca686e3b0e40b3bc8cf-danilo cesa,/o=exchangelabs/ou=exchange administrative group (fydibohf23spdlt)/cn=recipients/cn=a3ae935527214ea6981fef4426b7d31d-lisiane mon,/o=exchangelabs/ou=exchange administrative group (fydibohf23spdlt)/cn=recipients/cn=f71035a74a95411c8b0276261ec8a527-rafael barr</t>
  </si>
  <si>
    <t>11/18/2019 16:55:59</t>
  </si>
  <si>
    <t>11/18/2019 16:58:25</t>
  </si>
  <si>
    <t>10.200.60.48</t>
  </si>
  <si>
    <t>/o=exchangelabs/ou=exchange administrative group (fydibohf23spdlt)/cn=recipients/cn=03a1bc99308a456db7c0105407689b39-gilda elain;/o=exchangelabs/ou=exchange administrative group (fydibohf23spdlt)/cn=recipients/cn=e6c01c0e3afe461fbb9d46983fc38f7e-celso anton;</t>
  </si>
  <si>
    <t>Reprocessamento PTH 2020 Financeiro</t>
  </si>
  <si>
    <t>/o=exchangelabs/ou=exchange administrative group (fydibohf23spdlt)/cn=recipients/cn=03a1bc99308a456db7c0105407689b39-gilda elain,/o=exchangelabs/ou=exchange administrative group (fydibohf23spdlt)/cn=recipients/cn=e6c01c0e3afe461fbb9d46983fc38f7e-celso anton</t>
  </si>
  <si>
    <t>11/18/2019 16:56:43</t>
  </si>
  <si>
    <t>11/18/2019 17:01:26</t>
  </si>
  <si>
    <t>lucasfra@algartech.com;</t>
  </si>
  <si>
    <t>Agenda</t>
  </si>
  <si>
    <t>Agenda Semanal 18-11 a 22-11 Histórico 11-11 a 15-11.xlsx</t>
  </si>
  <si>
    <t>11/18/2019 16:59:24</t>
  </si>
  <si>
    <t>11/18/2019 17:05:26</t>
  </si>
  <si>
    <t>/o=exchangelabs/ou=exchange administrative group (fydibohf23spdlt)/cn=recipients/cn=2072905e221e44cd93713caf57a4301f-roberta igi;/o=exchangelabs/ou=exchange administrative group (fydibohf23spdlt)/cn=recipients/cn=690534bfcd7340c7beff9dafbdbfc25f-paulo henri;/o=exchangelabs/ou=exchange administrative group (fydibohf23spdlt)/cn=recipients/cn=d6cce5a70d504cc2ad89cee834cd59a9-luciana rib;</t>
  </si>
  <si>
    <t>Visão Antecipação</t>
  </si>
  <si>
    <t>Bases Ativos Consolidados - Novembro.xlsx</t>
  </si>
  <si>
    <t>/o=exchangelabs/ou=exchange administrative group (fydibohf23spdlt)/cn=recipients/cn=2072905e221e44cd93713caf57a4301f-roberta igi,/o=exchangelabs/ou=exchange administrative group (fydibohf23spdlt)/cn=recipients/cn=690534bfcd7340c7beff9dafbdbfc25f-paulo henri,/o=exchangelabs/ou=exchange administrative group (fydibohf23spdlt)/cn=recipients/cn=d6cce5a70d504cc2ad89cee834cd59a9-luciana rib</t>
  </si>
  <si>
    <t>11/18/2019 17:02:02</t>
  </si>
  <si>
    <t>D:\OneDrive\AlgarTech\Pré-Vendas\Cliente\2019\Usina Guaira\217473 - Recriação Servidor Citrix UAG085\</t>
  </si>
  <si>
    <t>11/18/2019 17:11:01</t>
  </si>
  <si>
    <t>11/18/2019 17:13:25</t>
  </si>
  <si>
    <t>/o=exchangelabs/ou=exchange administrative group (fydibohf23spdlt)/cn=recipients/cn=06d628e3f48b48f491437fe6311215ae-claudiane a;/o=exchangelabs/ou=exchange administrative group (fydibohf23spdlt)/cn=recipients/cn=5037aa398cdf4d9cae5ff1914ad4e4b1-joao paulo;/o=exchangelabs/ou=exchange administrative group (fydibohf23spdlt)/cn=recipients/cn=a9a1fe1d51ef4ee29617a1c11aa10050-marinalva i;/o=exchangelabs/ou=exchange administrative group (fydibohf23spdlt)/cn=recipients/cn=bf5c8ee8081a4a4cbf005372e2697869-tassiane ci;</t>
  </si>
  <si>
    <t>/o=exchangelabs/ou=exchange administrative group (fydibohf23spdlt)/cn=recipients/cn=06d628e3f48b48f491437fe6311215ae-claudiane a,/o=exchangelabs/ou=exchange administrative group (fydibohf23spdlt)/cn=recipients/cn=5037aa398cdf4d9cae5ff1914ad4e4b1-joao paulo,/o=exchangelabs/ou=exchange administrative group (fydibohf23spdlt)/cn=recipients/cn=a9a1fe1d51ef4ee29617a1c11aa10050-marinalva i,/o=exchangelabs/ou=exchange administrative group (fydibohf23spdlt)/cn=recipients/cn=bf5c8ee8081a4a4cbf005372e2697869-tassiane ci</t>
  </si>
  <si>
    <t>11/18/2019 17:05:43</t>
  </si>
  <si>
    <t>11/18/2019 17:16:25</t>
  </si>
  <si>
    <t>https://caey.fa.us2.oraclecloud.com/crmui/faces/fusewelcome?_adf.ctrl-state=vhk6fljp7_5</t>
  </si>
  <si>
    <t>C:\Users\denysgds\Documents\Backup Denys\Denys Guidio Backup\Backup\Marista\</t>
  </si>
  <si>
    <t>199252 Marista Plan Precificacao C017 B017_v1.xlsb</t>
  </si>
  <si>
    <t>C:\Users\denysgds\Documents\Backup Denys\Denys Guidio Backup\Backup\Marista\199252 Marista Plan Precificacao C017 B017_v1.xlsb\</t>
  </si>
  <si>
    <t>11/18/2019 17:06:20</t>
  </si>
  <si>
    <t>11/18/2019 17:08:14</t>
  </si>
  <si>
    <t>C:\Users\denysgds\Documents\Backup Denys\Denys Guidio Backup\Backup\Faber Castell\216445 RFP\</t>
  </si>
  <si>
    <t>216445 RFP Faber Castell Precificacao C017 B017_v2 Cenário Fiori.xlsb</t>
  </si>
  <si>
    <t>C:\Users\denysgds\Documents\Backup Denys\Denys Guidio Backup\Backup\Faber Castell\216445 RFP\216445 RFP Faber Castell Precificacao C017 B017_v2 Cenário Fiori.xlsb\</t>
  </si>
  <si>
    <t>11/18/2019 17:08:44</t>
  </si>
  <si>
    <t>216445 RFP Faber Castell Precificacao C017 B017_v2.xlsb</t>
  </si>
  <si>
    <t>11/18/2019 17:08:45</t>
  </si>
  <si>
    <t>C:\Users\denysgds\Documents\Backup Denys\Denys Guidio Backup\Backup\Faber Castell\216445 RFP\216445 RFP Faber Castell Precificacao C017 B017_v2.xlsb\</t>
  </si>
  <si>
    <t>11/18/2019 17:16:10</t>
  </si>
  <si>
    <t>11/18/2019 17:18:26</t>
  </si>
  <si>
    <t>10.200.67.163</t>
  </si>
  <si>
    <t>C:\Users\fabianacscg\Downloads\</t>
  </si>
  <si>
    <t>Entregas Qualidade - Demonstrativo (3) (2).xlsx</t>
  </si>
  <si>
    <t>11/18/2019 17:17:45</t>
  </si>
  <si>
    <t>11/18/2019 17:21:26</t>
  </si>
  <si>
    <t>/o=exchangelabs/ou=exchange administrative group (fydibohf23spdlt)/cn=recipients/cn=a4d4dbc88c434f8ba2bceed730d83878-marcellus r;/o=exchangelabs/ou=exchange administrative group (fydibohf23spdlt)/cn=recipients/cn=e8f3542bfc144556bfda069280b71588-angela robe;</t>
  </si>
  <si>
    <t>ENC: Retificação de Contabilização Contingências Trabalhistas - Asyst Argentina</t>
  </si>
  <si>
    <t>Contingencias Trabalhistas Preclosing 2019 Argentina.xlsx</t>
  </si>
  <si>
    <t>/o=exchangelabs/ou=exchange administrative group (fydibohf23spdlt)/cn=recipients/cn=a4d4dbc88c434f8ba2bceed730d83878-marcellus r,/o=exchangelabs/ou=exchange administrative group (fydibohf23spdlt)/cn=recipients/cn=e8f3542bfc144556bfda069280b71588-angela robe</t>
  </si>
  <si>
    <t>11/18/2019 17:16:54</t>
  </si>
  <si>
    <t>\\acsfs\DEPTOS\Engenharia\2 - Service Desk\2.19 - Help Desk Corporate\2.19.9 - Outros\SUPERVISORES\Lucas Rabboni\001 - Equipes\1.Implementação\Acompanhamentos\2019 11 01\Agenda\</t>
  </si>
  <si>
    <t>11/18/2019 17:20:00</t>
  </si>
  <si>
    <t>11/18/2019 17:22:25</t>
  </si>
  <si>
    <t>RES: Chamado: 3427886;</t>
  </si>
  <si>
    <t>CDI ERICA Novo.xlsx</t>
  </si>
  <si>
    <t>11/18/2019 17:21:53</t>
  </si>
  <si>
    <t>C:\Users\lucineiaale\Desktop\</t>
  </si>
  <si>
    <t>11/18/2019 17:21:09</t>
  </si>
  <si>
    <t>11/18/2019 17:23:25</t>
  </si>
  <si>
    <t>c:\users\pablocb\downloads\</t>
  </si>
  <si>
    <t>amigooculto.xlsx</t>
  </si>
  <si>
    <t>11/18/2019 17:19:30</t>
  </si>
  <si>
    <t>11/18/2019 17:24:26</t>
  </si>
  <si>
    <t>ENC: DOCUMENTAÇÃO ID 9448 PA 0538</t>
  </si>
  <si>
    <t>ID 9448_Relat._de_Testes.xlsm</t>
  </si>
  <si>
    <t>11/18/2019 17:24:10</t>
  </si>
  <si>
    <t>11/18/2019 17:26:26</t>
  </si>
  <si>
    <t>antoniojr@algartech.com;gustavorn@algartech.com;priscilacy@algartech.com;sabrinavds@algartech.com;viniciusmlf@algartech.com;</t>
  </si>
  <si>
    <t>antoniojr@algartech.com,gustavorn@algartech.com,priscilacy@algartech.com,sabrinavds@algartech.com,viniciusmlf@algartech.com</t>
  </si>
  <si>
    <t>11/18/2019 17:26:02</t>
  </si>
  <si>
    <t>11/18/2019 17:29:46</t>
  </si>
  <si>
    <t>11/18/2019 17:30:26</t>
  </si>
  <si>
    <t>11/18/2019 17:26:49</t>
  </si>
  <si>
    <t>11/18/2019 17:31:25</t>
  </si>
  <si>
    <t>C:\Users\denysgds\Documents\Backup Denys\Denys Guidio Backup\Backup\Essilor Pentest\</t>
  </si>
  <si>
    <t>217397 Essilor Pentest Precificacao C017 B017_v1.xlsb</t>
  </si>
  <si>
    <t>C:\Users\denysgds\Documents\Backup Denys\Denys Guidio Backup\Backup\Essilor Pentest\217397 Essilor Pentest Precificacao C017 B017_v1.xlsb\</t>
  </si>
  <si>
    <t>11/18/2019 17:30:43</t>
  </si>
  <si>
    <t>antoniojr@algartech.com;gustavorn@algartech.com;priscilacy@algartech.com;sabrinavds@algartech.com;suelibm@algartech.com;viniciusmlf@algartech.com;</t>
  </si>
  <si>
    <t>Mailing Marcia.xlsx</t>
  </si>
  <si>
    <t>antoniojr@algartech.com,gustavorn@algartech.com,priscilacy@algartech.com,sabrinavds@algartech.com,suelibm@algartech.com,viniciusmlf@algartech.com</t>
  </si>
  <si>
    <t>11/18/2019 17:32:24</t>
  </si>
  <si>
    <t>11/18/2019 17:34:26</t>
  </si>
  <si>
    <t>\\acsfs\DEPTOS\Controladoria\3. CSC\CONTROLES CSC\Drivers de custo - 2019\10.2019\Cost Driver Algar Tech (10_19)\</t>
  </si>
  <si>
    <t>11/18/2019 17:31:08</t>
  </si>
  <si>
    <t>CADASTRO - NORTEL SUPRIMENTOS.xls</t>
  </si>
  <si>
    <t>11/18/2019 17:35:23</t>
  </si>
  <si>
    <t>11/18/2019 17:36:26</t>
  </si>
  <si>
    <t>C:\Users\denysgds\Documents\Backup Denys\Denys Guidio Backup\Backup\LDC\Command Center NOC + PS\LDC NOC 29-10\</t>
  </si>
  <si>
    <t>C:\Users\denysgds\Documents\Backup Denys\Denys Guidio Backup\Backup\LDC\Command Center NOC + PS\LDC NOC 29-10\189257 Command Center NOC+PS LDC Precificacao C017 B017_v10 com WIT.xlsb\</t>
  </si>
  <si>
    <t>11/18/2019 17:37:48</t>
  </si>
  <si>
    <t>11/18/2019 17:39:26</t>
  </si>
  <si>
    <t>celmars@algartech.com;waleskamms@algartech.com;</t>
  </si>
  <si>
    <t>celmars@algartech.com,waleskamms@algartech.com</t>
  </si>
  <si>
    <t>11/18/2019 17:35:54</t>
  </si>
  <si>
    <t>11/18/2019 17:41:26</t>
  </si>
  <si>
    <t>C:\Users\denysgds\Documents\Backup Denys\Denys Guidio Backup\Backup\LDC\Command Center NOC + PS\LDC NOC 29-10\189257 Command Center NOC+PS LDC Precificacao C017 B017_v11 com WIT.xlsb\</t>
  </si>
  <si>
    <t>11/18/2019 17:38:14</t>
  </si>
  <si>
    <t>11/18/2019 17:42:26</t>
  </si>
  <si>
    <t>10.200.58.48</t>
  </si>
  <si>
    <t>/o=exchangelabs/ou=exchange administrative group (fydibohf23spdlt)/cn=recipients/cn=90878932db2a45bb924c0e3aac6d5da2-jonatas lem;rafaelabsz@algartech.com.br;wesleymb@algartech.com.br;</t>
  </si>
  <si>
    <t>Apresentação URR</t>
  </si>
  <si>
    <t>112019_Apresentação de resultados URR_ALGAR (002).pptx\</t>
  </si>
  <si>
    <t>/o=exchangelabs/ou=exchange administrative group (fydibohf23spdlt)/cn=recipients/cn=90878932db2a45bb924c0e3aac6d5da2-jonatas lem,rafaelabsz@algartech.com.br,wesleymb@algartech.com.br</t>
  </si>
  <si>
    <t>11/18/2019 17:41:00</t>
  </si>
  <si>
    <t>ENC: relação veículos ativos Valecard</t>
  </si>
  <si>
    <t>Cópia de Cópia de Inventário_Frota.xlsx</t>
  </si>
  <si>
    <t>11/18/2019 17:41:12</t>
  </si>
  <si>
    <t>11/18/2019 17:44:25</t>
  </si>
  <si>
    <t>celmars@algartech.com;vanusapr@algartech.com;waleskamms@algartech.com;</t>
  </si>
  <si>
    <t>celmars@algartech.com,vanusapr@algartech.com,waleskamms@algartech.com</t>
  </si>
  <si>
    <t>11/18/2019 17:42:23</t>
  </si>
  <si>
    <t>11/18/2019 17:46:25</t>
  </si>
  <si>
    <t>C:\Users\denysgds\Documents\Backup Denys\Denys Guidio Backup\Backup\Sicoob Paraná\</t>
  </si>
  <si>
    <t>Sicoob Command Center NOC+PS LDC Precificacao C017 B017_v11 com WIT.xlsb</t>
  </si>
  <si>
    <t>C:\Users\denysgds\Documents\Backup Denys\Denys Guidio Backup\Backup\Sicoob Paraná\Sicoob Command Center NOC+PS LDC Precificacao C017 B017_v11 com WIT.xlsb\</t>
  </si>
  <si>
    <t>11/18/2019 17:43:52</t>
  </si>
  <si>
    <t>11/18/2019 17:49:26</t>
  </si>
  <si>
    <t>celmars@algartech.com;ericacdosc@algartech.com;vanusapr@algartech.com;waleskamms@algartech.com;</t>
  </si>
  <si>
    <t>celmars@algartech.com,ericacdosc@algartech.com,vanusapr@algartech.com,waleskamms@algartech.com</t>
  </si>
  <si>
    <t>11/18/2019 17:45:38</t>
  </si>
  <si>
    <t>celmars@algartech.com;ericacdosc@algartech.com;lucasm@algartech.com;vanusapr@algartech.com;waleskamms@algartech.com;</t>
  </si>
  <si>
    <t>celmars@algartech.com,ericacdosc@algartech.com,lucasm@algartech.com,vanusapr@algartech.com,waleskamms@algartech.com</t>
  </si>
  <si>
    <t>11/18/2019 17:49:21</t>
  </si>
  <si>
    <t>11/18/2019 17:50:25</t>
  </si>
  <si>
    <t>C:\Users\lucianafaa\OneDrive - Grupo Algar\2019\PROJETOS\URR\112019_Apresentação de resultados URR_ALGAR (002) (003).pptx\</t>
  </si>
  <si>
    <t>11/17/2019 19:15:11</t>
  </si>
  <si>
    <t>11/18/2019 18:03:26</t>
  </si>
  <si>
    <t>11/18/2019 16:20:31</t>
  </si>
  <si>
    <t>11/18/2019 16:20:42</t>
  </si>
  <si>
    <t>11/18/2019 17:51:10</t>
  </si>
  <si>
    <t>11/18/2019 18:06:26</t>
  </si>
  <si>
    <t>/o=exchangelabs/ou=exchange administrative group (fydibohf23spdlt)/cn=recipients/cn=90878932db2a45bb924c0e3aac6d5da2-jonatas lem;/o=exchangelabs/ou=exchange administrative group (fydibohf23spdlt)/cn=recipients/cn=a4ba92cba10f4fe498074594f937f3b6-leandro lop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b67cad4ecfa344baaa94d716e7554f49-bruno camel;rafaelabsz@algartech.com.br;</t>
  </si>
  <si>
    <t>RES: Apresentação Reunião URR</t>
  </si>
  <si>
    <t>112019_Apresentação de resultados URR_ALGAR (002) (003).pptx\</t>
  </si>
  <si>
    <t>/o=exchangelabs/ou=exchange administrative group (fydibohf23spdlt)/cn=recipients/cn=90878932db2a45bb924c0e3aac6d5da2-jonatas lem,/o=exchangelabs/ou=exchange administrative group (fydibohf23spdlt)/cn=recipients/cn=a4ba92cba10f4fe498074594f937f3b6-leandro lop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b67cad4ecfa344baaa94d716e7554f49-bruno camel,rafaelabsz@algartech.com.br</t>
  </si>
  <si>
    <t>11/18/2019 18:07:05</t>
  </si>
  <si>
    <t>11/18/2019 18:11:27</t>
  </si>
  <si>
    <t>mail.google.com/_/upload?authuser=0&amp;dcp=asu-n&amp;upload_id=AEnB2UrsVdNSaFxJzpLBZhKRAn7n5awkBKGpxk-L-YvMXuwquKR_pJWBX-A7NtmF-3k8Ob2Pm4q6zBigbFmP-Ku-LQXxtU1IJ593f-49NKebsctxf0Ip9P0&amp;upload_protocol=resumable</t>
  </si>
  <si>
    <t>C:\Users\fabriciovs\Desktop\Capex 2020 - BPO\CONSOLIDAÇÃO AQUISIÇÃO SERVIDORES\</t>
  </si>
  <si>
    <t>LPU ALGAR - R640 - Servidores Aspect Telecom (Uberlandia) + Vmware Enterprise Plus 36 meses de suporte x3.xlsm</t>
  </si>
  <si>
    <t>11/18/2019 18:07:08</t>
  </si>
  <si>
    <t>11/18/2019 18:07:23</t>
  </si>
  <si>
    <t>11/18/2019 18:07:28</t>
  </si>
  <si>
    <t>mail.google.com/_/upload?authuser=0&amp;dcp=asu-n&amp;upload_id=AEnB2Uq7jpmxA7kaSYjXKDKKoSBr8aIcUe_QxdN9icA2HjHeno61XFDO9P29Y56z2lNiN2uA4ufgq0k3GzHlnY48mNXPKCkwLLawGjCaJ7blOqYfbZvKngI&amp;upload_protocol=resumable</t>
  </si>
  <si>
    <t>LPU ALGAR - R640 - Servidores - Estrategia Migracao Plataformas DAC2 e DAC3 + Vmware Enterprise Plus 36 meses de suporte x2.xlsm</t>
  </si>
  <si>
    <t>11/18/2019 18:12:54</t>
  </si>
  <si>
    <t>11/18/2019 18:17:27</t>
  </si>
  <si>
    <t>/o=exchangelabs/ou=exchange administrative group (fydibohf23spdlt)/cn=recipients/cn=user9f44a979;</t>
  </si>
  <si>
    <t>FTE 13_11 v2.xlsx</t>
  </si>
  <si>
    <t>/o=exchangelabs/ou=exchange administrative group (fydibohf23spdlt)/cn=recipients/cn=user9f44a979</t>
  </si>
  <si>
    <t>11/18/2019 18:13:26</t>
  </si>
  <si>
    <t>11/18/2019 18:20:35</t>
  </si>
  <si>
    <t>11/18/2019 18:23:26</t>
  </si>
  <si>
    <t>11/18/2019 18:22:43</t>
  </si>
  <si>
    <t>11/18/2019 18:24:27</t>
  </si>
  <si>
    <t>10.200.68.119</t>
  </si>
  <si>
    <t xml:space="preserve">/o=exchangelabs/ou=exchange administrative group (fydibohf23spdlt)/cn=recipients/cn=080e83e29285438291c54f0de60e22c2-patricia me;/o=exchangelabs/ou=exchange administrative group (fydibohf23spdlt)/cn=recipients/cn=5dd03a66f797451390d7113259343399-aline da si;/o=exchangelabs/ou=exchange administrative group (fydibohf23spdlt)/cn=recipients/cn=696f712aa5c841708a095699a50884db-luan kevem;/o=exchangelabs/ou=exchange administrative group (fydibohf23spdlt)/cn=recipients/cn=723e5f081f0c495c9323df2e415e06e2-raul soares;/o=exchangelabs/ou=exchange administrative group (fydibohf23spdlt)/cn=recipients/cn=a7e592821d864418bccf1424f02e2670-felipe alve;/o=exchangelabs/ou=exchange administrative group (fydibohf23spdlt)/cn=recipients/cn=b4af4243d22d4dfa8c6b1830b913b4d3-caio cesar;/o=exchangelabs/ou=exchange administrative group (fydibohf23spdlt)/cn=recipients/cn=b67cad4ecfa344baaa94d716e7554f49-bruno camel;/o=exchangelabs/ou=exchange administrative group (fydibohf23spdlt)/cn=recipients/cn=ce78042eb45148c0bcf9a901d9d6306f-kelly </t>
  </si>
  <si>
    <t xml:space="preserve">/o=exchangelabs/ou=exchange administrative group (fydibohf23spdlt)/cn=recipients/cn=080e83e29285438291c54f0de60e22c2-patricia me,/o=exchangelabs/ou=exchange administrative group (fydibohf23spdlt)/cn=recipients/cn=5dd03a66f797451390d7113259343399-aline da si,/o=exchangelabs/ou=exchange administrative group (fydibohf23spdlt)/cn=recipients/cn=696f712aa5c841708a095699a50884db-luan kevem,/o=exchangelabs/ou=exchange administrative group (fydibohf23spdlt)/cn=recipients/cn=723e5f081f0c495c9323df2e415e06e2-raul soares,/o=exchangelabs/ou=exchange administrative group (fydibohf23spdlt)/cn=recipients/cn=a7e592821d864418bccf1424f02e2670-felipe alve,/o=exchangelabs/ou=exchange administrative group (fydibohf23spdlt)/cn=recipients/cn=b4af4243d22d4dfa8c6b1830b913b4d3-caio cesar,/o=exchangelabs/ou=exchange administrative group (fydibohf23spdlt)/cn=recipients/cn=b67cad4ecfa344baaa94d716e7554f49-bruno camel,/o=exchangelabs/ou=exchange administrative group (fydibohf23spdlt)/cn=recipients/cn=ce78042eb45148c0bcf9a901d9d6306f-kelly </t>
  </si>
  <si>
    <t>11/18/2019 18:30:53</t>
  </si>
  <si>
    <t>11/18/2019 18:35:27</t>
  </si>
  <si>
    <t>/o=exchangelabs/ou=exchange administrative group (fydibohf23spdlt)/cn=recipients/cn=096be01f3be1448b9e04fb22996909f1-michele sil;/o=exchangelabs/ou=exchange administrative group (fydibohf23spdlt)/cn=recipients/cn=545f738e0fe740ba856f4eb6ef0135e0-vinicius si;/o=exchangelabs/ou=exchange administrative group (fydibohf23spdlt)/cn=recipients/cn=d1d015f213f648abbf348b5ccdf8e9d9-senilda per;/o=exchangelabs/ou=exchange administrative group (fydibohf23spdlt)/cn=recipients/cn=eb3a8d47e16546c381d649c124fcfbb7-cpc - contr;</t>
  </si>
  <si>
    <t>RES: Refluxo de ligação SAC</t>
  </si>
  <si>
    <t>Casos Dynamics - Loja Online Pendentes.xlsx</t>
  </si>
  <si>
    <t>/o=exchangelabs/ou=exchange administrative group (fydibohf23spdlt)/cn=recipients/cn=096be01f3be1448b9e04fb22996909f1-michele sil,/o=exchangelabs/ou=exchange administrative group (fydibohf23spdlt)/cn=recipients/cn=545f738e0fe740ba856f4eb6ef0135e0-vinicius si,/o=exchangelabs/ou=exchange administrative group (fydibohf23spdlt)/cn=recipients/cn=d1d015f213f648abbf348b5ccdf8e9d9-senilda per,/o=exchangelabs/ou=exchange administrative group (fydibohf23spdlt)/cn=recipients/cn=eb3a8d47e16546c381d649c124fcfbb7-cpc - contr</t>
  </si>
  <si>
    <t>11/18/2019 18:37:09</t>
  </si>
  <si>
    <t>11/18/2019 18:40:26</t>
  </si>
  <si>
    <t>11/18/2019 18:35:55</t>
  </si>
  <si>
    <t>11/18/2019 18:41:26</t>
  </si>
  <si>
    <t>11/18/2019 18:53:08</t>
  </si>
  <si>
    <t>11/18/2019 18:54:27</t>
  </si>
  <si>
    <t>/o=exchangelabs/ou=exchange administrative group (fydibohf23spdlt)/cn=recipients/cn=6bc6ced03b1b4fafa41bb5c70c178940-antonio per;/o=exchangelabs/ou=exchange administrative group (fydibohf23spdlt)/cn=recipients/cn=6fbc44b6d6b549208175d5a27201bd13-cintia nune;/o=exchangelabs/ou=exchange administrative group (fydibohf23spdlt)/cn=recipients/cn=a72a765de829420582b78941417073ac-karina rodr;</t>
  </si>
  <si>
    <t>ENVIO PRÉVIA CLIENTES - NOV.19.xlsx</t>
  </si>
  <si>
    <t>/o=exchangelabs/ou=exchange administrative group (fydibohf23spdlt)/cn=recipients/cn=6bc6ced03b1b4fafa41bb5c70c178940-antonio per,/o=exchangelabs/ou=exchange administrative group (fydibohf23spdlt)/cn=recipients/cn=6fbc44b6d6b549208175d5a27201bd13-cintia nune,/o=exchangelabs/ou=exchange administrative group (fydibohf23spdlt)/cn=recipients/cn=a72a765de829420582b78941417073ac-karina rodr</t>
  </si>
  <si>
    <t>11/18/2019 19:33:21</t>
  </si>
  <si>
    <t>11/18/2019 19:35:26</t>
  </si>
  <si>
    <t>RES: Acompanhamento Speak - Nov/19</t>
  </si>
  <si>
    <t>11 - SPEAK NOV.19_V2.xlsx</t>
  </si>
  <si>
    <t>11/18/2019 20:40:56</t>
  </si>
  <si>
    <t>11/18/2019 20:44:27</t>
  </si>
  <si>
    <t>/o=exchangelabs/ou=exchange administrative group (fydibohf23spdlt)/cn=recipients/cn=402535980e9d4d4788d63e3c9587e129-melissa fer;/o=exchangelabs/ou=exchange administrative group (fydibohf23spdlt)/cn=recipients/cn=509f93c55ee04a2db0c238b7a3e5d9a0-edval jose;/o=exchangelabs/ou=exchange administrative group (fydibohf23spdlt)/cn=recipients/cn=c82d742f5f1e4122a86db0495b71e095-nilton j. g;diegovser@algartech.com;ingrid.marcella.silva@ibm.com;lcsantos@algartech.com;</t>
  </si>
  <si>
    <t>PROBLEMA DE IMPUT - CMOC - OC AB8YML01 *** CARTA DE CORRECAO ***</t>
  </si>
  <si>
    <t>Re Acompanhamento NFS PENDENTES IBMPROXXI .msg\s1\</t>
  </si>
  <si>
    <t>Relação de POs_NFs Pendentes 26.08.xlsx</t>
  </si>
  <si>
    <t>/o=exchangelabs/ou=exchange administrative group (fydibohf23spdlt)/cn=recipients/cn=402535980e9d4d4788d63e3c9587e129-melissa fer,/o=exchangelabs/ou=exchange administrative group (fydibohf23spdlt)/cn=recipients/cn=509f93c55ee04a2db0c238b7a3e5d9a0-edval jose,/o=exchangelabs/ou=exchange administrative group (fydibohf23spdlt)/cn=recipients/cn=c82d742f5f1e4122a86db0495b71e095-nilton j. g,diegovser@algartech.com,ingrid.marcella.silva@ibm.com,lcsantos@algartech.com</t>
  </si>
  <si>
    <t>11/18/2019 22:00:29</t>
  </si>
  <si>
    <t>11/18/2019 22:04:27</t>
  </si>
  <si>
    <t>/o=exchangelabs/ou=exchange administrative group (fydibohf23spdlt)/cn=recipients/cn=carlos henrique vilarinho_db6c0fb3df;celmars@algartech.com;</t>
  </si>
  <si>
    <t>RES: Orçamento Próximos Passos</t>
  </si>
  <si>
    <t>Replanejamento das atividades - 18nov.xlsx</t>
  </si>
  <si>
    <t>/o=exchangelabs/ou=exchange administrative group (fydibohf23spdlt)/cn=recipients/cn=carlos henrique vilarinho_db6c0fb3df,celmars@algartech.com</t>
  </si>
  <si>
    <t>11/18/2019 23:59:07</t>
  </si>
  <si>
    <t>11/18/2019 23:59:27</t>
  </si>
  <si>
    <t>/o=exchangelabs/ou=exchange administrative group (fydibohf23spdlt)/cn=recipients/cn=509f93c55ee04a2db0c238b7a3e5d9a0-edval jose;/o=exchangelabs/ou=exchange administrative group (fydibohf23spdlt)/cn=recipients/cn=704ce6c3da8c45c9a4fbd113173d101c-tatiane sil;/o=exchangelabs/ou=exchange administrative group (fydibohf23spdlt)/cn=recipients/cn=c82d742f5f1e4122a86db0495b71e095-nilton j. g;/o=exchangelabs/ou=exchange administrative group (fydibohf23spdlt)/cn=recipients/cn=userd5d32f69;ingrid.marcella.silva@ibm.com;</t>
  </si>
  <si>
    <t>RES: PENDENCIAS : Inadimplência IBM - Algar TI - SANTANDER OC ABBSRM01 *** RELACAO DE NFE ***</t>
  </si>
  <si>
    <t>Pendencias NFs Algar_IBM 18.11.xlsx</t>
  </si>
  <si>
    <t>/o=exchangelabs/ou=exchange administrative group (fydibohf23spdlt)/cn=recipients/cn=509f93c55ee04a2db0c238b7a3e5d9a0-edval jose,/o=exchangelabs/ou=exchange administrative group (fydibohf23spdlt)/cn=recipients/cn=704ce6c3da8c45c9a4fbd113173d101c-tatiane sil,/o=exchangelabs/ou=exchange administrative group (fydibohf23spdlt)/cn=recipients/cn=c82d742f5f1e4122a86db0495b71e095-nilton j. g,/o=exchangelabs/ou=exchange administrative group (fydibohf23spdlt)/cn=recipients/cn=userd5d32f69,ingrid.marcella.silva@ibm.com</t>
  </si>
  <si>
    <t>11/19/2019 06:44:50</t>
  </si>
  <si>
    <t>11/19/2019 06:48:30</t>
  </si>
  <si>
    <t>ENC: ***Escala Feira de Produtos***</t>
  </si>
  <si>
    <t>11/19/2019 06:53:51</t>
  </si>
  <si>
    <t>11/19/2019 06:58:31</t>
  </si>
  <si>
    <t>ENC: Bases Diárias RA - 18.11.2019</t>
  </si>
  <si>
    <t>SS 18_11.xlsx</t>
  </si>
  <si>
    <t>11/19/2019 07:06:44</t>
  </si>
  <si>
    <t>11/19/2019 07:08:31</t>
  </si>
  <si>
    <t>/o=exchangelabs/ou=exchange administrative group (fydibohf23spdlt)/cn=recipients/cn=57a6c743c2954c5589b332ad419122d6-rosilene fe;/o=exchangelabs/ou=exchange administrative group (fydibohf23spdlt)/cn=recipients/cn=81f72ed6e9d042e3bed0cec08d488854-vinicius go;</t>
  </si>
  <si>
    <t>/o=exchangelabs/ou=exchange administrative group (fydibohf23spdlt)/cn=recipients/cn=57a6c743c2954c5589b332ad419122d6-rosilene fe,/o=exchangelabs/ou=exchange administrative group (fydibohf23spdlt)/cn=recipients/cn=81f72ed6e9d042e3bed0cec08d488854-vinicius go</t>
  </si>
  <si>
    <t>11/19/2019 07:12:25</t>
  </si>
  <si>
    <t>11/19/2019 07:16:32</t>
  </si>
  <si>
    <t>C:\Users\rodrigombu\OneDrive - Grupo Algar\Operações\Arquivos\Extratores\01 - USADOS TELECOM\01 - EXTRACTORES\</t>
  </si>
  <si>
    <t>11/19/2019 07:48:25</t>
  </si>
  <si>
    <t>11/19/2019 07:51:32</t>
  </si>
  <si>
    <t>Levantamento Volumetria para Escala 20-11.xlsx</t>
  </si>
  <si>
    <t>11/19/2019 07:48:27</t>
  </si>
  <si>
    <t>11- DIMENS_REVISADO_CCO_NOV - Esacla 20-11.xlsm</t>
  </si>
  <si>
    <t>11/19/2019 08:13:11</t>
  </si>
  <si>
    <t>11/19/2019 08:16:31</t>
  </si>
  <si>
    <t>Ativos</t>
  </si>
  <si>
    <t>Mailing atualizado - B1 17-07.xlsx</t>
  </si>
  <si>
    <t>11/19/2019 08:16:45</t>
  </si>
  <si>
    <t>11/19/2019 08:19:32</t>
  </si>
  <si>
    <t>c:\users\marinasf\appdata\local\microsoft\windows\inetcache\content.outlook\z9jwj7d7\</t>
  </si>
  <si>
    <t>associados da torre de gst (002).xlsx</t>
  </si>
  <si>
    <t>11/18/2019 17:33:38</t>
  </si>
  <si>
    <t>11/19/2019 08:28:32</t>
  </si>
  <si>
    <t>11/19/2019 08:25:55</t>
  </si>
  <si>
    <t>11/19/2019 08:31:32</t>
  </si>
  <si>
    <t>Chamados 19-11</t>
  </si>
  <si>
    <t>Chamados 19-11.xlsx</t>
  </si>
  <si>
    <t>11/19/2019 08:39:55</t>
  </si>
  <si>
    <t>11/19/2019 08:41:31</t>
  </si>
  <si>
    <t>/o=exchangelabs/ou=exchange administrative group (fydibohf23spdlt)/cn=recipients/cn=19563ef64edf42e7841a8719ae7bfe65-ythia karla;</t>
  </si>
  <si>
    <t>ENC: Farol referencia outubro 2019</t>
  </si>
  <si>
    <t>Formulário farol 2019- ENGESET 03.10- Engeset SP.xlsx</t>
  </si>
  <si>
    <t>/o=exchangelabs/ou=exchange administrative group (fydibohf23spdlt)/cn=recipients/cn=19563ef64edf42e7841a8719ae7bfe65-ythia karla</t>
  </si>
  <si>
    <t>11/18/2019 08:35:30</t>
  </si>
  <si>
    <t>11/19/2019 08:44:32</t>
  </si>
  <si>
    <t>taynacds@algartech.com;</t>
  </si>
  <si>
    <t>Procedimento - SGC TAYNA.docx</t>
  </si>
  <si>
    <t>Procedimento - SGC TAYNA.docx\</t>
  </si>
  <si>
    <t>taynacds@algartech.com</t>
  </si>
  <si>
    <t>11/18/2019 08:43:37</t>
  </si>
  <si>
    <t>/o=exchangelabs/ou=exchange administrative group (fydibohf23spdlt)/cn=recipients/cn=d05fd9144bc0407496937c19109e2ce7-jefferson r;</t>
  </si>
  <si>
    <t>ENC: IMPORTANTE - Ocorrências no ponto período de 01 A 13/11</t>
  </si>
  <si>
    <t>/o=exchangelabs/ou=exchange administrative group (fydibohf23spdlt)/cn=recipients/cn=d05fd9144bc0407496937c19109e2ce7-jefferson r</t>
  </si>
  <si>
    <t>11/19/2019 08:39:48</t>
  </si>
  <si>
    <t>11/18/2019 10:08:49</t>
  </si>
  <si>
    <t>RES: Procedimento - SGC</t>
  </si>
  <si>
    <t>11/18/2019 11:27:51</t>
  </si>
  <si>
    <t>ENC: [FIN] IMPORTANTE: HORA EXTRA OUTUBRO</t>
  </si>
  <si>
    <t>BASE_HE_028_029_033_OUTUBRO_01A31.10.2019_GESTOR (3)_Santander Esfera.xlsm</t>
  </si>
  <si>
    <t>11/18/2019 12:09:40</t>
  </si>
  <si>
    <t>/o=exchangelabs/ou=exchange administrative group (fydibohf23spdlt)/cn=recipients/cn=d05fd9144bc0407496937c19109e2ce7-jefferson r;/o=exchangelabs/ou=exchange administrative group (fydibohf23spdlt)/cn=recipients/cn=fbce7bdb4f0842fe9ae90e7d2c75f8a3-camila vasc;</t>
  </si>
  <si>
    <t>ENC: IMPORTANTE: HORA EXTRA OUTUBRO</t>
  </si>
  <si>
    <t>Re Horas Extras ESPM - Outubro 2019.msg\s1\</t>
  </si>
  <si>
    <t>2019 - Outubro - HORA EXTRA - Adriano.xlsx</t>
  </si>
  <si>
    <t>/o=exchangelabs/ou=exchange administrative group (fydibohf23spdlt)/cn=recipients/cn=d05fd9144bc0407496937c19109e2ce7-jefferson r,/o=exchangelabs/ou=exchange administrative group (fydibohf23spdlt)/cn=recipients/cn=fbce7bdb4f0842fe9ae90e7d2c75f8a3-camila vasc</t>
  </si>
  <si>
    <t>11/18/2019 13:50:25</t>
  </si>
  <si>
    <t>/o=exchangelabs/ou=exchange administrative group (fydibohf23spdlt)/cn=recipients/cn=1262e099c0f24b3489b19e6494cd5fca-rayssa da c;/o=exchangelabs/ou=exchange administrative group (fydibohf23spdlt)/cn=recipients/cn=34a28d636a1b4c86b1ec79baed4b846a-marco anton;/o=exchangelabs/ou=exchange administrative group (fydibohf23spdlt)/cn=recipients/cn=b29540aff7eb48b9b87128f6e26334c2-moises quei;/o=exchangelabs/ou=exchange administrative group (fydibohf23spdlt)/cn=recipients/cn=d05fd9144bc0407496937c19109e2ce7-jefferson r;</t>
  </si>
  <si>
    <t>BASE_HE_028_029_033_OUTUBRO_01A31.10.2019_GESTOR (3)_Sage.xlsm</t>
  </si>
  <si>
    <t>/o=exchangelabs/ou=exchange administrative group (fydibohf23spdlt)/cn=recipients/cn=1262e099c0f24b3489b19e6494cd5fca-rayssa da c,/o=exchangelabs/ou=exchange administrative group (fydibohf23spdlt)/cn=recipients/cn=34a28d636a1b4c86b1ec79baed4b846a-marco anton,/o=exchangelabs/ou=exchange administrative group (fydibohf23spdlt)/cn=recipients/cn=b29540aff7eb48b9b87128f6e26334c2-moises quei,/o=exchangelabs/ou=exchange administrative group (fydibohf23spdlt)/cn=recipients/cn=d05fd9144bc0407496937c19109e2ce7-jefferson r</t>
  </si>
  <si>
    <t>11/18/2019 15:09:16</t>
  </si>
  <si>
    <t>Template de sobreaviso</t>
  </si>
  <si>
    <t>11/18/2019 16:03:16</t>
  </si>
  <si>
    <t>ENC: Abrir chamado pagamento de HE</t>
  </si>
  <si>
    <t>11/18/2019 16:42:31</t>
  </si>
  <si>
    <t>ENC: Report projeto avos de férias</t>
  </si>
  <si>
    <t>Report_Programação de férias 1411 - Carlos M..xlsx</t>
  </si>
  <si>
    <t>11/19/2019 08:42:57</t>
  </si>
  <si>
    <t>11/19/2019 08:48:32</t>
  </si>
  <si>
    <t>RES: relação veículos ativos ValecardFR</t>
  </si>
  <si>
    <t>EQUIPES-RJ_ES.xlsx</t>
  </si>
  <si>
    <t>11/19/2019 08:47:39</t>
  </si>
  <si>
    <t>11/19/2019 08:50:31</t>
  </si>
  <si>
    <t>11/19/2019 08:56:10</t>
  </si>
  <si>
    <t>11/19/2019 08:58:31</t>
  </si>
  <si>
    <t>Dados</t>
  </si>
  <si>
    <t>Nomes_enriquecer.xlsx</t>
  </si>
  <si>
    <t>11/19/2019 09:03:23</t>
  </si>
  <si>
    <t>11/19/2019 09:10:31</t>
  </si>
  <si>
    <t>ENC: Relatório de máquinas x pacote Office - Domínio BRA</t>
  </si>
  <si>
    <t>Relatório de instalações de Office - Rede BRA.xlsx</t>
  </si>
  <si>
    <t>11/19/2019 09:07:27</t>
  </si>
  <si>
    <t>/o=exchangelabs/ou=exchange administrative group (fydibohf23spdlt)/cn=recipients/cn=a78f7dae304e472e9f75bd537683f6e5-hugo de oli;/o=exchangelabs/ou=exchange administrative group (fydibohf23spdlt)/cn=recipients/cn=f2208b22da5b4bf3a5f4a7b9dfa2fd06-danilo marq;</t>
  </si>
  <si>
    <t>/o=exchangelabs/ou=exchange administrative group (fydibohf23spdlt)/cn=recipients/cn=a78f7dae304e472e9f75bd537683f6e5-hugo de oli,/o=exchangelabs/ou=exchange administrative group (fydibohf23spdlt)/cn=recipients/cn=f2208b22da5b4bf3a5f4a7b9dfa2fd06-danilo marq</t>
  </si>
  <si>
    <t>11/19/2019 09:10:40</t>
  </si>
  <si>
    <t>11/19/2019 09:11:31</t>
  </si>
  <si>
    <t>mail.google.com/_/upload?authuser=0&amp;dcp=asu-n&amp;upload_id=AEnB2UoZqT9gKtr2KMfLn_fGTaX6O0rp37qgqqnDKl1E4fh2fTt-WIvuq9OoMay283gD4_LvwSlHQnT60MVYdA-lqVsVANIUiOO4HQMC3-OkiuZjddfoEiU&amp;upload_protocol=resumable</t>
  </si>
  <si>
    <t>BAIXAS (0,6).xlsx</t>
  </si>
  <si>
    <t>11/19/2019 09:07:44</t>
  </si>
  <si>
    <t>11/19/2019 09:12:32</t>
  </si>
  <si>
    <t>ENC: Orçamento 2020</t>
  </si>
  <si>
    <t>S&amp;OP_ORÇAMENTO.xlsx</t>
  </si>
  <si>
    <t>11/19/2019 09:11:55</t>
  </si>
  <si>
    <t>11/19/2019 09:08:03</t>
  </si>
  <si>
    <t>11/19/2019 09:13:31</t>
  </si>
  <si>
    <t>c:\users\luismarrb\downloads\</t>
  </si>
  <si>
    <t>resultado prova (1).xlsx</t>
  </si>
  <si>
    <t>11/19/2019 09:17:06</t>
  </si>
  <si>
    <t>11/19/2019 09:19:32</t>
  </si>
  <si>
    <t>11/19/2019 09:17:08</t>
  </si>
  <si>
    <t>11/19/2019 09:14:46</t>
  </si>
  <si>
    <t>11/19/2019 09:19:10</t>
  </si>
  <si>
    <t>11/19/2019 09:21:31</t>
  </si>
  <si>
    <t>antoniaama@algartech.com;deboraaxm@algartech.com;fernandaman@algartech.com;francisco_cardoso@whirlpool.com;luanda_s_almeida@whirlpool.com;rosilenedlf@algartech.com;thiagorrg@algartech.com;viniciussdl@algartech.com;</t>
  </si>
  <si>
    <t>Reagendamento OS EH.csv</t>
  </si>
  <si>
    <t>antoniaama@algartech.com,deboraaxm@algartech.com,fernandaman@algartech.com,francisco_cardoso@whirlpool.com,luanda_s_almeida@whirlpool.com,rosilenedlf@algartech.com,thiagorrg@algartech.com,viniciussdl@algartech.com</t>
  </si>
  <si>
    <t>11/19/2019 09:19:11</t>
  </si>
  <si>
    <t>Confirmação de agenda.csv</t>
  </si>
  <si>
    <t>11/19/2019 09:18:09</t>
  </si>
  <si>
    <t>11/19/2019 09:18:15</t>
  </si>
  <si>
    <t>/o=exchangelabs/ou=exchange administrative group (fydibohf23spdlt)/cn=recipients/cn=0ca6cc8d100949a7866a928f62ef5778-rosilene de;/o=exchangelabs/ou=exchange administrative group (fydibohf23spdlt)/cn=recipients/cn=c22b2d8de1594760baec681322c0933f-fernanda ma;viniciussg@algartech.com;</t>
  </si>
  <si>
    <t>Fechamento Novos Indicadores Out/2019 E Visão de relatórios</t>
  </si>
  <si>
    <t>/o=exchangelabs/ou=exchange administrative group (fydibohf23spdlt)/cn=recipients/cn=0ca6cc8d100949a7866a928f62ef5778-rosilene de,/o=exchangelabs/ou=exchange administrative group (fydibohf23spdlt)/cn=recipients/cn=c22b2d8de1594760baec681322c0933f-fernanda ma,viniciussg@algartech.com</t>
  </si>
  <si>
    <t>11/19/2019 09:18:26</t>
  </si>
  <si>
    <t>11/19/2019 09:22:31</t>
  </si>
  <si>
    <t>11/19/2019 09:18:24</t>
  </si>
  <si>
    <t>11/19/2019 09:23:32</t>
  </si>
  <si>
    <t>/o=exchangelabs/ou=exchange administrative group (fydibohf23spdlt)/cn=recipients/cn=953d0b5cb08e4147ab387438ebcc9fb6-leandro rei;/o=exchangelabs/ou=exchange administrative group (fydibohf23spdlt)/cn=recipients/cn=d8541cfaa44f4aa6a8421fccd6aa2d4a-joao edson;</t>
  </si>
  <si>
    <t>/o=exchangelabs/ou=exchange administrative group (fydibohf23spdlt)/cn=recipients/cn=953d0b5cb08e4147ab387438ebcc9fb6-leandro rei,/o=exchangelabs/ou=exchange administrative group (fydibohf23spdlt)/cn=recipients/cn=d8541cfaa44f4aa6a8421fccd6aa2d4a-joao edson</t>
  </si>
  <si>
    <t>11/19/2019 09:19:55</t>
  </si>
  <si>
    <t>\\acsfs\DEPTOS\Engenharia\2 - Service Desk\2.19 - Help Desk Corporate\2.19.9 - Outros\SUPERVISORES\Lucas Rabboni\001 - Equipes\1.Implementação\Documentos\</t>
  </si>
  <si>
    <t>Proposta novos recursos.xls</t>
  </si>
  <si>
    <t>11/18/2019 20:18:03</t>
  </si>
  <si>
    <t>emersonmdp@algartech.com;</t>
  </si>
  <si>
    <t>RES: CAPITALIZAÇÕES DE PESSOAS NOS PROJETOS - FTE NOVEMBRO/2019</t>
  </si>
  <si>
    <t>FTE_Caixa_Nov.xlsb</t>
  </si>
  <si>
    <t>emersonmdp@algartech.com</t>
  </si>
  <si>
    <t>11/18/2019 16:28:50</t>
  </si>
  <si>
    <t>11/19/2019 09:24:32</t>
  </si>
  <si>
    <t>RES: Distribuição de Meta - Whp</t>
  </si>
  <si>
    <t>11/19/2019 09:24:15</t>
  </si>
  <si>
    <t>11/19/2019 09:25:31</t>
  </si>
  <si>
    <t>/o=exchangelabs/ou=exchange administrative group (fydibohf23spdlt)/cn=recipients/cn=8b5b63d67af648d081a40c45cc800804-fabiana per;adrianofo@algartech.com.br;ueniargl@algartech.com.br;</t>
  </si>
  <si>
    <t>RES: Acompanhamento Hora Extra UNE</t>
  </si>
  <si>
    <t>UNE FP.xlsx</t>
  </si>
  <si>
    <t>/o=exchangelabs/ou=exchange administrative group (fydibohf23spdlt)/cn=recipients/cn=8b5b63d67af648d081a40c45cc800804-fabiana per,adrianofo@algartech.com.br,ueniargl@algartech.com.br</t>
  </si>
  <si>
    <t>11/19/2019 09:23:09</t>
  </si>
  <si>
    <t>11/19/2019 09:26:31</t>
  </si>
  <si>
    <t>10.200.35.91</t>
  </si>
  <si>
    <t>C:\Users\gustavofbo\OneDrive - Grupo Algar\Genesys\</t>
  </si>
  <si>
    <t>Xperience_Servidores_VM.XLSX</t>
  </si>
  <si>
    <t>11/19/2019 09:22:27</t>
  </si>
  <si>
    <t>10.207.12.61</t>
  </si>
  <si>
    <t>ENC: Template para solicitação de cadastro</t>
  </si>
  <si>
    <t>TEMPLATE CADASTRO MODELO - Cine System.xls</t>
  </si>
  <si>
    <t>11/18/2019 20:15:28</t>
  </si>
  <si>
    <t>11/19/2019 09:28:31</t>
  </si>
  <si>
    <t>11/18/2019 17:49:50</t>
  </si>
  <si>
    <t>11/19/2019 09:32:31</t>
  </si>
  <si>
    <t>11/19/2019 09:31:27</t>
  </si>
  <si>
    <t>11/19/2019 09:34:31</t>
  </si>
  <si>
    <t>ENC: Revisão Forecast 10-2019</t>
  </si>
  <si>
    <t>APURAÇÃO FORECAST 10-2019 GRC LUCIANAV1.xlsx</t>
  </si>
  <si>
    <t>11/19/2019 09:37:44</t>
  </si>
  <si>
    <t>11/19/2019 09:42:31</t>
  </si>
  <si>
    <t>chamados suspensos em 19.11 as 08h40.xlsx</t>
  </si>
  <si>
    <t>11/19/2019 09:40:56</t>
  </si>
  <si>
    <t>11/19/2019 09:43:32</t>
  </si>
  <si>
    <t>ENC: Avaliação Contratos que abrangem a empresa Engeset</t>
  </si>
  <si>
    <t>11/19/2019 09:45:36</t>
  </si>
  <si>
    <t>11/19/2019 09:47:31</t>
  </si>
  <si>
    <t>11/19/2019 09:42:40</t>
  </si>
  <si>
    <t>11/19/2019 09:48:31</t>
  </si>
  <si>
    <t>/o=exchangelabs/ou=exchange administrative group (fydibohf23spdlt)/cn=recipients/cn=168e05cabbf14ae289464a0c09955b31-sara ferrei;/o=exchangelabs/ou=exchange administrative group (fydibohf23spdlt)/cn=recipients/cn=9e7c445894a4474a86a42a5f271a0d12-viviane res;/o=exchangelabs/ou=exchange administrative group (fydibohf23spdlt)/cn=recipients/cn=b1a72fc2d0234efca84c7771ea70c7ee-roberta cri;/o=exchangelabs/ou=exchange administrative group (fydibohf23spdlt)/cn=recipients/cn=f50351055a2944cebcbdc18a918945d6-gustavo res;/o=exchangelabs/ou=exchange administrative group (fydibohf23spdlt)/cn=recipients/cn=fe134ce6f7124ebfa00395a14326bd71-luciana ber;</t>
  </si>
  <si>
    <t>569c93407c2940eb9b6df10e3b9dec93.xls</t>
  </si>
  <si>
    <t>/o=exchangelabs/ou=exchange administrative group (fydibohf23spdlt)/cn=recipients/cn=168e05cabbf14ae289464a0c09955b31-sara ferrei,/o=exchangelabs/ou=exchange administrative group (fydibohf23spdlt)/cn=recipients/cn=9e7c445894a4474a86a42a5f271a0d12-viviane res,/o=exchangelabs/ou=exchange administrative group (fydibohf23spdlt)/cn=recipients/cn=b1a72fc2d0234efca84c7771ea70c7ee-roberta cri,/o=exchangelabs/ou=exchange administrative group (fydibohf23spdlt)/cn=recipients/cn=f50351055a2944cebcbdc18a918945d6-gustavo res,/o=exchangelabs/ou=exchange administrative group (fydibohf23spdlt)/cn=recipients/cn=fe134ce6f7124ebfa00395a14326bd71-luciana ber</t>
  </si>
  <si>
    <t>11/19/2019 09:53:28</t>
  </si>
  <si>
    <t>11/19/2019 09:55:32</t>
  </si>
  <si>
    <t>mail.google.com/_/upload?authuser=0&amp;dcp=asu-n&amp;upload_id=AEnB2UpmGlv4Zu6PQywSzj664IbdTpMs7CIDQ_WUPLUiworKyoowF5RxJ2jRP-LNnF5Scw_VV_tufx8QbE7WPbnaoBSjDBZJw_tQ8LMdYcbmFqjQnvmLMe8&amp;upload_protocol=resumable</t>
  </si>
  <si>
    <t>felipemda@algartech.com;helbertbb@algartech.com;</t>
  </si>
  <si>
    <t>LPU ALGAR - R640 - Servidores Endpint Security (Uberlandia) + Vmware Enterprise Plus 36 meses de suporte x4.xlsm</t>
  </si>
  <si>
    <t>felipemda@algartech.com,helbertbb@algartech.com</t>
  </si>
  <si>
    <t>11/19/2019 09:56:04</t>
  </si>
  <si>
    <t>11/19/2019 09:58:31</t>
  </si>
  <si>
    <t>RES: Planilha executivos</t>
  </si>
  <si>
    <t>CSC_Apuração Executivos_v3_RETORNO CLIENTE_validado 19nov.xlsb</t>
  </si>
  <si>
    <t>11/19/2019 10:02:58</t>
  </si>
  <si>
    <t>11/19/2019 10:04:31</t>
  </si>
  <si>
    <t>Enviando email: SLAs Entre Áreas v3.xlsx</t>
  </si>
  <si>
    <t>11/19/2019 10:02:06</t>
  </si>
  <si>
    <t>11/19/2019 10:05:32</t>
  </si>
  <si>
    <t>C:\Users\tiagorpf\OneDrive - Grupo Algar\Desenvolvimento\CAC\</t>
  </si>
  <si>
    <t>00 - Máscara de Reagendamento - 201911.xlsm</t>
  </si>
  <si>
    <t>11/19/2019 10:01:40</t>
  </si>
  <si>
    <t>11/19/2019 10:06:31</t>
  </si>
  <si>
    <t>Imoveis em Desmobilização Engeset 2020</t>
  </si>
  <si>
    <t>11/19/2019 10:05:52</t>
  </si>
  <si>
    <t>11/19/2019 10:07:32</t>
  </si>
  <si>
    <t>11/19/2019 10:19:13</t>
  </si>
  <si>
    <t>11/19/2019 10:23:31</t>
  </si>
  <si>
    <t>ENC: Saldos CR's</t>
  </si>
  <si>
    <t>11/19/2019 10:18:21</t>
  </si>
  <si>
    <t>vivian.safariz@algartech.com;</t>
  </si>
  <si>
    <t>RES: CRONOGRAMA FECHAMENTO NOV19</t>
  </si>
  <si>
    <t>112019_Receitamento GAT_Aplicações.xlsx</t>
  </si>
  <si>
    <t>vivian.safariz@algartech.com</t>
  </si>
  <si>
    <t>11/19/2019 10:19:16</t>
  </si>
  <si>
    <t>11/19/2019 10:21:52</t>
  </si>
  <si>
    <t>11/19/2019 10:25:31</t>
  </si>
  <si>
    <t>10.200.57.81</t>
  </si>
  <si>
    <t>/o=exchangelabs/ou=exchange administrative group (fydibohf23spdlt)/cn=recipients/cn=8c89829ad534498fa4c85b5ac11174f1-suelen more;/o=exchangelabs/ou=exchange administrative group (fydibohf23spdlt)/cn=recipients/cn=9a65d8734c444cbc8372a614d17d98e1-lucia maalo;/o=exchangelabs/ou=exchange administrative group (fydibohf23spdlt)/cn=recipients/cn=dc302903ac1a4151bcd049b90df4486f-ricardo soa;</t>
  </si>
  <si>
    <t>ENC: Novo Orçamento - Projeto Hosting</t>
  </si>
  <si>
    <t>Orçamento Servidores Hosting.xlsx</t>
  </si>
  <si>
    <t>/o=exchangelabs/ou=exchange administrative group (fydibohf23spdlt)/cn=recipients/cn=8c89829ad534498fa4c85b5ac11174f1-suelen more,/o=exchangelabs/ou=exchange administrative group (fydibohf23spdlt)/cn=recipients/cn=9a65d8734c444cbc8372a614d17d98e1-lucia maalo,/o=exchangelabs/ou=exchange administrative group (fydibohf23spdlt)/cn=recipients/cn=dc302903ac1a4151bcd049b90df4486f-ricardo soa</t>
  </si>
  <si>
    <t>11/19/2019 10:23:59</t>
  </si>
  <si>
    <t>11/19/2019 10:26:32</t>
  </si>
  <si>
    <t>19_11_19_ Pipeline Comentado_ LATAM</t>
  </si>
  <si>
    <t>19_11_19_ Pipeline Comentado_Latam.xlsx</t>
  </si>
  <si>
    <t>11/19/2019 09:32:05</t>
  </si>
  <si>
    <t>11/19/2019 10:27:31</t>
  </si>
  <si>
    <t>patricia.brito@bradesco.com.br;rafaelabsz@algartech.com.br;</t>
  </si>
  <si>
    <t>Apresentação URR - Out/19</t>
  </si>
  <si>
    <t>112019_Apresentação de resultados URR_ALGAR (004).pptx\</t>
  </si>
  <si>
    <t>patricia.brito@bradesco.com.br,rafaelabsz@algartech.com.br</t>
  </si>
  <si>
    <t>11/19/2019 10:29:43</t>
  </si>
  <si>
    <t>11/19/2019 10:32:32</t>
  </si>
  <si>
    <t>Planejamento Rosi.xlsx</t>
  </si>
  <si>
    <t>11/19/2019 10:41:07</t>
  </si>
  <si>
    <t>11/19/2019 10:42:31</t>
  </si>
  <si>
    <t>11/19/2019 10:44:22</t>
  </si>
  <si>
    <t>11/19/2019 10:45:32</t>
  </si>
  <si>
    <t>11/19/2019 10:41:42</t>
  </si>
  <si>
    <t>11/19/2019 10:47:32</t>
  </si>
  <si>
    <t>10.200.99.104</t>
  </si>
  <si>
    <t>Dash Pesquisa de Satisfação (Oficial4.xlsx</t>
  </si>
  <si>
    <t>11/19/2019 10:45:31</t>
  </si>
  <si>
    <t>11/19/2019 10:49:32</t>
  </si>
  <si>
    <t>/o=exchangelabs/ou=exchange administrative group (fydibohf23spdlt)/cn=recipients/cn=67bd09b6da5b417abb252b386d83b44c-eficiencia;/o=exchangelabs/ou=exchange administrative group (fydibohf23spdlt)/cn=recipients/cn=d5130784dc81436d9511788de4df376c-jeciene gom;/o=exchangelabs/ou=exchange administrative group (fydibohf23spdlt)/cn=recipients/cn=gabriela dias felipe;</t>
  </si>
  <si>
    <t>RES: matriz de precificação - Tributação</t>
  </si>
  <si>
    <t>Lista de Produtos e PO.xlsx</t>
  </si>
  <si>
    <t>/o=exchangelabs/ou=exchange administrative group (fydibohf23spdlt)/cn=recipients/cn=67bd09b6da5b417abb252b386d83b44c-eficiencia,/o=exchangelabs/ou=exchange administrative group (fydibohf23spdlt)/cn=recipients/cn=d5130784dc81436d9511788de4df376c-jeciene gom,/o=exchangelabs/ou=exchange administrative group (fydibohf23spdlt)/cn=recipients/cn=gabriela dias felipe</t>
  </si>
  <si>
    <t>11/19/2019 10:50:18</t>
  </si>
  <si>
    <t>11/19/2019 10:51:32</t>
  </si>
  <si>
    <t>mail.google.com/_/upload?authuser=0&amp;dcp=asu-n&amp;upload_id=AEnB2UqDqt1q2IEHGHZTzLzmFE08yFmTfuAmKIAHSdUK5CPFaWq0aTcDe5FWiKZa2rzZm8keDKWYPbW5gEV1doV-ZEDdm9WQQw&amp;upload_protocol=resumable</t>
  </si>
  <si>
    <t>11/19/2019 10:57:42</t>
  </si>
  <si>
    <t>11/19/2019 11:01:31</t>
  </si>
  <si>
    <t>/o=exchangelabs/ou=exchange administrative group (fydibohf23spdlt)/cn=recipients/cn=2072905e221e44cd93713caf57a4301f-roberta igi;</t>
  </si>
  <si>
    <t>Report Comercial</t>
  </si>
  <si>
    <t>/o=exchangelabs/ou=exchange administrative group (fydibohf23spdlt)/cn=recipients/cn=2072905e221e44cd93713caf57a4301f-roberta igi</t>
  </si>
  <si>
    <t>11/19/2019 10:58:02</t>
  </si>
  <si>
    <t>ENC: Reajuste Johnson &amp; Johnson</t>
  </si>
  <si>
    <t>11/19/2019 10:58:47</t>
  </si>
  <si>
    <t>11/19/2019 11:02:32</t>
  </si>
  <si>
    <t>Cliente Atualizada2.xlsx</t>
  </si>
  <si>
    <t>11/19/2019 10:58:48</t>
  </si>
  <si>
    <t>mail.google.com/_/upload?authuser=0&amp;dcp=asu-n&amp;upload_id=AEnB2Ur99iCSD5eTwsPmnzBT08o-b2nL4nzj5aVWhVvOQ05RRNcQdBymKmFJpgAvfuThC7opptJwiq792h-eGaWV_ylSTVYu_g&amp;upload_protocol=resumable</t>
  </si>
  <si>
    <t>C:\Users\victorvgar\Desktop\AVON\Auditoria do cliente\</t>
  </si>
  <si>
    <t>11/19/2019 11:03:58</t>
  </si>
  <si>
    <t>11/19/2019 11:05:32</t>
  </si>
  <si>
    <t>D:\OneDrive\AlgarTech\Pré-Vendas\Cliente\2019\SAGE\217474 - Hosting\</t>
  </si>
  <si>
    <t>11/19/2019 11:05:05</t>
  </si>
  <si>
    <t>LPU_SAGE_Final.xlsx</t>
  </si>
  <si>
    <t>11/19/2019 11:02:03</t>
  </si>
  <si>
    <t>11/19/2019 11:06:31</t>
  </si>
  <si>
    <t>C:\Users\igortfc\Downloads\</t>
  </si>
  <si>
    <t>CommCell_Report_FBC3E.xlsx</t>
  </si>
  <si>
    <t>CommCell_Report_FD8F6.xlsx</t>
  </si>
  <si>
    <t>11/19/2019 11:02:00</t>
  </si>
  <si>
    <t>mail.google.com/_/upload?authuser=0&amp;dcp=asu-n&amp;upload_id=AEnB2Up9bf0B2AFPSkYjko2Sx-FwGUSjIhZ8o6HsMHeK4mzkVyXY1ToHqo8N4G3ET2DqmRXbEbSYHoOBpZJ7QVj0vVHMWzjBoQ&amp;upload_protocol=resumable</t>
  </si>
  <si>
    <t>Formulario-Correcao_PO.v10.xlsx</t>
  </si>
  <si>
    <t>mail.google.com/_/upload?authuser=0&amp;dcp=asu-n&amp;upload_id=AEnB2Ur9DLvMsX8qDPe6wzutnbbZltzSXvBnHM38NVsv7CTuE3veB7WDYYzZkUhmlsjobPa57WlAlzwBkQyWrLpPW8oetmVS8w&amp;upload_protocol=resumable</t>
  </si>
  <si>
    <t>Atualização Endereço.v7.csv</t>
  </si>
  <si>
    <t>11/19/2019 11:02:49</t>
  </si>
  <si>
    <t>11/19/2019 11:08:31</t>
  </si>
  <si>
    <t>19_11_19 _ Relatório Pipeline Comentado e Fora de Pipe.</t>
  </si>
  <si>
    <t>19_11_19_ Pipeline Comentado_Afonso.xlsx</t>
  </si>
  <si>
    <t>11/19/2019 11:06:33</t>
  </si>
  <si>
    <t>11/19/2019 11:11:32</t>
  </si>
  <si>
    <t>mail.google.com/_/upload?authuser=0&amp;dcp=asu-n&amp;upload_id=AEnB2UpvEDK1J7ADBl50B1JiPIl27KELAcsQ7aR9wlQT6fxIoGhHG7padiqufssv7mDOBPPpR6-prXwBtNDgW6XGhc54YubOmZBQUZN0fWibSBSstSysLA4&amp;upload_protocol=resumable</t>
  </si>
  <si>
    <t>11/19/2019 11:11:46</t>
  </si>
  <si>
    <t>11/19/2019 11:12:32</t>
  </si>
  <si>
    <t>/o=exchangelabs/ou=exchange administrative group (fydibohf23spdlt)/cn=recipients/cn=3bff4ffb267e4ea2a4a3347f6a4c5cf8-tatiane mag;/o=exchangelabs/ou=exchange administrative group (fydibohf23spdlt)/cn=recipients/cn=42aadbe8775e4c2cb37c145f9d092a4e-carlos west;/o=exchangelabs/ou=exchange administrative group (fydibohf23spdlt)/cn=recipients/cn=b13ec0da748a4eaba66e47790e5763f0-gilmar dal;/o=exchangelabs/ou=exchange administrative group (fydibohf23spdlt)/cn=recipients/cn=d1bcfb1498124af49c7d3ae622d9e2da-iara agosti;/o=exchangelabs/ou=exchange administrative group (fydibohf23spdlt)/cn=recipients/cn=flavio martinez;</t>
  </si>
  <si>
    <t>ENC: Migração Google - Associados da torre de GST</t>
  </si>
  <si>
    <t>Associados da torre de GST.xlsx</t>
  </si>
  <si>
    <t>/o=exchangelabs/ou=exchange administrative group (fydibohf23spdlt)/cn=recipients/cn=3bff4ffb267e4ea2a4a3347f6a4c5cf8-tatiane mag,/o=exchangelabs/ou=exchange administrative group (fydibohf23spdlt)/cn=recipients/cn=42aadbe8775e4c2cb37c145f9d092a4e-carlos west,/o=exchangelabs/ou=exchange administrative group (fydibohf23spdlt)/cn=recipients/cn=b13ec0da748a4eaba66e47790e5763f0-gilmar dal,/o=exchangelabs/ou=exchange administrative group (fydibohf23spdlt)/cn=recipients/cn=d1bcfb1498124af49c7d3ae622d9e2da-iara agosti,/o=exchangelabs/ou=exchange administrative group (fydibohf23spdlt)/cn=recipients/cn=flavio martinez</t>
  </si>
  <si>
    <t>11/19/2019 11:14:15</t>
  </si>
  <si>
    <t>11/19/2019 11:16:32</t>
  </si>
  <si>
    <t>Dados_Insights.xlsx</t>
  </si>
  <si>
    <t>11/19/2019 11:15:59</t>
  </si>
  <si>
    <t>11/19/2019 11:18:32</t>
  </si>
  <si>
    <t>19_11_19_ Pipeline Comentado_Raul.xlsx</t>
  </si>
  <si>
    <t>11/19/2019 11:17:46</t>
  </si>
  <si>
    <t>11/19/2019 11:19:32</t>
  </si>
  <si>
    <t>RES: Status - Expansão Caixa</t>
  </si>
  <si>
    <t>PMO - STATUS DE GOVERNANÇA - Expansao Caixa - 20191111.pptx\</t>
  </si>
  <si>
    <t>11/19/2019 11:18:31</t>
  </si>
  <si>
    <t>/o=exchangelabs/ou=exchange administrative group (fydibohf23spdlt)/cn=recipients/cn=a5f3c22313d74f5cbd68347bb02489b8-lilian lima;/o=exchangelabs/ou=exchange administrative group (fydibohf23spdlt)/cn=recipients/cn=b0dffb7bae8b4669bf2555c821ef7035-daniela vie;</t>
  </si>
  <si>
    <t>ENC: Call Center Ativo Recall - Urgente</t>
  </si>
  <si>
    <t>Controle Transf Ligação Call Center Algar 2.1.3.xlsx</t>
  </si>
  <si>
    <t>/o=exchangelabs/ou=exchange administrative group (fydibohf23spdlt)/cn=recipients/cn=a5f3c22313d74f5cbd68347bb02489b8-lilian lima,/o=exchangelabs/ou=exchange administrative group (fydibohf23spdlt)/cn=recipients/cn=b0dffb7bae8b4669bf2555c821ef7035-daniela vie</t>
  </si>
  <si>
    <t>11/19/2019 11:15:08</t>
  </si>
  <si>
    <t>11/19/2019 11:22:32</t>
  </si>
  <si>
    <t>/o=exchangelabs/ou=exchange administrative group (fydibohf23spdlt)/cn=recipients/cn=a4ba92cba10f4fe498074594f937f3b6-leandro lop;/o=exchangelabs/ou=exchange administrative group (fydibohf23spdlt)/cn=recipients/cn=d3d28899a5be4c2c8b5b9e55717f7da7-fabio ribei;/o=exchangelabs/ou=exchange administrative group (fydibohf23spdlt)/cn=recipients/cn=f45617401bdf436baf70c45766699413-frederico b;</t>
  </si>
  <si>
    <t>/o=exchangelabs/ou=exchange administrative group (fydibohf23spdlt)/cn=recipients/cn=a4ba92cba10f4fe498074594f937f3b6-leandro lop,/o=exchangelabs/ou=exchange administrative group (fydibohf23spdlt)/cn=recipients/cn=d3d28899a5be4c2c8b5b9e55717f7da7-fabio ribei,/o=exchangelabs/ou=exchange administrative group (fydibohf23spdlt)/cn=recipients/cn=f45617401bdf436baf70c45766699413-frederico b</t>
  </si>
  <si>
    <t>11/19/2019 11:17:10</t>
  </si>
  <si>
    <t>/o=exchangelabs/ou=exchange administrative group (fydibohf23spdlt)/cn=recipients/cn=1867d5fca12044e08946537995369baf-diego rodri;/o=exchangelabs/ou=exchange administrative group (fydibohf23spdlt)/cn=recipients/cn=b60c7f02b7944b639da5c2f90b0fe2f5-diogo soare;</t>
  </si>
  <si>
    <t>TAC</t>
  </si>
  <si>
    <t>Planilha TAC Algar Tech (11_2019).xlsx</t>
  </si>
  <si>
    <t>/o=exchangelabs/ou=exchange administrative group (fydibohf23spdlt)/cn=recipients/cn=1867d5fca12044e08946537995369baf-diego rodri,/o=exchangelabs/ou=exchange administrative group (fydibohf23spdlt)/cn=recipients/cn=b60c7f02b7944b639da5c2f90b0fe2f5-diogo soare</t>
  </si>
  <si>
    <t>11/19/2019 11:21:15</t>
  </si>
  <si>
    <t>/o=exchangelabs/ou=exchange administrative group (fydibohf23spdlt)/cn=recipients/cn=2f4bb3276da2464096fd9ebe23e1d908-marla jorda;/o=exchangelabs/ou=exchange administrative group (fydibohf23spdlt)/cn=recipients/cn=8448bc0d964c4200bf3bd8bd54310da1-kesley isai;annecsm@algartech.com;delair.silva@caixaseguradora.com.br;juliana.seixas@caixaseguradora.com.br;</t>
  </si>
  <si>
    <t>ENC: [SEGURO RESIDENCIAL] Revenda para 9 CPFs</t>
  </si>
  <si>
    <t>Planilha vendas pendentes (1).xlsx</t>
  </si>
  <si>
    <t>/o=exchangelabs/ou=exchange administrative group (fydibohf23spdlt)/cn=recipients/cn=2f4bb3276da2464096fd9ebe23e1d908-marla jorda,/o=exchangelabs/ou=exchange administrative group (fydibohf23spdlt)/cn=recipients/cn=8448bc0d964c4200bf3bd8bd54310da1-kesley isai,annecsm@algartech.com,delair.silva@caixaseguradora.com.br,juliana.seixas@caixaseguradora.com.br</t>
  </si>
  <si>
    <t>11/19/2019 11:19:37</t>
  </si>
  <si>
    <t>11/19/2019 11:23:31</t>
  </si>
  <si>
    <t>11/19/2019 11:21:21</t>
  </si>
  <si>
    <t>11/19/2019 11:25:31</t>
  </si>
  <si>
    <t>/o=exchangelabs/ou=exchange administrative group (fydibohf23spdlt)/cn=recipients/cn=5037aa398cdf4d9cae5ff1914ad4e4b1-joao paulo;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/o=exchangelabs/ou=exchange administrative group (fydibohf23spdlt)/cn=recipients/cn=usere11ed38c;</t>
  </si>
  <si>
    <t>RES: Dashboard Tribo Atendimento - Squad FC</t>
  </si>
  <si>
    <t>Squad DC - Indicadores.msg\s1\</t>
  </si>
  <si>
    <t>/o=exchangelabs/ou=exchange administrative group (fydibohf23spdlt)/cn=recipients/cn=5037aa398cdf4d9cae5ff1914ad4e4b1-joao paulo,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,/o=exchangelabs/ou=exchange administrative group (fydibohf23spdlt)/cn=recipients/cn=usere11ed38c</t>
  </si>
  <si>
    <t>11/19/2019 11:22:51</t>
  </si>
  <si>
    <t>11/19/2019 11:27:32</t>
  </si>
  <si>
    <t>/o=exchangelabs/ou=exchange administrative group (fydibohf23spdlt)/cn=recipients/cn=3e6a8b8d7a364ccf8ef6a977e4e475e7-ellen crist;</t>
  </si>
  <si>
    <t>RES: CR Atualizado</t>
  </si>
  <si>
    <t>/o=exchangelabs/ou=exchange administrative group (fydibohf23spdlt)/cn=recipients/cn=3e6a8b8d7a364ccf8ef6a977e4e475e7-ellen crist</t>
  </si>
  <si>
    <t>11/19/2019 11:23:27</t>
  </si>
  <si>
    <t>11/19/2019 11:28:31</t>
  </si>
  <si>
    <t>Resultados campanha - CIMI</t>
  </si>
  <si>
    <t>Status report_Geral.xlsx</t>
  </si>
  <si>
    <t>11/19/2019 11:30:47</t>
  </si>
  <si>
    <t>11/19/2019 11:32:32</t>
  </si>
  <si>
    <t>carlajustino@sinergyrh.com.br;danilormo@algartech.com;diegorbo@algartech.com;</t>
  </si>
  <si>
    <t>Relatório 14.11.19 Sinergy.xlsx</t>
  </si>
  <si>
    <t>carlajustino@sinergyrh.com.br,danilormo@algartech.com,diegorbo@algartech.com</t>
  </si>
  <si>
    <t>11/19/2019 11:31:02</t>
  </si>
  <si>
    <t>Relatório Sinergy 19.11.19.xlsx</t>
  </si>
  <si>
    <t>11/19/2019 11:29:02</t>
  </si>
  <si>
    <t>11/19/2019 11:33:32</t>
  </si>
  <si>
    <t>19_11_19_ Pipeline Comentado_Dionizio.xlsx</t>
  </si>
  <si>
    <t>11/19/2019 11:31:12</t>
  </si>
  <si>
    <t>/o=exchangelabs/ou=exchange administrative group (fydibohf23spdlt)/cn=recipients/cn=3aa72ebfe8e5451fada36a54ed3993f1-nikelly da;/o=exchangelabs/ou=exchange administrative group (fydibohf23spdlt)/cn=recipients/cn=7851db9c6e12427d83b5e1a912680386-roldinei do;</t>
  </si>
  <si>
    <t>ENC: Levantamento Next</t>
  </si>
  <si>
    <t>Next.xlsx</t>
  </si>
  <si>
    <t>/o=exchangelabs/ou=exchange administrative group (fydibohf23spdlt)/cn=recipients/cn=3aa72ebfe8e5451fada36a54ed3993f1-nikelly da,/o=exchangelabs/ou=exchange administrative group (fydibohf23spdlt)/cn=recipients/cn=7851db9c6e12427d83b5e1a912680386-roldinei do</t>
  </si>
  <si>
    <t>11/19/2019 11:33:29</t>
  </si>
  <si>
    <t>11/19/2019 11:34:31</t>
  </si>
  <si>
    <t>/o=exchangelabs/ou=exchange administrative group (fydibohf23spdlt)/cn=recipients/cn=06bada3068dd45e883089918084c1c28-gabriel cae;/o=exchangelabs/ou=exchange administrative group (fydibohf23spdlt)/cn=recipients/cn=2c78a4eeb6094d32b8959b52525ffb44-mayara ribe;/o=exchangelabs/ou=exchange administrative group (fydibohf23spdlt)/cn=recipients/cn=30ee93c8ac3a402b98626eb34ed24781-lara lorran;/o=exchangelabs/ou=exchange administrative group (fydibohf23spdlt)/cn=recipients/cn=5694f7d2b5fa4976af2d1dc576e3b544-louany barb;</t>
  </si>
  <si>
    <t>Distribuição - 3ª Semana Telecom</t>
  </si>
  <si>
    <t>Distribuição - 3ª Semana.xlsx</t>
  </si>
  <si>
    <t>/o=exchangelabs/ou=exchange administrative group (fydibohf23spdlt)/cn=recipients/cn=06bada3068dd45e883089918084c1c28-gabriel cae,/o=exchangelabs/ou=exchange administrative group (fydibohf23spdlt)/cn=recipients/cn=2c78a4eeb6094d32b8959b52525ffb44-mayara ribe,/o=exchangelabs/ou=exchange administrative group (fydibohf23spdlt)/cn=recipients/cn=30ee93c8ac3a402b98626eb34ed24781-lara lorran,/o=exchangelabs/ou=exchange administrative group (fydibohf23spdlt)/cn=recipients/cn=5694f7d2b5fa4976af2d1dc576e3b544-louany barb</t>
  </si>
  <si>
    <t>11/19/2019 11:32:28</t>
  </si>
  <si>
    <t>C:\Users\simoneesm\OneDrive - Grupo Algar\Controle\CLIENTES\DPRF\Operação\Plano de Capacitação\</t>
  </si>
  <si>
    <t>Equipes - Cursos realizados em 2016.xlsx</t>
  </si>
  <si>
    <t>11/19/2019 09:28:30</t>
  </si>
  <si>
    <t>11/19/2019 11:35:31</t>
  </si>
  <si>
    <t>11/19/2019 09:29:47</t>
  </si>
  <si>
    <t>11/19/2019 09:30:36</t>
  </si>
  <si>
    <t>11/19/2019 09:31:38</t>
  </si>
  <si>
    <t>11/19/2019 09:32:48</t>
  </si>
  <si>
    <t>/o=exchangelabs/ou=exchange administrative group (fydibohf23spdlt)/cn=recipients/cn=43665a5b9e7b4a1eb03aa2abdd30ebf4-virginia me;</t>
  </si>
  <si>
    <t>/o=exchangelabs/ou=exchange administrative group (fydibohf23spdlt)/cn=recipients/cn=43665a5b9e7b4a1eb03aa2abdd30ebf4-virginia me</t>
  </si>
  <si>
    <t>11/19/2019 10:20:51</t>
  </si>
  <si>
    <t>/o=exchangelabs/ou=exchange administrative group (fydibohf23spdlt)/cn=recipients/cn=f45617401bdf436baf70c45766699413-frederico b;</t>
  </si>
  <si>
    <t>/o=exchangelabs/ou=exchange administrative group (fydibohf23spdlt)/cn=recipients/cn=f45617401bdf436baf70c45766699413-frederico b</t>
  </si>
  <si>
    <t>11/19/2019 10:21:49</t>
  </si>
  <si>
    <t>11/19/2019 10:22:28</t>
  </si>
  <si>
    <t>11/19/2019 11:19:16</t>
  </si>
  <si>
    <t>/o=exchangelabs/ou=exchange administrative group (fydibohf23spdlt)/cn=recipients/cn=43665a5b9e7b4a1eb03aa2abdd30ebf4-virginia me;/o=exchangelabs/ou=exchange administrative group (fydibohf23spdlt)/cn=recipients/cn=a541140f84c0497d919eaa7797d6c613-vinicius mo;</t>
  </si>
  <si>
    <t>/o=exchangelabs/ou=exchange administrative group (fydibohf23spdlt)/cn=recipients/cn=43665a5b9e7b4a1eb03aa2abdd30ebf4-virginia me,/o=exchangelabs/ou=exchange administrative group (fydibohf23spdlt)/cn=recipients/cn=a541140f84c0497d919eaa7797d6c613-vinicius mo</t>
  </si>
  <si>
    <t>11/19/2019 11:21:51</t>
  </si>
  <si>
    <t>11/19/2019 11:35:00</t>
  </si>
  <si>
    <t>11/19/2019 11:30:35</t>
  </si>
  <si>
    <t>/o=exchangelabs/ou=exchange administrative group (fydibohf23spdlt)/cn=recipients/cn=3fc2777bb8ee48fa9fadbf3ceb1b065d-cibele anal;/o=exchangelabs/ou=exchange administrative group (fydibohf23spdlt)/cn=recipients/cn=56c2af2d07fd48c0aebfc00ddc006494-alessio rod;/o=exchangelabs/ou=exchange administrative group (fydibohf23spdlt)/cn=recipients/cn=67bd65dc87bd4106bc53a3fdb9bdc416-virginia ma;/o=exchangelabs/ou=exchange administrative group (fydibohf23spdlt)/cn=recipients/cn=a111820ea97a440c83191c55259f676f-marcelo rod;/o=exchangelabs/ou=exchange administrative group (fydibohf23spdlt)/cn=recipients/cn=cd93dacc38404a95a829585c2e317a9f-dionizio ri;/o=exchangelabs/ou=exchange administrative group (fydibohf23spdlt)/cn=recipients/cn=d1d015f213f648abbf348b5ccdf8e9d9-senilda per;/o=exchangelabs/ou=exchange administrative group (fydibohf23spdlt)/cn=recipients/cn=e3778f57d65f4c17a6287602f9eb0cdc-alessandra;/o=exchangelabs/ou=exchange administrative group (fydibohf23spdlt)/cn=recipients/cn=f7a4290a46314a3cbb0d392508a7b5c5-lucia</t>
  </si>
  <si>
    <t>ENC: Visita Presidente AVON</t>
  </si>
  <si>
    <t>Agenda JVicente na Algar 051219.xlsx</t>
  </si>
  <si>
    <t>/o=exchangelabs/ou=exchange administrative group (fydibohf23spdlt)/cn=recipients/cn=3fc2777bb8ee48fa9fadbf3ceb1b065d-cibele anal,/o=exchangelabs/ou=exchange administrative group (fydibohf23spdlt)/cn=recipients/cn=56c2af2d07fd48c0aebfc00ddc006494-alessio rod,/o=exchangelabs/ou=exchange administrative group (fydibohf23spdlt)/cn=recipients/cn=67bd65dc87bd4106bc53a3fdb9bdc416-virginia ma,/o=exchangelabs/ou=exchange administrative group (fydibohf23spdlt)/cn=recipients/cn=a111820ea97a440c83191c55259f676f-marcelo rod,/o=exchangelabs/ou=exchange administrative group (fydibohf23spdlt)/cn=recipients/cn=cd93dacc38404a95a829585c2e317a9f-dionizio ri,/o=exchangelabs/ou=exchange administrative group (fydibohf23spdlt)/cn=recipients/cn=d1d015f213f648abbf348b5ccdf8e9d9-senilda per,/o=exchangelabs/ou=exchange administrative group (fydibohf23spdlt)/cn=recipients/cn=e3778f57d65f4c17a6287602f9eb0cdc-alessandra,/o=exchangelabs/ou=exchange administrative group (fydibohf23spdlt)/cn=recipients/cn=f7a4290a46314a3cbb0d392508a7b5c5-lucia</t>
  </si>
  <si>
    <t>11/19/2019 11:38:12</t>
  </si>
  <si>
    <t>11/19/2019 11:38:32</t>
  </si>
  <si>
    <t>ENC: CAPITALIZAÇÕES DE PESSOAS NOS PROJETOS - FTE NOVEMBRO/2019</t>
  </si>
  <si>
    <t>Template_Registro_FTE_Realizado_Novembro.xlsb</t>
  </si>
  <si>
    <t>11/19/2019 08:53:00</t>
  </si>
  <si>
    <t>11/19/2019 11:40:32</t>
  </si>
  <si>
    <t>10.250.254.1</t>
  </si>
  <si>
    <t>11/19/2019 09:17:24</t>
  </si>
  <si>
    <t>/o=exchangelabs/ou=exchange administrative group (fydibohf23spdlt)/cn=recipients/cn=31b0fcd46c8d45f29253036e2256d5aa-jose paulin;</t>
  </si>
  <si>
    <t>/o=exchangelabs/ou=exchange administrative group (fydibohf23spdlt)/cn=recipients/cn=31b0fcd46c8d45f29253036e2256d5aa-jose paulin</t>
  </si>
  <si>
    <t>11/19/2019 09:21:17</t>
  </si>
  <si>
    <t>/o=exchangelabs/ou=exchange administrative group (fydibohf23spdlt)/cn=recipients/cn=ba64882ecdca4e529551bc93e56e2f41-helbert bec;</t>
  </si>
  <si>
    <t>/o=exchangelabs/ou=exchange administrative group (fydibohf23spdlt)/cn=recipients/cn=ba64882ecdca4e529551bc93e56e2f41-helbert bec</t>
  </si>
  <si>
    <t>11/19/2019 09:23:44</t>
  </si>
  <si>
    <t>11/19/2019 09:24:45</t>
  </si>
  <si>
    <t>/o=exchangelabs/ou=exchange administrative group (fydibohf23spdlt)/cn=recipients/cn=748626653e664517a8268bc0a35e32b6-henrique nu;</t>
  </si>
  <si>
    <t>/o=exchangelabs/ou=exchange administrative group (fydibohf23spdlt)/cn=recipients/cn=748626653e664517a8268bc0a35e32b6-henrique nu</t>
  </si>
  <si>
    <t>11/19/2019 09:26:11</t>
  </si>
  <si>
    <t>/o=exchangelabs/ou=exchange administrative group (fydibohf23spdlt)/cn=recipients/cn=2d38a20c1128454e96f537150116f708-jose antoni;</t>
  </si>
  <si>
    <t>/o=exchangelabs/ou=exchange administrative group (fydibohf23spdlt)/cn=recipients/cn=2d38a20c1128454e96f537150116f708-jose antoni</t>
  </si>
  <si>
    <t>11/19/2019 11:38:36</t>
  </si>
  <si>
    <t>11/19/2019 11:43:31</t>
  </si>
  <si>
    <t>11/19/2019 11:39:00</t>
  </si>
  <si>
    <t>11/19/2019 11:45:54</t>
  </si>
  <si>
    <t>11/19/2019 11:47:32</t>
  </si>
  <si>
    <t>razao conta engeset.xlsx</t>
  </si>
  <si>
    <t>11/19/2019 11:46:03</t>
  </si>
  <si>
    <t>11/19/2019 11:50:32</t>
  </si>
  <si>
    <t>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/o=exchangelabs/ou=exchange administrative group (fydibohf23spdlt)/cn=recipients/cn=usere11ed38c;</t>
  </si>
  <si>
    <t>Squad DC - Ativos Plano Médico</t>
  </si>
  <si>
    <t>Ativos Plano Médico - 28.xlsx</t>
  </si>
  <si>
    <t>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,/o=exchangelabs/ou=exchange administrative group (fydibohf23spdlt)/cn=recipients/cn=usere11ed38c</t>
  </si>
  <si>
    <t>11/19/2019 11:52:20</t>
  </si>
  <si>
    <t>11/19/2019 11:55:32</t>
  </si>
  <si>
    <t>/o=exchangelabs/ou=exchange administrative group (fydibohf23spdlt)/cn=recipients/cn=287c26b08a0f48578479a15a452f025d-edilson rod;/o=exchangelabs/ou=exchange administrative group (fydibohf23spdlt)/cn=recipients/cn=da8b0d0eb1af471c9c028aba05e743fd-guilherme a;/o=exchangelabs/ou=exchange administrative group (fydibohf23spdlt)/cn=recipients/cn=user9334192a;</t>
  </si>
  <si>
    <t>/o=exchangelabs/ou=exchange administrative group (fydibohf23spdlt)/cn=recipients/cn=287c26b08a0f48578479a15a452f025d-edilson rod,/o=exchangelabs/ou=exchange administrative group (fydibohf23spdlt)/cn=recipients/cn=da8b0d0eb1af471c9c028aba05e743fd-guilherme a,/o=exchangelabs/ou=exchange administrative group (fydibohf23spdlt)/cn=recipients/cn=user9334192a</t>
  </si>
  <si>
    <t>11/19/2019 11:52:26</t>
  </si>
  <si>
    <t>11/19/2019 11:58:43</t>
  </si>
  <si>
    <t>11/19/2019 12:01:32</t>
  </si>
  <si>
    <t>11/19/2019 11:59:20</t>
  </si>
  <si>
    <t>11/19/2019 12:02:31</t>
  </si>
  <si>
    <t>006 - OTC 10.xlsx</t>
  </si>
  <si>
    <t>11/19/2019 12:03:49</t>
  </si>
  <si>
    <t>11/19/2019 12:05:32</t>
  </si>
  <si>
    <t>imprimir</t>
  </si>
  <si>
    <t>CADASTRO - DANNYLLO GONÇALO.xls</t>
  </si>
  <si>
    <t>11/19/2019 12:02:46</t>
  </si>
  <si>
    <t>11/19/2019 12:08:32</t>
  </si>
  <si>
    <t>10.211.2.103</t>
  </si>
  <si>
    <t>leonardo.caetano@algartech.com</t>
  </si>
  <si>
    <t>aluisioas@algartech.com;</t>
  </si>
  <si>
    <t>Plano de Ação - Leonardo Caetano.xlsx</t>
  </si>
  <si>
    <t>aluisioas@algartech.com</t>
  </si>
  <si>
    <t>11/19/2019 12:07:03</t>
  </si>
  <si>
    <t>C:\Users\carlosfn\Downloads\</t>
  </si>
  <si>
    <t>Oportunidades por data criação (System Date) (32).xlsx</t>
  </si>
  <si>
    <t>11/19/2019 12:04:17</t>
  </si>
  <si>
    <t>11/19/2019 12:09:31</t>
  </si>
  <si>
    <t>rogerio@algar.com.br;</t>
  </si>
  <si>
    <t>Detalhamento Geração Caixa e Dívida</t>
  </si>
  <si>
    <t>rogerio@algar.com.br</t>
  </si>
  <si>
    <t>11/19/2019 12:11:01</t>
  </si>
  <si>
    <t>11/19/2019 12:12:31</t>
  </si>
  <si>
    <t>ENC: CR Atualizado</t>
  </si>
  <si>
    <t>11/19/2019 12:08:10</t>
  </si>
  <si>
    <t>11/19/2019 12:17:22</t>
  </si>
  <si>
    <t>11/19/2019 12:19:32</t>
  </si>
  <si>
    <t>ENC: Produtividade CRCe 18/11</t>
  </si>
  <si>
    <t>11/19/2019 12:26:33</t>
  </si>
  <si>
    <t>11/19/2019 12:27:31</t>
  </si>
  <si>
    <t>11/19/2019 12:44:23</t>
  </si>
  <si>
    <t>11/19/2019 12:44:32</t>
  </si>
  <si>
    <t>camiladps@algartech.com;equipefabi@algartech.com.br;fabianapm@algartech.com;</t>
  </si>
  <si>
    <t>ENC: Lista Treinamento 18.11</t>
  </si>
  <si>
    <t>Lista de Treinamento Cerrado .xlsx</t>
  </si>
  <si>
    <t>camiladps@algartech.com,equipefabi@algartech.com.br,fabianapm@algartech.com</t>
  </si>
  <si>
    <t>11/19/2019 12:46:53</t>
  </si>
  <si>
    <t>11/19/2019 12:48:33</t>
  </si>
  <si>
    <t>C:\Users\filemoncmj\OneDrive - Grupo Algar\01. Algar Tech\01. Projetos de Clientes\47. Prudential\08. TH\Admissoes\</t>
  </si>
  <si>
    <t>Kit Admissional Geral - Algar TI - RJ.xls</t>
  </si>
  <si>
    <t>11/19/2019 12:50:18</t>
  </si>
  <si>
    <t>11/19/2019 12:52:33</t>
  </si>
  <si>
    <t>/o=exchangelabs/ou=exchange administrative group (fydibohf23spdlt)/cn=recipients/cn=d05fd9144bc0407496937c19109e2ce7-jefferson r;daniel.nemer@kcc.com;</t>
  </si>
  <si>
    <t>ENC: [KCC][FIN] IMPORTANTE: HORA EXTRA OUTUBRO</t>
  </si>
  <si>
    <t>Outubro BASE_HE_028_029_033_OUTUBRO_01A31.10.2019_GESTOR.xlsm</t>
  </si>
  <si>
    <t>/o=exchangelabs/ou=exchange administrative group (fydibohf23spdlt)/cn=recipients/cn=d05fd9144bc0407496937c19109e2ce7-jefferson r,daniel.nemer@kcc.com</t>
  </si>
  <si>
    <t>11/19/2019 13:00:42</t>
  </si>
  <si>
    <t>11/19/2019 13:03:33</t>
  </si>
  <si>
    <t>ENC: Company 02639304 EBTA Essity do Brasil - URGENTE - Protocolo: 75802</t>
  </si>
  <si>
    <t>EMPRESA ESSITY.xlsx</t>
  </si>
  <si>
    <t>11/19/2019 13:17:51</t>
  </si>
  <si>
    <t>11/19/2019 13:18:33</t>
  </si>
  <si>
    <t>C:\Users\lucianafaa\OneDrive - Grupo Algar\2019\PROJETOS\URR\TABULACAO\RES Tabulação de finalizadores - contato sem sucesso - Alelo-03-09.msg\s1\TABULAÇÃO_URR_v005.zip\</t>
  </si>
  <si>
    <t>TABULAÇÃO_URR_v005.xlsx</t>
  </si>
  <si>
    <t>11/19/2019 13:19:13</t>
  </si>
  <si>
    <t>11/19/2019 13:22:33</t>
  </si>
  <si>
    <t>/o=exchangelabs/ou=exchange administrative group (fydibohf23spdlt)/cn=recipients/cn=5c622a418fd946f4953ddb5f89bb73ce-vanessa da;/o=exchangelabs/ou=exchange administrative group (fydibohf23spdlt)/cn=recipients/cn=7aaed863e0734538bc010e61e9020ad3-aline silve;/o=exchangelabs/ou=exchange administrative group (fydibohf23spdlt)/cn=recipients/cn=8fc182d8ec964190abd5d149ac41ad8b-fabricio de;/o=exchangelabs/ou=exchange administrative group (fydibohf23spdlt)/cn=recipients/cn=ad5f87512b71413284449e85e2fe100f-giovanne gu;/o=exchangelabs/ou=exchange administrative group (fydibohf23spdlt)/cn=recipients/cn=c651393460d944ffb6be3809cfeaefb6-saulo augus;/o=exchangelabs/ou=exchange administrative group (fydibohf23spdlt)/cn=recipients/cn=cb5adfd7be5d42f39b6c2497336ba9d7-fernando gu;/o=exchangelabs/ou=exchange administrative group (fydibohf23spdlt)/cn=recipients/cn=d1bcfb1498124af49c7d3ae622d9e2da-iara agosti;/o=exchangelabs/ou=exchange administrative group (fydibohf23spdlt)/cn=recipients/cn=matheus vinicius da silva;</t>
  </si>
  <si>
    <t>ENC: Pareto B2C</t>
  </si>
  <si>
    <t>Pareto. Outubro.xlsx</t>
  </si>
  <si>
    <t>/o=exchangelabs/ou=exchange administrative group (fydibohf23spdlt)/cn=recipients/cn=5c622a418fd946f4953ddb5f89bb73ce-vanessa da,/o=exchangelabs/ou=exchange administrative group (fydibohf23spdlt)/cn=recipients/cn=7aaed863e0734538bc010e61e9020ad3-aline silve,/o=exchangelabs/ou=exchange administrative group (fydibohf23spdlt)/cn=recipients/cn=8fc182d8ec964190abd5d149ac41ad8b-fabricio de,/o=exchangelabs/ou=exchange administrative group (fydibohf23spdlt)/cn=recipients/cn=ad5f87512b71413284449e85e2fe100f-giovanne gu,/o=exchangelabs/ou=exchange administrative group (fydibohf23spdlt)/cn=recipients/cn=c651393460d944ffb6be3809cfeaefb6-saulo augus,/o=exchangelabs/ou=exchange administrative group (fydibohf23spdlt)/cn=recipients/cn=cb5adfd7be5d42f39b6c2497336ba9d7-fernando gu,/o=exchangelabs/ou=exchange administrative group (fydibohf23spdlt)/cn=recipients/cn=d1bcfb1498124af49c7d3ae622d9e2da-iara agosti,/o=exchangelabs/ou=exchange administrative group (fydibohf23spdlt)/cn=recipients/cn=matheus vinicius da silva</t>
  </si>
  <si>
    <t>11/19/2019 13:19:33</t>
  </si>
  <si>
    <t>11/19/2019 13:23:32</t>
  </si>
  <si>
    <t>C:\Users\lucianafaa\OneDrive - Grupo Algar\2019\PROJETOS\URR\TABULACAO\Tabulação de finalizadores - contato sem sucesso - Alelo-INATIVA.msg\s1\</t>
  </si>
  <si>
    <t>TABULAÇÃO_URR_v005 ALGAR.xlsx</t>
  </si>
  <si>
    <t>11/19/2019 13:26:31</t>
  </si>
  <si>
    <t>11/19/2019 13:28:33</t>
  </si>
  <si>
    <t>C:\Users\lucianafaa\OneDrive - Grupo Algar\2019\PROJETOS\WFM\CONTROLE\ACTION\NOVEMBRO\</t>
  </si>
  <si>
    <t>11/19/2019 13:26:56</t>
  </si>
  <si>
    <t>11/19/2019 13:31:33</t>
  </si>
  <si>
    <t>/o=exchangelabs/ou=exchange administrative group (fydibohf23spdlt)/cn=recipients/cn=545f738e0fe740ba856f4eb6ef0135e0-vinicius si;/o=exchangelabs/ou=exchange administrative group (fydibohf23spdlt)/cn=recipients/cn=670d10f0276c47ba89a984b1a225496b-victor gala;/o=exchangelabs/ou=exchange administrative group (fydibohf23spdlt)/cn=recipients/cn=b4c27a00523743509c2a8673c01acf8b-emanuella g;/o=exchangelabs/ou=exchange administrative group (fydibohf23spdlt)/cn=recipients/cn=d1d015f213f648abbf348b5ccdf8e9d9-senilda per;/o=exchangelabs/ou=exchange administrative group (fydibohf23spdlt)/cn=recipients/cn=eb3a8d47e16546c381d649c124fcfbb7-cpc - contr;/o=exchangelabs/ou=exchange administrative group (fydibohf23spdlt)/cn=recipients/cn=fbbb462fed0b402bbe147770ea84cf9e-adriana cae;/o=exchangelabs/ou=exchange administrative group (fydibohf23spdlt)/cn=recipients/cn=renato lemes da silva costa;</t>
  </si>
  <si>
    <t>RES: Acompanhamento AHT - Novatos FV1</t>
  </si>
  <si>
    <t>/o=exchangelabs/ou=exchange administrative group (fydibohf23spdlt)/cn=recipients/cn=545f738e0fe740ba856f4eb6ef0135e0-vinicius si,/o=exchangelabs/ou=exchange administrative group (fydibohf23spdlt)/cn=recipients/cn=670d10f0276c47ba89a984b1a225496b-victor gala,/o=exchangelabs/ou=exchange administrative group (fydibohf23spdlt)/cn=recipients/cn=b4c27a00523743509c2a8673c01acf8b-emanuella g,/o=exchangelabs/ou=exchange administrative group (fydibohf23spdlt)/cn=recipients/cn=d1d015f213f648abbf348b5ccdf8e9d9-senilda per,/o=exchangelabs/ou=exchange administrative group (fydibohf23spdlt)/cn=recipients/cn=eb3a8d47e16546c381d649c124fcfbb7-cpc - contr,/o=exchangelabs/ou=exchange administrative group (fydibohf23spdlt)/cn=recipients/cn=fbbb462fed0b402bbe147770ea84cf9e-adriana cae,/o=exchangelabs/ou=exchange administrative group (fydibohf23spdlt)/cn=recipients/cn=renato lemes da silva costa</t>
  </si>
  <si>
    <t>11/19/2019 13:27:11</t>
  </si>
  <si>
    <t>11/19/2019 13:32:32</t>
  </si>
  <si>
    <t>C:\Vila\Pessoais\Amazonia 2018_João\AGENDA E HORARIOS\</t>
  </si>
  <si>
    <t>AGENDA OPERAÇÕES - GERAL -2018 - SETEMBRO.xls</t>
  </si>
  <si>
    <t>E:\BK_final\Vilarinho\Vilarinho - Pessoais\Amazonia 2018_João\AGENDA E HORARIOS\AGENDA OPERAÇÕES - GERAL -2018 - SETEMBRO.xls</t>
  </si>
  <si>
    <t>11/19/2019 13:27:17</t>
  </si>
  <si>
    <t>C:\Vila\Pessoais\Amazonia 2018_João\DIVERSOS\</t>
  </si>
  <si>
    <t>AGENDA PARA ATUALIZAR.xlt</t>
  </si>
  <si>
    <t>E:\BK_final\Vilarinho\Vilarinho - Pessoais\Amazonia 2018_João\DIVERSOS\AGENDA PARA ATUALIZAR.xlt</t>
  </si>
  <si>
    <t>11/19/2019 13:27:20</t>
  </si>
  <si>
    <t>C:\Vila\Pessoais\Amazonia 2018_João\Outros\</t>
  </si>
  <si>
    <t>CONTROLE PGOT_LAMBARI-MG.xlsx</t>
  </si>
  <si>
    <t>E:\BK_final\Vilarinho\Vilarinho - Pessoais\Amazonia 2018_João\Outros\CONTROLE PGOT_LAMBARI-MG.xlsx</t>
  </si>
  <si>
    <t>CONTROLE PGTO E GASTOS_AMAZONAS 2017 (1).xlsx</t>
  </si>
  <si>
    <t>E:\BK_final\Vilarinho\Vilarinho - Pessoais\Amazonia 2018_João\Outros\CONTROLE PGTO E GASTOS_AMAZONAS 2017 (1).xlsx</t>
  </si>
  <si>
    <t>CONTROLE PGTO E GASTOS_AMAZONAS 2017 (2).xlsx</t>
  </si>
  <si>
    <t>E:\BK_final\Vilarinho\Vilarinho - Pessoais\Amazonia 2018_João\Outros\CONTROLE PGTO E GASTOS_AMAZONAS 2017 (2).xlsx</t>
  </si>
  <si>
    <t>CONTROLE PGTO E GASTOS_AMAZONAS 2017.xlsx</t>
  </si>
  <si>
    <t>E:\BK_final\Vilarinho\Vilarinho - Pessoais\Amazonia 2018_João\Outros\CONTROLE PGTO E GASTOS_AMAZONAS 2017.xlsx</t>
  </si>
  <si>
    <t>11/19/2019 13:27:22</t>
  </si>
  <si>
    <t>Equipe_Roraima.xlsx</t>
  </si>
  <si>
    <t>E:\BK_final\Vilarinho\Vilarinho - Pessoais\Amazonia 2018_João\Outros\Equipe_Roraima.xlsx</t>
  </si>
  <si>
    <t>11/19/2019 13:27:23</t>
  </si>
  <si>
    <t>Grupo Sept 7.xlsx</t>
  </si>
  <si>
    <t>E:\BK_final\Vilarinho\Vilarinho - Pessoais\Amazonia 2018_João\Outros\Grupo Sept 7.xlsx</t>
  </si>
  <si>
    <t>11/19/2019 13:27:25</t>
  </si>
  <si>
    <t>Planilha Bitcoin.xlsx</t>
  </si>
  <si>
    <t>E:\BK_final\Vilarinho\Vilarinho - Pessoais\Amazonia 2018_João\Outros\Planilha Bitcoin.xlsx</t>
  </si>
  <si>
    <t>11/19/2019 13:30:24</t>
  </si>
  <si>
    <t>C:\Vila\Empresas Anterior\Arquivos Telecom\_1 Orçamento 2014 - 5 Reuger 2013\5ª Reuger - 13-11-2013 - COMPLETA- V3.pptx\</t>
  </si>
  <si>
    <t>E:\BK_final\Vilarinho\Vilarinho - Trabalho\Algar Telecom\_1 Orçamento 2014 - 5 Reuger 2013\5ª Reuger - 13-11-2013 - COMPLETA- V3.pptx</t>
  </si>
  <si>
    <t>11/19/2019 13:30:25</t>
  </si>
  <si>
    <t>11/19/2019 13:30:26</t>
  </si>
  <si>
    <t>11/19/2019 13:30:28</t>
  </si>
  <si>
    <t>11/19/2019 13:30:29</t>
  </si>
  <si>
    <t>11/19/2019 13:30:30</t>
  </si>
  <si>
    <t>11/19/2019 13:30:31</t>
  </si>
  <si>
    <t>11/19/2019 13:30:32</t>
  </si>
  <si>
    <t>11/19/2019 13:30:33</t>
  </si>
  <si>
    <t>11/19/2019 13:30:36</t>
  </si>
  <si>
    <t>11/19/2019 13:30:38</t>
  </si>
  <si>
    <t>11/19/2019 13:30:39</t>
  </si>
  <si>
    <t>11/19/2019 13:30:41</t>
  </si>
  <si>
    <t>11/19/2019 13:38:32</t>
  </si>
  <si>
    <t>11/19/2019 13:30:43</t>
  </si>
  <si>
    <t>11/19/2019 13:39:32</t>
  </si>
  <si>
    <t>11/19/2019 13:30:44</t>
  </si>
  <si>
    <t>11/19/2019 13:30:45</t>
  </si>
  <si>
    <t>11/19/2019 13:30:46</t>
  </si>
  <si>
    <t>11/19/2019 13:30:47</t>
  </si>
  <si>
    <t>11/19/2019 13:30:48</t>
  </si>
  <si>
    <t>11/19/2019 13:30:51</t>
  </si>
  <si>
    <t>11/19/2019 13:30:52</t>
  </si>
  <si>
    <t>11/19/2019 13:30:53</t>
  </si>
  <si>
    <t>11/19/2019 13:30:54</t>
  </si>
  <si>
    <t>11/19/2019 13:30:58</t>
  </si>
  <si>
    <t>11/19/2019 13:30:59</t>
  </si>
  <si>
    <t>11/19/2019 13:31:03</t>
  </si>
  <si>
    <t>C:\Vila\Empresas Anterior\Arquivos Telecom\2 REV 2012\</t>
  </si>
  <si>
    <t>PTH - CCA.xlsx</t>
  </si>
  <si>
    <t>E:\BK_final\Vilarinho\Vilarinho - Trabalho\Algar Telecom\2 REV 2012\PTH - CCA.xlsx</t>
  </si>
  <si>
    <t>11/19/2019 13:31:07</t>
  </si>
  <si>
    <t>C:\Vila\Empresas Anterior\Arquivos Telecom\3 REUGER - Jul 2014\3ª Reuger 2014_BC Longo Prazo_simulação de Cenários_20140713_v2.pptx\</t>
  </si>
  <si>
    <t>E:\BK_final\Vilarinho\Vilarinho - Trabalho\Algar Telecom\3 REUGER - Jul 2014\3ª Reuger 2014_BC Longo Prazo_simulação de Cenários_20140713_v2.pptx</t>
  </si>
  <si>
    <t>11/19/2019 13:31:12</t>
  </si>
  <si>
    <t>C:\Vila\Empresas Anterior\Arquivos Telecom\3 REUGER - Jul 2014\Apresentação Reunião Financeira_3ª reuger.pptx\</t>
  </si>
  <si>
    <t>E:\BK_final\Vilarinho\Vilarinho - Trabalho\Algar Telecom\3 REUGER - Jul 2014\Apresentação Reunião Financeira_3ª reuger.pptx</t>
  </si>
  <si>
    <t>C:\Vila\Empresas Anterior\Arquivos Telecom\3 REUGER - Jul 2014\</t>
  </si>
  <si>
    <t>PlanoAcao cenarios.xlsx</t>
  </si>
  <si>
    <t>E:\BK_final\Vilarinho\Vilarinho - Trabalho\Algar Telecom\3 REUGER - Jul 2014\PlanoAcao cenarios.xlsx</t>
  </si>
  <si>
    <t>11/19/2019 13:31:30</t>
  </si>
  <si>
    <t>C:\Vila\Empresas Anterior\Arquivos Telecom\3 Reuger 2013\Algar Telecom_3ª Reuger_04_08_13_v2.pptx\</t>
  </si>
  <si>
    <t>E:\BK_final\Vilarinho\Vilarinho - Trabalho\Algar Telecom\3 Reuger 2013\Algar Telecom_3ª Reuger_04_08_13_v2.pptx</t>
  </si>
  <si>
    <t>11/19/2019 13:31:31</t>
  </si>
  <si>
    <t>11/19/2019 13:31:32</t>
  </si>
  <si>
    <t>11/19/2019 13:31:34</t>
  </si>
  <si>
    <t>C:\Vila\Empresas Anterior\Arquivos Telecom\2008\</t>
  </si>
  <si>
    <t>Acomp Orçamentário - Abril.xls</t>
  </si>
  <si>
    <t>E:\BK_final\Vilarinho\Vilarinho - Trabalho\Algar Telecom\2008\Acomp Orçamentário - Abril.xls</t>
  </si>
  <si>
    <t>Acomp Orçamentário - Agosto.xls</t>
  </si>
  <si>
    <t>E:\BK_final\Vilarinho\Vilarinho - Trabalho\Algar Telecom\2008\Acomp Orçamentário - Agosto.xls</t>
  </si>
  <si>
    <t>Acomp Orçamentário - Dezembro.xls</t>
  </si>
  <si>
    <t>E:\BK_final\Vilarinho\Vilarinho - Trabalho\Algar Telecom\2008\Acomp Orçamentário - Dezembro.xls</t>
  </si>
  <si>
    <t>Acomp Orçamentário - Fev.xls</t>
  </si>
  <si>
    <t>E:\BK_final\Vilarinho\Vilarinho - Trabalho\Algar Telecom\2008\Acomp Orçamentário - Fev.xls</t>
  </si>
  <si>
    <t>Acomp Orçamentário - Jan.xls</t>
  </si>
  <si>
    <t>E:\BK_final\Vilarinho\Vilarinho - Trabalho\Algar Telecom\2008\Acomp Orçamentário - Jan.xls</t>
  </si>
  <si>
    <t>Acomp Orçamentário - Julho.xls</t>
  </si>
  <si>
    <t>E:\BK_final\Vilarinho\Vilarinho - Trabalho\Algar Telecom\2008\Acomp Orçamentário - Julho.xls</t>
  </si>
  <si>
    <t>11/19/2019 13:31:38</t>
  </si>
  <si>
    <t>Acomp Orçamentário - Junho.xls</t>
  </si>
  <si>
    <t>E:\BK_final\Vilarinho\Vilarinho - Trabalho\Algar Telecom\2008\Acomp Orçamentário - Junho.xls</t>
  </si>
  <si>
    <t>11/19/2019 13:31:40</t>
  </si>
  <si>
    <t>Acomp Orçamentário - Maio.xls</t>
  </si>
  <si>
    <t>E:\BK_final\Vilarinho\Vilarinho - Trabalho\Algar Telecom\2008\Acomp Orçamentário - Maio.xls</t>
  </si>
  <si>
    <t>Acomp Orçamentário - Março.xls</t>
  </si>
  <si>
    <t>E:\BK_final\Vilarinho\Vilarinho - Trabalho\Algar Telecom\2008\Acomp Orçamentário - Março.xls</t>
  </si>
  <si>
    <t>11/19/2019 13:31:41</t>
  </si>
  <si>
    <t>Acomp Orçamentário - Novembro.xls</t>
  </si>
  <si>
    <t>E:\BK_final\Vilarinho\Vilarinho - Trabalho\Algar Telecom\2008\Acomp Orçamentário - Novembro.xls</t>
  </si>
  <si>
    <t>Acomp Orçamentário - Outubro.xls</t>
  </si>
  <si>
    <t>E:\BK_final\Vilarinho\Vilarinho - Trabalho\Algar Telecom\2008\Acomp Orçamentário - Outubro.xls</t>
  </si>
  <si>
    <t>Acomp Orçamentário - Setembro.xls</t>
  </si>
  <si>
    <t>E:\BK_final\Vilarinho\Vilarinho - Trabalho\Algar Telecom\2008\Acomp Orçamentário - Setembro.xls</t>
  </si>
  <si>
    <t>11/19/2019 13:31:42</t>
  </si>
  <si>
    <t>C:\Vila\Empresas Anterior\Arquivos Telecom\2009\</t>
  </si>
  <si>
    <t>E:\BK_final\Vilarinho\Vilarinho - Trabalho\Algar Telecom\2009\Acomp Orçamentário - Fev.xls</t>
  </si>
  <si>
    <t>E:\BK_final\Vilarinho\Vilarinho - Trabalho\Algar Telecom\2009\Acomp Orçamentário - Jan.xls</t>
  </si>
  <si>
    <t>E:\BK_final\Vilarinho\Vilarinho - Trabalho\Algar Telecom\2009\Acomp Orçamentário - Março.xls</t>
  </si>
  <si>
    <t>11/19/2019 13:31:43</t>
  </si>
  <si>
    <t>Orçado Oficial _CDC_ 2009.xls</t>
  </si>
  <si>
    <t>E:\BK_final\Vilarinho\Vilarinho - Trabalho\Algar Telecom\2009\Orçado Oficial _CDC_ 2009.xls</t>
  </si>
  <si>
    <t>11/19/2019 13:31:47</t>
  </si>
  <si>
    <t>C:\Vila\Empresas Anterior\Arquivos Telecom\Acompanhamento Eneide - Potencial Sucessor - 2013\Clima CCA 2012.pptx\</t>
  </si>
  <si>
    <t>E:\BK_final\Vilarinho\Vilarinho - Trabalho\Algar Telecom\Acompanhamento Eneide - Potencial Sucessor - 2013\Clima CCA 2012.pptx</t>
  </si>
  <si>
    <t>Planilha_do_Microsoft_Office_Excel3.xlsx</t>
  </si>
  <si>
    <t>Planilha_do_Microsoft_Office_Excel4.xlsx</t>
  </si>
  <si>
    <t>C:\Vila\Empresas Anterior\Arquivos Telecom\Analise Contrato KPMG\</t>
  </si>
  <si>
    <t>Abertura-proposta_Algar Orçamento 2011-12_19_11_2010_BKP.xlsx</t>
  </si>
  <si>
    <t>E:\BK_final\Vilarinho\Vilarinho - Trabalho\Algar Telecom\Analise Contrato KPMG\Abertura-proposta_Algar Orçamento 2011-12_19_11_2010_BKP.xlsx</t>
  </si>
  <si>
    <t>Orçamento CTBC - Auditoria Externa.xls</t>
  </si>
  <si>
    <t>E:\BK_final\Vilarinho\Vilarinho - Trabalho\Algar Telecom\Analise Contrato KPMG\Orçamento CTBC - Auditoria Externa.xls</t>
  </si>
  <si>
    <t>11/19/2019 13:31:48</t>
  </si>
  <si>
    <t>C:\Vila\Empresas Anterior\Arquivos Telecom\Analise Encaixe 4G\</t>
  </si>
  <si>
    <t>notademonstração.xlsx</t>
  </si>
  <si>
    <t>E:\BK_final\Vilarinho\Vilarinho - Trabalho\Algar Telecom\Analise Encaixe 4G\notademonstração.xlsx</t>
  </si>
  <si>
    <t>C:\Vila\Empresas Anterior\Arquivos Telecom\analise impacto algar orcamento 2014\</t>
  </si>
  <si>
    <t>Auditoria Externa 2014 Algar Telecom.xlsx</t>
  </si>
  <si>
    <t>E:\BK_final\Vilarinho\Vilarinho - Trabalho\Algar Telecom\analise impacto algar orcamento 2014\Auditoria Externa 2014 Algar Telecom.xlsx</t>
  </si>
  <si>
    <t>Faturamento Direto Projetos Fiscais Algar Telecom.xlsx</t>
  </si>
  <si>
    <t>E:\BK_final\Vilarinho\Vilarinho - Trabalho\Algar Telecom\analise impacto algar orcamento 2014\Faturamento Direto Projetos Fiscais Algar Telecom.xlsx</t>
  </si>
  <si>
    <t>Modelo abertura Obras em andamento.xlsx</t>
  </si>
  <si>
    <t>E:\BK_final\Vilarinho\Vilarinho - Trabalho\Algar Telecom\analise impacto algar orcamento 2014\Modelo abertura Obras em andamento.xlsx</t>
  </si>
  <si>
    <t>Orçamento CSC - CTBC Celular.xlsx</t>
  </si>
  <si>
    <t>E:\BK_final\Vilarinho\Vilarinho - Trabalho\Algar Telecom\analise impacto algar orcamento 2014\Orçamento CSC - CTBC Celular.xlsx</t>
  </si>
  <si>
    <t>Orçamento CSC - CTBC Multimidia.xlsx</t>
  </si>
  <si>
    <t>E:\BK_final\Vilarinho\Vilarinho - Trabalho\Algar Telecom\analise impacto algar orcamento 2014\Orçamento CSC - CTBC Multimidia.xlsx</t>
  </si>
  <si>
    <t>Orçamento CSC - CTBC Telecom.xlsx</t>
  </si>
  <si>
    <t>E:\BK_final\Vilarinho\Vilarinho - Trabalho\Algar Telecom\analise impacto algar orcamento 2014\Orçamento CSC - CTBC Telecom.xlsx</t>
  </si>
  <si>
    <t>11/19/2019 13:31:49</t>
  </si>
  <si>
    <t>Orçamento CSC - Image.xlsx</t>
  </si>
  <si>
    <t>E:\BK_final\Vilarinho\Vilarinho - Trabalho\Algar Telecom\analise impacto algar orcamento 2014\Orçamento CSC - Image.xlsx</t>
  </si>
  <si>
    <t>Orçamento Provedores - Algar Telecom.xlsx</t>
  </si>
  <si>
    <t>E:\BK_final\Vilarinho\Vilarinho - Trabalho\Algar Telecom\analise impacto algar orcamento 2014\Orçamento Provedores - Algar Telecom.xlsx</t>
  </si>
  <si>
    <t>Orçamento Provedores - Algar Telecom1.xlsx</t>
  </si>
  <si>
    <t>E:\BK_final\Vilarinho\Vilarinho - Trabalho\Algar Telecom\analise impacto algar orcamento 2014\Orçamento Provedores - Algar Telecom1.xlsx</t>
  </si>
  <si>
    <t>Taxas Macroeconomicas 5ª Reunião Gerencial 2013.xlsx</t>
  </si>
  <si>
    <t>E:\BK_final\Vilarinho\Vilarinho - Trabalho\Algar Telecom\analise impacto algar orcamento 2014\Taxas Macroeconomicas 5ª Reunião Gerencial 2013.xlsx</t>
  </si>
  <si>
    <t>11/19/2019 13:31:51</t>
  </si>
  <si>
    <t>C:\Vila\Empresas Anterior\Arquivos Telecom\Anulação Valores\17_10_2011\07_11_2011_ICMS Anulação de Valores_Consolidação_V2.pptx\</t>
  </si>
  <si>
    <t>E:\BK_final\Vilarinho\Vilarinho - Trabalho\Algar Telecom\Anulação Valores\17_10_2011\07_11_2011_ICMS Anulação de Valores_Consolidação_V2.pptx</t>
  </si>
  <si>
    <t>11/19/2019 13:31:55</t>
  </si>
  <si>
    <t>C:\Vila\Empresas Anterior\Arquivos Telecom\Anulação Valores\17_10_2011\07_11_2011_ICMS Anulação de Valores_Consolidação_V3-Versao Divino.pptx\</t>
  </si>
  <si>
    <t>E:\BK_final\Vilarinho\Vilarinho - Trabalho\Algar Telecom\Anulação Valores\17_10_2011\07_11_2011_ICMS Anulação de Valores_Consolidação_V3-Versao Divino.pptx</t>
  </si>
  <si>
    <t>11/19/2019 13:31:58</t>
  </si>
  <si>
    <t>C:\Vila\Empresas Anterior\Arquivos Telecom\Anulação Valores\17_10_2011\07_11_2011_ICMS Anulação de Valores_Consolidação_V3.pptx\</t>
  </si>
  <si>
    <t>E:\BK_final\Vilarinho\Vilarinho - Trabalho\Algar Telecom\Anulação Valores\17_10_2011\07_11_2011_ICMS Anulação de Valores_Consolidação_V3.pptx</t>
  </si>
  <si>
    <t>11/19/2019 13:31:59</t>
  </si>
  <si>
    <t>C:\Vila\Empresas Anterior\Arquivos Telecom\Anulação Valores\17_10_2011\</t>
  </si>
  <si>
    <t>17_10_2011_Planilhas Suporte (Anulação de valores).xlsx</t>
  </si>
  <si>
    <t>E:\BK_final\Vilarinho\Vilarinho - Trabalho\Algar Telecom\Anulação Valores\17_10_2011\17_10_2011_Planilhas Suporte (Anulação de valores).xlsx</t>
  </si>
  <si>
    <t>11/19/2019 13:32:00</t>
  </si>
  <si>
    <t>Anulaçao de Valores_Telecom_2011.xls</t>
  </si>
  <si>
    <t>E:\BK_final\Vilarinho\Vilarinho - Trabalho\Algar Telecom\Anulação Valores\17_10_2011\Anulaçao de Valores_Telecom_2011.xls</t>
  </si>
  <si>
    <t>11/19/2019 13:32:01</t>
  </si>
  <si>
    <t>Anulação Valores 2006 a 2011.xlsx</t>
  </si>
  <si>
    <t>E:\BK_final\Vilarinho\Vilarinho - Trabalho\Algar Telecom\Anulação Valores\17_10_2011\Anulação Valores 2006 a 2011.xlsx</t>
  </si>
  <si>
    <t>11/19/2019 13:32:02</t>
  </si>
  <si>
    <t>Anulação Valores 2006 a 2011original.xlsx</t>
  </si>
  <si>
    <t>E:\BK_final\Vilarinho\Vilarinho - Trabalho\Algar Telecom\Anulação Valores\17_10_2011\Anulação Valores 2006 a 2011original.xlsx</t>
  </si>
  <si>
    <t>NF Faltantes GEDOC.xlsx</t>
  </si>
  <si>
    <t>E:\BK_final\Vilarinho\Vilarinho - Trabalho\Algar Telecom\Anulação Valores\17_10_2011\NF Faltantes GEDOC.xlsx</t>
  </si>
  <si>
    <t>NF Faltantes MM.xlsx</t>
  </si>
  <si>
    <t>E:\BK_final\Vilarinho\Vilarinho - Trabalho\Algar Telecom\Anulação Valores\17_10_2011\NF Faltantes MM.xlsx</t>
  </si>
  <si>
    <t>Processos Faz. Estado de São Paulo.xlsx</t>
  </si>
  <si>
    <t>E:\BK_final\Vilarinho\Vilarinho - Trabalho\Algar Telecom\Anulação Valores\17_10_2011\Processos Faz. Estado de São Paulo.xlsx</t>
  </si>
  <si>
    <t>Simulador Anulação de Valores.xlsx</t>
  </si>
  <si>
    <t>E:\BK_final\Vilarinho\Vilarinho - Trabalho\Algar Telecom\Anulação Valores\17_10_2011\Simulador Anulação de Valores.xlsx</t>
  </si>
  <si>
    <t>11/19/2019 13:32:13</t>
  </si>
  <si>
    <t>C:\Vila\Empresas Anterior\Arquivos Telecom\Avaliações Perfomance 2009\</t>
  </si>
  <si>
    <t>Mapa Associados - CCA.xls</t>
  </si>
  <si>
    <t>E:\BK_final\Vilarinho\Vilarinho - Trabalho\Algar Telecom\Avaliações Perfomance 2009\Mapa Associados - CCA.xls</t>
  </si>
  <si>
    <t>mapa ativos.xlsx</t>
  </si>
  <si>
    <t>E:\BK_final\Vilarinho\Vilarinho - Trabalho\Algar Telecom\Avaliações Perfomance 2009\mapa ativos.xlsx</t>
  </si>
  <si>
    <t>11/19/2019 13:32:14</t>
  </si>
  <si>
    <t>C:\Vila\Empresas Anterior\Arquivos Telecom\BK_K_CCA_Vila_27.11.14\20130325 - Apresentação REDIR Telecom 25mar2013.pptx\</t>
  </si>
  <si>
    <t>E:\BK_final\Vilarinho\Vilarinho - Trabalho\Algar Telecom\BK_K_CCA_Vila_27.11.14\20130325 - Apresentação REDIR Telecom 25mar2013.pptx</t>
  </si>
  <si>
    <t>C:\Vila\Empresas Anterior\Arquivos Telecom\BK_K_CCA_Vila_27.11.14\</t>
  </si>
  <si>
    <t>Analise capitalização pessoal - 2012.xlsx</t>
  </si>
  <si>
    <t>E:\BK_final\Vilarinho\Vilarinho - Trabalho\Algar Telecom\BK_K_CCA_Vila_27.11.14\Analise capitalização pessoal - 2012.xlsx</t>
  </si>
  <si>
    <t>Analise Integrações Financeiras Converse One.xls</t>
  </si>
  <si>
    <t>E:\BK_final\Vilarinho\Vilarinho - Trabalho\Algar Telecom\BK_K_CCA_Vila_27.11.14\Analise Integrações Financeiras Converse One.xls</t>
  </si>
  <si>
    <t>Controle Acompanhamento CAPEX Projeto Avançar.xlsx</t>
  </si>
  <si>
    <t>E:\BK_final\Vilarinho\Vilarinho - Trabalho\Algar Telecom\BK_K_CCA_Vila_27.11.14\Controle Acompanhamento CAPEX Projeto Avançar.xlsx</t>
  </si>
  <si>
    <t>Controle KM Rodados Veiculo.xlsx</t>
  </si>
  <si>
    <t>E:\BK_final\Vilarinho\Vilarinho - Trabalho\Algar Telecom\BK_K_CCA_Vila_27.11.14\Controle KM Rodados Veiculo.xlsx</t>
  </si>
  <si>
    <t>Controle KM Rodados Veiculo-v2.xlsx</t>
  </si>
  <si>
    <t>E:\BK_final\Vilarinho\Vilarinho - Trabalho\Algar Telecom\BK_K_CCA_Vila_27.11.14\Controle KM Rodados Veiculo-v2.xlsx</t>
  </si>
  <si>
    <t>Cópia de Anexo I - Reembolso de Utilização de Veículos Particulares à Serviço.xls</t>
  </si>
  <si>
    <t>E:\BK_final\Vilarinho\Vilarinho - Trabalho\Algar Telecom\BK_K_CCA_Vila_27.11.14\Cópia de Anexo I - Reembolso de Utilização de Veículos Particulares à Serviço.xls</t>
  </si>
  <si>
    <t>TO DO Férias - Esdras.xlsx</t>
  </si>
  <si>
    <t>E:\BK_final\Vilarinho\Vilarinho - Trabalho\Algar Telecom\BK_K_CCA_Vila_27.11.14\TO DO Férias - Esdras.xlsx</t>
  </si>
  <si>
    <t>11/19/2019 13:32:15</t>
  </si>
  <si>
    <t>C:\Vila\Empresas Anterior\Arquivos Telecom\BK_K_CCA_Vila_27.11.14\Acompanhamento Resultados\</t>
  </si>
  <si>
    <t>Calculo PPR 2012_Final-Com Grupamento.xlsx</t>
  </si>
  <si>
    <t>E:\BK_final\Vilarinho\Vilarinho - Trabalho\Algar Telecom\BK_K_CCA_Vila_27.11.14\Acompanhamento Resultados\Calculo PPR 2012_Final-Com Grupamento.xlsx</t>
  </si>
  <si>
    <t>C:\Vila\Empresas Anterior\Arquivos Telecom\BK_K_CCA_Vila_27.11.14\Acompanhamento Resultados\2009\</t>
  </si>
  <si>
    <t>Fechamento Dez-09 e Ano 2009.xls</t>
  </si>
  <si>
    <t>E:\BK_final\Vilarinho\Vilarinho - Trabalho\Algar Telecom\BK_K_CCA_Vila_27.11.14\Acompanhamento Resultados\2009\Fechamento Dez-09 e Ano 2009.xls</t>
  </si>
  <si>
    <t>Fechamento nov-09.xls</t>
  </si>
  <si>
    <t>E:\BK_final\Vilarinho\Vilarinho - Trabalho\Algar Telecom\BK_K_CCA_Vila_27.11.14\Acompanhamento Resultados\2009\Fechamento nov-09.xls</t>
  </si>
  <si>
    <t>Fechamento out-09.xls</t>
  </si>
  <si>
    <t>E:\BK_final\Vilarinho\Vilarinho - Trabalho\Algar Telecom\BK_K_CCA_Vila_27.11.14\Acompanhamento Resultados\2009\Fechamento out-09.xls</t>
  </si>
  <si>
    <t>11/19/2019 13:32:16</t>
  </si>
  <si>
    <t>C:\Vila\Empresas Anterior\Arquivos Telecom\BK_K_CCA_Vila_27.11.14\Acompanhamento Resultados\2009\fev-09\Gestão Negócios Concessão 23-03.pptx\</t>
  </si>
  <si>
    <t>Gr_fico_do_Microsoft_Office_Excel1.xls</t>
  </si>
  <si>
    <t>E:\BK_final\Vilarinho\Vilarinho - Trabalho\Algar Telecom\BK_K_CCA_Vila_27.11.14\Acompanhamento Resultados\2009\fev-09\Gestão Negócios Concessão 23-03.pptx</t>
  </si>
  <si>
    <t>Gr_fico_do_Microsoft_Office_Excel2.xls</t>
  </si>
  <si>
    <t>Gr_fico_do_Microsoft_Office_Excel3.xls</t>
  </si>
  <si>
    <t>Gr_fico_do_Microsoft_Office_Excel4.xls</t>
  </si>
  <si>
    <t>11/19/2019 13:32:17</t>
  </si>
  <si>
    <t>C:\Vila\Empresas Anterior\Arquivos Telecom\BK_K_CCA_Vila_27.11.14\Acompanhamento Resultados\2009\fev-09\Gestão Negócios Expansão 23-03.pptx\</t>
  </si>
  <si>
    <t>E:\BK_final\Vilarinho\Vilarinho - Trabalho\Algar Telecom\BK_K_CCA_Vila_27.11.14\Acompanhamento Resultados\2009\fev-09\Gestão Negócios Expansão 23-03.pptx</t>
  </si>
  <si>
    <t>11/19/2019 13:32:18</t>
  </si>
  <si>
    <t>C:\Vila\Empresas Anterior\Arquivos Telecom\BK_K_CCA_Vila_27.11.14\Acompanhamento Resultados\2009\fev-09\PDD_Gestao de Negocios 230309_atual.ppt\s4\</t>
  </si>
  <si>
    <t>Gráfico do Microsoft Office Excel.dat</t>
  </si>
  <si>
    <t>E:\BK_final\Vilarinho\Vilarinho - Trabalho\Algar Telecom\BK_K_CCA_Vila_27.11.14\Acompanhamento Resultados\2009\fev-09\PDD_Gestao de Negocios 230309_atual.ppt</t>
  </si>
  <si>
    <t>Gráfico do Microsoft Office Excel1.dat</t>
  </si>
  <si>
    <t>Gráfico do Microsoft Office Excel10.dat</t>
  </si>
  <si>
    <t>Gráfico do Microsoft Office Excel2.dat</t>
  </si>
  <si>
    <t>Gráfico do Microsoft Office Excel3.dat</t>
  </si>
  <si>
    <t>Gráfico do Microsoft Office Excel4.dat</t>
  </si>
  <si>
    <t>Gráfico do Microsoft Office Excel5.dat</t>
  </si>
  <si>
    <t>11/19/2019 13:32:20</t>
  </si>
  <si>
    <t>Gráfico do Microsoft Office Excel6.dat</t>
  </si>
  <si>
    <t>Gráfico do Microsoft Office Excel7.dat</t>
  </si>
  <si>
    <t>Gráfico do Microsoft Office Excel8.dat</t>
  </si>
  <si>
    <t>Gráfico do Microsoft Office Excel9.dat</t>
  </si>
  <si>
    <t>11/19/2019 13:32:23</t>
  </si>
  <si>
    <t>C:\Vila\Empresas Anterior\Arquivos Telecom\BK_K_CCA_Vila_27.11.14\Acompanhamento Resultados\2009\fev-09\Reunião Gestão Negócios Celular Fevereiro 2009 atualizada.ppt\s4\</t>
  </si>
  <si>
    <t>E:\BK_final\Vilarinho\Vilarinho - Trabalho\Algar Telecom\BK_K_CCA_Vila_27.11.14\Acompanhamento Resultados\2009\fev-09\Reunião Gestão Negócios Celular Fevereiro 2009 atualizada.ppt</t>
  </si>
  <si>
    <t>11/19/2019 13:32:25</t>
  </si>
  <si>
    <t>C:\Vila\Empresas Anterior\Arquivos Telecom\BK_K_CCA_Vila_27.11.14\Acompanhamento Resultados\2009\jan-09\Acompanhamento Receita TELECOM e MULTIMIDIA - Reunião de Negócios 26-Fev-09.pps\s4\</t>
  </si>
  <si>
    <t>Planilha do Microsoft Office Excel.xlsx</t>
  </si>
  <si>
    <t>E:\BK_final\Vilarinho\Vilarinho - Trabalho\Algar Telecom\BK_K_CCA_Vila_27.11.14\Acompanhamento Resultados\2009\jan-09\Acompanhamento Receita TELECOM e MULTIMIDIA - Reunião de Negócios 26-Fev-09.pps</t>
  </si>
  <si>
    <t>Planilha do Microsoft Office Excel1.xlsx</t>
  </si>
  <si>
    <t>11/19/2019 13:32:29</t>
  </si>
  <si>
    <t>C:\Vila\Empresas Anterior\Arquivos Telecom\BK_K_CCA_Vila_27.11.14\Acompanhamento Resultados\2009\jan-09\Reunião de Negócios - Fev-09.ppt\s4\</t>
  </si>
  <si>
    <t>E:\BK_final\Vilarinho\Vilarinho - Trabalho\Algar Telecom\BK_K_CCA_Vila_27.11.14\Acompanhamento Resultados\2009\jan-09\Reunião de Negócios - Fev-09.ppt</t>
  </si>
  <si>
    <t>11/19/2019 13:32:34</t>
  </si>
  <si>
    <t>C:\Vila\Empresas Anterior\Arquivos Telecom\BK_K_CCA_Vila_27.11.14\Acompanhamento Resultados\2010\Resultados Fevereiro 2010.pptx\</t>
  </si>
  <si>
    <t>Planilha_do_Microsoft_Office_Excel_97-20031.xls</t>
  </si>
  <si>
    <t>E:\BK_final\Vilarinho\Vilarinho - Trabalho\Algar Telecom\BK_K_CCA_Vila_27.11.14\Acompanhamento Resultados\2010\Resultados Fevereiro 2010.pptx</t>
  </si>
  <si>
    <t>11/19/2019 13:32:35</t>
  </si>
  <si>
    <t>Planilha_do_Microsoft_Office_Excel_97-200310.xls</t>
  </si>
  <si>
    <t>11/19/2019 13:32:36</t>
  </si>
  <si>
    <t>Planilha_do_Microsoft_Office_Excel_97-200311.xls</t>
  </si>
  <si>
    <t>Planilha_do_Microsoft_Office_Excel_97-200312.xls</t>
  </si>
  <si>
    <t>Planilha_do_Microsoft_Office_Excel_97-200313.xls</t>
  </si>
  <si>
    <t>Planilha_do_Microsoft_Office_Excel_97-200314.xls</t>
  </si>
  <si>
    <t>Planilha_do_Microsoft_Office_Excel_97-200315.xls</t>
  </si>
  <si>
    <t>Planilha_do_Microsoft_Office_Excel_97-200316.xls</t>
  </si>
  <si>
    <t>Planilha_do_Microsoft_Office_Excel_97-200317.xls</t>
  </si>
  <si>
    <t>Planilha_do_Microsoft_Office_Excel_97-200318.xls</t>
  </si>
  <si>
    <t>Planilha_do_Microsoft_Office_Excel_97-200319.xls</t>
  </si>
  <si>
    <t>Planilha_do_Microsoft_Office_Excel_97-20032.xls</t>
  </si>
  <si>
    <t>Planilha_do_Microsoft_Office_Excel_97-200320.xls</t>
  </si>
  <si>
    <t>Planilha_do_Microsoft_Office_Excel_97-200321.xls</t>
  </si>
  <si>
    <t>Planilha_do_Microsoft_Office_Excel_97-200322.xls</t>
  </si>
  <si>
    <t>Planilha_do_Microsoft_Office_Excel_97-20033.xls</t>
  </si>
  <si>
    <t>Planilha_do_Microsoft_Office_Excel_97-20034.xls</t>
  </si>
  <si>
    <t>Planilha_do_Microsoft_Office_Excel_97-20035.xls</t>
  </si>
  <si>
    <t>Planilha_do_Microsoft_Office_Excel_97-20036.xls</t>
  </si>
  <si>
    <t>Planilha_do_Microsoft_Office_Excel_97-20037.xls</t>
  </si>
  <si>
    <t>Planilha_do_Microsoft_Office_Excel_97-20038.xls</t>
  </si>
  <si>
    <t>Planilha_do_Microsoft_Office_Excel_97-20039.xls</t>
  </si>
  <si>
    <t>11/19/2019 13:32:44</t>
  </si>
  <si>
    <t>C:\Vila\Empresas Anterior\Arquivos Telecom\BK_K_CCA_Vila_27.11.14\Acompanhamento Resultados\2010\Resultados Janeiro 2010.pptx\</t>
  </si>
  <si>
    <t>E:\BK_final\Vilarinho\Vilarinho - Trabalho\Algar Telecom\BK_K_CCA_Vila_27.11.14\Acompanhamento Resultados\2010\Resultados Janeiro 2010.pptx</t>
  </si>
  <si>
    <t>11/19/2019 13:32:45</t>
  </si>
  <si>
    <t>C:\Vila\Empresas Anterior\Arquivos Telecom\BK_K_CCA_Vila_27.11.14\Analise de Resultados\2008\</t>
  </si>
  <si>
    <t>calculoalusa.xls</t>
  </si>
  <si>
    <t>E:\BK_final\Vilarinho\Vilarinho - Trabalho\Algar Telecom\BK_K_CCA_Vila_27.11.14\Analise de Resultados\2008\calculoalusa.xls</t>
  </si>
  <si>
    <t>Contingencia IOF s Processo.xls</t>
  </si>
  <si>
    <t>E:\BK_final\Vilarinho\Vilarinho - Trabalho\Algar Telecom\BK_K_CCA_Vila_27.11.14\Analise de Resultados\2008\Contingencia IOF s Processo.xls</t>
  </si>
  <si>
    <t>controle ajustes divida anatel.xlsx</t>
  </si>
  <si>
    <t>E:\BK_final\Vilarinho\Vilarinho - Trabalho\Algar Telecom\BK_K_CCA_Vila_27.11.14\Analise de Resultados\2008\controle ajustes divida anatel.xlsx</t>
  </si>
  <si>
    <t>Proteções_Nov08.xlsx</t>
  </si>
  <si>
    <t>E:\BK_final\Vilarinho\Vilarinho - Trabalho\Algar Telecom\BK_K_CCA_Vila_27.11.14\Analise de Resultados\2008\Proteções_Nov08.xlsx</t>
  </si>
  <si>
    <t>11/19/2019 13:32:48</t>
  </si>
  <si>
    <t>C:\Vila\Empresas Anterior\Arquivos Telecom\BK_K_CCA_Vila_27.11.14\Analise de Resultados\2008\Fechamento Dezembro - 2008 - Diretoria\</t>
  </si>
  <si>
    <t>Covenants 100% - com real até DEZ-09 - Apresentação.xls</t>
  </si>
  <si>
    <t>E:\BK_final\Vilarinho\Vilarinho - Trabalho\Algar Telecom\BK_K_CCA_Vila_27.11.14\Analise de Resultados\2008\Fechamento Dezembro - 2008 - Diretoria\Covenants 100% - com real até DEZ-09 - Apresentação.xls</t>
  </si>
  <si>
    <t>11/19/2019 13:32:51</t>
  </si>
  <si>
    <t>Covenants 100% - com real até DEZ-09.xls</t>
  </si>
  <si>
    <t>E:\BK_final\Vilarinho\Vilarinho - Trabalho\Algar Telecom\BK_K_CCA_Vila_27.11.14\Analise de Resultados\2008\Fechamento Dezembro - 2008 - Diretoria\Covenants 100% - com real até DEZ-09.xls</t>
  </si>
  <si>
    <t>11/19/2019 13:32:53</t>
  </si>
  <si>
    <t>Cópia de Mascara apresentação fechamento - VILARINHO.xls</t>
  </si>
  <si>
    <t>E:\BK_final\Vilarinho\Vilarinho - Trabalho\Algar Telecom\BK_K_CCA_Vila_27.11.14\Analise de Resultados\2008\Fechamento Dezembro - 2008 - Diretoria\Cópia de Mascara apresentação fechamento - VILARINHO.xls</t>
  </si>
  <si>
    <t>11/19/2019 13:32:54</t>
  </si>
  <si>
    <t>Mascara apresentação fechamento - previa1 com ajuste sem devativos.xls</t>
  </si>
  <si>
    <t>E:\BK_final\Vilarinho\Vilarinho - Trabalho\Algar Telecom\BK_K_CCA_Vila_27.11.14\Analise de Resultados\2008\Fechamento Dezembro - 2008 - Diretoria\Mascara apresentação fechamento - previa1 com ajuste sem devativos.xls</t>
  </si>
  <si>
    <t>11/19/2019 13:32:56</t>
  </si>
  <si>
    <t>Mascara apresentação fechamento - previa2 sem ajustes.xls</t>
  </si>
  <si>
    <t>E:\BK_final\Vilarinho\Vilarinho - Trabalho\Algar Telecom\BK_K_CCA_Vila_27.11.14\Analise de Resultados\2008\Fechamento Dezembro - 2008 - Diretoria\Mascara apresentação fechamento - previa2 sem ajustes.xls</t>
  </si>
  <si>
    <t>Mascara apresentação fechamento-rest.xls</t>
  </si>
  <si>
    <t>E:\BK_final\Vilarinho\Vilarinho - Trabalho\Algar Telecom\BK_K_CCA_Vila_27.11.14\Analise de Resultados\2008\Fechamento Dezembro - 2008 - Diretoria\Mascara apresentação fechamento-rest.xls</t>
  </si>
  <si>
    <t>11/19/2019 13:32:59</t>
  </si>
  <si>
    <t>Mascara apresentação fechamento.xls</t>
  </si>
  <si>
    <t>E:\BK_final\Vilarinho\Vilarinho - Trabalho\Algar Telecom\BK_K_CCA_Vila_27.11.14\Analise de Resultados\2008\Fechamento Dezembro - 2008 - Diretoria\Mascara apresentação fechamento.xls</t>
  </si>
  <si>
    <t>11/19/2019 13:33:02</t>
  </si>
  <si>
    <t>Mascara apresentação fechamento_previa6.xls</t>
  </si>
  <si>
    <t>E:\BK_final\Vilarinho\Vilarinho - Trabalho\Algar Telecom\BK_K_CCA_Vila_27.11.14\Analise de Resultados\2008\Fechamento Dezembro - 2008 - Diretoria\Mascara apresentação fechamento_previa6.xls</t>
  </si>
  <si>
    <t>11/19/2019 13:33:03</t>
  </si>
  <si>
    <t>Mascara previa2 sem ajustes.xls</t>
  </si>
  <si>
    <t>E:\BK_final\Vilarinho\Vilarinho - Trabalho\Algar Telecom\BK_K_CCA_Vila_27.11.14\Analise de Resultados\2008\Fechamento Dezembro - 2008 - Diretoria\Mascara previa2 sem ajustes.xls</t>
  </si>
  <si>
    <t>11/19/2019 13:33:05</t>
  </si>
  <si>
    <t>Variacoes.xlsx</t>
  </si>
  <si>
    <t>E:\BK_final\Vilarinho\Vilarinho - Trabalho\Algar Telecom\BK_K_CCA_Vila_27.11.14\Analise de Resultados\2008\Fechamento Dezembro - 2008 - Diretoria\Variacoes.xlsx</t>
  </si>
  <si>
    <t>C:\Vila\Empresas Anterior\Arquivos Telecom\BK_K_CCA_Vila_27.11.14\Analise de Resultados\2008\Fechamento Dezembro - 2008 - Diretoria\Diretoria - Analise PPR\</t>
  </si>
  <si>
    <t>2008 Ajustado.xls</t>
  </si>
  <si>
    <t>E:\BK_final\Vilarinho\Vilarinho - Trabalho\Algar Telecom\BK_K_CCA_Vila_27.11.14\Analise de Resultados\2008\Fechamento Dezembro - 2008 - Diretoria\Diretoria - Analise PPR\2008 Ajustado.xls</t>
  </si>
  <si>
    <t>11/19/2019 13:33:06</t>
  </si>
  <si>
    <t>E:\BK_final\Vilarinho\Vilarinho - Trabalho\Algar Telecom\BK_K_CCA_Vila_27.11.14\Analise de Resultados\2008\Fechamento Dezembro - 2008 - Diretoria\Diretoria - Analise PPR\Covenants 100% - com real até DEZ-09.xls</t>
  </si>
  <si>
    <t>11/19/2019 13:33:07</t>
  </si>
  <si>
    <t>Cópia de Endividamento 2008.xlsx</t>
  </si>
  <si>
    <t>E:\BK_final\Vilarinho\Vilarinho - Trabalho\Algar Telecom\BK_K_CCA_Vila_27.11.14\Analise de Resultados\2008\Fechamento Dezembro - 2008 - Diretoria\Diretoria - Analise PPR\Cópia de Endividamento 2008.xlsx</t>
  </si>
  <si>
    <t>Endividamento 2008 - Luciana.xls</t>
  </si>
  <si>
    <t>E:\BK_final\Vilarinho\Vilarinho - Trabalho\Algar Telecom\BK_K_CCA_Vila_27.11.14\Analise de Resultados\2008\Fechamento Dezembro - 2008 - Diretoria\Diretoria - Analise PPR\Endividamento 2008 - Luciana.xls</t>
  </si>
  <si>
    <t>Memória Cálculo resultados 2008 CTBC premiação.xls</t>
  </si>
  <si>
    <t>E:\BK_final\Vilarinho\Vilarinho - Trabalho\Algar Telecom\BK_K_CCA_Vila_27.11.14\Analise de Resultados\2008\Fechamento Dezembro - 2008 - Diretoria\Diretoria - Analise PPR\Memória Cálculo resultados 2008 CTBC premiação.xls</t>
  </si>
  <si>
    <t>C:\Vila\Empresas Anterior\Arquivos Telecom\BK_K_CCA_Vila_27.11.14\Analise de Resultados\2009\</t>
  </si>
  <si>
    <t>Proteções_2009.xlsx</t>
  </si>
  <si>
    <t>E:\BK_final\Vilarinho\Vilarinho - Trabalho\Algar Telecom\BK_K_CCA_Vila_27.11.14\Analise de Resultados\2009\Proteções_2009.xlsx</t>
  </si>
  <si>
    <t>C:\Vila\Empresas Anterior\Arquivos Telecom\BK_K_CCA_Vila_27.11.14\Analise de Resultados\2009\Outros\</t>
  </si>
  <si>
    <t>Contingências INSS AV PRÉVIO E ISS FIBRA APAGADA.xls</t>
  </si>
  <si>
    <t>E:\BK_final\Vilarinho\Vilarinho - Trabalho\Algar Telecom\BK_K_CCA_Vila_27.11.14\Analise de Resultados\2009\Outros\Contingências INSS AV PRÉVIO E ISS FIBRA APAGADA.xls</t>
  </si>
  <si>
    <t>C:\Vila\Empresas Anterior\Arquivos Telecom\BK_K_CCA_Vila_27.11.14\Analise de Resultados\2009\Outros\Decadencia IOF\</t>
  </si>
  <si>
    <t>Decadencia IOF s Mutuo Multimidia.xls</t>
  </si>
  <si>
    <t>E:\BK_final\Vilarinho\Vilarinho - Trabalho\Algar Telecom\BK_K_CCA_Vila_27.11.14\Analise de Resultados\2009\Outros\Decadencia IOF\Decadencia IOF s Mutuo Multimidia.xls</t>
  </si>
  <si>
    <t>C:\Vila\Empresas Anterior\Arquivos Telecom\BK_K_CCA_Vila_27.11.14\Analise de Resultados\2009\Outros\PAES\</t>
  </si>
  <si>
    <t>Revisão PAES mar2009.xls</t>
  </si>
  <si>
    <t>E:\BK_final\Vilarinho\Vilarinho - Trabalho\Algar Telecom\BK_K_CCA_Vila_27.11.14\Analise de Resultados\2009\Outros\PAES\Revisão PAES mar2009.xls</t>
  </si>
  <si>
    <t>C:\Vila\Empresas Anterior\Arquivos Telecom\BK_K_CCA_Vila_27.11.14\Analise de Resultados\2009\Outros\Premio e RV Telecom\</t>
  </si>
  <si>
    <t>Acumulado Premio Remav-Telecom 2008.xls</t>
  </si>
  <si>
    <t>E:\BK_final\Vilarinho\Vilarinho - Trabalho\Algar Telecom\BK_K_CCA_Vila_27.11.14\Analise de Resultados\2009\Outros\Premio e RV Telecom\Acumulado Premio Remav-Telecom 2008.xls</t>
  </si>
  <si>
    <t>C:\Vila\Empresas Anterior\Arquivos Telecom\BK_K_CCA_Vila_27.11.14\Analise de Resultados\2009\Outros\Venda Imovel do CA Celular x Telecom\</t>
  </si>
  <si>
    <t>Valor Contábil Imovel do CA - Celular.xlsx</t>
  </si>
  <si>
    <t>E:\BK_final\Vilarinho\Vilarinho - Trabalho\Algar Telecom\BK_K_CCA_Vila_27.11.14\Analise de Resultados\2009\Outros\Venda Imovel do CA Celular x Telecom\Valor Contábil Imovel do CA - Celular.xlsx</t>
  </si>
  <si>
    <t>11/19/2019 13:33:08</t>
  </si>
  <si>
    <t>C:\Vila\Empresas Anterior\Arquivos Telecom\BK_K_CCA_Vila_27.11.14\Analise de Resultados\2009\Planejamento 1 Trimestre - 09\</t>
  </si>
  <si>
    <t>Planejamento Resultados Fechamento Primeiro Trimestre-09.xls</t>
  </si>
  <si>
    <t>E:\BK_final\Vilarinho\Vilarinho - Trabalho\Algar Telecom\BK_K_CCA_Vila_27.11.14\Analise de Resultados\2009\Planejamento 1 Trimestre - 09\Planejamento Resultados Fechamento Primeiro Trimestre-09.xls</t>
  </si>
  <si>
    <t>C:\Vila\Empresas Anterior\Arquivos Telecom\BK_K_CCA_Vila_27.11.14\Analise de Resultados\2009\Planejamento 2 Trimestre- 09\</t>
  </si>
  <si>
    <t>Abertura das contingências já contabilizadas.xls</t>
  </si>
  <si>
    <t>E:\BK_final\Vilarinho\Vilarinho - Trabalho\Algar Telecom\BK_K_CCA_Vila_27.11.14\Analise de Resultados\2009\Planejamento 2 Trimestre- 09\Abertura das contingências já contabilizadas.xls</t>
  </si>
  <si>
    <t>Contingência IOF sem processo - mai2009.xls</t>
  </si>
  <si>
    <t>E:\BK_final\Vilarinho\Vilarinho - Trabalho\Algar Telecom\BK_K_CCA_Vila_27.11.14\Analise de Resultados\2009\Planejamento 2 Trimestre- 09\Contingência IOF sem processo - mai2009.xls</t>
  </si>
  <si>
    <t>Covenants - Junho-2009 - Consolidado Telecom.xls</t>
  </si>
  <si>
    <t>E:\BK_final\Vilarinho\Vilarinho - Trabalho\Algar Telecom\BK_K_CCA_Vila_27.11.14\Analise de Resultados\2009\Planejamento 2 Trimestre- 09\Covenants - Junho-2009 - Consolidado Telecom.xls</t>
  </si>
  <si>
    <t>Cálculo da redução em jun_09.xlsx</t>
  </si>
  <si>
    <t>E:\BK_final\Vilarinho\Vilarinho - Trabalho\Algar Telecom\BK_K_CCA_Vila_27.11.14\Analise de Resultados\2009\Planejamento 2 Trimestre- 09\Cálculo da redução em jun_09.xlsx</t>
  </si>
  <si>
    <t>Débitos PAES.xlsx</t>
  </si>
  <si>
    <t>E:\BK_final\Vilarinho\Vilarinho - Trabalho\Algar Telecom\BK_K_CCA_Vila_27.11.14\Analise de Resultados\2009\Planejamento 2 Trimestre- 09\Débitos PAES.xlsx</t>
  </si>
  <si>
    <t>IR-CS DIFERIDOS ADIÇÕES TEMPORÁRIAS ABRIL-JUNHO-09.xlsx</t>
  </si>
  <si>
    <t>E:\BK_final\Vilarinho\Vilarinho - Trabalho\Algar Telecom\BK_K_CCA_Vila_27.11.14\Analise de Resultados\2009\Planejamento 2 Trimestre- 09\IR-CS DIFERIDOS ADIÇÕES TEMPORÁRIAS ABRIL-JUNHO-09.xlsx</t>
  </si>
  <si>
    <t>11/19/2019 13:33:09</t>
  </si>
  <si>
    <t>IR-CS DIFERIDOS CONTINGÊNCIAS-TORRES ABRIL-JUNHO-09-ALGAR.xlsx</t>
  </si>
  <si>
    <t>E:\BK_final\Vilarinho\Vilarinho - Trabalho\Algar Telecom\BK_K_CCA_Vila_27.11.14\Analise de Resultados\2009\Planejamento 2 Trimestre- 09\IR-CS DIFERIDOS CONTINGÊNCIAS-TORRES ABRIL-JUNHO-09-ALGAR.xlsx</t>
  </si>
  <si>
    <t>Lucro Real Algar S.A - mai2009</t>
  </si>
  <si>
    <t>E:\BK_final\Vilarinho\Vilarinho - Trabalho\Algar Telecom\BK_K_CCA_Vila_27.11.14\Analise de Resultados\2009\Planejamento 2 Trimestre- 09\Lucro Real Algar S.A - mai2009</t>
  </si>
  <si>
    <t>C:\Vila\Empresas Anterior\Arquivos Telecom\BK_K_CCA_Vila_27.11.14\Analise de Resultados\2009\Planejamento 2 Trimestre- 09\Planejamento Resultado CTBC 01jul09.ppt\s4\</t>
  </si>
  <si>
    <t>Planilha do Microsoft Excel.xls</t>
  </si>
  <si>
    <t>E:\BK_final\Vilarinho\Vilarinho - Trabalho\Algar Telecom\BK_K_CCA_Vila_27.11.14\Analise de Resultados\2009\Planejamento 2 Trimestre- 09\Planejamento Resultado CTBC 01jul09.ppt</t>
  </si>
  <si>
    <t>11/19/2019 13:33:12</t>
  </si>
  <si>
    <t>C:\Vila\Empresas Anterior\Arquivos Telecom\BK_K_CCA_Vila_27.11.14\Analise de Resultados\2009\Planejamento 2 Trimestre- 09\Planejamento Resultado CTBC 09-07-2009.ppt\s4\</t>
  </si>
  <si>
    <t>E:\BK_final\Vilarinho\Vilarinho - Trabalho\Algar Telecom\BK_K_CCA_Vila_27.11.14\Analise de Resultados\2009\Planejamento 2 Trimestre- 09\Planejamento Resultado CTBC 09-07-2009.ppt</t>
  </si>
  <si>
    <t>Planilha do Microsoft Excel1.xls</t>
  </si>
  <si>
    <t>11/19/2019 13:33:13</t>
  </si>
  <si>
    <t>C:\Vila\Empresas Anterior\Arquivos Telecom\BK_K_CCA_Vila_27.11.14\Analise de Resultados\2009\Planejamento 2 Trimestre- 09\Planejamento Resultado CTBC 26-06.ppt\s4\</t>
  </si>
  <si>
    <t>E:\BK_final\Vilarinho\Vilarinho - Trabalho\Algar Telecom\BK_K_CCA_Vila_27.11.14\Analise de Resultados\2009\Planejamento 2 Trimestre- 09\Planejamento Resultado CTBC 26-06.ppt</t>
  </si>
  <si>
    <t>C:\Vila\Empresas Anterior\Arquivos Telecom\BK_K_CCA_Vila_27.11.14\Analise de Resultados\2009\Planejamento 2 Trimestre- 09\Planejamento Resultado CTBC 30-06.ppt\s4\</t>
  </si>
  <si>
    <t>E:\BK_final\Vilarinho\Vilarinho - Trabalho\Algar Telecom\BK_K_CCA_Vila_27.11.14\Analise de Resultados\2009\Planejamento 2 Trimestre- 09\Planejamento Resultado CTBC 30-06.ppt</t>
  </si>
  <si>
    <t>11/19/2019 13:33:14</t>
  </si>
  <si>
    <t>Resumo Proteções Jun-09.xls</t>
  </si>
  <si>
    <t>E:\BK_final\Vilarinho\Vilarinho - Trabalho\Algar Telecom\BK_K_CCA_Vila_27.11.14\Analise de Resultados\2009\Planejamento 2 Trimestre- 09\Resumo Proteções Jun-09.xls</t>
  </si>
  <si>
    <t>Valores - Abono por Resultado de Vendas EBIT.xls</t>
  </si>
  <si>
    <t>E:\BK_final\Vilarinho\Vilarinho - Trabalho\Algar Telecom\BK_K_CCA_Vila_27.11.14\Analise de Resultados\2009\Planejamento 2 Trimestre- 09\Valores - Abono por Resultado de Vendas EBIT.xls</t>
  </si>
  <si>
    <t>C:\Vila\Empresas Anterior\Arquivos Telecom\BK_K_CCA_Vila_27.11.14\Analise de Resultados\2009\Planejamento 3 Trimestre - 09\</t>
  </si>
  <si>
    <t>Análise 3T 2009 e Ano - Real até Set-09.xls</t>
  </si>
  <si>
    <t>E:\BK_final\Vilarinho\Vilarinho - Trabalho\Algar Telecom\BK_K_CCA_Vila_27.11.14\Analise de Resultados\2009\Planejamento 3 Trimestre - 09\Análise 3T 2009 e Ano - Real até Set-09.xls</t>
  </si>
  <si>
    <t>Análise 3T 2009 e Ano.xls</t>
  </si>
  <si>
    <t>E:\BK_final\Vilarinho\Vilarinho - Trabalho\Algar Telecom\BK_K_CCA_Vila_27.11.14\Analise de Resultados\2009\Planejamento 3 Trimestre - 09\Análise 3T 2009 e Ano.xls</t>
  </si>
  <si>
    <t>11/19/2019 13:33:17</t>
  </si>
  <si>
    <t>C:\Vila\Empresas Anterior\Arquivos Telecom\BK_K_CCA_Vila_27.11.14\Analise de Resultados\2009\Planejamento 4 Trimestre - 09\</t>
  </si>
  <si>
    <t>Teoria Refis.xlsx</t>
  </si>
  <si>
    <t>E:\BK_final\Vilarinho\Vilarinho - Trabalho\Algar Telecom\BK_K_CCA_Vila_27.11.14\Analise de Resultados\2009\Planejamento 4 Trimestre - 09\Teoria Refis.xlsx</t>
  </si>
  <si>
    <t>11/19/2019 13:33:18</t>
  </si>
  <si>
    <t>C:\Vila\Empresas Anterior\Arquivos Telecom\BK_K_CCA_Vila_27.11.14\Analise de Resultados\2009\Planejamento 4 Trimestre - 09\Analise REFIS Multimidia\</t>
  </si>
  <si>
    <t>Razonetes Operação Contabil - Final.xls</t>
  </si>
  <si>
    <t>E:\BK_final\Vilarinho\Vilarinho - Trabalho\Algar Telecom\BK_K_CCA_Vila_27.11.14\Analise de Resultados\2009\Planejamento 4 Trimestre - 09\Analise REFIS Multimidia\Razonetes Operação Contabil - Final.xls</t>
  </si>
  <si>
    <t>Razonetes Operação Contabil.xls</t>
  </si>
  <si>
    <t>E:\BK_final\Vilarinho\Vilarinho - Trabalho\Algar Telecom\BK_K_CCA_Vila_27.11.14\Analise de Resultados\2009\Planejamento 4 Trimestre - 09\Analise REFIS Multimidia\Razonetes Operação Contabil.xls</t>
  </si>
  <si>
    <t>C:\Vila\Empresas Anterior\Arquivos Telecom\BK_K_CCA_Vila_27.11.14\Analise de Resultados\2009\Planejamento 4 Trimestre - 09\Controle Constituições 4t2009\</t>
  </si>
  <si>
    <t>Algar Tecnologia.xls</t>
  </si>
  <si>
    <t>E:\BK_final\Vilarinho\Vilarinho - Trabalho\Algar Telecom\BK_K_CCA_Vila_27.11.14\Analise de Resultados\2009\Planejamento 4 Trimestre - 09\Controle Constituições 4t2009\Algar Tecnologia.xls</t>
  </si>
  <si>
    <t>Planejamento Toutatis - Constituições-Revisão 1-19-11-09.xls</t>
  </si>
  <si>
    <t>E:\BK_final\Vilarinho\Vilarinho - Trabalho\Algar Telecom\BK_K_CCA_Vila_27.11.14\Analise de Resultados\2009\Planejamento 4 Trimestre - 09\Controle Constituições 4t2009\Planejamento Toutatis - Constituições-Revisão 1-19-11-09.xls</t>
  </si>
  <si>
    <t>Resumo Geral Constituições 4T09.xls</t>
  </si>
  <si>
    <t>E:\BK_final\Vilarinho\Vilarinho - Trabalho\Algar Telecom\BK_K_CCA_Vila_27.11.14\Analise de Resultados\2009\Planejamento 4 Trimestre - 09\Controle Constituições 4t2009\Resumo Geral Constituições 4T09.xls</t>
  </si>
  <si>
    <t>C:\Vila\Empresas Anterior\Arquivos Telecom\BK_K_CCA_Vila_27.11.14\Analise de Resultados\2009\Planejamento 4 Trimestre - 09\Controle Constituições 4t2009\Algar Tecnologia\</t>
  </si>
  <si>
    <t>Ciritério rateio Mckinsey.xlsx</t>
  </si>
  <si>
    <t>E:\BK_final\Vilarinho\Vilarinho - Trabalho\Algar Telecom\BK_K_CCA_Vila_27.11.14\Analise de Resultados\2009\Planejamento 4 Trimestre - 09\Controle Constituições 4t2009\Algar Tecnologia\Ciritério rateio Mckinsey.xlsx</t>
  </si>
  <si>
    <t>Memórias valores da Algar Tecnologia.xlsx</t>
  </si>
  <si>
    <t>E:\BK_final\Vilarinho\Vilarinho - Trabalho\Algar Telecom\BK_K_CCA_Vila_27.11.14\Analise de Resultados\2009\Planejamento 4 Trimestre - 09\Controle Constituições 4t2009\Algar Tecnologia\Memórias valores da Algar Tecnologia.xlsx</t>
  </si>
  <si>
    <t>11/19/2019 13:33:21</t>
  </si>
  <si>
    <t>C:\Vila\Empresas Anterior\Arquivos Telecom\BK_K_CCA_Vila_27.11.14\Analise de Resultados\2009\Planejamento 4 Trimestre - 09\Controle Constituições 4t2009\Outros\</t>
  </si>
  <si>
    <t>Opex CTI 2010 versão 04Nov.xls</t>
  </si>
  <si>
    <t>E:\BK_final\Vilarinho\Vilarinho - Trabalho\Algar Telecom\BK_K_CCA_Vila_27.11.14\Analise de Resultados\2009\Planejamento 4 Trimestre - 09\Controle Constituições 4t2009\Outros\Opex CTI 2010 versão 04Nov.xls</t>
  </si>
  <si>
    <t>Planejamento Kyros e Swb - Constituições.xls</t>
  </si>
  <si>
    <t>E:\BK_final\Vilarinho\Vilarinho - Trabalho\Algar Telecom\BK_K_CCA_Vila_27.11.14\Analise de Resultados\2009\Planejamento 4 Trimestre - 09\Controle Constituições 4t2009\Outros\Planejamento Kyros e Swb - Constituições.xls</t>
  </si>
  <si>
    <t>Planejamento Toutatis - Constituições.xls</t>
  </si>
  <si>
    <t>E:\BK_final\Vilarinho\Vilarinho - Trabalho\Algar Telecom\BK_K_CCA_Vila_27.11.14\Analise de Resultados\2009\Planejamento 4 Trimestre - 09\Controle Constituições 4t2009\Outros\Planejamento Toutatis - Constituições.xls</t>
  </si>
  <si>
    <t>Reversões Oracle.xls</t>
  </si>
  <si>
    <t>E:\BK_final\Vilarinho\Vilarinho - Trabalho\Algar Telecom\BK_K_CCA_Vila_27.11.14\Analise de Resultados\2009\Planejamento 4 Trimestre - 09\Controle Constituições 4t2009\Outros\Reversões Oracle.xls</t>
  </si>
  <si>
    <t>11/19/2019 13:33:22</t>
  </si>
  <si>
    <t>C:\Vila\Empresas Anterior\Arquivos Telecom\BK_K_CCA_Vila_27.11.14\Analise de Resultados\2010\</t>
  </si>
  <si>
    <t>Proteções_2010.xlsx</t>
  </si>
  <si>
    <t>E:\BK_final\Vilarinho\Vilarinho - Trabalho\Algar Telecom\BK_K_CCA_Vila_27.11.14\Analise de Resultados\2010\Proteções_2010.xlsx</t>
  </si>
  <si>
    <t>11/19/2019 13:33:25</t>
  </si>
  <si>
    <t>C:\Vila\Empresas Anterior\Arquivos Telecom\BK_K_CCA_Vila_27.11.14\Analise de Resultados\2010\Fech_Dez-10\Versão 1\</t>
  </si>
  <si>
    <t>12-Mapa resultados DezembroV1 2010.xlsx</t>
  </si>
  <si>
    <t>E:\BK_final\Vilarinho\Vilarinho - Trabalho\Algar Telecom\BK_K_CCA_Vila_27.11.14\Analise de Resultados\2010\Fech_Dez-10\Versão 1\12-Mapa resultados DezembroV1 2010.xlsx</t>
  </si>
  <si>
    <t>Crédito Fiscal IR-CS 2010.xlsx</t>
  </si>
  <si>
    <t>E:\BK_final\Vilarinho\Vilarinho - Trabalho\Algar Telecom\BK_K_CCA_Vila_27.11.14\Analise de Resultados\2010\Fech_Dez-10\Versão 1\Crédito Fiscal IR-CS 2010.xlsx</t>
  </si>
  <si>
    <t>DRE CCA_Redução R$ 10MM_IR Diferido.xlsx</t>
  </si>
  <si>
    <t>E:\BK_final\Vilarinho\Vilarinho - Trabalho\Algar Telecom\BK_K_CCA_Vila_27.11.14\Analise de Resultados\2010\Fech_Dez-10\Versão 1\DRE CCA_Redução R$ 10MM_IR Diferido.xlsx</t>
  </si>
  <si>
    <t>11/19/2019 13:33:28</t>
  </si>
  <si>
    <t>C:\Vila\Empresas Anterior\Arquivos Telecom\BK_K_CCA_Vila_27.11.14\Analise de Resultados\2010\Fech_Dez-10\Versão 2\</t>
  </si>
  <si>
    <t>E:\BK_final\Vilarinho\Vilarinho - Trabalho\Algar Telecom\BK_K_CCA_Vila_27.11.14\Analise de Resultados\2010\Fech_Dez-10\Versão 2\12-Mapa resultados DezembroV1 2010.xlsx</t>
  </si>
  <si>
    <t>E:\BK_final\Vilarinho\Vilarinho - Trabalho\Algar Telecom\BK_K_CCA_Vila_27.11.14\Analise de Resultados\2010\Fech_Dez-10\Versão 2\Crédito Fiscal IR-CS 2010.xlsx</t>
  </si>
  <si>
    <t>DRE CCA_Redução R$ 9,8 MM_IR Diferido.xlsx</t>
  </si>
  <si>
    <t>E:\BK_final\Vilarinho\Vilarinho - Trabalho\Algar Telecom\BK_K_CCA_Vila_27.11.14\Analise de Resultados\2010\Fech_Dez-10\Versão 2\DRE CCA_Redução R$ 9,8 MM_IR Diferido.xlsx</t>
  </si>
  <si>
    <t>11/19/2019 13:33:29</t>
  </si>
  <si>
    <t>C:\Vila\Empresas Anterior\Arquivos Telecom\BK_K_CCA_Vila_27.11.14\Analise de Resultados\2010\Fech_Dez-10\Versão 3 - TJLP\</t>
  </si>
  <si>
    <t>E:\BK_final\Vilarinho\Vilarinho - Trabalho\Algar Telecom\BK_K_CCA_Vila_27.11.14\Analise de Resultados\2010\Fech_Dez-10\Versão 3 - TJLP\12-Mapa resultados DezembroV1 2010.xlsx</t>
  </si>
  <si>
    <t>E:\BK_final\Vilarinho\Vilarinho - Trabalho\Algar Telecom\BK_K_CCA_Vila_27.11.14\Analise de Resultados\2010\Fech_Dez-10\Versão 3 - TJLP\Crédito Fiscal IR-CS 2010.xlsx</t>
  </si>
  <si>
    <t>DRE CCA_Redução R$ 10MM_IR Diferido V2 30.12.10.xlsx</t>
  </si>
  <si>
    <t>E:\BK_final\Vilarinho\Vilarinho - Trabalho\Algar Telecom\BK_K_CCA_Vila_27.11.14\Analise de Resultados\2010\Fech_Dez-10\Versão 3 - TJLP\DRE CCA_Redução R$ 10MM_IR Diferido V2 30.12.10.xlsx</t>
  </si>
  <si>
    <t>11/19/2019 13:33:30</t>
  </si>
  <si>
    <t>E:\BK_final\Vilarinho\Vilarinho - Trabalho\Algar Telecom\BK_K_CCA_Vila_27.11.14\Analise de Resultados\2010\Fech_Dez-10\Versão 3 - TJLP\DRE CCA_Redução R$ 10MM_IR Diferido.xlsx</t>
  </si>
  <si>
    <t>DRE PRECLOSING ALGAR TEC 2010.xlsx</t>
  </si>
  <si>
    <t>E:\BK_final\Vilarinho\Vilarinho - Trabalho\Algar Telecom\BK_K_CCA_Vila_27.11.14\Analise de Resultados\2010\Fech_Dez-10\Versão 3 - TJLP\DRE PRECLOSING ALGAR TEC 2010.xlsx</t>
  </si>
  <si>
    <t>Juros capital próprio - Algar Tec x CTBC.xls</t>
  </si>
  <si>
    <t>E:\BK_final\Vilarinho\Vilarinho - Trabalho\Algar Telecom\BK_K_CCA_Vila_27.11.14\Analise de Resultados\2010\Fech_Dez-10\Versão 3 - TJLP\Juros capital próprio - Algar Tec x CTBC.xls</t>
  </si>
  <si>
    <t>TJLP - Algar Tecnologia 2010.xlsx</t>
  </si>
  <si>
    <t>E:\BK_final\Vilarinho\Vilarinho - Trabalho\Algar Telecom\BK_K_CCA_Vila_27.11.14\Analise de Resultados\2010\Fech_Dez-10\Versão 3 - TJLP\TJLP - Algar Tecnologia 2010.xlsx</t>
  </si>
  <si>
    <t>C:\Vila\Empresas Anterior\Arquivos Telecom\BK_K_CCA_Vila_27.11.14\Analise de Resultados\2011\</t>
  </si>
  <si>
    <t>Memoria Ajustes 1T11.xls</t>
  </si>
  <si>
    <t>E:\BK_final\Vilarinho\Vilarinho - Trabalho\Algar Telecom\BK_K_CCA_Vila_27.11.14\Analise de Resultados\2011\Memoria Ajustes 1T11.xls</t>
  </si>
  <si>
    <t>Reservas Telecom - Algar.xlsx</t>
  </si>
  <si>
    <t>E:\BK_final\Vilarinho\Vilarinho - Trabalho\Algar Telecom\BK_K_CCA_Vila_27.11.14\Analise de Resultados\2011\Reservas Telecom - Algar.xlsx</t>
  </si>
  <si>
    <t>11/19/2019 13:33:31</t>
  </si>
  <si>
    <t>Reservas Telecom - CTBC.xlsx</t>
  </si>
  <si>
    <t>E:\BK_final\Vilarinho\Vilarinho - Trabalho\Algar Telecom\BK_K_CCA_Vila_27.11.14\Analise de Resultados\2011\Reservas Telecom - CTBC.xlsx</t>
  </si>
  <si>
    <t>Reservas_2011-Antigo.xlsx</t>
  </si>
  <si>
    <t>E:\BK_final\Vilarinho\Vilarinho - Trabalho\Algar Telecom\BK_K_CCA_Vila_27.11.14\Analise de Resultados\2011\Reservas_2011-Antigo.xlsx</t>
  </si>
  <si>
    <t>Reservas_2011.xls</t>
  </si>
  <si>
    <t>E:\BK_final\Vilarinho\Vilarinho - Trabalho\Algar Telecom\BK_K_CCA_Vila_27.11.14\Analise de Resultados\2011\Reservas_2011.xls</t>
  </si>
  <si>
    <t>C:\Vila\Empresas Anterior\Arquivos Telecom\BK_K_CCA_Vila_27.11.14\Analise de Resultados\2011\Fechamento 1T11\</t>
  </si>
  <si>
    <t>Contingência Concessão-Autorização Anatel.xls</t>
  </si>
  <si>
    <t>E:\BK_final\Vilarinho\Vilarinho - Trabalho\Algar Telecom\BK_K_CCA_Vila_27.11.14\Analise de Resultados\2011\Fechamento 1T11\Contingência Concessão-Autorização Anatel.xls</t>
  </si>
  <si>
    <t>Contingência Concessão-Autorização Anatel.xlsb</t>
  </si>
  <si>
    <t>E:\BK_final\Vilarinho\Vilarinho - Trabalho\Algar Telecom\BK_K_CCA_Vila_27.11.14\Analise de Resultados\2011\Fechamento 1T11\Contingência Concessão-Autorização Anatel.xlsb</t>
  </si>
  <si>
    <t>E:\BK_final\Vilarinho\Vilarinho - Trabalho\Algar Telecom\BK_K_CCA_Vila_27.11.14\Analise de Resultados\2011\Fechamento 1T11\Memoria Ajustes 1T11.xls</t>
  </si>
  <si>
    <t>C:\Vila\Empresas Anterior\Arquivos Telecom\BK_K_CCA_Vila_27.11.14\Gerais\</t>
  </si>
  <si>
    <t>5.2.6.1 Análise de Percepção_Carlos Henrique Vilarinho.xls</t>
  </si>
  <si>
    <t>E:\BK_final\Vilarinho\Vilarinho - Trabalho\Algar Telecom\BK_K_CCA_Vila_27.11.14\Gerais\5.2.6.1 Análise de Percepção_Carlos Henrique Vilarinho.xls</t>
  </si>
  <si>
    <t>acerto benchmark europa.xls</t>
  </si>
  <si>
    <t>E:\BK_final\Vilarinho\Vilarinho - Trabalho\Algar Telecom\BK_K_CCA_Vila_27.11.14\Gerais\acerto benchmark europa.xls</t>
  </si>
  <si>
    <t>11/19/2019 13:33:32</t>
  </si>
  <si>
    <t>acerto benchmark europa.xlsx</t>
  </si>
  <si>
    <t>E:\BK_final\Vilarinho\Vilarinho - Trabalho\Algar Telecom\BK_K_CCA_Vila_27.11.14\Gerais\acerto benchmark europa.xlsx</t>
  </si>
  <si>
    <t>Agenda Avaliações Performance.xls</t>
  </si>
  <si>
    <t>E:\BK_final\Vilarinho\Vilarinho - Trabalho\Algar Telecom\BK_K_CCA_Vila_27.11.14\Gerais\Agenda Avaliações Performance.xls</t>
  </si>
  <si>
    <t>Anistia MG.xls</t>
  </si>
  <si>
    <t>E:\BK_final\Vilarinho\Vilarinho - Trabalho\Algar Telecom\BK_K_CCA_Vila_27.11.14\Gerais\Anistia MG.xls</t>
  </si>
  <si>
    <t>Associados por empresa - Analise Custos ADM - CML - CST.xls</t>
  </si>
  <si>
    <t>E:\BK_final\Vilarinho\Vilarinho - Trabalho\Algar Telecom\BK_K_CCA_Vila_27.11.14\Gerais\Associados por empresa - Analise Custos ADM - CML - CST.xls</t>
  </si>
  <si>
    <t>Atividades CON e CJU (com alter. após reunião entre CJU e CON na CTBC).xls</t>
  </si>
  <si>
    <t>E:\BK_final\Vilarinho\Vilarinho - Trabalho\Algar Telecom\BK_K_CCA_Vila_27.11.14\Gerais\Atividades CON e CJU (com alter. após reunião entre CJU e CON na CTBC).xls</t>
  </si>
  <si>
    <t>Controle de Orçamento e Realização Contingências.xls</t>
  </si>
  <si>
    <t>E:\BK_final\Vilarinho\Vilarinho - Trabalho\Algar Telecom\BK_K_CCA_Vila_27.11.14\Gerais\Controle de Orçamento e Realização Contingências.xls</t>
  </si>
  <si>
    <t>11/19/2019 13:33:33</t>
  </si>
  <si>
    <t>CRs Analíticos-De_Para_Aprovado_2a Revisão.xls</t>
  </si>
  <si>
    <t>E:\BK_final\Vilarinho\Vilarinho - Trabalho\Algar Telecom\BK_K_CCA_Vila_27.11.14\Gerais\CRs Analíticos-De_Para_Aprovado_2a Revisão.xls</t>
  </si>
  <si>
    <t>Custos Adicionais SOMAR.xls</t>
  </si>
  <si>
    <t>E:\BK_final\Vilarinho\Vilarinho - Trabalho\Algar Telecom\BK_K_CCA_Vila_27.11.14\Gerais\Custos Adicionais SOMAR.xls</t>
  </si>
  <si>
    <t>Divida Engeset corrigido.xls</t>
  </si>
  <si>
    <t>E:\BK_final\Vilarinho\Vilarinho - Trabalho\Algar Telecom\BK_K_CCA_Vila_27.11.14\Gerais\Divida Engeset corrigido.xls</t>
  </si>
  <si>
    <t>Divida Engeset.xls</t>
  </si>
  <si>
    <t>E:\BK_final\Vilarinho\Vilarinho - Trabalho\Algar Telecom\BK_K_CCA_Vila_27.11.14\Gerais\Divida Engeset.xls</t>
  </si>
  <si>
    <t>Entregas Regulatórias CCA.xls</t>
  </si>
  <si>
    <t>E:\BK_final\Vilarinho\Vilarinho - Trabalho\Algar Telecom\BK_K_CCA_Vila_27.11.14\Gerais\Entregas Regulatórias CCA.xls</t>
  </si>
  <si>
    <t>Formulário de objetivos - 2° sem Executivos 2008 MODELO40-FINAL.xls</t>
  </si>
  <si>
    <t>E:\BK_final\Vilarinho\Vilarinho - Trabalho\Algar Telecom\BK_K_CCA_Vila_27.11.14\Gerais\Formulário de objetivos - 2° sem Executivos 2008 MODELO40-FINAL.xls</t>
  </si>
  <si>
    <t>Formulário de objetivos - 2° sem Executivos 2008 MODELO40.xls</t>
  </si>
  <si>
    <t>E:\BK_final\Vilarinho\Vilarinho - Trabalho\Algar Telecom\BK_K_CCA_Vila_27.11.14\Gerais\Formulário de objetivos - 2° sem Executivos 2008 MODELO40.xls</t>
  </si>
  <si>
    <t>11/19/2019 13:33:40</t>
  </si>
  <si>
    <t>Investimentos 2009_DEF.xls</t>
  </si>
  <si>
    <t>E:\BK_final\Vilarinho\Vilarinho - Trabalho\Algar Telecom\BK_K_CCA_Vila_27.11.14\Gerais\Investimentos 2009_DEF.xls</t>
  </si>
  <si>
    <t>11/19/2019 13:33:42</t>
  </si>
  <si>
    <t>Matriz de Projetos CCA 2008 - 2009.xls</t>
  </si>
  <si>
    <t>E:\BK_final\Vilarinho\Vilarinho - Trabalho\Algar Telecom\BK_K_CCA_Vila_27.11.14\Gerais\Matriz de Projetos CCA 2008 - 2009.xls</t>
  </si>
  <si>
    <t>11/19/2019 13:33:43</t>
  </si>
  <si>
    <t>Modelo Análise de Investimentos - Cenario_Final.xls</t>
  </si>
  <si>
    <t>E:\BK_final\Vilarinho\Vilarinho - Trabalho\Algar Telecom\BK_K_CCA_Vila_27.11.14\Gerais\Modelo Análise de Investimentos - Cenario_Final.xls</t>
  </si>
  <si>
    <t>Modelo Objetivos Específicos - CCA - 2010.xls</t>
  </si>
  <si>
    <t>E:\BK_final\Vilarinho\Vilarinho - Trabalho\Algar Telecom\BK_K_CCA_Vila_27.11.14\Gerais\Modelo Objetivos Específicos - CCA - 2010.xls</t>
  </si>
  <si>
    <t>11/19/2019 13:33:44</t>
  </si>
  <si>
    <t>MOTIVOGRAMA-VIlarinho.xls</t>
  </si>
  <si>
    <t>E:\BK_final\Vilarinho\Vilarinho - Trabalho\Algar Telecom\BK_K_CCA_Vila_27.11.14\Gerais\MOTIVOGRAMA-VIlarinho.xls</t>
  </si>
  <si>
    <t>necessidades da Area.xls</t>
  </si>
  <si>
    <t>E:\BK_final\Vilarinho\Vilarinho - Trabalho\Algar Telecom\BK_K_CCA_Vila_27.11.14\Gerais\necessidades da Area.xls</t>
  </si>
  <si>
    <t>Orçamento CCA.xls</t>
  </si>
  <si>
    <t>E:\BK_final\Vilarinho\Vilarinho - Trabalho\Algar Telecom\BK_K_CCA_Vila_27.11.14\Gerais\Orçamento CCA.xls</t>
  </si>
  <si>
    <t>Participantes Treinamento IFRS - CCA.xls</t>
  </si>
  <si>
    <t>E:\BK_final\Vilarinho\Vilarinho - Trabalho\Algar Telecom\BK_K_CCA_Vila_27.11.14\Gerais\Participantes Treinamento IFRS - CCA.xls</t>
  </si>
  <si>
    <t>Pesquisa - Dedicação de tempo e responsabilidade 2008 - CCA.xls</t>
  </si>
  <si>
    <t>E:\BK_final\Vilarinho\Vilarinho - Trabalho\Algar Telecom\BK_K_CCA_Vila_27.11.14\Gerais\Pesquisa - Dedicação de tempo e responsabilidade 2008 - CCA.xls</t>
  </si>
  <si>
    <t>11/19/2019 13:33:45</t>
  </si>
  <si>
    <t>Proposta Orçamento.xls</t>
  </si>
  <si>
    <t>E:\BK_final\Vilarinho\Vilarinho - Trabalho\Algar Telecom\BK_K_CCA_Vila_27.11.14\Gerais\Proposta Orçamento.xls</t>
  </si>
  <si>
    <t>Provisão Custos CCA Mar-09.xls</t>
  </si>
  <si>
    <t>E:\BK_final\Vilarinho\Vilarinho - Trabalho\Algar Telecom\BK_K_CCA_Vila_27.11.14\Gerais\Provisão Custos CCA Mar-09.xls</t>
  </si>
  <si>
    <t>Rotinas Atividades Real x Real.xls</t>
  </si>
  <si>
    <t>E:\BK_final\Vilarinho\Vilarinho - Trabalho\Algar Telecom\BK_K_CCA_Vila_27.11.14\Gerais\Rotinas Atividades Real x Real.xls</t>
  </si>
  <si>
    <t>Saldo API Provisão Somar.xls</t>
  </si>
  <si>
    <t>E:\BK_final\Vilarinho\Vilarinho - Trabalho\Algar Telecom\BK_K_CCA_Vila_27.11.14\Gerais\Saldo API Provisão Somar.xls</t>
  </si>
  <si>
    <t>C:\Vila\Empresas Anterior\Arquivos Telecom\BK_K_CCA_Vila_27.11.14\Gestão da Equipe e Area\</t>
  </si>
  <si>
    <t>Análise salarial para Terceiro CCA -v1 - Ana Paula.xls</t>
  </si>
  <si>
    <t>E:\BK_final\Vilarinho\Vilarinho - Trabalho\Algar Telecom\BK_K_CCA_Vila_27.11.14\Gestão da Equipe e Area\Análise salarial para Terceiro CCA -v1 - Ana Paula.xls</t>
  </si>
  <si>
    <t>Associado-matrícula.xlsx</t>
  </si>
  <si>
    <t>E:\BK_final\Vilarinho\Vilarinho - Trabalho\Algar Telecom\BK_K_CCA_Vila_27.11.14\Gestão da Equipe e Area\Associado-matrícula.xlsx</t>
  </si>
  <si>
    <t>Confraternização 2012.xlsx</t>
  </si>
  <si>
    <t>E:\BK_final\Vilarinho\Vilarinho - Trabalho\Algar Telecom\BK_K_CCA_Vila_27.11.14\Gestão da Equipe e Area\Confraternização 2012.xlsx</t>
  </si>
  <si>
    <t>11/19/2019 13:33:46</t>
  </si>
  <si>
    <t>Devolutiva DEF.xlsx</t>
  </si>
  <si>
    <t>E:\BK_final\Vilarinho\Vilarinho - Trabalho\Algar Telecom\BK_K_CCA_Vila_27.11.14\Gestão da Equipe e Area\Devolutiva DEF.xlsx</t>
  </si>
  <si>
    <t>Ferias DCP.xlsx</t>
  </si>
  <si>
    <t>E:\BK_final\Vilarinho\Vilarinho - Trabalho\Algar Telecom\BK_K_CCA_Vila_27.11.14\Gestão da Equipe e Area\Ferias DCP.xlsx</t>
  </si>
  <si>
    <t>lista associados cca.xls</t>
  </si>
  <si>
    <t>E:\BK_final\Vilarinho\Vilarinho - Trabalho\Algar Telecom\BK_K_CCA_Vila_27.11.14\Gestão da Equipe e Area\lista associados cca.xls</t>
  </si>
  <si>
    <t>NOTEBOOKS DO CCA.xlsx</t>
  </si>
  <si>
    <t>E:\BK_final\Vilarinho\Vilarinho - Trabalho\Algar Telecom\BK_K_CCA_Vila_27.11.14\Gestão da Equipe e Area\NOTEBOOKS DO CCA.xlsx</t>
  </si>
  <si>
    <t>Reembolso de Utilização de Veículos Particulares à Serviço.xls</t>
  </si>
  <si>
    <t>E:\BK_final\Vilarinho\Vilarinho - Trabalho\Algar Telecom\BK_K_CCA_Vila_27.11.14\Gestão da Equipe e Area\Reembolso de Utilização de Veículos Particulares à Serviço.xls</t>
  </si>
  <si>
    <t>C:\Vila\Empresas Anterior\Arquivos Telecom\BK_K_CCA_Vila_27.11.14\Gestão da Equipe e Area\Avaliação Performance Equipe 2011\</t>
  </si>
  <si>
    <t>Horarios equipe CCA.xlsx</t>
  </si>
  <si>
    <t>E:\BK_final\Vilarinho\Vilarinho - Trabalho\Algar Telecom\BK_K_CCA_Vila_27.11.14\Gestão da Equipe e Area\Avaliação Performance Equipe 2011\Horarios equipe CCA.xlsx</t>
  </si>
  <si>
    <t>11/19/2019 13:33:47</t>
  </si>
  <si>
    <t>C:\Vila\Empresas Anterior\Arquivos Telecom\BK_K_CCA_Vila_27.11.14\Gestão da Equipe e Area\Clima Organizacional\Clima CCA 2008\</t>
  </si>
  <si>
    <t>CR-CCA.xls</t>
  </si>
  <si>
    <t>E:\BK_final\Vilarinho\Vilarinho - Trabalho\Algar Telecom\BK_K_CCA_Vila_27.11.14\Gestão da Equipe e Area\Clima Organizacional\Clima CCA 2008\CR-CCA.xls</t>
  </si>
  <si>
    <t>11/19/2019 13:33:51</t>
  </si>
  <si>
    <t>C:\Vila\Empresas Anterior\Arquivos Telecom\BK_K_CCA_Vila_27.11.14\Gestão da Equipe e Area\Clima Organizacional\Clima CCA 2009\</t>
  </si>
  <si>
    <t>CCA - COORD. DE CONTROLADORIA E ATIVOS FINAL - mexido.xls</t>
  </si>
  <si>
    <t>E:\BK_final\Vilarinho\Vilarinho - Trabalho\Algar Telecom\BK_K_CCA_Vila_27.11.14\Gestão da Equipe e Area\Clima Organizacional\Clima CCA 2009\CCA - COORD. DE CONTROLADORIA E ATIVOS FINAL - mexido.xls</t>
  </si>
  <si>
    <t>CCA - COORD. DE CONTROLADORIA E ATIVOS FINAL base oficial.xls</t>
  </si>
  <si>
    <t>E:\BK_final\Vilarinho\Vilarinho - Trabalho\Algar Telecom\BK_K_CCA_Vila_27.11.14\Gestão da Equipe e Area\Clima Organizacional\Clima CCA 2009\CCA - COORD. DE CONTROLADORIA E ATIVOS FINAL base oficial.xls</t>
  </si>
  <si>
    <t>CCA - COORD. DE CONTROLADORIA E ATIVOS FINAL.xls</t>
  </si>
  <si>
    <t>E:\BK_final\Vilarinho\Vilarinho - Trabalho\Algar Telecom\BK_K_CCA_Vila_27.11.14\Gestão da Equipe e Area\Clima Organizacional\Clima CCA 2009\CCA - COORD. DE CONTROLADORIA E ATIVOS FINAL.xls</t>
  </si>
  <si>
    <t>11/19/2019 13:33:52</t>
  </si>
  <si>
    <t>C:\Vila\Empresas Anterior\Arquivos Telecom\BK_K_CCA_Vila_27.11.14\Gestão da Equipe e Area\Clima Organizacional\Clima CCA 2009\Plano de Ação e Acompanhamento\</t>
  </si>
  <si>
    <t>Plano de Ação Clima CCA 2009.xls</t>
  </si>
  <si>
    <t>E:\BK_final\Vilarinho\Vilarinho - Trabalho\Algar Telecom\BK_K_CCA_Vila_27.11.14\Gestão da Equipe e Area\Clima Organizacional\Clima CCA 2009\Plano de Ação e Acompanhamento\Plano de Ação Clima CCA 2009.xls</t>
  </si>
  <si>
    <t>11/19/2019 13:33:54</t>
  </si>
  <si>
    <t>C:\Vila\Empresas Anterior\Arquivos Telecom\BK_K_CCA_Vila_27.11.14\Gestão da Equipe e Area\Estrutura da Área\% trab_CNPJ\</t>
  </si>
  <si>
    <t>Pesquisa dedicação de tempo e responsabilidade - setembro 2010 - versão oficial.xls</t>
  </si>
  <si>
    <t>E:\BK_final\Vilarinho\Vilarinho - Trabalho\Algar Telecom\BK_K_CCA_Vila_27.11.14\Gestão da Equipe e Area\Estrutura da Área\% trab_CNPJ\Pesquisa dedicação de tempo e responsabilidade - setembro 2010 - versão oficial.xls</t>
  </si>
  <si>
    <t>11/19/2019 13:33:58</t>
  </si>
  <si>
    <t>C:\Vila\Empresas Anterior\Arquivos Telecom\BK_K_CCA_Vila_27.11.14\Gestão da Equipe e Area\Férias - associados\</t>
  </si>
  <si>
    <t>Ferias Vilarinho.xlsx</t>
  </si>
  <si>
    <t>E:\BK_final\Vilarinho\Vilarinho - Trabalho\Algar Telecom\BK_K_CCA_Vila_27.11.14\Gestão da Equipe e Area\Férias - associados\Ferias Vilarinho.xlsx</t>
  </si>
  <si>
    <t>11/19/2019 13:33:59</t>
  </si>
  <si>
    <t>Lista de Associados CCA.xlsx</t>
  </si>
  <si>
    <t>E:\BK_final\Vilarinho\Vilarinho - Trabalho\Algar Telecom\BK_K_CCA_Vila_27.11.14\Gestão da Equipe e Area\Férias - associados\Lista de Associados CCA.xlsx</t>
  </si>
  <si>
    <t>Programação Férias CCA - Plano 2011 e 2012 e 2013.xlsx</t>
  </si>
  <si>
    <t>E:\BK_final\Vilarinho\Vilarinho - Trabalho\Algar Telecom\BK_K_CCA_Vila_27.11.14\Gestão da Equipe e Area\Férias - associados\Programação Férias CCA - Plano 2011 e 2012 e 2013.xlsx</t>
  </si>
  <si>
    <t>Programação Férias DEF - Plano 2012.xlsx</t>
  </si>
  <si>
    <t>E:\BK_final\Vilarinho\Vilarinho - Trabalho\Algar Telecom\BK_K_CCA_Vila_27.11.14\Gestão da Equipe e Area\Férias - associados\Programação Férias DEF - Plano 2012.xlsx</t>
  </si>
  <si>
    <t>C:\Vila\Empresas Anterior\Arquivos Telecom\BK_K_CCA_Vila_27.11.14\Gestão da Equipe e Area\Férias - associados\Drafts\</t>
  </si>
  <si>
    <t>Mapa Meses Possiveis de Fërias-ativos.xlsx</t>
  </si>
  <si>
    <t>E:\BK_final\Vilarinho\Vilarinho - Trabalho\Algar Telecom\BK_K_CCA_Vila_27.11.14\Gestão da Equipe e Area\Férias - associados\Drafts\Mapa Meses Possiveis de Fërias-ativos.xlsx</t>
  </si>
  <si>
    <t>Mapa Meses Possiveis de Fërias.xlsx</t>
  </si>
  <si>
    <t>E:\BK_final\Vilarinho\Vilarinho - Trabalho\Algar Telecom\BK_K_CCA_Vila_27.11.14\Gestão da Equipe e Area\Férias - associados\Drafts\Mapa Meses Possiveis de Fërias.xlsx</t>
  </si>
  <si>
    <t>Plano de Férias CCA - 2010.xls</t>
  </si>
  <si>
    <t>E:\BK_final\Vilarinho\Vilarinho - Trabalho\Algar Telecom\BK_K_CCA_Vila_27.11.14\Gestão da Equipe e Area\Férias - associados\Drafts\Plano de Férias CCA - 2010.xls</t>
  </si>
  <si>
    <t>Plano de Férias CCA - 2011.xls</t>
  </si>
  <si>
    <t>E:\BK_final\Vilarinho\Vilarinho - Trabalho\Algar Telecom\BK_K_CCA_Vila_27.11.14\Gestão da Equipe e Area\Férias - associados\Drafts\Plano de Férias CCA - 2011.xls</t>
  </si>
  <si>
    <t>C:\Vila\Empresas Anterior\Arquivos Telecom\BK_K_CCA_Vila_27.11.14\Gestão da Equipe e Area\Home Office\</t>
  </si>
  <si>
    <t>Layout.xlsx</t>
  </si>
  <si>
    <t>E:\BK_final\Vilarinho\Vilarinho - Trabalho\Algar Telecom\BK_K_CCA_Vila_27.11.14\Gestão da Equipe e Area\Home Office\Layout.xlsx</t>
  </si>
  <si>
    <t>11/19/2019 13:34:00</t>
  </si>
  <si>
    <t>Levantamento WS por CR e Assoc Home Office.xls</t>
  </si>
  <si>
    <t>E:\BK_final\Vilarinho\Vilarinho - Trabalho\Algar Telecom\BK_K_CCA_Vila_27.11.14\Gestão da Equipe e Area\Home Office\Levantamento WS por CR e Assoc Home Office.xls</t>
  </si>
  <si>
    <t>C:\Vila\Empresas Anterior\Arquivos Telecom\BK_K_CCA_Vila_27.11.14\Gestão da Equipe e Area\Objetivos Especificos 2011\</t>
  </si>
  <si>
    <t>Objetivos CCA 1º semestre 2011.xls</t>
  </si>
  <si>
    <t>E:\BK_final\Vilarinho\Vilarinho - Trabalho\Algar Telecom\BK_K_CCA_Vila_27.11.14\Gestão da Equipe e Area\Objetivos Especificos 2011\Objetivos CCA 1º semestre 2011.xls</t>
  </si>
  <si>
    <t>C:\Vila\Empresas Anterior\Arquivos Telecom\BK_K_CCA_Vila_27.11.14\Gestão da Equipe e Area\Objetivos Especificos 2011\Draft's\</t>
  </si>
  <si>
    <t>Objetivos corporativos 2011 associado nao executivo.xls</t>
  </si>
  <si>
    <t>E:\BK_final\Vilarinho\Vilarinho - Trabalho\Algar Telecom\BK_K_CCA_Vila_27.11.14\Gestão da Equipe e Area\Objetivos Especificos 2011\Draft's\Objetivos corporativos 2011 associado nao executivo.xls</t>
  </si>
  <si>
    <t>Objetivos corporativos 2011 executivos.xlsb</t>
  </si>
  <si>
    <t>E:\BK_final\Vilarinho\Vilarinho - Trabalho\Algar Telecom\BK_K_CCA_Vila_27.11.14\Gestão da Equipe e Area\Objetivos Especificos 2011\Draft's\Objetivos corporativos 2011 executivos.xlsb</t>
  </si>
  <si>
    <t>objetivos toda equipe do CCA 2011.xls</t>
  </si>
  <si>
    <t>E:\BK_final\Vilarinho\Vilarinho - Trabalho\Algar Telecom\BK_K_CCA_Vila_27.11.14\Gestão da Equipe e Area\Objetivos Especificos 2011\Draft's\objetivos toda equipe do CCA 2011.xls</t>
  </si>
  <si>
    <t>11/19/2019 13:34:02</t>
  </si>
  <si>
    <t>C:\Vila\Empresas Anterior\Arquivos Telecom\BK_K_CCA_Vila_27.11.14\Gestão da Equipe e Area\OHI\OHI\DEF\CAF\</t>
  </si>
  <si>
    <t>Doc 2 - CAF.xls</t>
  </si>
  <si>
    <t>E:\BK_final\Vilarinho\Vilarinho - Trabalho\Algar Telecom\BK_K_CCA_Vila_27.11.14\Gestão da Equipe e Area\OHI\OHI\DEF\CAF\Doc 2 - CAF.xls</t>
  </si>
  <si>
    <t>DOC 2 CAF.xls</t>
  </si>
  <si>
    <t>E:\BK_final\Vilarinho\Vilarinho - Trabalho\Algar Telecom\BK_K_CCA_Vila_27.11.14\Gestão da Equipe e Area\OHI\OHI\DEF\CAF\DOC 2 CAF.xls</t>
  </si>
  <si>
    <t>11/19/2019 13:34:03</t>
  </si>
  <si>
    <t>C:\Vila\Empresas Anterior\Arquivos Telecom\BK_K_CCA_Vila_27.11.14\Gestão da Equipe e Area\OHI\OHI\DEF\CCA\</t>
  </si>
  <si>
    <t>Doc 2 - CCA.xls</t>
  </si>
  <si>
    <t>E:\BK_final\Vilarinho\Vilarinho - Trabalho\Algar Telecom\BK_K_CCA_Vila_27.11.14\Gestão da Equipe e Area\OHI\OHI\DEF\CCA\Doc 2 - CCA.xls</t>
  </si>
  <si>
    <t>11/19/2019 13:34:06</t>
  </si>
  <si>
    <t>C:\Vila\Empresas Anterior\Arquivos Telecom\BK_K_CCA_Vila_27.11.14\Gestão da Equipe e Area\OHI\OHI\DEF\CFI\</t>
  </si>
  <si>
    <t>CFI.xlsx</t>
  </si>
  <si>
    <t>E:\BK_final\Vilarinho\Vilarinho - Trabalho\Algar Telecom\BK_K_CCA_Vila_27.11.14\Gestão da Equipe e Area\OHI\OHI\DEF\CFI\CFI.xlsx</t>
  </si>
  <si>
    <t>11/19/2019 13:34:11</t>
  </si>
  <si>
    <t>C:\Vila\Empresas Anterior\Arquivos Telecom\BK_K_CCA_Vila_27.11.14\Gestão da Equipe e Area\OHI\OHI\DEF\CPF\</t>
  </si>
  <si>
    <t>Doc 2 - CPF.xls</t>
  </si>
  <si>
    <t>E:\BK_final\Vilarinho\Vilarinho - Trabalho\Algar Telecom\BK_K_CCA_Vila_27.11.14\Gestão da Equipe e Area\OHI\OHI\DEF\CPF\Doc 2 - CPF.xls</t>
  </si>
  <si>
    <t>C:\Vila\Empresas Anterior\Arquivos Telecom\BK_K_CCA_Vila_27.11.14\Gestão da Equipe e Area\OHI\OHI\Enviado ao TH\</t>
  </si>
  <si>
    <t>Docto 2_Identificação valor agregado CCA.xls</t>
  </si>
  <si>
    <t>E:\BK_final\Vilarinho\Vilarinho - Trabalho\Algar Telecom\BK_K_CCA_Vila_27.11.14\Gestão da Equipe e Area\OHI\OHI\Enviado ao TH\Docto 2_Identificação valor agregado CCA.xls</t>
  </si>
  <si>
    <t>11/19/2019 13:34:13</t>
  </si>
  <si>
    <t>C:\Vila\Empresas Anterior\Arquivos Telecom\BK_K_CCA_Vila_27.11.14\Gestão da Equipe e Area\Planejamento Estratégico DEF\Drafts\</t>
  </si>
  <si>
    <t>DEF Objetivos Estrategicos KPIs Milestones (enviado ao Eduardo).xlsx</t>
  </si>
  <si>
    <t>E:\BK_final\Vilarinho\Vilarinho - Trabalho\Algar Telecom\BK_K_CCA_Vila_27.11.14\Gestão da Equipe e Area\Planejamento Estratégico DEF\Drafts\DEF Objetivos Estrategicos KPIs Milestones (enviado ao Eduardo).xlsx</t>
  </si>
  <si>
    <t>DEF Objetivos Estrategicos KPIs Milestones.xlsx</t>
  </si>
  <si>
    <t>E:\BK_final\Vilarinho\Vilarinho - Trabalho\Algar Telecom\BK_K_CCA_Vila_27.11.14\Gestão da Equipe e Area\Planejamento Estratégico DEF\Drafts\DEF Objetivos Estrategicos KPIs Milestones.xlsx</t>
  </si>
  <si>
    <t>11/19/2019 13:34:14</t>
  </si>
  <si>
    <t>C:\Vila\Empresas Anterior\Arquivos Telecom\BK_K_CCA_Vila_27.11.14\Gestão da Equipe e Area\Planejamento Estratégico DEF\Drafts\Geral_V2.pptx\</t>
  </si>
  <si>
    <t>E:\BK_final\Vilarinho\Vilarinho - Trabalho\Algar Telecom\BK_K_CCA_Vila_27.11.14\Gestão da Equipe e Area\Planejamento Estratégico DEF\Drafts\Geral_V2.pptx</t>
  </si>
  <si>
    <t>C:\Vila\Empresas Anterior\Arquivos Telecom\BK_K_CCA_Vila_27.11.14\Gestão da Equipe e Area\Plano Treinamento\2009\</t>
  </si>
  <si>
    <t>Treinamento Associados CCA 2009.xls</t>
  </si>
  <si>
    <t>E:\BK_final\Vilarinho\Vilarinho - Trabalho\Algar Telecom\BK_K_CCA_Vila_27.11.14\Gestão da Equipe e Area\Plano Treinamento\2009\Treinamento Associados CCA 2009.xls</t>
  </si>
  <si>
    <t>11/19/2019 13:34:15</t>
  </si>
  <si>
    <t>C:\Vila\Empresas Anterior\Arquivos Telecom\BK_K_CCA_Vila_27.11.14\Gestão da Equipe e Area\Plano Treinamento\2011\</t>
  </si>
  <si>
    <t>CCA.xlsx</t>
  </si>
  <si>
    <t>E:\BK_final\Vilarinho\Vilarinho - Trabalho\Algar Telecom\BK_K_CCA_Vila_27.11.14\Gestão da Equipe e Area\Plano Treinamento\2011\CCA.xlsx</t>
  </si>
  <si>
    <t>11/19/2019 13:34:16</t>
  </si>
  <si>
    <t>C:\Vila\Empresas Anterior\Arquivos Telecom\BK_K_CCA_Vila_27.11.14\Gestão da Equipe e Area\Plano Treinamento\2011\Manual Plano de Formação 2011 v4.docx\</t>
  </si>
  <si>
    <t>E:\BK_final\Vilarinho\Vilarinho - Trabalho\Algar Telecom\BK_K_CCA_Vila_27.11.14\Gestão da Equipe e Area\Plano Treinamento\2011\Manual Plano de Formação 2011 v4.docx</t>
  </si>
  <si>
    <t>TREINAMENTO 2011- CCA.xls</t>
  </si>
  <si>
    <t>E:\BK_final\Vilarinho\Vilarinho - Trabalho\Algar Telecom\BK_K_CCA_Vila_27.11.14\Gestão da Equipe e Area\Plano Treinamento\2011\TREINAMENTO 2011- CCA.xls</t>
  </si>
  <si>
    <t>11/19/2019 13:40:33</t>
  </si>
  <si>
    <t>C:\Vila\Empresas Anterior\Arquivos Telecom\BK_K_CCA_Vila_27.11.14\Gestão da Equipe e Area\Processo de Contratação\CTBC\Analista Controladoria (vaga Antônio)\</t>
  </si>
  <si>
    <t>Gabarito Final Analise.xls</t>
  </si>
  <si>
    <t>E:\BK_final\Vilarinho\Vilarinho - Trabalho\Algar Telecom\BK_K_CCA_Vila_27.11.14\Gestão da Equipe e Area\Processo de Contratação\CTBC\Analista Controladoria (vaga Antônio)\Gabarito Final Analise.xls</t>
  </si>
  <si>
    <t>Teste Anal_Controladoria (questões 1 e 2).xlsx</t>
  </si>
  <si>
    <t>E:\BK_final\Vilarinho\Vilarinho - Trabalho\Algar Telecom\BK_K_CCA_Vila_27.11.14\Gestão da Equipe e Area\Processo de Contratação\CTBC\Analista Controladoria (vaga Antônio)\Teste Anal_Controladoria (questões 1 e 2).xlsx</t>
  </si>
  <si>
    <t>Teste Excell - Fluxo Caixa Excell.xls</t>
  </si>
  <si>
    <t>E:\BK_final\Vilarinho\Vilarinho - Trabalho\Algar Telecom\BK_K_CCA_Vila_27.11.14\Gestão da Equipe e Area\Processo de Contratação\CTBC\Analista Controladoria (vaga Antônio)\Teste Excell - Fluxo Caixa Excell.xls</t>
  </si>
  <si>
    <t>C:\Vila\Empresas Anterior\Arquivos Telecom\BK_K_CCA_Vila_27.11.14\Gestão da Equipe e Area\Processo de Contratação\CTBC\Analista Controladoria (vaga Antônio)\Provas Excel\</t>
  </si>
  <si>
    <t>Altamara.xls</t>
  </si>
  <si>
    <t>E:\BK_final\Vilarinho\Vilarinho - Trabalho\Algar Telecom\BK_K_CCA_Vila_27.11.14\Gestão da Equipe e Area\Processo de Contratação\CTBC\Analista Controladoria (vaga Antônio)\Provas Excel\Altamara.xls</t>
  </si>
  <si>
    <t>Danilo.xls</t>
  </si>
  <si>
    <t>E:\BK_final\Vilarinho\Vilarinho - Trabalho\Algar Telecom\BK_K_CCA_Vila_27.11.14\Gestão da Equipe e Area\Processo de Contratação\CTBC\Analista Controladoria (vaga Antônio)\Provas Excel\Danilo.xls</t>
  </si>
  <si>
    <t>Fluxo Caixa Excell- Fernando.xls</t>
  </si>
  <si>
    <t>E:\BK_final\Vilarinho\Vilarinho - Trabalho\Algar Telecom\BK_K_CCA_Vila_27.11.14\Gestão da Equipe e Area\Processo de Contratação\CTBC\Analista Controladoria (vaga Antônio)\Provas Excel\Fluxo Caixa Excell- Fernando.xls</t>
  </si>
  <si>
    <t>Teste Excell - Fluxo Caixa Excell-Cássio.xls</t>
  </si>
  <si>
    <t>E:\BK_final\Vilarinho\Vilarinho - Trabalho\Algar Telecom\BK_K_CCA_Vila_27.11.14\Gestão da Equipe e Area\Processo de Contratação\CTBC\Analista Controladoria (vaga Antônio)\Provas Excel\Teste Excell - Fluxo Caixa Excell-Cássio.xls</t>
  </si>
  <si>
    <t>Teste Excell - Fluxo Caixa Excell.Alexandre.xls</t>
  </si>
  <si>
    <t>E:\BK_final\Vilarinho\Vilarinho - Trabalho\Algar Telecom\BK_K_CCA_Vila_27.11.14\Gestão da Equipe e Area\Processo de Contratação\CTBC\Analista Controladoria (vaga Antônio)\Provas Excel\Teste Excell - Fluxo Caixa Excell.Alexandre.xls</t>
  </si>
  <si>
    <t>Teste Excell - Fluxo de C aixa - DOUGLAS.xlsx</t>
  </si>
  <si>
    <t>E:\BK_final\Vilarinho\Vilarinho - Trabalho\Algar Telecom\BK_K_CCA_Vila_27.11.14\Gestão da Equipe e Area\Processo de Contratação\CTBC\Analista Controladoria (vaga Antônio)\Provas Excel\Teste Excell - Fluxo de C aixa - DOUGLAS.xlsx</t>
  </si>
  <si>
    <t>Teste Excell - Fluxo de C aixa - Rubens - SP.xlsx</t>
  </si>
  <si>
    <t>E:\BK_final\Vilarinho\Vilarinho - Trabalho\Algar Telecom\BK_K_CCA_Vila_27.11.14\Gestão da Equipe e Area\Processo de Contratação\CTBC\Analista Controladoria (vaga Antônio)\Provas Excel\Teste Excell - Fluxo de C aixa - Rubens - SP.xlsx</t>
  </si>
  <si>
    <t>11/19/2019 13:34:17</t>
  </si>
  <si>
    <t>Teste Excell - Fluxo de Caixa - Fransérgio.xlsx</t>
  </si>
  <si>
    <t>E:\BK_final\Vilarinho\Vilarinho - Trabalho\Algar Telecom\BK_K_CCA_Vila_27.11.14\Gestão da Equipe e Area\Processo de Contratação\CTBC\Analista Controladoria (vaga Antônio)\Provas Excel\Teste Excell - Fluxo de Caixa - Fransérgio.xlsx</t>
  </si>
  <si>
    <t>Teste Excell Fluxo de Caixa Mariana.xls</t>
  </si>
  <si>
    <t>E:\BK_final\Vilarinho\Vilarinho - Trabalho\Algar Telecom\BK_K_CCA_Vila_27.11.14\Gestão da Equipe e Area\Processo de Contratação\CTBC\Analista Controladoria (vaga Antônio)\Provas Excel\Teste Excell Fluxo de Caixa Mariana.xls</t>
  </si>
  <si>
    <t>Teste Excell Fluxo Onadir.xls</t>
  </si>
  <si>
    <t>E:\BK_final\Vilarinho\Vilarinho - Trabalho\Algar Telecom\BK_K_CCA_Vila_27.11.14\Gestão da Equipe e Area\Processo de Contratação\CTBC\Analista Controladoria (vaga Antônio)\Provas Excel\Teste Excell Fluxo Onadir.xls</t>
  </si>
  <si>
    <t>11/19/2019 13:34:20</t>
  </si>
  <si>
    <t>C:\Vila\Empresas Anterior\Arquivos Telecom\BK_K_CCA_Vila_27.11.14\Gestão da Equipe e Area\Processo de Contratação\CTBC\Analista Contábil\</t>
  </si>
  <si>
    <t>Gabarito - Teste Excell Analista Contabil e Estagiário.xls</t>
  </si>
  <si>
    <t>E:\BK_final\Vilarinho\Vilarinho - Trabalho\Algar Telecom\BK_K_CCA_Vila_27.11.14\Gestão da Equipe e Area\Processo de Contratação\CTBC\Analista Contábil\Gabarito - Teste Excell Analista Contabil e Estagiário.xls</t>
  </si>
  <si>
    <t>Teste Excell Analista Contábil SR e Estagiário.xls</t>
  </si>
  <si>
    <t>E:\BK_final\Vilarinho\Vilarinho - Trabalho\Algar Telecom\BK_K_CCA_Vila_27.11.14\Gestão da Equipe e Area\Processo de Contratação\CTBC\Analista Contábil\Teste Excell Analista Contábil SR e Estagiário.xls</t>
  </si>
  <si>
    <t>11/19/2019 13:34:21</t>
  </si>
  <si>
    <t>C:\Vila\Empresas Anterior\Arquivos Telecom\BK_K_CCA_Vila_27.11.14\Gestão da Equipe e Area\Processo de Contratação\CTBC\Analista Contábil\Analista Senior e Pleno - Processo Maio - 10\</t>
  </si>
  <si>
    <t>Gabarito Analise Final.xls</t>
  </si>
  <si>
    <t>E:\BK_final\Vilarinho\Vilarinho - Trabalho\Algar Telecom\BK_K_CCA_Vila_27.11.14\Gestão da Equipe e Area\Processo de Contratação\CTBC\Analista Contábil\Analista Senior e Pleno - Processo Maio - 10\Gabarito Analise Final.xls</t>
  </si>
  <si>
    <t>11/19/2019 13:34:22</t>
  </si>
  <si>
    <t>E:\BK_final\Vilarinho\Vilarinho - Trabalho\Algar Telecom\BK_K_CCA_Vila_27.11.14\Gestão da Equipe e Area\Processo de Contratação\CTBC\Analista Contábil\Analista Senior e Pleno - Processo Maio - 10\Teste Excell - Fluxo Caixa Excell.xls</t>
  </si>
  <si>
    <t>C:\Vila\Empresas Anterior\Arquivos Telecom\BK_K_CCA_Vila_27.11.14\Gestão da Equipe e Area\Processo de Contratação\CTBC\Analista IFRS\</t>
  </si>
  <si>
    <t>Eder Wagner da Silva - Excel Avançado 270809 Vilarinho.xls</t>
  </si>
  <si>
    <t>E:\BK_final\Vilarinho\Vilarinho - Trabalho\Algar Telecom\BK_K_CCA_Vila_27.11.14\Gestão da Equipe e Area\Processo de Contratação\CTBC\Analista IFRS\Eder Wagner da Silva - Excel Avançado 270809 Vilarinho.xls</t>
  </si>
  <si>
    <t>11/19/2019 13:34:23</t>
  </si>
  <si>
    <t>Eli Geraldo Braga.xls</t>
  </si>
  <si>
    <t>E:\BK_final\Vilarinho\Vilarinho - Trabalho\Algar Telecom\BK_K_CCA_Vila_27.11.14\Gestão da Equipe e Area\Processo de Contratação\CTBC\Analista IFRS\Eli Geraldo Braga.xls</t>
  </si>
  <si>
    <t>Gustavo Braga Silvestre - Excel Avançado 270809 Vilarinho.xlsx</t>
  </si>
  <si>
    <t>E:\BK_final\Vilarinho\Vilarinho - Trabalho\Algar Telecom\BK_K_CCA_Vila_27.11.14\Gestão da Equipe e Area\Processo de Contratação\CTBC\Analista IFRS\Gustavo Braga Silvestre - Excel Avançado 270809 Vilarinho.xlsx</t>
  </si>
  <si>
    <t>Marco Antonio Domingues - Excel Avançado 270809 Vilarinho.xls</t>
  </si>
  <si>
    <t>E:\BK_final\Vilarinho\Vilarinho - Trabalho\Algar Telecom\BK_K_CCA_Vila_27.11.14\Gestão da Equipe e Area\Processo de Contratação\CTBC\Analista IFRS\Marco Antonio Domingues - Excel Avançado 270809 Vilarinho.xls</t>
  </si>
  <si>
    <t>Maria Odenice da Silva - Excel avançado 270809 Vilarinho.xls</t>
  </si>
  <si>
    <t>E:\BK_final\Vilarinho\Vilarinho - Trabalho\Algar Telecom\BK_K_CCA_Vila_27.11.14\Gestão da Equipe e Area\Processo de Contratação\CTBC\Analista IFRS\Maria Odenice da Silva - Excel avançado 270809 Vilarinho.xls</t>
  </si>
  <si>
    <t>Márcio Antônio Pereira Rocha - excel.xls</t>
  </si>
  <si>
    <t>E:\BK_final\Vilarinho\Vilarinho - Trabalho\Algar Telecom\BK_K_CCA_Vila_27.11.14\Gestão da Equipe e Area\Processo de Contratação\CTBC\Analista IFRS\Márcio Antônio Pereira Rocha - excel.xls</t>
  </si>
  <si>
    <t>C:\Vila\Empresas Anterior\Arquivos Telecom\BK_K_CCA_Vila_27.11.14\Gestão da Equipe e Area\Processo de Contratação\CTBC\Estagiario\</t>
  </si>
  <si>
    <t>E:\BK_final\Vilarinho\Vilarinho - Trabalho\Algar Telecom\BK_K_CCA_Vila_27.11.14\Gestão da Equipe e Area\Processo de Contratação\CTBC\Estagiario\Teste Excell Analista Contábil SR e Estagiário.xls</t>
  </si>
  <si>
    <t>C:\Vila\Empresas Anterior\Arquivos Telecom\BK_K_CCA_Vila_27.11.14\Gestão da Equipe e Area\Processo de Contratação\CTBC\Estagiario Fiscal\</t>
  </si>
  <si>
    <t>DANIEL HENRIQUE DA SILVA ALVARENGA.xlsx</t>
  </si>
  <si>
    <t>E:\BK_final\Vilarinho\Vilarinho - Trabalho\Algar Telecom\BK_K_CCA_Vila_27.11.14\Gestão da Equipe e Area\Processo de Contratação\CTBC\Estagiario Fiscal\DANIEL HENRIQUE DA SILVA ALVARENGA.xlsx</t>
  </si>
  <si>
    <t>11/19/2019 13:34:24</t>
  </si>
  <si>
    <t>Priscilla Alves Ferreira.xls</t>
  </si>
  <si>
    <t>E:\BK_final\Vilarinho\Vilarinho - Trabalho\Algar Telecom\BK_K_CCA_Vila_27.11.14\Gestão da Equipe e Area\Processo de Contratação\CTBC\Estagiario Fiscal\Priscilla Alves Ferreira.xls</t>
  </si>
  <si>
    <t>Rafael Siqueira Leal.xls</t>
  </si>
  <si>
    <t>E:\BK_final\Vilarinho\Vilarinho - Trabalho\Algar Telecom\BK_K_CCA_Vila_27.11.14\Gestão da Equipe e Area\Processo de Contratação\CTBC\Estagiario Fiscal\Rafael Siqueira Leal.xls</t>
  </si>
  <si>
    <t>Sabrina Vieirada Silva.xls</t>
  </si>
  <si>
    <t>E:\BK_final\Vilarinho\Vilarinho - Trabalho\Algar Telecom\BK_K_CCA_Vila_27.11.14\Gestão da Equipe e Area\Processo de Contratação\CTBC\Estagiario Fiscal\Sabrina Vieirada Silva.xls</t>
  </si>
  <si>
    <t>Teste Excell Estagiário.xls</t>
  </si>
  <si>
    <t>E:\BK_final\Vilarinho\Vilarinho - Trabalho\Algar Telecom\BK_K_CCA_Vila_27.11.14\Gestão da Equipe e Area\Processo de Contratação\CTBC\Estagiario Fiscal\Teste Excell Estagiário.xls</t>
  </si>
  <si>
    <t>C:\Vila\Empresas Anterior\Arquivos Telecom\BK_K_CCA_Vila_27.11.14\Gestão da Equipe e Area\Reuniões Área\2010\</t>
  </si>
  <si>
    <t>Ata reuniao - Pontos Gerais.xls</t>
  </si>
  <si>
    <t>E:\BK_final\Vilarinho\Vilarinho - Trabalho\Algar Telecom\BK_K_CCA_Vila_27.11.14\Gestão da Equipe e Area\Reuniões Área\2010\Ata reuniao - Pontos Gerais.xls</t>
  </si>
  <si>
    <t>11/19/2019 13:34:26</t>
  </si>
  <si>
    <t>C:\Vila\Empresas Anterior\Arquivos Telecom\BK_K_CCA_Vila_27.11.14\Gestão da Equipe e Area\Reuniões Área\2010\Mensal - 26.01.10\</t>
  </si>
  <si>
    <t>E:\BK_final\Vilarinho\Vilarinho - Trabalho\Algar Telecom\BK_K_CCA_Vila_27.11.14\Gestão da Equipe e Area\Reuniões Área\2010\Mensal - 26.01.10\CCA - COORD. DE CONTROLADORIA E ATIVOS FINAL base oficial.xls</t>
  </si>
  <si>
    <t>E:\BK_final\Vilarinho\Vilarinho - Trabalho\Algar Telecom\BK_K_CCA_Vila_27.11.14\Gestão da Equipe e Area\Reuniões Área\2010\Mensal - 26.01.10\Plano de Ação Clima CCA 2009.xls</t>
  </si>
  <si>
    <t>11/19/2019 13:34:27</t>
  </si>
  <si>
    <t>C:\Vila\Empresas Anterior\Arquivos Telecom\BK_K_CCA_Vila_27.11.14\Gestão da Equipe e Area\Reuniões Área\2010\Mensal - 27.04.10\Projeto BPO_04fev10.pptx\</t>
  </si>
  <si>
    <t>E:\BK_final\Vilarinho\Vilarinho - Trabalho\Algar Telecom\BK_K_CCA_Vila_27.11.14\Gestão da Equipe e Area\Reuniões Área\2010\Mensal - 27.04.10\Projeto BPO_04fev10.pptx</t>
  </si>
  <si>
    <t>11/19/2019 13:34:28</t>
  </si>
  <si>
    <t>C:\Vila\Empresas Anterior\Arquivos Telecom\BK_K_CCA_Vila_27.11.14\Gestão da Equipe e Area\Reuniões Área\2010\Mensal - 29.06.10\Plano de Ação da Pesquisa OHI - Reunião com Coordenadires - Paulo Dias.ppt\s4\</t>
  </si>
  <si>
    <t>Chart.dat</t>
  </si>
  <si>
    <t>E:\BK_final\Vilarinho\Vilarinho - Trabalho\Algar Telecom\BK_K_CCA_Vila_27.11.14\Gestão da Equipe e Area\Reuniões Área\2010\Mensal - 29.06.10\Plano de Ação da Pesquisa OHI - Reunião com Coordenadires - Paulo Dias.ppt</t>
  </si>
  <si>
    <t>11/19/2019 13:34:30</t>
  </si>
  <si>
    <t>Chart1.dat</t>
  </si>
  <si>
    <t>Chart2.dat</t>
  </si>
  <si>
    <t>PowerPoint.OleObj3.dat</t>
  </si>
  <si>
    <t>11/19/2019 13:34:36</t>
  </si>
  <si>
    <t>C:\Vila\Empresas Anterior\Arquivos Telecom\BK_K_CCA_Vila_27.11.14\Gestão da Equipe e Area\Reuniões Área\2010\Mensal - 30.03.10\</t>
  </si>
  <si>
    <t>Plano de Ação Clima CCA 2009 - Follow Up 30.03.10.xls</t>
  </si>
  <si>
    <t>E:\BK_final\Vilarinho\Vilarinho - Trabalho\Algar Telecom\BK_K_CCA_Vila_27.11.14\Gestão da Equipe e Area\Reuniões Área\2010\Mensal - 30.03.10\Plano de Ação Clima CCA 2009 - Follow Up 30.03.10.xls</t>
  </si>
  <si>
    <t>11/19/2019 13:34:37</t>
  </si>
  <si>
    <t>C:\Vila\Empresas Anterior\Arquivos Telecom\BK_K_CCA_Vila_27.11.14\Gestão da Equipe e Area\Reuniões Área\2010\Mensal - 30.03.10\Projeto IFRS_Reunião da área.pptx\</t>
  </si>
  <si>
    <t>E:\BK_final\Vilarinho\Vilarinho - Trabalho\Algar Telecom\BK_K_CCA_Vila_27.11.14\Gestão da Equipe e Area\Reuniões Área\2010\Mensal - 30.03.10\Projeto IFRS_Reunião da área.pptx</t>
  </si>
  <si>
    <t>11/19/2019 13:34:43</t>
  </si>
  <si>
    <t>C:\Vila\Empresas Anterior\Arquivos Telecom\BK_K_CCA_Vila_27.11.14\Gestão da Equipe e Area\Reuniões Área\2011\Mensal - 03.01.11\Treinamento Jeito Algar de Ser\</t>
  </si>
  <si>
    <t>Treinamento - Exemplos.xlsx</t>
  </si>
  <si>
    <t>E:\BK_final\Vilarinho\Vilarinho - Trabalho\Algar Telecom\BK_K_CCA_Vila_27.11.14\Gestão da Equipe e Area\Reuniões Área\2011\Mensal - 03.01.11\Treinamento Jeito Algar de Ser\Treinamento - Exemplos.xlsx</t>
  </si>
  <si>
    <t>11/19/2019 13:34:45</t>
  </si>
  <si>
    <t>C:\Vila\Empresas Anterior\Arquivos Telecom\BK_K_CCA_Vila_27.11.14\Gestão da Equipe e Area\Reuniões Área\2011\Mensal - 22.02.11\Clima 2010\Apresentação Telecom DEF janeiro2011.pptx\</t>
  </si>
  <si>
    <t>E:\BK_final\Vilarinho\Vilarinho - Trabalho\Algar Telecom\BK_K_CCA_Vila_27.11.14\Gestão da Equipe e Area\Reuniões Área\2011\Mensal - 22.02.11\Clima 2010\Apresentação Telecom DEF janeiro2011.pptx</t>
  </si>
  <si>
    <t>Planilha_do_Microsoft_Office_Excel5.xlsx</t>
  </si>
  <si>
    <t>11/19/2019 13:34:52</t>
  </si>
  <si>
    <t>C:\Vila\Empresas Anterior\Arquivos Telecom\BK_K_CCA_Vila_27.11.14\Gestão da Equipe e Area\Reuniões Área\2011\Mensal - 25.10.11\Algar Status - 24 de Out V2.ppt\s4\</t>
  </si>
  <si>
    <t>Microsoft Office Excel Worksheet.xlsx</t>
  </si>
  <si>
    <t>E:\BK_final\Vilarinho\Vilarinho - Trabalho\Algar Telecom\BK_K_CCA_Vila_27.11.14\Gestão da Equipe e Area\Reuniões Área\2011\Mensal - 25.10.11\Algar Status - 24 de Out V2.ppt</t>
  </si>
  <si>
    <t>11/19/2019 13:34:54</t>
  </si>
  <si>
    <t>C:\Vila\Empresas Anterior\Arquivos Telecom\BK_K_CCA_Vila_27.11.14\Gestão da Equipe e Area\Reuniões Área\2012\</t>
  </si>
  <si>
    <t>Pauta reuniões.xlsx</t>
  </si>
  <si>
    <t>E:\BK_final\Vilarinho\Vilarinho - Trabalho\Algar Telecom\BK_K_CCA_Vila_27.11.14\Gestão da Equipe e Area\Reuniões Área\2012\Pauta reuniões.xlsx</t>
  </si>
  <si>
    <t>C:\Vila\Empresas Anterior\Arquivos Telecom\BK_K_CCA_Vila_27.11.14\Gestão da Equipe e Area\Reuniões Área\2012\15.03.12\</t>
  </si>
  <si>
    <t>Pauta reuniões-ma.xlsx</t>
  </si>
  <si>
    <t>E:\BK_final\Vilarinho\Vilarinho - Trabalho\Algar Telecom\BK_K_CCA_Vila_27.11.14\Gestão da Equipe e Area\Reuniões Área\2012\15.03.12\Pauta reuniões-ma.xlsx</t>
  </si>
  <si>
    <t>11/19/2019 13:34:56</t>
  </si>
  <si>
    <t>C:\Vila\Empresas Anterior\Arquivos Telecom\BK_K_CCA_Vila_27.11.14\Gestão de Contratos\</t>
  </si>
  <si>
    <t>Planilha Controle de Contratos.xlsx</t>
  </si>
  <si>
    <t>E:\BK_final\Vilarinho\Vilarinho - Trabalho\Algar Telecom\BK_K_CCA_Vila_27.11.14\Gestão de Contratos\Planilha Controle de Contratos.xlsx</t>
  </si>
  <si>
    <t>C:\Vila\Empresas Anterior\Arquivos Telecom\BK_K_CCA_Vila_27.11.14\Planejamento DEF 2011\</t>
  </si>
  <si>
    <t>Planejamento estratégico DEF.xlsx</t>
  </si>
  <si>
    <t>E:\BK_final\Vilarinho\Vilarinho - Trabalho\Algar Telecom\BK_K_CCA_Vila_27.11.14\Planejamento DEF 2011\Planejamento estratégico DEF.xlsx</t>
  </si>
  <si>
    <t>11/19/2019 13:34:57</t>
  </si>
  <si>
    <t>C:\Vila\Empresas Anterior\Arquivos Telecom\BK_K_CCA_Vila_27.11.14\Projetos\Antigos\</t>
  </si>
  <si>
    <t>Analise Impacto Torres na CTBC.xls</t>
  </si>
  <si>
    <t>E:\BK_final\Vilarinho\Vilarinho - Trabalho\Algar Telecom\BK_K_CCA_Vila_27.11.14\Projetos\Antigos\Analise Impacto Torres na CTBC.xls</t>
  </si>
  <si>
    <t>Orçado 2013 Opex e Capex - Consolidado Hypireon-Final.xlsx</t>
  </si>
  <si>
    <t>E:\BK_final\Vilarinho\Vilarinho - Trabalho\Algar Telecom\BK_K_CCA_Vila_27.11.14\Projetos\Antigos\Orçado 2013 Opex e Capex - Consolidado Hypireon-Final.xlsx</t>
  </si>
  <si>
    <t>Orçado 2013 Opex e Capex - Consolidado Hypireon.xlsx</t>
  </si>
  <si>
    <t>E:\BK_final\Vilarinho\Vilarinho - Trabalho\Algar Telecom\BK_K_CCA_Vila_27.11.14\Projetos\Antigos\Orçado 2013 Opex e Capex - Consolidado Hypireon.xlsx</t>
  </si>
  <si>
    <t>C:\Vila\Empresas Anterior\Arquivos Telecom\BK_K_CCA_Vila_27.11.14\Projetos\Antigos\2020\</t>
  </si>
  <si>
    <t>Analise Alternativas.xlsx</t>
  </si>
  <si>
    <t>E:\BK_final\Vilarinho\Vilarinho - Trabalho\Algar Telecom\BK_K_CCA_Vila_27.11.14\Projetos\Antigos\2020\Analise Alternativas.xlsx</t>
  </si>
  <si>
    <t>Analise Alternativasv1.xlsx</t>
  </si>
  <si>
    <t>E:\BK_final\Vilarinho\Vilarinho - Trabalho\Algar Telecom\BK_K_CCA_Vila_27.11.14\Projetos\Antigos\2020\Analise Alternativasv1.xlsx</t>
  </si>
  <si>
    <t>11/19/2019 13:34:59</t>
  </si>
  <si>
    <t>C:\Vila\Empresas Anterior\Arquivos Telecom\BK_K_CCA_Vila_27.11.14\Projetos\Antigos\3g Auditoria - Sustentação - Jun-2008\Apresentação 3G - EY - Anterior.ppt\s4\</t>
  </si>
  <si>
    <t>E:\BK_final\Vilarinho\Vilarinho - Trabalho\Algar Telecom\BK_K_CCA_Vila_27.11.14\Projetos\Antigos\3g Auditoria - Sustentação - Jun-2008\Apresentação 3G - EY - Anterior.ppt</t>
  </si>
  <si>
    <t>C:\Vila\Empresas Anterior\Arquivos Telecom\BK_K_CCA_Vila_27.11.14\Projetos\Antigos\3g Auditoria - Sustentação - Jun-2008\Apresentação 3G - EY - c MKT.ppt\s4\</t>
  </si>
  <si>
    <t>E:\BK_final\Vilarinho\Vilarinho - Trabalho\Algar Telecom\BK_K_CCA_Vila_27.11.14\Projetos\Antigos\3g Auditoria - Sustentação - Jun-2008\Apresentação 3G - EY - c MKT.ppt</t>
  </si>
  <si>
    <t>11/19/2019 13:35:00</t>
  </si>
  <si>
    <t>C:\Vila\Empresas Anterior\Arquivos Telecom\BK_K_CCA_Vila_27.11.14\Projetos\Antigos\3g Auditoria - Sustentação - Jun-2008\</t>
  </si>
  <si>
    <t>BP 3G longo prazo 2100mhz - 3G_SEM MERCADOLOGICO.xls</t>
  </si>
  <si>
    <t>E:\BK_final\Vilarinho\Vilarinho - Trabalho\Algar Telecom\BK_K_CCA_Vila_27.11.14\Projetos\Antigos\3g Auditoria - Sustentação - Jun-2008\BP 3G longo prazo 2100mhz - 3G_SEM MERCADOLOGICO.xls</t>
  </si>
  <si>
    <t>11/19/2019 13:35:03</t>
  </si>
  <si>
    <t>C:\Vila\Empresas Anterior\Arquivos Telecom\BK_K_CCA_Vila_27.11.14\Projetos\Antigos\44 - Redução Custos DEF - 2011-Antigo\Apresentação Reduções DEF_1.ppt\s4\</t>
  </si>
  <si>
    <t>Planilha.xlsx</t>
  </si>
  <si>
    <t>E:\BK_final\Vilarinho\Vilarinho - Trabalho\Algar Telecom\BK_K_CCA_Vila_27.11.14\Projetos\Antigos\44 - Redução Custos DEF - 2011-Antigo\Apresentação Reduções DEF_1.ppt</t>
  </si>
  <si>
    <t>11/19/2019 13:35:04</t>
  </si>
  <si>
    <t>C:\Vila\Empresas Anterior\Arquivos Telecom\BK_K_CCA_Vila_27.11.14\Projetos\Antigos\44 - Redução Custos DEF - 2011-Antigo\</t>
  </si>
  <si>
    <t>Redução custo DEF 2011.xlsx</t>
  </si>
  <si>
    <t>E:\BK_final\Vilarinho\Vilarinho - Trabalho\Algar Telecom\BK_K_CCA_Vila_27.11.14\Projetos\Antigos\44 - Redução Custos DEF - 2011-Antigo\Redução custo DEF 2011.xlsx</t>
  </si>
  <si>
    <t>C:\Vila\Empresas Anterior\Arquivos Telecom\BK_K_CCA_Vila_27.11.14\Projetos\Antigos\44 - Redução Custos DEF - 2011-Antigo\Acompanhamento Reduções 2011\</t>
  </si>
  <si>
    <t>Acompanhamento CCA-Custos 2011.xls</t>
  </si>
  <si>
    <t>E:\BK_final\Vilarinho\Vilarinho - Trabalho\Algar Telecom\BK_K_CCA_Vila_27.11.14\Projetos\Antigos\44 - Redução Custos DEF - 2011-Antigo\Acompanhamento Reduções 2011\Acompanhamento CCA-Custos 2011.xls</t>
  </si>
  <si>
    <t>C:\Vila\Empresas Anterior\Arquivos Telecom\BK_K_CCA_Vila_27.11.14\Projetos\Antigos\44 - Redução Custos DEF - 2011-Antigo\Red_Gastos 2011\Acompanhmento\</t>
  </si>
  <si>
    <t>Meta de Redução CCA 2011 (envio para Wendel Lobato).xlsx</t>
  </si>
  <si>
    <t>E:\BK_final\Vilarinho\Vilarinho - Trabalho\Algar Telecom\BK_K_CCA_Vila_27.11.14\Projetos\Antigos\44 - Redução Custos DEF - 2011-Antigo\Red_Gastos 2011\Acompanhmento\Meta de Redução CCA 2011 (envio para Wendel Lobato).xlsx</t>
  </si>
  <si>
    <t>Meta de Redução CCA 2011.xlsx</t>
  </si>
  <si>
    <t>E:\BK_final\Vilarinho\Vilarinho - Trabalho\Algar Telecom\BK_K_CCA_Vila_27.11.14\Projetos\Antigos\44 - Redução Custos DEF - 2011-Antigo\Red_Gastos 2011\Acompanhmento\Meta de Redução CCA 2011.xlsx</t>
  </si>
  <si>
    <t>Meta de Redução DEF 2011 (modelo).xlsx</t>
  </si>
  <si>
    <t>E:\BK_final\Vilarinho\Vilarinho - Trabalho\Algar Telecom\BK_K_CCA_Vila_27.11.14\Projetos\Antigos\44 - Redução Custos DEF - 2011-Antigo\Red_Gastos 2011\Acompanhmento\Meta de Redução DEF 2011 (modelo).xlsx</t>
  </si>
  <si>
    <t>Redução CCA_2011.xlsx</t>
  </si>
  <si>
    <t>E:\BK_final\Vilarinho\Vilarinho - Trabalho\Algar Telecom\BK_K_CCA_Vila_27.11.14\Projetos\Antigos\44 - Redução Custos DEF - 2011-Antigo\Red_Gastos 2011\Acompanhmento\Redução CCA_2011.xlsx</t>
  </si>
  <si>
    <t>C:\Vila\Empresas Anterior\Arquivos Telecom\BK_K_CCA_Vila_27.11.14\Projetos\Antigos\44 - Redução Custos DEF - 2011-Antigo\Red_Gastos 2011\DEF 14_12_10\</t>
  </si>
  <si>
    <t>Acompanhamento de Custos e Despesas 2011.xlsx</t>
  </si>
  <si>
    <t>E:\BK_final\Vilarinho\Vilarinho - Trabalho\Algar Telecom\BK_K_CCA_Vila_27.11.14\Projetos\Antigos\44 - Redução Custos DEF - 2011-Antigo\Red_Gastos 2011\DEF 14_12_10\Acompanhamento de Custos e Despesas 2011.xlsx</t>
  </si>
  <si>
    <t>11/19/2019 13:35:05</t>
  </si>
  <si>
    <t>C:\Vila\Empresas Anterior\Arquivos Telecom\BK_K_CCA_Vila_27.11.14\Projetos\Antigos\44 - Redução Custos DEF - 2011-Antigo\Red_Gastos 2011\DEF 14_12_10\Apresentação CCA - Versão Final (OHI).ppt\s4\</t>
  </si>
  <si>
    <t>E:\BK_final\Vilarinho\Vilarinho - Trabalho\Algar Telecom\BK_K_CCA_Vila_27.11.14\Projetos\Antigos\44 - Redução Custos DEF - 2011-Antigo\Red_Gastos 2011\DEF 14_12_10\Apresentação CCA - Versão Final (OHI).ppt</t>
  </si>
  <si>
    <t>Planilha1.xlsx</t>
  </si>
  <si>
    <t>11/19/2019 13:35:06</t>
  </si>
  <si>
    <t>Planilha2.xlsx</t>
  </si>
  <si>
    <t>Compara Ano 2008 até 2011.xls</t>
  </si>
  <si>
    <t>E:\BK_final\Vilarinho\Vilarinho - Trabalho\Algar Telecom\BK_K_CCA_Vila_27.11.14\Projetos\Antigos\44 - Redução Custos DEF - 2011-Antigo\Red_Gastos 2011\DEF 14_12_10\Compara Ano 2008 até 2011.xls</t>
  </si>
  <si>
    <t>Levantamento_Intervencao_Manual_Toutatis_v1.xls</t>
  </si>
  <si>
    <t>E:\BK_final\Vilarinho\Vilarinho - Trabalho\Algar Telecom\BK_K_CCA_Vila_27.11.14\Projetos\Antigos\44 - Redução Custos DEF - 2011-Antigo\Red_Gastos 2011\DEF 14_12_10\Levantamento_Intervencao_Manual_Toutatis_v1.xls</t>
  </si>
  <si>
    <t>11/19/2019 13:35:07</t>
  </si>
  <si>
    <t>C:\Vila\Empresas Anterior\Arquivos Telecom\BK_K_CCA_Vila_27.11.14\Projetos\Antigos\44 - Redução Custos DEF - 2011-Antigo\Red_Gastos 2011\DEF 14_12_10\Planejamento Tributário - Tatiane.pptx\</t>
  </si>
  <si>
    <t>E:\BK_final\Vilarinho\Vilarinho - Trabalho\Algar Telecom\BK_K_CCA_Vila_27.11.14\Projetos\Antigos\44 - Redução Custos DEF - 2011-Antigo\Red_Gastos 2011\DEF 14_12_10\Planejamento Tributário - Tatiane.pptx</t>
  </si>
  <si>
    <t>E:\BK_final\Vilarinho\Vilarinho - Trabalho\Algar Telecom\BK_K_CCA_Vila_27.11.14\Projetos\Antigos\44 - Redução Custos DEF - 2011-Antigo\Red_Gastos 2011\DEF 14_12_10\Redução custo DEF 2011.xlsx</t>
  </si>
  <si>
    <t>11/19/2019 13:35:08</t>
  </si>
  <si>
    <t>C:\Vila\Empresas Anterior\Arquivos Telecom\BK_K_CCA_Vila_27.11.14\Projetos\Antigos\Analise de Terceiros - Ago-12\</t>
  </si>
  <si>
    <t>Contratos Terceiros_CCA.xlsx</t>
  </si>
  <si>
    <t>E:\BK_final\Vilarinho\Vilarinho - Trabalho\Algar Telecom\BK_K_CCA_Vila_27.11.14\Projetos\Antigos\Analise de Terceiros - Ago-12\Contratos Terceiros_CCA.xlsx</t>
  </si>
  <si>
    <t>C:\Vila\Empresas Anterior\Arquivos Telecom\BK_K_CCA_Vila_27.11.14\Projetos\Antigos\Analise Gastos ADM - MAR 2013\</t>
  </si>
  <si>
    <t>Evolução Pessoal CCA.xlsx</t>
  </si>
  <si>
    <t>E:\BK_final\Vilarinho\Vilarinho - Trabalho\Algar Telecom\BK_K_CCA_Vila_27.11.14\Projetos\Antigos\Analise Gastos ADM - MAR 2013\Evolução Pessoal CCA.xlsx</t>
  </si>
  <si>
    <t>C:\Vila\Empresas Anterior\Arquivos Telecom\BK_K_CCA_Vila_27.11.14\Projetos\Antigos\Analise Makenzi - Pessoal ADM - CTO - CML - Abril 2009\</t>
  </si>
  <si>
    <t>Cópia de Relação de Associados CTBC - Março 09.xls</t>
  </si>
  <si>
    <t>E:\BK_final\Vilarinho\Vilarinho - Trabalho\Algar Telecom\BK_K_CCA_Vila_27.11.14\Projetos\Antigos\Analise Makenzi - Pessoal ADM - CTO - CML - Abril 2009\Cópia de Relação de Associados CTBC - Março 09.xls</t>
  </si>
  <si>
    <t>C:\Vila\Empresas Anterior\Arquivos Telecom\BK_K_CCA_Vila_27.11.14\Projetos\Antigos\Analise Modelo Calculo Premio\</t>
  </si>
  <si>
    <t>19-04-2010-Analise Calculo para apresentação.xls</t>
  </si>
  <si>
    <t>E:\BK_final\Vilarinho\Vilarinho - Trabalho\Algar Telecom\BK_K_CCA_Vila_27.11.14\Projetos\Antigos\Analise Modelo Calculo Premio\19-04-2010-Analise Calculo para apresentação.xls</t>
  </si>
  <si>
    <t>11/19/2019 13:35:09</t>
  </si>
  <si>
    <t>Analise Calculo.xls</t>
  </si>
  <si>
    <t>E:\BK_final\Vilarinho\Vilarinho - Trabalho\Algar Telecom\BK_K_CCA_Vila_27.11.14\Projetos\Antigos\Analise Modelo Calculo Premio\Analise Calculo.xls</t>
  </si>
  <si>
    <t>C:\Vila\Empresas Anterior\Arquivos Telecom\BK_K_CCA_Vila_27.11.14\Projetos\Antigos\Analise Modelo Calculo Premio\FInal\</t>
  </si>
  <si>
    <t>E:\BK_final\Vilarinho\Vilarinho - Trabalho\Algar Telecom\BK_K_CCA_Vila_27.11.14\Projetos\Antigos\Analise Modelo Calculo Premio\FInal\19-04-2010-Analise Calculo para apresentação.xls</t>
  </si>
  <si>
    <t>C:\Vila\Empresas Anterior\Arquivos Telecom\BK_K_CCA_Vila_27.11.14\Projetos\Antigos\Analise Nao Faturado Telecom Set-09\</t>
  </si>
  <si>
    <t>210201007 - Nai Fatura Telecom 30.09.09.xls</t>
  </si>
  <si>
    <t>E:\BK_final\Vilarinho\Vilarinho - Trabalho\Algar Telecom\BK_K_CCA_Vila_27.11.14\Projetos\Antigos\Analise Nao Faturado Telecom Set-09\210201007 - Nai Fatura Telecom 30.09.09.xls</t>
  </si>
  <si>
    <t>11/19/2019 13:35:11</t>
  </si>
  <si>
    <t>C:\Vila\Empresas Anterior\Arquivos Telecom\BK_K_CCA_Vila_27.11.14\Projetos\Antigos\Análise Contingencias\</t>
  </si>
  <si>
    <t>CELULAR 112008.xls</t>
  </si>
  <si>
    <t>E:\BK_final\Vilarinho\Vilarinho - Trabalho\Algar Telecom\BK_K_CCA_Vila_27.11.14\Projetos\Antigos\Análise Contingencias\CELULAR 112008.xls</t>
  </si>
  <si>
    <t>11/19/2019 13:35:19</t>
  </si>
  <si>
    <t>Cronograma Reorganização Societária Data Center v3.xls</t>
  </si>
  <si>
    <t>E:\BK_final\Vilarinho\Vilarinho - Trabalho\Algar Telecom\BK_K_CCA_Vila_27.11.14\Projetos\Antigos\Análise Contingencias\Cronograma Reorganização Societária Data Center v3.xls</t>
  </si>
  <si>
    <t>11/19/2019 13:35:21</t>
  </si>
  <si>
    <t>CTBC 11-2008.xls</t>
  </si>
  <si>
    <t>E:\BK_final\Vilarinho\Vilarinho - Trabalho\Algar Telecom\BK_K_CCA_Vila_27.11.14\Projetos\Antigos\Análise Contingencias\CTBC 11-2008.xls</t>
  </si>
  <si>
    <t>11/19/2019 13:35:29</t>
  </si>
  <si>
    <t>CTBC MULTIMIDIA 112008.xls</t>
  </si>
  <si>
    <t>E:\BK_final\Vilarinho\Vilarinho - Trabalho\Algar Telecom\BK_K_CCA_Vila_27.11.14\Projetos\Antigos\Análise Contingencias\CTBC MULTIMIDIA 112008.xls</t>
  </si>
  <si>
    <t>11/19/2019 13:35:30</t>
  </si>
  <si>
    <t>IMAGE 112008.xls</t>
  </si>
  <si>
    <t>E:\BK_final\Vilarinho\Vilarinho - Trabalho\Algar Telecom\BK_K_CCA_Vila_27.11.14\Projetos\Antigos\Análise Contingencias\IMAGE 112008.xls</t>
  </si>
  <si>
    <t>11/19/2019 13:35:34</t>
  </si>
  <si>
    <t>Planejamento venda torres-17-12-08.xls</t>
  </si>
  <si>
    <t>E:\BK_final\Vilarinho\Vilarinho - Trabalho\Algar Telecom\BK_K_CCA_Vila_27.11.14\Projetos\Antigos\Análise Contingencias\Planejamento venda torres-17-12-08.xls</t>
  </si>
  <si>
    <t>Plano de Ação - Possibilidades Reversoes.xls</t>
  </si>
  <si>
    <t>E:\BK_final\Vilarinho\Vilarinho - Trabalho\Algar Telecom\BK_K_CCA_Vila_27.11.14\Projetos\Antigos\Análise Contingencias\Plano de Ação - Possibilidades Reversoes.xls</t>
  </si>
  <si>
    <t>11/19/2019 13:35:35</t>
  </si>
  <si>
    <t>Reservas Provisionadas Setor Telecom (abertura P, M, J).xls</t>
  </si>
  <si>
    <t>E:\BK_final\Vilarinho\Vilarinho - Trabalho\Algar Telecom\BK_K_CCA_Vila_27.11.14\Projetos\Antigos\Análise Contingencias\Reservas Provisionadas Setor Telecom (abertura P, M, J).xls</t>
  </si>
  <si>
    <t>Resumo impacto venda torres - 01 12 08 (2).xls</t>
  </si>
  <si>
    <t>E:\BK_final\Vilarinho\Vilarinho - Trabalho\Algar Telecom\BK_K_CCA_Vila_27.11.14\Projetos\Antigos\Análise Contingencias\Resumo impacto venda torres - 01 12 08 (2).xls</t>
  </si>
  <si>
    <t>11/19/2019 13:35:38</t>
  </si>
  <si>
    <t>C:\Vila\Empresas Anterior\Arquivos Telecom\BK_K_CCA_Vila_27.11.14\Projetos\Antigos\Apresentacao IFRS Redir\10-05-28 Kickoff consolidado final.pptx\</t>
  </si>
  <si>
    <t>E:\BK_final\Vilarinho\Vilarinho - Trabalho\Algar Telecom\BK_K_CCA_Vila_27.11.14\Projetos\Antigos\Apresentacao IFRS Redir\10-05-28 Kickoff consolidado final.pptx</t>
  </si>
  <si>
    <t>C:\Vila\Empresas Anterior\Arquivos Telecom\BK_K_CCA_Vila_27.11.14\Projetos\Antigos\Apresentacao IFRS Redir\Apresentação IFRS dez09.pptx\</t>
  </si>
  <si>
    <t>E:\BK_final\Vilarinho\Vilarinho - Trabalho\Algar Telecom\BK_K_CCA_Vila_27.11.14\Projetos\Antigos\Apresentacao IFRS Redir\Apresentação IFRS dez09.pptx</t>
  </si>
  <si>
    <t>C:\Vila\Empresas Anterior\Arquivos Telecom\BK_K_CCA_Vila_27.11.14\Projetos\Antigos\Apresentacao IFRS Redir\Apresentação IFRS Vilarinho.pptx\</t>
  </si>
  <si>
    <t>E:\BK_final\Vilarinho\Vilarinho - Trabalho\Algar Telecom\BK_K_CCA_Vila_27.11.14\Projetos\Antigos\Apresentacao IFRS Redir\Apresentação IFRS Vilarinho.pptx</t>
  </si>
  <si>
    <t>11/19/2019 13:35:40</t>
  </si>
  <si>
    <t>C:\Vila\Empresas Anterior\Arquivos Telecom\BK_K_CCA_Vila_27.11.14\Projetos\Antigos\Despesas Administrativas\DEF Analise Desp Adm status 020810.pptx\</t>
  </si>
  <si>
    <t>E:\BK_final\Vilarinho\Vilarinho - Trabalho\Algar Telecom\BK_K_CCA_Vila_27.11.14\Projetos\Antigos\Despesas Administrativas\DEF Analise Desp Adm status 020810.pptx</t>
  </si>
  <si>
    <t>11/19/2019 13:35:45</t>
  </si>
  <si>
    <t>C:\Vila\Empresas Anterior\Arquivos Telecom\BK_K_CCA_Vila_27.11.14\Projetos\Antigos\EstruturaçÃo Auditoria Externa - Maio 2010\Auditoria Externa - Versao Final.ppt\s4\</t>
  </si>
  <si>
    <t>E:\BK_final\Vilarinho\Vilarinho - Trabalho\Algar Telecom\BK_K_CCA_Vila_27.11.14\Projetos\Antigos\EstruturaçÃo Auditoria Externa - Maio 2010\Auditoria Externa - Versao Final.ppt</t>
  </si>
  <si>
    <t>11/19/2019 13:35:46</t>
  </si>
  <si>
    <t>C:\Vila\Empresas Anterior\Arquivos Telecom\BK_K_CCA_Vila_27.11.14\Projetos\Antigos\EstruturaçÃo Auditoria Externa - Maio 2010\</t>
  </si>
  <si>
    <t>CRONOGRAMA ANUAL vila.xls</t>
  </si>
  <si>
    <t>E:\BK_final\Vilarinho\Vilarinho - Trabalho\Algar Telecom\BK_K_CCA_Vila_27.11.14\Projetos\Antigos\EstruturaçÃo Auditoria Externa - Maio 2010\CRONOGRAMA ANUAL vila.xls</t>
  </si>
  <si>
    <t>Cronograma kpmg - Segmento Telecom - 2010.xlsx</t>
  </si>
  <si>
    <t>E:\BK_final\Vilarinho\Vilarinho - Trabalho\Algar Telecom\BK_K_CCA_Vila_27.11.14\Projetos\Antigos\EstruturaçÃo Auditoria Externa - Maio 2010\Cronograma kpmg - Segmento Telecom - 2010.xlsx</t>
  </si>
  <si>
    <t>Planilha Controle de Horas GP da Toutatis.xls</t>
  </si>
  <si>
    <t>E:\BK_final\Vilarinho\Vilarinho - Trabalho\Algar Telecom\BK_K_CCA_Vila_27.11.14\Projetos\Antigos\EstruturaçÃo Auditoria Externa - Maio 2010\Planilha Controle de Horas GP da Toutatis.xls</t>
  </si>
  <si>
    <t>C:\Vila\Empresas Anterior\Arquivos Telecom\BK_K_CCA_Vila_27.11.14\Projetos\Antigos\Estudo Celular - Maio-08\</t>
  </si>
  <si>
    <t>Cópia de EBIT POR REGIONAL - IMOVEIS ALGAR2.xls</t>
  </si>
  <si>
    <t>E:\BK_final\Vilarinho\Vilarinho - Trabalho\Algar Telecom\BK_K_CCA_Vila_27.11.14\Projetos\Antigos\Estudo Celular - Maio-08\Cópia de EBIT POR REGIONAL - IMOVEIS ALGAR2.xls</t>
  </si>
  <si>
    <t>C:\Vila\Empresas Anterior\Arquivos Telecom\BK_K_CCA_Vila_27.11.14\Projetos\Antigos\Estudo Celular - Maio-08\imersão celular.ppt\s4\</t>
  </si>
  <si>
    <t>Planilha do Microsoft Office Excel.xls</t>
  </si>
  <si>
    <t>E:\BK_final\Vilarinho\Vilarinho - Trabalho\Algar Telecom\BK_K_CCA_Vila_27.11.14\Projetos\Antigos\Estudo Celular - Maio-08\imersão celular.ppt</t>
  </si>
  <si>
    <t>Planilha do Microsoft Office Excel1.xls</t>
  </si>
  <si>
    <t>Planilha do Microsoft Office Excel2.xls</t>
  </si>
  <si>
    <t>11/19/2019 13:35:47</t>
  </si>
  <si>
    <t>Plano de ação - celular.xls</t>
  </si>
  <si>
    <t>E:\BK_final\Vilarinho\Vilarinho - Trabalho\Algar Telecom\BK_K_CCA_Vila_27.11.14\Projetos\Antigos\Estudo Celular - Maio-08\Plano de ação - celular.xls</t>
  </si>
  <si>
    <t>11/19/2019 13:35:48</t>
  </si>
  <si>
    <t>áreas-V01-236.xls</t>
  </si>
  <si>
    <t>E:\BK_final\Vilarinho\Vilarinho - Trabalho\Algar Telecom\BK_K_CCA_Vila_27.11.14\Projetos\Antigos\Estudo Celular - Maio-08\áreas-V01-236.xls</t>
  </si>
  <si>
    <t>11/19/2019 13:35:49</t>
  </si>
  <si>
    <t>C:\Vila\Empresas Anterior\Arquivos Telecom\BK_K_CCA_Vila_27.11.14\Projetos\Antigos\Fluxo de Caixa - 2 Sem 2012\</t>
  </si>
  <si>
    <t>Macro-Cronograma Fluxo de Caixa-v1.xlsx</t>
  </si>
  <si>
    <t>E:\BK_final\Vilarinho\Vilarinho - Trabalho\Algar Telecom\BK_K_CCA_Vila_27.11.14\Projetos\Antigos\Fluxo de Caixa - 2 Sem 2012\Macro-Cronograma Fluxo de Caixa-v1.xlsx</t>
  </si>
  <si>
    <t>11/19/2019 13:35:50</t>
  </si>
  <si>
    <t>Macro-Cronograma Fluxo de Caixa-v2.xlsx</t>
  </si>
  <si>
    <t>E:\BK_final\Vilarinho\Vilarinho - Trabalho\Algar Telecom\BK_K_CCA_Vila_27.11.14\Projetos\Antigos\Fluxo de Caixa - 2 Sem 2012\Macro-Cronograma Fluxo de Caixa-v2.xlsx</t>
  </si>
  <si>
    <t>Macro-Cronograma Fluxo de Caixa.xlsx</t>
  </si>
  <si>
    <t>E:\BK_final\Vilarinho\Vilarinho - Trabalho\Algar Telecom\BK_K_CCA_Vila_27.11.14\Projetos\Antigos\Fluxo de Caixa - 2 Sem 2012\Macro-Cronograma Fluxo de Caixa.xlsx</t>
  </si>
  <si>
    <t>11/19/2019 13:36:02</t>
  </si>
  <si>
    <t>C:\Vila\Empresas Anterior\Arquivos Telecom\BK_K_CCA_Vila_27.11.14\Projetos\Antigos\GSM\</t>
  </si>
  <si>
    <t>GSM valores.xlsx</t>
  </si>
  <si>
    <t>E:\BK_final\Vilarinho\Vilarinho - Trabalho\Algar Telecom\BK_K_CCA_Vila_27.11.14\Projetos\Antigos\GSM\GSM valores.xlsx</t>
  </si>
  <si>
    <t>C:\Vila\Empresas Anterior\Arquivos Telecom\BK_K_CCA_Vila_27.11.14\Projetos\Antigos\Horas Adicionais KPMG\</t>
  </si>
  <si>
    <t>Horas adicionais - Telecom - Fechamento 2011.xlsx</t>
  </si>
  <si>
    <t>E:\BK_final\Vilarinho\Vilarinho - Trabalho\Algar Telecom\BK_K_CCA_Vila_27.11.14\Projetos\Antigos\Horas Adicionais KPMG\Horas adicionais - Telecom - Fechamento 2011.xlsx</t>
  </si>
  <si>
    <t>C:\Vila\Empresas Anterior\Arquivos Telecom\BK_K_CCA_Vila_27.11.14\Projetos\Antigos\horas Adicionais Projeto IFRS c KPMG\</t>
  </si>
  <si>
    <t>Update Consumo Horas 25 feb 2010.xls</t>
  </si>
  <si>
    <t>E:\BK_final\Vilarinho\Vilarinho - Trabalho\Algar Telecom\BK_K_CCA_Vila_27.11.14\Projetos\Antigos\horas Adicionais Projeto IFRS c KPMG\Update Consumo Horas 25 feb 2010.xls</t>
  </si>
  <si>
    <t>11/19/2019 13:36:03</t>
  </si>
  <si>
    <t>C:\Vila\Empresas Anterior\Arquivos Telecom\BK_K_CCA_Vila_27.11.14\Projetos\Antigos\Imovel Guaira\</t>
  </si>
  <si>
    <t>Estudo Viabilidade - Venda ou Permuta.xlsx</t>
  </si>
  <si>
    <t>E:\BK_final\Vilarinho\Vilarinho - Trabalho\Algar Telecom\BK_K_CCA_Vila_27.11.14\Projetos\Antigos\Imovel Guaira\Estudo Viabilidade - Venda ou Permuta.xlsx</t>
  </si>
  <si>
    <t>11/19/2019 13:36:04</t>
  </si>
  <si>
    <t>C:\Vila\Empresas Anterior\Arquivos Telecom\BK_K_CCA_Vila_27.11.14\Projetos\Antigos\Instrucao Trabalho - Fechamento Contábil\</t>
  </si>
  <si>
    <t>Sugestao Modelo Check List.xls</t>
  </si>
  <si>
    <t>E:\BK_final\Vilarinho\Vilarinho - Trabalho\Algar Telecom\BK_K_CCA_Vila_27.11.14\Projetos\Antigos\Instrucao Trabalho - Fechamento Contábil\Sugestao Modelo Check List.xls</t>
  </si>
  <si>
    <t>11/19/2019 13:36:05</t>
  </si>
  <si>
    <t>C:\Vila\Empresas Anterior\Arquivos Telecom\BK_K_CCA_Vila_27.11.14\Projetos\Antigos\IT Consulta tributária\</t>
  </si>
  <si>
    <t>Anexo Apresentação - Consutlas Tributárias.xls</t>
  </si>
  <si>
    <t>E:\BK_final\Vilarinho\Vilarinho - Trabalho\Algar Telecom\BK_K_CCA_Vila_27.11.14\Projetos\Antigos\IT Consulta tributária\Anexo Apresentação - Consutlas Tributárias.xls</t>
  </si>
  <si>
    <t>11/19/2019 13:36:06</t>
  </si>
  <si>
    <t>C:\Vila\Empresas Anterior\Arquivos Telecom\BK_K_CCA_Vila_27.11.14\Projetos\Antigos\Negociação FCONT Maio-10\</t>
  </si>
  <si>
    <t>Negociacao Toutatis FCONT.xls</t>
  </si>
  <si>
    <t>E:\BK_final\Vilarinho\Vilarinho - Trabalho\Algar Telecom\BK_K_CCA_Vila_27.11.14\Projetos\Antigos\Negociação FCONT Maio-10\Negociacao Toutatis FCONT.xls</t>
  </si>
  <si>
    <t>C:\Vila\Empresas Anterior\Arquivos Telecom\BK_K_CCA_Vila_27.11.14\Projetos\Antigos\Negociações Horas Adicionais Toutatis - Jan - 10\</t>
  </si>
  <si>
    <t>Horas Adicionais.xls</t>
  </si>
  <si>
    <t>E:\BK_final\Vilarinho\Vilarinho - Trabalho\Algar Telecom\BK_K_CCA_Vila_27.11.14\Projetos\Antigos\Negociações Horas Adicionais Toutatis - Jan - 10\Horas Adicionais.xls</t>
  </si>
  <si>
    <t>C:\Vila\Empresas Anterior\Arquivos Telecom\BK_K_CCA_Vila_27.11.14\Projetos\Antigos\Orcamento 2 Revisao 2008\</t>
  </si>
  <si>
    <t>Consolidado COntingencias 2 revisao 2008.xlsx</t>
  </si>
  <si>
    <t>E:\BK_final\Vilarinho\Vilarinho - Trabalho\Algar Telecom\BK_K_CCA_Vila_27.11.14\Projetos\Antigos\Orcamento 2 Revisao 2008\Consolidado COntingencias 2 revisao 2008.xlsx</t>
  </si>
  <si>
    <t>Orcamento contingencias tributarias.xlsx</t>
  </si>
  <si>
    <t>E:\BK_final\Vilarinho\Vilarinho - Trabalho\Algar Telecom\BK_K_CCA_Vila_27.11.14\Projetos\Antigos\Orcamento 2 Revisao 2008\Orcamento contingencias tributarias.xlsx</t>
  </si>
  <si>
    <t>Orçamento de contingências - todas as empresas - 2º sem 2008.xls</t>
  </si>
  <si>
    <t>E:\BK_final\Vilarinho\Vilarinho - Trabalho\Algar Telecom\BK_K_CCA_Vila_27.11.14\Projetos\Antigos\Orcamento 2 Revisao 2008\Orçamento de contingências - todas as empresas - 2º sem 2008.xls</t>
  </si>
  <si>
    <t>Revisão Contingências Trabalhistas - julho a dezembro 2008.xls</t>
  </si>
  <si>
    <t>E:\BK_final\Vilarinho\Vilarinho - Trabalho\Algar Telecom\BK_K_CCA_Vila_27.11.14\Projetos\Antigos\Orcamento 2 Revisao 2008\Revisão Contingências Trabalhistas - julho a dezembro 2008.xls</t>
  </si>
  <si>
    <t>C:\Vila\Empresas Anterior\Arquivos Telecom\BK_K_CCA_Vila_27.11.14\Projetos\Antigos\Orçamento EBIT POR REGIONAL\</t>
  </si>
  <si>
    <t>Orçamento Projeto Ebit por Regional - V. 28.11.08.xls</t>
  </si>
  <si>
    <t>E:\BK_final\Vilarinho\Vilarinho - Trabalho\Algar Telecom\BK_K_CCA_Vila_27.11.14\Projetos\Antigos\Orçamento EBIT POR REGIONAL\Orçamento Projeto Ebit por Regional - V. 28.11.08.xls</t>
  </si>
  <si>
    <t>C:\Vila\Empresas Anterior\Arquivos Telecom\BK_K_CCA_Vila_27.11.14\Projetos\Antigos\Pados\</t>
  </si>
  <si>
    <t>Pados.xls</t>
  </si>
  <si>
    <t>E:\BK_final\Vilarinho\Vilarinho - Trabalho\Algar Telecom\BK_K_CCA_Vila_27.11.14\Projetos\Antigos\Pados\Pados.xls</t>
  </si>
  <si>
    <t>11/19/2019 13:36:07</t>
  </si>
  <si>
    <t>C:\Vila\Empresas Anterior\Arquivos Telecom\BK_K_CCA_Vila_27.11.14\Projetos\Antigos\Planej_Estratégico\</t>
  </si>
  <si>
    <t>Estruturação apresentação LP.xlsx</t>
  </si>
  <si>
    <t>E:\BK_final\Vilarinho\Vilarinho - Trabalho\Algar Telecom\BK_K_CCA_Vila_27.11.14\Projetos\Antigos\Planej_Estratégico\Estruturação apresentação LP.xlsx</t>
  </si>
  <si>
    <t>11/19/2019 13:36:08</t>
  </si>
  <si>
    <t>C:\Vila\Empresas Anterior\Arquivos Telecom\BK_K_CCA_Vila_27.11.14\Projetos\Antigos\Preclosing 2011\</t>
  </si>
  <si>
    <t>Contingencia Grupamento Acoes.xlsx</t>
  </si>
  <si>
    <t>E:\BK_final\Vilarinho\Vilarinho - Trabalho\Algar Telecom\BK_K_CCA_Vila_27.11.14\Projetos\Antigos\Preclosing 2011\Contingencia Grupamento Acoes.xlsx</t>
  </si>
  <si>
    <t>Contingencia Revisao Billing-Preclosing.xlsx</t>
  </si>
  <si>
    <t>E:\BK_final\Vilarinho\Vilarinho - Trabalho\Algar Telecom\BK_K_CCA_Vila_27.11.14\Projetos\Antigos\Preclosing 2011\Contingencia Revisao Billing-Preclosing.xlsx</t>
  </si>
  <si>
    <t>Impacto Resultado 2011.xlsx</t>
  </si>
  <si>
    <t>E:\BK_final\Vilarinho\Vilarinho - Trabalho\Algar Telecom\BK_K_CCA_Vila_27.11.14\Projetos\Antigos\Preclosing 2011\Impacto Resultado 2011.xlsx</t>
  </si>
  <si>
    <t>Preclsosing 2011.xlsx</t>
  </si>
  <si>
    <t>E:\BK_final\Vilarinho\Vilarinho - Trabalho\Algar Telecom\BK_K_CCA_Vila_27.11.14\Projetos\Antigos\Preclosing 2011\Preclsosing 2011.xlsx</t>
  </si>
  <si>
    <t>11/19/2019 13:36:09</t>
  </si>
  <si>
    <t>C:\Vila\Empresas Anterior\Arquivos Telecom\BK_K_CCA_Vila_27.11.14\Projetos\Antigos\Projeto - CSC - Out-2010\Análises Out-12\Parecer Gastos de Transição IBM - versao final.doc\</t>
  </si>
  <si>
    <t>E:\BK_final\Vilarinho\Vilarinho - Trabalho\Algar Telecom\BK_K_CCA_Vila_27.11.14\Projetos\Antigos\Projeto - CSC - Out-2010\Análises Out-12\Parecer Gastos de Transição IBM - versao final.doc</t>
  </si>
  <si>
    <t>C:\Vila\Empresas Anterior\Arquivos Telecom\BK_K_CCA_Vila_27.11.14\Projetos\Antigos\Projeto - CSC - Out-2010\Análises Out-12\</t>
  </si>
  <si>
    <t>Template revisão escopo CSC em FICO - IBM.xlsx</t>
  </si>
  <si>
    <t>E:\BK_final\Vilarinho\Vilarinho - Trabalho\Algar Telecom\BK_K_CCA_Vila_27.11.14\Projetos\Antigos\Projeto - CSC - Out-2010\Análises Out-12\Template revisão escopo CSC em FICO - IBM.xlsx</t>
  </si>
  <si>
    <t>11/19/2019 13:36:12</t>
  </si>
  <si>
    <t>C:\Vila\Empresas Anterior\Arquivos Telecom\BK_K_CCA_Vila_27.11.14\Projetos\Antigos\Projeto - CSC - Out-2010\Fase Transição - Desk's\Contabil\Revisados\</t>
  </si>
  <si>
    <t>sugestao plan de reserva legal.xls</t>
  </si>
  <si>
    <t>E:\BK_final\Vilarinho\Vilarinho - Trabalho\Algar Telecom\BK_K_CCA_Vila_27.11.14\Projetos\Antigos\Projeto - CSC - Out-2010\Fase Transição - Desk's\Contabil\Revisados\sugestao plan de reserva legal.xls</t>
  </si>
  <si>
    <t>11/19/2019 13:36:13</t>
  </si>
  <si>
    <t>C:\Vila\Empresas Anterior\Arquivos Telecom\BK_K_CCA_Vila_27.11.14\Projetos\Antigos\Projeto - CSC - Out-2010\Vilarinho-FASE II\Analise Propostas\</t>
  </si>
  <si>
    <t>Analise - Perguntas e Respostas - Gerais.xls</t>
  </si>
  <si>
    <t>E:\BK_final\Vilarinho\Vilarinho - Trabalho\Algar Telecom\BK_K_CCA_Vila_27.11.14\Projetos\Antigos\Projeto - CSC - Out-2010\Vilarinho-FASE II\Analise Propostas\Analise - Perguntas e Respostas - Gerais.xls</t>
  </si>
  <si>
    <t>Template Analises CSC_FICO-novo.xls</t>
  </si>
  <si>
    <t>E:\BK_final\Vilarinho\Vilarinho - Trabalho\Algar Telecom\BK_K_CCA_Vila_27.11.14\Projetos\Antigos\Projeto - CSC - Out-2010\Vilarinho-FASE II\Analise Propostas\Template Analises CSC_FICO-novo.xls</t>
  </si>
  <si>
    <t>To Do por Frente.xls</t>
  </si>
  <si>
    <t>E:\BK_final\Vilarinho\Vilarinho - Trabalho\Algar Telecom\BK_K_CCA_Vila_27.11.14\Projetos\Antigos\Projeto - CSC - Out-2010\Vilarinho-FASE II\Analise Propostas\To Do por Frente.xls</t>
  </si>
  <si>
    <t>C:\Vila\Empresas Anterior\Arquivos Telecom\BK_K_CCA_Vila_27.11.14\Projetos\Antigos\Projeto - CSC - Out-2010\Vilarinho-FASE II\Analise Propostas\Analise Final\</t>
  </si>
  <si>
    <t>Comparação Técnica - Propostas-Final.xls</t>
  </si>
  <si>
    <t>E:\BK_final\Vilarinho\Vilarinho - Trabalho\Algar Telecom\BK_K_CCA_Vila_27.11.14\Projetos\Antigos\Projeto - CSC - Out-2010\Vilarinho-FASE II\Analise Propostas\Analise Final\Comparação Técnica - Propostas-Final.xls</t>
  </si>
  <si>
    <t>Cópia de Custos adicionais csc final.xls</t>
  </si>
  <si>
    <t>E:\BK_final\Vilarinho\Vilarinho - Trabalho\Algar Telecom\BK_K_CCA_Vila_27.11.14\Projetos\Antigos\Projeto - CSC - Out-2010\Vilarinho-FASE II\Analise Propostas\Analise Final\Cópia de Custos adicionais csc final.xls</t>
  </si>
  <si>
    <t>Ponderacao final.xls</t>
  </si>
  <si>
    <t>E:\BK_final\Vilarinho\Vilarinho - Trabalho\Algar Telecom\BK_K_CCA_Vila_27.11.14\Projetos\Antigos\Projeto - CSC - Out-2010\Vilarinho-FASE II\Analise Propostas\Analise Final\Ponderacao final.xls</t>
  </si>
  <si>
    <t>11/19/2019 13:36:14</t>
  </si>
  <si>
    <t>C:\Vila\Empresas Anterior\Arquivos Telecom\BK_K_CCA_Vila_27.11.14\Projetos\Antigos\Projeto - CSC - Out-2010\Vilarinho-FASE II\Analise Propostas\Analise Proposta Toutatis\Material suporte\Recon\</t>
  </si>
  <si>
    <t>Detalhamento RECON.xls</t>
  </si>
  <si>
    <t>E:\BK_final\Vilarinho\Vilarinho - Trabalho\Algar Telecom\BK_K_CCA_Vila_27.11.14\Projetos\Antigos\Projeto - CSC - Out-2010\Vilarinho-FASE II\Analise Propostas\Analise Proposta Toutatis\Material suporte\Recon\Detalhamento RECON.xls</t>
  </si>
  <si>
    <t>C:\Vila\Empresas Anterior\Arquivos Telecom\BK_K_CCA_Vila_27.11.14\Projetos\Antigos\Projeto - CSC - Out-2010\Vilarinho-FASE II\Analise Propostas\Analises Proposta IBM\Material Apoio\</t>
  </si>
  <si>
    <t>FICO - Alinhamento IBM.xlsx</t>
  </si>
  <si>
    <t>E:\BK_final\Vilarinho\Vilarinho - Trabalho\Algar Telecom\BK_K_CCA_Vila_27.11.14\Projetos\Antigos\Projeto - CSC - Out-2010\Vilarinho-FASE II\Analise Propostas\Analises Proposta IBM\Material Apoio\FICO - Alinhamento IBM.xlsx</t>
  </si>
  <si>
    <t>Processo Arrecadação - FICO.xls</t>
  </si>
  <si>
    <t>E:\BK_final\Vilarinho\Vilarinho - Trabalho\Algar Telecom\BK_K_CCA_Vila_27.11.14\Projetos\Antigos\Projeto - CSC - Out-2010\Vilarinho-FASE II\Analise Propostas\Analises Proposta IBM\Material Apoio\Processo Arrecadação - FICO.xls</t>
  </si>
  <si>
    <t>Template FICO- Parte Fiscal.xls</t>
  </si>
  <si>
    <t>E:\BK_final\Vilarinho\Vilarinho - Trabalho\Algar Telecom\BK_K_CCA_Vila_27.11.14\Projetos\Antigos\Projeto - CSC - Out-2010\Vilarinho-FASE II\Analise Propostas\Analises Proposta IBM\Material Apoio\Template FICO- Parte Fiscal.xls</t>
  </si>
  <si>
    <t>11/19/2019 13:36:19</t>
  </si>
  <si>
    <t>C:\Vila\Empresas Anterior\Arquivos Telecom\BK_K_CCA_Vila_27.11.14\Projetos\Antigos\Projeto - CSC - Out-2010\Vilarinho-FASE II\Atas da IBM\Revisadas pela Karina e kely\</t>
  </si>
  <si>
    <t>Resumo Lotes Contabilizados.xls</t>
  </si>
  <si>
    <t>E:\BK_final\Vilarinho\Vilarinho - Trabalho\Algar Telecom\BK_K_CCA_Vila_27.11.14\Projetos\Antigos\Projeto - CSC - Out-2010\Vilarinho-FASE II\Atas da IBM\Revisadas pela Karina e kely\Resumo Lotes Contabilizados.xls</t>
  </si>
  <si>
    <t>11/19/2019 13:36:20</t>
  </si>
  <si>
    <t>C:\Vila\Empresas Anterior\Arquivos Telecom\BK_K_CCA_Vila_27.11.14\Projetos\Antigos\Projeto - CSC - Out-2010\Vilarinho-FASE II\Atividades e FTE's e questionarios - FICO\</t>
  </si>
  <si>
    <t>Atividades e Processos - Controladoria.xlsx</t>
  </si>
  <si>
    <t>E:\BK_final\Vilarinho\Vilarinho - Trabalho\Algar Telecom\BK_K_CCA_Vila_27.11.14\Projetos\Antigos\Projeto - CSC - Out-2010\Vilarinho-FASE II\Atividades e FTE's e questionarios - FICO\Atividades e Processos - Controladoria.xlsx</t>
  </si>
  <si>
    <t>Atividades e Processos - Financeiro.xls</t>
  </si>
  <si>
    <t>E:\BK_final\Vilarinho\Vilarinho - Trabalho\Algar Telecom\BK_K_CCA_Vila_27.11.14\Projetos\Antigos\Projeto - CSC - Out-2010\Vilarinho-FASE II\Atividades e FTE's e questionarios - FICO\Atividades e Processos - Financeiro.xls</t>
  </si>
  <si>
    <t>CSC_Financeiro_FTE_As_Is.xls</t>
  </si>
  <si>
    <t>E:\BK_final\Vilarinho\Vilarinho - Trabalho\Algar Telecom\BK_K_CCA_Vila_27.11.14\Projetos\Antigos\Projeto - CSC - Out-2010\Vilarinho-FASE II\Atividades e FTE's e questionarios - FICO\CSC_Financeiro_FTE_As_Is.xls</t>
  </si>
  <si>
    <t>FTE As Is FICO.xls</t>
  </si>
  <si>
    <t>E:\BK_final\Vilarinho\Vilarinho - Trabalho\Algar Telecom\BK_K_CCA_Vila_27.11.14\Projetos\Antigos\Projeto - CSC - Out-2010\Vilarinho-FASE II\Atividades e FTE's e questionarios - FICO\FTE As Is FICO.xls</t>
  </si>
  <si>
    <t>11/19/2019 13:36:21</t>
  </si>
  <si>
    <t>ResumoCSC_Final-FTE Controladoria.xlsx</t>
  </si>
  <si>
    <t>E:\BK_final\Vilarinho\Vilarinho - Trabalho\Algar Telecom\BK_K_CCA_Vila_27.11.14\Projetos\Antigos\Projeto - CSC - Out-2010\Vilarinho-FASE II\Atividades e FTE's e questionarios - FICO\ResumoCSC_Final-FTE Controladoria.xlsx</t>
  </si>
  <si>
    <t>TCP (To Be).xls</t>
  </si>
  <si>
    <t>E:\BK_final\Vilarinho\Vilarinho - Trabalho\Algar Telecom\BK_K_CCA_Vila_27.11.14\Projetos\Antigos\Projeto - CSC - Out-2010\Vilarinho-FASE II\Atividades e FTE's e questionarios - FICO\TCP (To Be).xls</t>
  </si>
  <si>
    <t>TCP Macro (Consolidado).xls</t>
  </si>
  <si>
    <t>E:\BK_final\Vilarinho\Vilarinho - Trabalho\Algar Telecom\BK_K_CCA_Vila_27.11.14\Projetos\Antigos\Projeto - CSC - Out-2010\Vilarinho-FASE II\Atividades e FTE's e questionarios - FICO\TCP Macro (Consolidado).xls</t>
  </si>
  <si>
    <t>TCP Macro (Consolidado).xlsx</t>
  </si>
  <si>
    <t>E:\BK_final\Vilarinho\Vilarinho - Trabalho\Algar Telecom\BK_K_CCA_Vila_27.11.14\Projetos\Antigos\Projeto - CSC - Out-2010\Vilarinho-FASE II\Atividades e FTE's e questionarios - FICO\TCP Macro (Consolidado).xlsx</t>
  </si>
  <si>
    <t>C:\Vila\Empresas Anterior\Arquivos Telecom\BK_K_CCA_Vila_27.11.14\Projetos\Antigos\Projeto - CSC - Out-2010\Vilarinho-FASE II\Benchmarking\FICO\Bunge\Benchmarking - FICO - Bunge 05.10.10.ppt\s4\</t>
  </si>
  <si>
    <t>E:\BK_final\Vilarinho\Vilarinho - Trabalho\Algar Telecom\BK_K_CCA_Vila_27.11.14\Projetos\Antigos\Projeto - CSC - Out-2010\Vilarinho-FASE II\Benchmarking\FICO\Bunge\Benchmarking - FICO - Bunge 05.10.10.ppt</t>
  </si>
  <si>
    <t>C:\Vila\Empresas Anterior\Arquivos Telecom\BK_K_CCA_Vila_27.11.14\Projetos\Antigos\Projeto - CSC - Out-2010\Vilarinho-FASE II\Benchmarking\FICO\Bunge\</t>
  </si>
  <si>
    <t>Benchmarking_Bunge_ FICO_vf- Karina.xlsx</t>
  </si>
  <si>
    <t>E:\BK_final\Vilarinho\Vilarinho - Trabalho\Algar Telecom\BK_K_CCA_Vila_27.11.14\Projetos\Antigos\Projeto - CSC - Out-2010\Vilarinho-FASE II\Benchmarking\FICO\Bunge\Benchmarking_Bunge_ FICO_vf- Karina.xlsx</t>
  </si>
  <si>
    <t>Check List benchmarking - FICO- Bounge.xls</t>
  </si>
  <si>
    <t>E:\BK_final\Vilarinho\Vilarinho - Trabalho\Algar Telecom\BK_K_CCA_Vila_27.11.14\Projetos\Antigos\Projeto - CSC - Out-2010\Vilarinho-FASE II\Benchmarking\FICO\Bunge\Check List benchmarking - FICO- Bounge.xls</t>
  </si>
  <si>
    <t>11/19/2019 13:36:22</t>
  </si>
  <si>
    <t>C:\Vila\Empresas Anterior\Arquivos Telecom\BK_K_CCA_Vila_27.11.14\Projetos\Antigos\Projeto - CSC - Out-2010\Vilarinho-FASE II\Benchmarking\FICO\Bunge\Projeto CSC_Pto Controle_07_10_.ppt\s4\</t>
  </si>
  <si>
    <t>E:\BK_final\Vilarinho\Vilarinho - Trabalho\Algar Telecom\BK_K_CCA_Vila_27.11.14\Projetos\Antigos\Projeto - CSC - Out-2010\Vilarinho-FASE II\Benchmarking\FICO\Bunge\Projeto CSC_Pto Controle_07_10_.ppt</t>
  </si>
  <si>
    <t>C:\Vila\Empresas Anterior\Arquivos Telecom\BK_K_CCA_Vila_27.11.14\Projetos\Antigos\Projeto - CSC - Out-2010\Vilarinho-FASE II\Benchmarking\FICO\Draft's\</t>
  </si>
  <si>
    <t>Checklist benchmarketing clientes CSC - Parte Finanças.xls</t>
  </si>
  <si>
    <t>E:\BK_final\Vilarinho\Vilarinho - Trabalho\Algar Telecom\BK_K_CCA_Vila_27.11.14\Projetos\Antigos\Projeto - CSC - Out-2010\Vilarinho-FASE II\Benchmarking\FICO\Draft's\Checklist benchmarketing clientes CSC - Parte Finanças.xls</t>
  </si>
  <si>
    <t>11/19/2019 13:36:23</t>
  </si>
  <si>
    <t>C:\Vila\Empresas Anterior\Arquivos Telecom\BK_K_CCA_Vila_27.11.14\Projetos\Antigos\Projeto - CSC - Out-2010\Vilarinho-FASE II\Benchmarking\FICO\Natura\</t>
  </si>
  <si>
    <t>Check List benchmarking - FICO-Final.xls</t>
  </si>
  <si>
    <t>E:\BK_final\Vilarinho\Vilarinho - Trabalho\Algar Telecom\BK_K_CCA_Vila_27.11.14\Projetos\Antigos\Projeto - CSC - Out-2010\Vilarinho-FASE II\Benchmarking\FICO\Natura\Check List benchmarking - FICO-Final.xls</t>
  </si>
  <si>
    <t>C:\Vila\Empresas Anterior\Arquivos Telecom\BK_K_CCA_Vila_27.11.14\Projetos\Antigos\Projeto - CSC - Out-2010\Vilarinho-FASE II\Benchmarking\TH\</t>
  </si>
  <si>
    <t>ANALISE Pontos Positivos x Negativos - IBM.xls</t>
  </si>
  <si>
    <t>E:\BK_final\Vilarinho\Vilarinho - Trabalho\Algar Telecom\BK_K_CCA_Vila_27.11.14\Projetos\Antigos\Projeto - CSC - Out-2010\Vilarinho-FASE II\Benchmarking\TH\ANALISE Pontos Positivos x Negativos - IBM.xls</t>
  </si>
  <si>
    <t>ANALISE Pontos Positivos x Negativos - TOUTATIS.xls</t>
  </si>
  <si>
    <t>E:\BK_final\Vilarinho\Vilarinho - Trabalho\Algar Telecom\BK_K_CCA_Vila_27.11.14\Projetos\Antigos\Projeto - CSC - Out-2010\Vilarinho-FASE II\Benchmarking\TH\ANALISE Pontos Positivos x Negativos - TOUTATIS.xls</t>
  </si>
  <si>
    <t>11/19/2019 13:36:26</t>
  </si>
  <si>
    <t>C:\Vila\Empresas Anterior\Arquivos Telecom\BK_K_CCA_Vila_27.11.14\Projetos\Antigos\Projeto - CSC - Out-2010\Vilarinho-FASE II\Cronogramas\</t>
  </si>
  <si>
    <t>Agendas WorkShops 14 e 15.xls</t>
  </si>
  <si>
    <t>E:\BK_final\Vilarinho\Vilarinho - Trabalho\Algar Telecom\BK_K_CCA_Vila_27.11.14\Projetos\Antigos\Projeto - CSC - Out-2010\Vilarinho-FASE II\Cronogramas\Agendas WorkShops 14 e 15.xls</t>
  </si>
  <si>
    <t>Cronograma Semana 9 a 13 Agosto - 2010 - Frente FICO.xls</t>
  </si>
  <si>
    <t>E:\BK_final\Vilarinho\Vilarinho - Trabalho\Algar Telecom\BK_K_CCA_Vila_27.11.14\Projetos\Antigos\Projeto - CSC - Out-2010\Vilarinho-FASE II\Cronogramas\Cronograma Semana 9 a 13 Agosto - 2010 - Frente FICO.xls</t>
  </si>
  <si>
    <t>C:\Vila\Empresas Anterior\Arquivos Telecom\BK_K_CCA_Vila_27.11.14\Projetos\Antigos\Projeto - CSC - Out-2010\Vilarinho-FASE II\Cronogramas\Projeto CSC_Pto Controle_07_10_.ppt\s4\</t>
  </si>
  <si>
    <t>E:\BK_final\Vilarinho\Vilarinho - Trabalho\Algar Telecom\BK_K_CCA_Vila_27.11.14\Projetos\Antigos\Projeto - CSC - Out-2010\Vilarinho-FASE II\Cronogramas\Projeto CSC_Pto Controle_07_10_.ppt</t>
  </si>
  <si>
    <t>TOUTATIS_Entrevistas Externas Contabil Fiscal Finanças(2)(1).xls</t>
  </si>
  <si>
    <t>E:\BK_final\Vilarinho\Vilarinho - Trabalho\Algar Telecom\BK_K_CCA_Vila_27.11.14\Projetos\Antigos\Projeto - CSC - Out-2010\Vilarinho-FASE II\Cronogramas\TOUTATIS_Entrevistas Externas Contabil Fiscal Finanças(2)(1).xls</t>
  </si>
  <si>
    <t>11/19/2019 13:36:28</t>
  </si>
  <si>
    <t>C:\Vila\Empresas Anterior\Arquivos Telecom\BK_K_CCA_Vila_27.11.14\Projetos\Antigos\Projeto - CSC - Out-2010\Vilarinho-FASE II\Custos Adicionais FICO\</t>
  </si>
  <si>
    <t>Custos Adicionais_FICO.xls</t>
  </si>
  <si>
    <t>E:\BK_final\Vilarinho\Vilarinho - Trabalho\Algar Telecom\BK_K_CCA_Vila_27.11.14\Projetos\Antigos\Projeto - CSC - Out-2010\Vilarinho-FASE II\Custos Adicionais FICO\Custos Adicionais_FICO.xls</t>
  </si>
  <si>
    <t>Equalização Proposta CSC - 03.11.10.xls</t>
  </si>
  <si>
    <t>E:\BK_final\Vilarinho\Vilarinho - Trabalho\Algar Telecom\BK_K_CCA_Vila_27.11.14\Projetos\Antigos\Projeto - CSC - Out-2010\Vilarinho-FASE II\Custos Adicionais FICO\Equalização Proposta CSC - 03.11.10.xls</t>
  </si>
  <si>
    <t>TCO_Custos adicionais csc final.xls</t>
  </si>
  <si>
    <t>E:\BK_final\Vilarinho\Vilarinho - Trabalho\Algar Telecom\BK_K_CCA_Vila_27.11.14\Projetos\Antigos\Projeto - CSC - Out-2010\Vilarinho-FASE II\Custos Adicionais FICO\TCO_Custos adicionais csc final.xls</t>
  </si>
  <si>
    <t>TCO_Custos adicionais FICO csc - Ajustes Finais.xls</t>
  </si>
  <si>
    <t>E:\BK_final\Vilarinho\Vilarinho - Trabalho\Algar Telecom\BK_K_CCA_Vila_27.11.14\Projetos\Antigos\Projeto - CSC - Out-2010\Vilarinho-FASE II\Custos Adicionais FICO\TCO_Custos adicionais FICO csc - Ajustes Finais.xls</t>
  </si>
  <si>
    <t>C:\Vila\Empresas Anterior\Arquivos Telecom\BK_K_CCA_Vila_27.11.14\Projetos\Antigos\Projeto - CSC - Out-2010\Vilarinho-FASE II\Custos Adicionais FICO\Emissao Cheques\</t>
  </si>
  <si>
    <t>Custo Estrutura Adicional - Finanças.xls</t>
  </si>
  <si>
    <t>E:\BK_final\Vilarinho\Vilarinho - Trabalho\Algar Telecom\BK_K_CCA_Vila_27.11.14\Projetos\Antigos\Projeto - CSC - Out-2010\Vilarinho-FASE II\Custos Adicionais FICO\Emissao Cheques\Custo Estrutura Adicional - Finanças.xls</t>
  </si>
  <si>
    <t>11/19/2019 13:36:31</t>
  </si>
  <si>
    <t>C:\Vila\Empresas Anterior\Arquivos Telecom\BK_K_CCA_Vila_27.11.14\Projetos\Antigos\Projeto - CSC - Out-2010\Vilarinho-FASE II\Custos Adicionais FICO\Estrutura Fiscal\</t>
  </si>
  <si>
    <t>Custo Estrutura Fiscal Adicional.xls</t>
  </si>
  <si>
    <t>E:\BK_final\Vilarinho\Vilarinho - Trabalho\Algar Telecom\BK_K_CCA_Vila_27.11.14\Projetos\Antigos\Projeto - CSC - Out-2010\Vilarinho-FASE II\Custos Adicionais FICO\Estrutura Fiscal\Custo Estrutura Fiscal Adicional.xls</t>
  </si>
  <si>
    <t>C:\Vila\Empresas Anterior\Arquivos Telecom\BK_K_CCA_Vila_27.11.14\Projetos\Antigos\Projeto - CSC - Out-2010\Vilarinho-FASE II\Custos Adicionais FICO\Estrutura Transição\</t>
  </si>
  <si>
    <t>Equipe Algar Transição - FiCO.xls</t>
  </si>
  <si>
    <t>E:\BK_final\Vilarinho\Vilarinho - Trabalho\Algar Telecom\BK_K_CCA_Vila_27.11.14\Projetos\Antigos\Projeto - CSC - Out-2010\Vilarinho-FASE II\Custos Adicionais FICO\Estrutura Transição\Equipe Algar Transição - FiCO.xls</t>
  </si>
  <si>
    <t>11/19/2019 13:36:33</t>
  </si>
  <si>
    <t>C:\Vila\Empresas Anterior\Arquivos Telecom\BK_K_CCA_Vila_27.11.14\Projetos\Antigos\Projeto - CSC - Out-2010\Vilarinho-FASE II\Custos Adicionais FICO\RECON\</t>
  </si>
  <si>
    <t>Memória Cálculo RECON.xls</t>
  </si>
  <si>
    <t>E:\BK_final\Vilarinho\Vilarinho - Trabalho\Algar Telecom\BK_K_CCA_Vila_27.11.14\Projetos\Antigos\Projeto - CSC - Out-2010\Vilarinho-FASE II\Custos Adicionais FICO\RECON\Memória Cálculo RECON.xls</t>
  </si>
  <si>
    <t>11/19/2019 13:36:37</t>
  </si>
  <si>
    <t>C:\Vila\Empresas Anterior\Arquivos Telecom\BK_K_CCA_Vila_27.11.14\Projetos\Antigos\Projeto - CSC - Out-2010\Vilarinho-FASE II\Material Finanças\</t>
  </si>
  <si>
    <t>E:\BK_final\Vilarinho\Vilarinho - Trabalho\Algar Telecom\BK_K_CCA_Vila_27.11.14\Projetos\Antigos\Projeto - CSC - Out-2010\Vilarinho-FASE II\Material Finanças\CSC_Financeiro_FTE_As_Is.xls</t>
  </si>
  <si>
    <t>11/19/2019 13:36:38</t>
  </si>
  <si>
    <t>C:\Vila\Empresas Anterior\Arquivos Telecom\BK_K_CCA_Vila_27.11.14\Projetos\Antigos\Projeto - CSC - Out-2010\Vilarinho-FASE II\Material Finanças\FICO.zip\</t>
  </si>
  <si>
    <t>Controladoria.xls</t>
  </si>
  <si>
    <t>E:\BK_final\Vilarinho\Vilarinho - Trabalho\Algar Telecom\BK_K_CCA_Vila_27.11.14\Projetos\Antigos\Projeto - CSC - Out-2010\Vilarinho-FASE II\Material Finanças\FICO.zip</t>
  </si>
  <si>
    <t>Financeiro.xls</t>
  </si>
  <si>
    <t>11/19/2019 13:36:41</t>
  </si>
  <si>
    <t>C:\Vila\Empresas Anterior\Arquivos Telecom\BK_K_CCA_Vila_27.11.14\Projetos\Antigos\Projeto - CSC - Out-2010\Vilarinho-FASE II\Matriz Decisao\</t>
  </si>
  <si>
    <t>Matriz de decisao - Projeto CSC_Consolidado-Final FICO.xls</t>
  </si>
  <si>
    <t>E:\BK_final\Vilarinho\Vilarinho - Trabalho\Algar Telecom\BK_K_CCA_Vila_27.11.14\Projetos\Antigos\Projeto - CSC - Out-2010\Vilarinho-FASE II\Matriz Decisao\Matriz de decisao - Projeto CSC_Consolidado-Final FICO.xls</t>
  </si>
  <si>
    <t>Matriz de decisao - Projeto CSC_Consolidado.xls</t>
  </si>
  <si>
    <t>E:\BK_final\Vilarinho\Vilarinho - Trabalho\Algar Telecom\BK_K_CCA_Vila_27.11.14\Projetos\Antigos\Projeto - CSC - Out-2010\Vilarinho-FASE II\Matriz Decisao\Matriz de decisao - Projeto CSC_Consolidado.xls</t>
  </si>
  <si>
    <t>11/19/2019 13:36:43</t>
  </si>
  <si>
    <t>C:\Vila\Empresas Anterior\Arquivos Telecom\BK_K_CCA_Vila_27.11.14\Projetos\Antigos\Projeto - CSC - Out-2010\Vilarinho-FASE II\Matriz Decisao\Consolidação Matrizes Frentes\Ajustadas\MatrizAreasAJustas.rar\</t>
  </si>
  <si>
    <t>CÃ³pia de Matriz de decisao - Projeto CSC_Consolidado 03nov-CJU.xls</t>
  </si>
  <si>
    <t>E:\BK_final\Vilarinho\Vilarinho - Trabalho\Algar Telecom\BK_K_CCA_Vila_27.11.14\Projetos\Antigos\Projeto - CSC - Out-2010\Vilarinho-FASE II\Matriz Decisao\Consolidação Matrizes Frentes\Ajustadas\MatrizAreasAJustas.rar</t>
  </si>
  <si>
    <t>MATRIZ de Decisao - Projeto CSC_CONSOLIDADO JA PONTUADA-TH.xls</t>
  </si>
  <si>
    <t>11/19/2019 13:36:44</t>
  </si>
  <si>
    <t>C:\Vila\Empresas Anterior\Arquivos Telecom\BK_K_CCA_Vila_27.11.14\Projetos\Antigos\Projeto - CSC - Out-2010\Vilarinho-FASE II\Matriz Decisao\Drafts\</t>
  </si>
  <si>
    <t>Matriz de decisao - Projeto CSC - FICO-alinhada dia 13.10.10.xls</t>
  </si>
  <si>
    <t>E:\BK_final\Vilarinho\Vilarinho - Trabalho\Algar Telecom\BK_K_CCA_Vila_27.11.14\Projetos\Antigos\Projeto - CSC - Out-2010\Vilarinho-FASE II\Matriz Decisao\Drafts\Matriz de decisao - Projeto CSC - FICO-alinhada dia 13.10.10.xls</t>
  </si>
  <si>
    <t>Matriz de decisao - Projeto CSC - FICO.xls</t>
  </si>
  <si>
    <t>E:\BK_final\Vilarinho\Vilarinho - Trabalho\Algar Telecom\BK_K_CCA_Vila_27.11.14\Projetos\Antigos\Projeto - CSC - Out-2010\Vilarinho-FASE II\Matriz Decisao\Drafts\Matriz de decisao - Projeto CSC - FICO.xls</t>
  </si>
  <si>
    <t>11/19/2019 13:45:34</t>
  </si>
  <si>
    <t>Matriz de decisao - Projeto CSC.xls</t>
  </si>
  <si>
    <t>E:\BK_final\Vilarinho\Vilarinho - Trabalho\Algar Telecom\BK_K_CCA_Vila_27.11.14\Projetos\Antigos\Projeto - CSC - Out-2010\Vilarinho-FASE II\Matriz Decisao\Drafts\Matriz de decisao - Projeto CSC.xls</t>
  </si>
  <si>
    <t>C:\Vila\Empresas Anterior\Arquivos Telecom\BK_K_CCA_Vila_27.11.14\Projetos\Antigos\Projeto - CSC - Out-2010\Vilarinho-FASE II\Matriz Decisao\Modelos\</t>
  </si>
  <si>
    <t>Matriz de Decisão - Modelo.xls</t>
  </si>
  <si>
    <t>E:\BK_final\Vilarinho\Vilarinho - Trabalho\Algar Telecom\BK_K_CCA_Vila_27.11.14\Projetos\Antigos\Projeto - CSC - Out-2010\Vilarinho-FASE II\Matriz Decisao\Modelos\Matriz de Decisão - Modelo.xls</t>
  </si>
  <si>
    <t>11/19/2019 13:36:49</t>
  </si>
  <si>
    <t>C:\Vila\Empresas Anterior\Arquivos Telecom\BK_K_CCA_Vila_27.11.14\Projetos\Antigos\Projeto - CSC - Out-2010\Vilarinho-FASE II\Outros\Apresentação CCA - Versão Final.ppt\s4\</t>
  </si>
  <si>
    <t>E:\BK_final\Vilarinho\Vilarinho - Trabalho\Algar Telecom\BK_K_CCA_Vila_27.11.14\Projetos\Antigos\Projeto - CSC - Out-2010\Vilarinho-FASE II\Outros\Apresentação CCA - Versão Final.ppt</t>
  </si>
  <si>
    <t>11/19/2019 13:36:50</t>
  </si>
  <si>
    <t>C:\Vila\Empresas Anterior\Arquivos Telecom\BK_K_CCA_Vila_27.11.14\Projetos\Antigos\Projeto - CSC - Out-2010\Vilarinho-FASE II\Outros\CPC 04-diagnostico IFRS.docx\</t>
  </si>
  <si>
    <t>E:\BK_final\Vilarinho\Vilarinho - Trabalho\Algar Telecom\BK_K_CCA_Vila_27.11.14\Projetos\Antigos\Projeto - CSC - Out-2010\Vilarinho-FASE II\Outros\CPC 04-diagnostico IFRS.docx</t>
  </si>
  <si>
    <t>11/19/2019 13:37:22</t>
  </si>
  <si>
    <t>C:\Vila\Empresas Anterior\Arquivos Telecom\BK_K_CCA_Vila_27.11.14\Projetos\Antigos\Projeto - CSC - Out-2010\Vilarinho-FASE II\Reuniões FICO-Informações Enviadas\31_Apres Processo de Conciliacao.pptx\</t>
  </si>
  <si>
    <t>E:\BK_final\Vilarinho\Vilarinho - Trabalho\Algar Telecom\BK_K_CCA_Vila_27.11.14\Projetos\Antigos\Projeto - CSC - Out-2010\Vilarinho-FASE II\Reuniões FICO-Informações Enviadas\31_Apres Processo de Conciliacao.pptx</t>
  </si>
  <si>
    <t>C:\Vila\Empresas Anterior\Arquivos Telecom\BK_K_CCA_Vila_27.11.14\Projetos\Antigos\Projeto - CSC - Out-2010\Vilarinho-FASE II\Reuniões FICO-Informações Enviadas\31_Apres Processo de Conciliacao.pptx\Planilha_do_Microsoft_Office_Excel2.xlsx\</t>
  </si>
  <si>
    <t>Planilha_do_Microsoft_Office_Excel10.xlsx</t>
  </si>
  <si>
    <t>11/19/2019 13:37:23</t>
  </si>
  <si>
    <t>Planilha_do_Microsoft_Office_Excel6.xlsx</t>
  </si>
  <si>
    <t>Planilha_do_Microsoft_Office_Excel7.xlsx</t>
  </si>
  <si>
    <t>Planilha_do_Microsoft_Office_Excel8.xlsx</t>
  </si>
  <si>
    <t>Planilha_do_Microsoft_Office_Excel9.xlsx</t>
  </si>
  <si>
    <t>C:\Vila\Empresas Anterior\Arquivos Telecom\BK_K_CCA_Vila_27.11.14\Projetos\Antigos\Projeto - CSC - Out-2010\Vilarinho-FASE II\Reuniões FICO-Informações Enviadas\</t>
  </si>
  <si>
    <t>Abertura NF - Telecom.xls</t>
  </si>
  <si>
    <t>E:\BK_final\Vilarinho\Vilarinho - Trabalho\Algar Telecom\BK_K_CCA_Vila_27.11.14\Projetos\Antigos\Projeto - CSC - Out-2010\Vilarinho-FASE II\Reuniões FICO-Informações Enviadas\Abertura NF - Telecom.xls</t>
  </si>
  <si>
    <t>Cronograma_06_2010 Telecom_R12.xls</t>
  </si>
  <si>
    <t>E:\BK_final\Vilarinho\Vilarinho - Trabalho\Algar Telecom\BK_K_CCA_Vila_27.11.14\Projetos\Antigos\Projeto - CSC - Out-2010\Vilarinho-FASE II\Reuniões FICO-Informações Enviadas\Cronograma_06_2010 Telecom_R12.xls</t>
  </si>
  <si>
    <t>11/19/2019 13:37:24</t>
  </si>
  <si>
    <t>C:\Vila\Empresas Anterior\Arquivos Telecom\BK_K_CCA_Vila_27.11.14\Projetos\Antigos\Projeto - CSC - Out-2010\Vilarinho-FASE II\Transição - Pessoas Chave Toutatis\</t>
  </si>
  <si>
    <t>Key People Toutatis.xlsx</t>
  </si>
  <si>
    <t>E:\BK_final\Vilarinho\Vilarinho - Trabalho\Algar Telecom\BK_K_CCA_Vila_27.11.14\Projetos\Antigos\Projeto - CSC - Out-2010\Vilarinho-FASE II\Transição - Pessoas Chave Toutatis\Key People Toutatis.xlsx</t>
  </si>
  <si>
    <t>11/19/2019 13:37:26</t>
  </si>
  <si>
    <t>C:\Vila\Empresas Anterior\Arquivos Telecom\BK_K_CCA_Vila_27.11.14\Projetos\Antigos\Projeto - CSC - Out-2010\Vilarinho-FASE III\Anexos Contrato\Apresentacao e Pontos Pendentes Contrato\Material Suporte\</t>
  </si>
  <si>
    <t>Volumes - FICO.xls</t>
  </si>
  <si>
    <t>E:\BK_final\Vilarinho\Vilarinho - Trabalho\Algar Telecom\BK_K_CCA_Vila_27.11.14\Projetos\Antigos\Projeto - CSC - Out-2010\Vilarinho-FASE III\Anexos Contrato\Apresentacao e Pontos Pendentes Contrato\Material Suporte\Volumes - FICO.xls</t>
  </si>
  <si>
    <t>11/19/2019 13:37:27</t>
  </si>
  <si>
    <t>Volumes - TH.xls</t>
  </si>
  <si>
    <t>E:\BK_final\Vilarinho\Vilarinho - Trabalho\Algar Telecom\BK_K_CCA_Vila_27.11.14\Projetos\Antigos\Projeto - CSC - Out-2010\Vilarinho-FASE III\Anexos Contrato\Apresentacao e Pontos Pendentes Contrato\Material Suporte\Volumes - TH.xls</t>
  </si>
  <si>
    <t>11/19/2019 13:37:34</t>
  </si>
  <si>
    <t>C:\Vila\Empresas Anterior\Arquivos Telecom\BK_K_CCA_Vila_27.11.14\Projetos\Antigos\Projeto - CSC - Out-2010\Vilarinho-FASE III\Anexos Contrato\SWO SLA VOLUMES\</t>
  </si>
  <si>
    <t>Materiais Anexos - Algar F&amp;A Final - 1 Revisao Algar.xls</t>
  </si>
  <si>
    <t>E:\BK_final\Vilarinho\Vilarinho - Trabalho\Algar Telecom\BK_K_CCA_Vila_27.11.14\Projetos\Antigos\Projeto - CSC - Out-2010\Vilarinho-FASE III\Anexos Contrato\SWO SLA VOLUMES\Materiais Anexos - Algar F&amp;A Final - 1 Revisao Algar.xls</t>
  </si>
  <si>
    <t>Materiais Anexos - Algar F&amp;A_v6.0_final.xls</t>
  </si>
  <si>
    <t>E:\BK_final\Vilarinho\Vilarinho - Trabalho\Algar Telecom\BK_K_CCA_Vila_27.11.14\Projetos\Antigos\Projeto - CSC - Out-2010\Vilarinho-FASE III\Anexos Contrato\SWO SLA VOLUMES\Materiais Anexos - Algar F&amp;A_v6.0_final.xls</t>
  </si>
  <si>
    <t>11/19/2019 13:37:35</t>
  </si>
  <si>
    <t>C:\Vila\Empresas Anterior\Arquivos Telecom\BK_K_CCA_Vila_27.11.14\Projetos\Antigos\Projeto - CSC - Out-2010\Vilarinho-FASE III\Informações Gerais\</t>
  </si>
  <si>
    <t>ATI - IBM - DD Questionario - Finanças e Controladoria (Final).xlsx</t>
  </si>
  <si>
    <t>E:\BK_final\Vilarinho\Vilarinho - Trabalho\Algar Telecom\BK_K_CCA_Vila_27.11.14\Projetos\Antigos\Projeto - CSC - Out-2010\Vilarinho-FASE III\Informações Gerais\ATI - IBM - DD Questionario - Finanças e Controladoria (Final).xlsx</t>
  </si>
  <si>
    <t>C:\Vila\Empresas Anterior\Arquivos Telecom\BK_K_CCA_Vila_27.11.14\Projetos\Antigos\Projeto - CSC - Out-2010\Vilarinho-FASE III\Informações Gerais\ATI - IBM - DD Questionario - Finanças e Controladoria (Final).xlsx\Escopo.zip\</t>
  </si>
  <si>
    <t>Escopo.xlsx</t>
  </si>
  <si>
    <t>ATT - IBM - DD Questionario - Finanças e Controladoria (Final).xlsx</t>
  </si>
  <si>
    <t>E:\BK_final\Vilarinho\Vilarinho - Trabalho\Algar Telecom\BK_K_CCA_Vila_27.11.14\Projetos\Antigos\Projeto - CSC - Out-2010\Vilarinho-FASE III\Informações Gerais\ATT - IBM - DD Questionario - Finanças e Controladoria (Final).xlsx</t>
  </si>
  <si>
    <t xml:space="preserve">C:\Vila\Empresas Anterior\Arquivos Telecom\BK_K_CCA_Vila_27.11.14\Projetos\Antigos\Projeto - CSC - Out-2010\Vilarinho-FASE III\Informações Gerais\ATT - IBM - DD Questionario - Finanças e Controladoria (Final).xlsx\Planilha em ATT - IBM - DD Questionario - </t>
  </si>
  <si>
    <t>Planilha em ATT - IBM - DD Questionario - Finan‡as e Controladoria (Final).xlsx</t>
  </si>
  <si>
    <t>KIT_TCO - Proposta IBM - Controladoria e Fiscal.xls</t>
  </si>
  <si>
    <t>E:\BK_final\Vilarinho\Vilarinho - Trabalho\Algar Telecom\BK_K_CCA_Vila_27.11.14\Projetos\Antigos\Projeto - CSC - Out-2010\Vilarinho-FASE III\Informações Gerais\KIT_TCO - Proposta IBM - Controladoria e Fiscal.xls</t>
  </si>
  <si>
    <t>KIT_TCO_Proposta IBM_FINANÇAS.xlsx</t>
  </si>
  <si>
    <t>E:\BK_final\Vilarinho\Vilarinho - Trabalho\Algar Telecom\BK_K_CCA_Vila_27.11.14\Projetos\Antigos\Projeto - CSC - Out-2010\Vilarinho-FASE III\Informações Gerais\KIT_TCO_Proposta IBM_FINANÇAS.xlsx</t>
  </si>
  <si>
    <t>11/19/2019 13:37:36</t>
  </si>
  <si>
    <t>C:\Vila\Empresas Anterior\Arquivos Telecom\BK_K_CCA_Vila_27.11.14\Projetos\Antigos\Projeto - CSC - Out-2010\Vilarinho-FASE III\Informações Gerais\Questionariosekitfinal.zip\</t>
  </si>
  <si>
    <t>ATI - IBM - DD Questionario - Finan‡as e Controladoria (Final).xlsx</t>
  </si>
  <si>
    <t>E:\BK_final\Vilarinho\Vilarinho - Trabalho\Algar Telecom\BK_K_CCA_Vila_27.11.14\Projetos\Antigos\Projeto - CSC - Out-2010\Vilarinho-FASE III\Informações Gerais\Questionariosekitfinal.zip</t>
  </si>
  <si>
    <t>ATT - IBM - DD Questionario - Finan‡as e Controladoria (Final).xlsx</t>
  </si>
  <si>
    <t>KIT_TCO_Proposta IBM_FINAN€AS.xlsx</t>
  </si>
  <si>
    <t>C:\Vila\Empresas Anterior\Arquivos Telecom\BK_K_CCA_Vila_27.11.14\Projetos\Antigos\Projeto - CSC - Out-2010\Vilarinho-FASE III\Informações Gerais\Questionariosekitfinal.zip\ATI - IBM - DD Questionario - Finan‡as e Controladoria (Final).xlsx\Escopo.zip\</t>
  </si>
  <si>
    <t>C:\Vila\Empresas Anterior\Arquivos Telecom\BK_K_CCA_Vila_27.11.14\Projetos\Antigos\Projeto - CSC - Out-2010\Vilarinho-FASE III\Informações Gerais\Questionariosekitfinal.zip\ATT - IBM - DD Questionario - Finan‡as e Controladoria (Final).xlsx\Planilha em ATT</t>
  </si>
  <si>
    <t>11/19/2019 13:37:38</t>
  </si>
  <si>
    <t>C:\Vila\Empresas Anterior\Arquivos Telecom\BK_K_CCA_Vila_27.11.14\Projetos\Antigos\Projeto - CSC - Out-2010\Vilarinho-FASE III\Orçamento e Preços Contrato\</t>
  </si>
  <si>
    <t>%faturamento e valores por empresa Ongoing e Transição.xls</t>
  </si>
  <si>
    <t>E:\BK_final\Vilarinho\Vilarinho - Trabalho\Algar Telecom\BK_K_CCA_Vila_27.11.14\Projetos\Antigos\Projeto - CSC - Out-2010\Vilarinho-FASE III\Orçamento e Preços Contrato\%faturamento e valores por empresa Ongoing e Transição.xls</t>
  </si>
  <si>
    <t>Comparativo de preços IBM - ARC vs EMB_FICO.xls</t>
  </si>
  <si>
    <t>E:\BK_final\Vilarinho\Vilarinho - Trabalho\Algar Telecom\BK_K_CCA_Vila_27.11.14\Projetos\Antigos\Projeto - CSC - Out-2010\Vilarinho-FASE III\Orçamento e Preços Contrato\Comparativo de preços IBM - ARC vs EMB_FICO.xls</t>
  </si>
  <si>
    <t>11/19/2019 13:37:40</t>
  </si>
  <si>
    <t>E:\BK_final\Vilarinho\Vilarinho - Trabalho\Algar Telecom\BK_K_CCA_Vila_27.11.14\Projetos\Antigos\Projeto - CSC - Out-2010\Vilarinho-FASE III\Orçamento e Preços Contrato\Equalização Proposta CSC - 03.11.10.xls</t>
  </si>
  <si>
    <t>Orçamento projeto CSC.xlsx</t>
  </si>
  <si>
    <t>E:\BK_final\Vilarinho\Vilarinho - Trabalho\Algar Telecom\BK_K_CCA_Vila_27.11.14\Projetos\Antigos\Projeto - CSC - Out-2010\Vilarinho-FASE III\Orçamento e Preços Contrato\Orçamento projeto CSC.xlsx</t>
  </si>
  <si>
    <t>11/19/2019 13:37:45</t>
  </si>
  <si>
    <t>Premissas - Custos Adicionais - FICO - IBM.xls</t>
  </si>
  <si>
    <t>E:\BK_final\Vilarinho\Vilarinho - Trabalho\Algar Telecom\BK_K_CCA_Vila_27.11.14\Projetos\Antigos\Projeto - CSC - Out-2010\Vilarinho-FASE III\Orçamento e Preços Contrato\Premissas - Custos Adicionais - FICO - IBM.xls</t>
  </si>
  <si>
    <t>Premissas - Custos Adicionais - TI e Compras e Comuns - IBM.xls</t>
  </si>
  <si>
    <t>E:\BK_final\Vilarinho\Vilarinho - Trabalho\Algar Telecom\BK_K_CCA_Vila_27.11.14\Projetos\Antigos\Projeto - CSC - Out-2010\Vilarinho-FASE III\Orçamento e Preços Contrato\Premissas - Custos Adicionais - TI e Compras e Comuns - IBM.xls</t>
  </si>
  <si>
    <t>C:\Vila\Empresas Anterior\Arquivos Telecom\BK_K_CCA_Vila_27.11.14\Projetos\Antigos\Projeto Amperj\</t>
  </si>
  <si>
    <t>Projeto Amperj - Documentos Organização-26.05.11.xlsx</t>
  </si>
  <si>
    <t>E:\BK_final\Vilarinho\Vilarinho - Trabalho\Algar Telecom\BK_K_CCA_Vila_27.11.14\Projetos\Antigos\Projeto Amperj\Projeto Amperj - Documentos Organização-26.05.11.xlsx</t>
  </si>
  <si>
    <t>Projeto Amperj - Documentos Organização.xlsx</t>
  </si>
  <si>
    <t>E:\BK_final\Vilarinho\Vilarinho - Trabalho\Algar Telecom\BK_K_CCA_Vila_27.11.14\Projetos\Antigos\Projeto Amperj\Projeto Amperj - Documentos Organização.xlsx</t>
  </si>
  <si>
    <t>Projeto Amperj - Pessoas Organização-26.05.11.xlsx</t>
  </si>
  <si>
    <t>E:\BK_final\Vilarinho\Vilarinho - Trabalho\Algar Telecom\BK_K_CCA_Vila_27.11.14\Projetos\Antigos\Projeto Amperj\Projeto Amperj - Pessoas Organização-26.05.11.xlsx</t>
  </si>
  <si>
    <t>Projeto Amperj - Pessoas Organização.xlsx</t>
  </si>
  <si>
    <t>E:\BK_final\Vilarinho\Vilarinho - Trabalho\Algar Telecom\BK_K_CCA_Vila_27.11.14\Projetos\Antigos\Projeto Amperj\Projeto Amperj - Pessoas Organização.xlsx</t>
  </si>
  <si>
    <t>Projeto Amperj - Propostas Portugual.xlsx</t>
  </si>
  <si>
    <t>E:\BK_final\Vilarinho\Vilarinho - Trabalho\Algar Telecom\BK_K_CCA_Vila_27.11.14\Projetos\Antigos\Projeto Amperj\Projeto Amperj - Propostas Portugual.xlsx</t>
  </si>
  <si>
    <t>Projeto Amperj - Status Frentes Trabalho.xlsx</t>
  </si>
  <si>
    <t>E:\BK_final\Vilarinho\Vilarinho - Trabalho\Algar Telecom\BK_K_CCA_Vila_27.11.14\Projetos\Antigos\Projeto Amperj\Projeto Amperj - Status Frentes Trabalho.xlsx</t>
  </si>
  <si>
    <t>11/19/2019 13:37:47</t>
  </si>
  <si>
    <t>C:\Vila\Empresas Anterior\Arquivos Telecom\BK_K_CCA_Vila_27.11.14\Projetos\Antigos\Projeto Estoque\</t>
  </si>
  <si>
    <t>Contas Estoque.xls</t>
  </si>
  <si>
    <t>E:\BK_final\Vilarinho\Vilarinho - Trabalho\Algar Telecom\BK_K_CCA_Vila_27.11.14\Projetos\Antigos\Projeto Estoque\Contas Estoque.xls</t>
  </si>
  <si>
    <t>C:\Vila\Empresas Anterior\Arquivos Telecom\BK_K_CCA_Vila_27.11.14\Projetos\Antigos\Projeto Home Office\</t>
  </si>
  <si>
    <t>Escala Home Ofice - final.xls</t>
  </si>
  <si>
    <t>E:\BK_final\Vilarinho\Vilarinho - Trabalho\Algar Telecom\BK_K_CCA_Vila_27.11.14\Projetos\Antigos\Projeto Home Office\Escala Home Ofice - final.xls</t>
  </si>
  <si>
    <t>Escala Home Ofice.xls</t>
  </si>
  <si>
    <t>E:\BK_final\Vilarinho\Vilarinho - Trabalho\Algar Telecom\BK_K_CCA_Vila_27.11.14\Projetos\Antigos\Projeto Home Office\Escala Home Ofice.xls</t>
  </si>
  <si>
    <t>11/19/2019 13:38:09</t>
  </si>
  <si>
    <t>C:\Vila\Empresas Anterior\Arquivos Telecom\BK_K_CCA_Vila_27.11.14\Projetos\Antigos\Projeto Produtividade\Projeto Produtividade\Book DEF_rev05.ppt\s4\</t>
  </si>
  <si>
    <t>E:\BK_final\Vilarinho\Vilarinho - Trabalho\Algar Telecom\BK_K_CCA_Vila_27.11.14\Projetos\Antigos\Projeto Produtividade\Projeto Produtividade\Book DEF_rev05.ppt</t>
  </si>
  <si>
    <t>Planilha do Microsoft Office Excel2.xlsx</t>
  </si>
  <si>
    <t>Planilha do Microsoft Office Excel3.xlsx</t>
  </si>
  <si>
    <t>11/19/2019 13:38:10</t>
  </si>
  <si>
    <t>C:\Vila\Empresas Anterior\Arquivos Telecom\BK_K_CCA_Vila_27.11.14\Projetos\Antigos\Projeto Produtividade\Projeto Produtividade\CCA_Planilhas_Book\</t>
  </si>
  <si>
    <t>CCA_Atend-Holding-CVMe-Apoio Gerencial.xls</t>
  </si>
  <si>
    <t>E:\BK_final\Vilarinho\Vilarinho - Trabalho\Algar Telecom\BK_K_CCA_Vila_27.11.14\Projetos\Antigos\Projeto Produtividade\Projeto Produtividade\CCA_Planilhas_Book\CCA_Atend-Holding-CVMe-Apoio Gerencial.xls</t>
  </si>
  <si>
    <t>CCA_Consultoria Contábil_IFRS_Lei 11638.xls</t>
  </si>
  <si>
    <t>E:\BK_final\Vilarinho\Vilarinho - Trabalho\Algar Telecom\BK_K_CCA_Vila_27.11.14\Projetos\Antigos\Projeto Produtividade\Projeto Produtividade\CCA_Planilhas_Book\CCA_Consultoria Contábil_IFRS_Lei 11638.xls</t>
  </si>
  <si>
    <t>CCA_Contabilidade Gerencial.xls</t>
  </si>
  <si>
    <t>E:\BK_final\Vilarinho\Vilarinho - Trabalho\Algar Telecom\BK_K_CCA_Vila_27.11.14\Projetos\Antigos\Projeto Produtividade\Projeto Produtividade\CCA_Planilhas_Book\CCA_Contabilidade Gerencial.xls</t>
  </si>
  <si>
    <t>CCA_Gestão Contábil e Regulatória.xls</t>
  </si>
  <si>
    <t>E:\BK_final\Vilarinho\Vilarinho - Trabalho\Algar Telecom\BK_K_CCA_Vila_27.11.14\Projetos\Antigos\Projeto Produtividade\Projeto Produtividade\CCA_Planilhas_Book\CCA_Gestão Contábil e Regulatória.xls</t>
  </si>
  <si>
    <t>CCA_Gestão de Frota de Veículos.xls</t>
  </si>
  <si>
    <t>E:\BK_final\Vilarinho\Vilarinho - Trabalho\Algar Telecom\BK_K_CCA_Vila_27.11.14\Projetos\Antigos\Projeto Produtividade\Projeto Produtividade\CCA_Planilhas_Book\CCA_Gestão de Frota de Veículos.xls</t>
  </si>
  <si>
    <t>CCA_Gestão de Imoveis.xls</t>
  </si>
  <si>
    <t>E:\BK_final\Vilarinho\Vilarinho - Trabalho\Algar Telecom\BK_K_CCA_Vila_27.11.14\Projetos\Antigos\Projeto Produtividade\Projeto Produtividade\CCA_Planilhas_Book\CCA_Gestão de Imoveis.xls</t>
  </si>
  <si>
    <t>CCA_Gestão de Projetos.xls</t>
  </si>
  <si>
    <t>E:\BK_final\Vilarinho\Vilarinho - Trabalho\Algar Telecom\BK_K_CCA_Vila_27.11.14\Projetos\Antigos\Projeto Produtividade\Projeto Produtividade\CCA_Planilhas_Book\CCA_Gestão de Projetos.xls</t>
  </si>
  <si>
    <t>CCA_Gestão Fiscal.xls</t>
  </si>
  <si>
    <t>E:\BK_final\Vilarinho\Vilarinho - Trabalho\Algar Telecom\BK_K_CCA_Vila_27.11.14\Projetos\Antigos\Projeto Produtividade\Projeto Produtividade\CCA_Planilhas_Book\CCA_Gestão Fiscal.xls</t>
  </si>
  <si>
    <t>CCA_Planejamento Tribut_Consul_Cont_Fiscal.xls</t>
  </si>
  <si>
    <t>E:\BK_final\Vilarinho\Vilarinho - Trabalho\Algar Telecom\BK_K_CCA_Vila_27.11.14\Projetos\Antigos\Projeto Produtividade\Projeto Produtividade\CCA_Planilhas_Book\CCA_Planejamento Tribut_Consul_Cont_Fiscal.xls</t>
  </si>
  <si>
    <t>CCA_Vendas de Ativos.xls</t>
  </si>
  <si>
    <t>E:\BK_final\Vilarinho\Vilarinho - Trabalho\Algar Telecom\BK_K_CCA_Vila_27.11.14\Projetos\Antigos\Projeto Produtividade\Projeto Produtividade\CCA_Planilhas_Book\CCA_Vendas de Ativos.xls</t>
  </si>
  <si>
    <t>11/19/2019 13:38:11</t>
  </si>
  <si>
    <t>C:\Vila\Empresas Anterior\Arquivos Telecom\BK_K_CCA_Vila_27.11.14\Projetos\Antigos\Proposta Veículos Diretoria\</t>
  </si>
  <si>
    <t>Levantamento para Marineide.xls</t>
  </si>
  <si>
    <t>E:\BK_final\Vilarinho\Vilarinho - Trabalho\Algar Telecom\BK_K_CCA_Vila_27.11.14\Projetos\Antigos\Proposta Veículos Diretoria\Levantamento para Marineide.xls</t>
  </si>
  <si>
    <t>11/19/2019 13:38:16</t>
  </si>
  <si>
    <t>C:\Vila\Empresas Anterior\Arquivos Telecom\BK_K_CCA_Vila_27.11.14\Projetos\Antigos\Redução Custos DEF - Plano 2013\</t>
  </si>
  <si>
    <t>Plano de Ação DEF - Diretoria de Controladoria e Planejamento.xls</t>
  </si>
  <si>
    <t>E:\BK_final\Vilarinho\Vilarinho - Trabalho\Algar Telecom\BK_K_CCA_Vila_27.11.14\Projetos\Antigos\Redução Custos DEF - Plano 2013\Plano de Ação DEF - Diretoria de Controladoria e Planejamento.xls</t>
  </si>
  <si>
    <t>11/19/2019 13:38:17</t>
  </si>
  <si>
    <t>Plano Reduçao Custos DEF - 2013-FInal V2.xls</t>
  </si>
  <si>
    <t>E:\BK_final\Vilarinho\Vilarinho - Trabalho\Algar Telecom\BK_K_CCA_Vila_27.11.14\Projetos\Antigos\Redução Custos DEF - Plano 2013\Plano Reduçao Custos DEF - 2013-FInal V2.xls</t>
  </si>
  <si>
    <t>Plano Reduçao Custos DEF - 2013-FInal.xls</t>
  </si>
  <si>
    <t>E:\BK_final\Vilarinho\Vilarinho - Trabalho\Algar Telecom\BK_K_CCA_Vila_27.11.14\Projetos\Antigos\Redução Custos DEF - Plano 2013\Plano Reduçao Custos DEF - 2013-FInal.xls</t>
  </si>
  <si>
    <t>11/19/2019 13:38:18</t>
  </si>
  <si>
    <t>Plano Reduçao Custos DEF - 2013.xls</t>
  </si>
  <si>
    <t>E:\BK_final\Vilarinho\Vilarinho - Trabalho\Algar Telecom\BK_K_CCA_Vila_27.11.14\Projetos\Antigos\Redução Custos DEF - Plano 2013\Plano Reduçao Custos DEF - 2013.xls</t>
  </si>
  <si>
    <t>Plano Reduçao DEF - 2013 - Acompanhamento.xls</t>
  </si>
  <si>
    <t>E:\BK_final\Vilarinho\Vilarinho - Trabalho\Algar Telecom\BK_K_CCA_Vila_27.11.14\Projetos\Antigos\Redução Custos DEF - Plano 2013\Plano Reduçao DEF - 2013 - Acompanhamento.xls</t>
  </si>
  <si>
    <t>11/19/2019 13:38:19</t>
  </si>
  <si>
    <t>C:\Vila\Empresas Anterior\Arquivos Telecom\BK_K_CCA_Vila_27.11.14\Projetos\Antigos\Reestruturação CR abril-09\</t>
  </si>
  <si>
    <t>Validação Nova Estrutura de CRs.xls</t>
  </si>
  <si>
    <t>E:\BK_final\Vilarinho\Vilarinho - Trabalho\Algar Telecom\BK_K_CCA_Vila_27.11.14\Projetos\Antigos\Reestruturação CR abril-09\Validação Nova Estrutura de CRs.xls</t>
  </si>
  <si>
    <t>11/19/2019 13:38:31</t>
  </si>
  <si>
    <t>C:\Vila\Empresas Anterior\Arquivos Telecom\BK_K_CCA_Vila_27.11.14\Projetos\Antigos\Reniao Imobilizado - TV Integração\2010 09 22- Ajustes IFRS.pptx\</t>
  </si>
  <si>
    <t>E:\BK_final\Vilarinho\Vilarinho - Trabalho\Algar Telecom\BK_K_CCA_Vila_27.11.14\Projetos\Antigos\Reniao Imobilizado - TV Integração\2010 09 22- Ajustes IFRS.pptx</t>
  </si>
  <si>
    <t>C:\Vila\Empresas Anterior\Arquivos Telecom\BK_K_CCA_Vila_27.11.14\Projetos\Antigos\Reniao Imobilizado - TV Integração\2010 09 22- Ajustes IFRS.pptx\Documento_do_Microsoft_Office_Word_97_-_20031.doc\</t>
  </si>
  <si>
    <t>11/19/2019 13:40:01</t>
  </si>
  <si>
    <t>C:\Vila\Empresas Anterior\Arquivos Telecom\BK_K_CCA_Vila_27.11.14\Projetos\Antigos\Reniao Imobilizado - TV Integração\Laudo Final Cris.docx\</t>
  </si>
  <si>
    <t>E:\BK_final\Vilarinho\Vilarinho - Trabalho\Algar Telecom\BK_K_CCA_Vila_27.11.14\Projetos\Antigos\Reniao Imobilizado - TV Integração\Laudo Final Cris.docx</t>
  </si>
  <si>
    <t>11/19/2019 13:40:03</t>
  </si>
  <si>
    <t>C:\Vila\Empresas Anterior\Arquivos Telecom\BK_K_CCA_Vila_27.11.14\Projetos\Antigos\Subsidio de Aparelhos Mudança Pratica\</t>
  </si>
  <si>
    <t>Impacto Subsidio.xls</t>
  </si>
  <si>
    <t>E:\BK_final\Vilarinho\Vilarinho - Trabalho\Algar Telecom\BK_K_CCA_Vila_27.11.14\Projetos\Antigos\Subsidio de Aparelhos Mudança Pratica\Impacto Subsidio.xls</t>
  </si>
  <si>
    <t>11/19/2019 13:40:06</t>
  </si>
  <si>
    <t>C:\Vila\Empresas Anterior\Arquivos Telecom\BK_K_CCA_Vila_27.11.14\Projetos\Antigos\Validação Fiscal - SOMAR\FISCAL CTBC.rar\FISCAL CTBC\</t>
  </si>
  <si>
    <t>Algar_RI SETUP.xls</t>
  </si>
  <si>
    <t>E:\BK_final\Vilarinho\Vilarinho - Trabalho\Algar Telecom\BK_K_CCA_Vila_27.11.14\Projetos\Antigos\Validação Fiscal - SOMAR\FISCAL CTBC.rar</t>
  </si>
  <si>
    <t>ANALISE-SETUP-GRUPOTELECOM2.xls</t>
  </si>
  <si>
    <t>ANALISE_FATURAMENTO_GRUPOTELECOM.xls</t>
  </si>
  <si>
    <t>11/19/2019 13:40:10</t>
  </si>
  <si>
    <t>C:\Vila\Empresas Anterior\Arquivos Telecom\BK_K_CCA_Vila_27.11.14\Projetos\Migração Data Center\</t>
  </si>
  <si>
    <t>Acoes do ACORDO FINAL.xls</t>
  </si>
  <si>
    <t>E:\BK_final\Vilarinho\Vilarinho - Trabalho\Algar Telecom\BK_K_CCA_Vila_27.11.14\Projetos\Migração Data Center\Acoes do ACORDO FINAL.xls</t>
  </si>
  <si>
    <t>11/19/2019 13:40:11</t>
  </si>
  <si>
    <t>Clientes Licitação.xls</t>
  </si>
  <si>
    <t>E:\BK_final\Vilarinho\Vilarinho - Trabalho\Algar Telecom\BK_K_CCA_Vila_27.11.14\Projetos\Migração Data Center\Clientes Licitação.xls</t>
  </si>
  <si>
    <t>Comparativo de Capex do Data Center na Multimídia.xls</t>
  </si>
  <si>
    <t>E:\BK_final\Vilarinho\Vilarinho - Trabalho\Algar Telecom\BK_K_CCA_Vila_27.11.14\Projetos\Migração Data Center\Comparativo de Capex do Data Center na Multimídia.xls</t>
  </si>
  <si>
    <t>Contrato Oracle - Rateio entre empresas.xls</t>
  </si>
  <si>
    <t>E:\BK_final\Vilarinho\Vilarinho - Trabalho\Algar Telecom\BK_K_CCA_Vila_27.11.14\Projetos\Migração Data Center\Contrato Oracle - Rateio entre empresas.xls</t>
  </si>
  <si>
    <t>Cronograma reorganização societária Data Center.xls</t>
  </si>
  <si>
    <t>E:\BK_final\Vilarinho\Vilarinho - Trabalho\Algar Telecom\BK_K_CCA_Vila_27.11.14\Projetos\Migração Data Center\Cronograma reorganização societária Data Center.xls</t>
  </si>
  <si>
    <t>11/19/2019 13:40:18</t>
  </si>
  <si>
    <t>C:\Vila\Empresas Anterior\Arquivos Telecom\BK_K_CCA_Vila_27.11.14\Projetos\Migração Data Center\CTBC Multimidia Custos e Despesas - 2008.rar\</t>
  </si>
  <si>
    <t>CTBC Multimidia Custos e Despesas - 2008.xls</t>
  </si>
  <si>
    <t>E:\BK_final\Vilarinho\Vilarinho - Trabalho\Algar Telecom\BK_K_CCA_Vila_27.11.14\Projetos\Migração Data Center\CTBC Multimidia Custos e Despesas - 2008.rar</t>
  </si>
  <si>
    <t>Cópia de Desd_ Multimídia_Dez08.xls</t>
  </si>
  <si>
    <t>E:\BK_final\Vilarinho\Vilarinho - Trabalho\Algar Telecom\BK_K_CCA_Vila_27.11.14\Projetos\Migração Data Center\Cópia de Desd_ Multimídia_Dez08.xls</t>
  </si>
  <si>
    <t>11/19/2019 13:40:19</t>
  </si>
  <si>
    <t>Divida Data Center na Multimídia.xls</t>
  </si>
  <si>
    <t>E:\BK_final\Vilarinho\Vilarinho - Trabalho\Algar Telecom\BK_K_CCA_Vila_27.11.14\Projetos\Migração Data Center\Divida Data Center na Multimídia.xls</t>
  </si>
  <si>
    <t>End_ Multimídia_Dez08.xls</t>
  </si>
  <si>
    <t>E:\BK_final\Vilarinho\Vilarinho - Trabalho\Algar Telecom\BK_K_CCA_Vila_27.11.14\Projetos\Migração Data Center\End_ Multimídia_Dez08.xls</t>
  </si>
  <si>
    <t>11/19/2019 13:40:20</t>
  </si>
  <si>
    <t>FAT POR SEGMENTO DC.xls</t>
  </si>
  <si>
    <t>E:\BK_final\Vilarinho\Vilarinho - Trabalho\Algar Telecom\BK_K_CCA_Vila_27.11.14\Projetos\Migração Data Center\FAT POR SEGMENTO DC.xls</t>
  </si>
  <si>
    <t>Fornecedores Data Center.xls</t>
  </si>
  <si>
    <t>E:\BK_final\Vilarinho\Vilarinho - Trabalho\Algar Telecom\BK_K_CCA_Vila_27.11.14\Projetos\Migração Data Center\Fornecedores Data Center.xls</t>
  </si>
  <si>
    <t>Nota de débito.xls</t>
  </si>
  <si>
    <t>E:\BK_final\Vilarinho\Vilarinho - Trabalho\Algar Telecom\BK_K_CCA_Vila_27.11.14\Projetos\Migração Data Center\Nota de débito.xls</t>
  </si>
  <si>
    <t>Nota de débito.xlsx</t>
  </si>
  <si>
    <t>E:\BK_final\Vilarinho\Vilarinho - Trabalho\Algar Telecom\BK_K_CCA_Vila_27.11.14\Projetos\Migração Data Center\Nota de débito.xlsx</t>
  </si>
  <si>
    <t>Planejamento 13-02-09 Data Center.xls</t>
  </si>
  <si>
    <t>E:\BK_final\Vilarinho\Vilarinho - Trabalho\Algar Telecom\BK_K_CCA_Vila_27.11.14\Projetos\Migração Data Center\Planejamento 13-02-09 Data Center.xls</t>
  </si>
  <si>
    <t>11/19/2019 13:40:21</t>
  </si>
  <si>
    <t>PROCEDIMENTOS CONTÁBEIS - RECLASSIFICAÇÃO_ESTORNO_ARRECADAÇÃO_REPASSE.xls</t>
  </si>
  <si>
    <t>E:\BK_final\Vilarinho\Vilarinho - Trabalho\Algar Telecom\BK_K_CCA_Vila_27.11.14\Projetos\Migração Data Center\PROCEDIMENTOS CONTÁBEIS - RECLASSIFICAÇÃO_ESTORNO_ARRECADAÇÃO_REPASSE.xls</t>
  </si>
  <si>
    <t>Provisoes Data Center Dez08.xlsx</t>
  </si>
  <si>
    <t>E:\BK_final\Vilarinho\Vilarinho - Trabalho\Algar Telecom\BK_K_CCA_Vila_27.11.14\Projetos\Migração Data Center\Provisoes Data Center Dez08.xlsx</t>
  </si>
  <si>
    <t>Rateio entre empresas - contrato Oracle.xls</t>
  </si>
  <si>
    <t>E:\BK_final\Vilarinho\Vilarinho - Trabalho\Algar Telecom\BK_K_CCA_Vila_27.11.14\Projetos\Migração Data Center\Rateio entre empresas - contrato Oracle.xls</t>
  </si>
  <si>
    <t>Repasse Algar Tecnologia.xlsx</t>
  </si>
  <si>
    <t>E:\BK_final\Vilarinho\Vilarinho - Trabalho\Algar Telecom\BK_K_CCA_Vila_27.11.14\Projetos\Migração Data Center\Repasse Algar Tecnologia.xlsx</t>
  </si>
  <si>
    <t>11/19/2019 13:40:22</t>
  </si>
  <si>
    <t>usuarios_x_Responsabilidade_SIAF20.xls</t>
  </si>
  <si>
    <t>E:\BK_final\Vilarinho\Vilarinho - Trabalho\Algar Telecom\BK_K_CCA_Vila_27.11.14\Projetos\Migração Data Center\usuarios_x_Responsabilidade_SIAF20.xls</t>
  </si>
  <si>
    <t>C:\Vila\Empresas Anterior\Arquivos Telecom\BK_K_CCA_Vila_27.11.14\Projetos\Migração Data Center\Apresentações\</t>
  </si>
  <si>
    <t>Consolidado valores Oceano Azul.xlsx</t>
  </si>
  <si>
    <t>E:\BK_final\Vilarinho\Vilarinho - Trabalho\Algar Telecom\BK_K_CCA_Vila_27.11.14\Projetos\Migração Data Center\Apresentações\Consolidado valores Oceano Azul.xlsx</t>
  </si>
  <si>
    <t>11/19/2019 13:40:24</t>
  </si>
  <si>
    <t>C:\Vila\Empresas Anterior\Arquivos Telecom\BK_K_CCA_Vila_27.11.14\Projetos\Migração Data Center\Apresentações\Data Center jan09.ppt\s4\</t>
  </si>
  <si>
    <t>E:\BK_final\Vilarinho\Vilarinho - Trabalho\Algar Telecom\BK_K_CCA_Vila_27.11.14\Projetos\Migração Data Center\Apresentações\Data Center jan09.ppt</t>
  </si>
  <si>
    <t>11/19/2019 13:40:27</t>
  </si>
  <si>
    <t>Planejamento 24-07-08.xlsx</t>
  </si>
  <si>
    <t>E:\BK_final\Vilarinho\Vilarinho - Trabalho\Algar Telecom\BK_K_CCA_Vila_27.11.14\Projetos\Migração Data Center\Apresentações\Planejamento 24-07-08.xlsx</t>
  </si>
  <si>
    <t>11/19/2019 13:40:30</t>
  </si>
  <si>
    <t>C:\Vila\Empresas Anterior\Arquivos Telecom\BK_K_CCA_Vila_27.11.14\Projetos\Migração Data Center\Ativos\</t>
  </si>
  <si>
    <t>Consumo energia CTBC 232.xls</t>
  </si>
  <si>
    <t>E:\BK_final\Vilarinho\Vilarinho - Trabalho\Algar Telecom\BK_K_CCA_Vila_27.11.14\Projetos\Migração Data Center\Ativos\Consumo energia CTBC 232.xls</t>
  </si>
  <si>
    <t>11/19/2019 13:40:31</t>
  </si>
  <si>
    <t>Imóveis_Negócio DATACENTER.xls</t>
  </si>
  <si>
    <t>E:\BK_final\Vilarinho\Vilarinho - Trabalho\Algar Telecom\BK_K_CCA_Vila_27.11.14\Projetos\Migração Data Center\Ativos\Imóveis_Negócio DATACENTER.xls</t>
  </si>
  <si>
    <t>11/19/2019 13:40:32</t>
  </si>
  <si>
    <t>INV DATACENTER FINAL 14-01-09.xls</t>
  </si>
  <si>
    <t>E:\BK_final\Vilarinho\Vilarinho - Trabalho\Algar Telecom\BK_K_CCA_Vila_27.11.14\Projetos\Migração Data Center\Ativos\INV DATACENTER FINAL 14-01-09.xls</t>
  </si>
  <si>
    <t>C:\Vila\Empresas Anterior\Arquivos Telecom\BK_K_CCA_Vila_27.11.14\Projetos\Migração Data Center\Ativos\Depreciação\</t>
  </si>
  <si>
    <t>Depreciaçao - DataCenter_2008.xls</t>
  </si>
  <si>
    <t>E:\BK_final\Vilarinho\Vilarinho - Trabalho\Algar Telecom\BK_K_CCA_Vila_27.11.14\Projetos\Migração Data Center\Ativos\Depreciação\Depreciaçao - DataCenter_2008.xls</t>
  </si>
  <si>
    <t>Multim_Dpr_Reg_Proc_Abril08.xls</t>
  </si>
  <si>
    <t>E:\BK_final\Vilarinho\Vilarinho - Trabalho\Algar Telecom\BK_K_CCA_Vila_27.11.14\Projetos\Migração Data Center\Ativos\Depreciação\Multim_Dpr_Reg_Proc_Abril08.xls</t>
  </si>
  <si>
    <t>11/19/2019 13:40:34</t>
  </si>
  <si>
    <t>Multim_Dpr_Reg_Proc_Ago08.xls</t>
  </si>
  <si>
    <t>E:\BK_final\Vilarinho\Vilarinho - Trabalho\Algar Telecom\BK_K_CCA_Vila_27.11.14\Projetos\Migração Data Center\Ativos\Depreciação\Multim_Dpr_Reg_Proc_Ago08.xls</t>
  </si>
  <si>
    <t>11/19/2019 13:40:35</t>
  </si>
  <si>
    <t>Multim_Dpr_Reg_Proc_Jul08.xls</t>
  </si>
  <si>
    <t>E:\BK_final\Vilarinho\Vilarinho - Trabalho\Algar Telecom\BK_K_CCA_Vila_27.11.14\Projetos\Migração Data Center\Ativos\Depreciação\Multim_Dpr_Reg_Proc_Jul08.xls</t>
  </si>
  <si>
    <t>Multim_Dpr_Reg_Proc_Jun08.xls</t>
  </si>
  <si>
    <t>E:\BK_final\Vilarinho\Vilarinho - Trabalho\Algar Telecom\BK_K_CCA_Vila_27.11.14\Projetos\Migração Data Center\Ativos\Depreciação\Multim_Dpr_Reg_Proc_Jun08.xls</t>
  </si>
  <si>
    <t>Multim_Dpr_Reg_Proc_Maio08.xls</t>
  </si>
  <si>
    <t>E:\BK_final\Vilarinho\Vilarinho - Trabalho\Algar Telecom\BK_K_CCA_Vila_27.11.14\Projetos\Migração Data Center\Ativos\Depreciação\Multim_Dpr_Reg_Proc_Maio08.xls</t>
  </si>
  <si>
    <t>11/19/2019 13:40:36</t>
  </si>
  <si>
    <t>Multim_Dpr_Reg_Proc_Mar08.xls</t>
  </si>
  <si>
    <t>E:\BK_final\Vilarinho\Vilarinho - Trabalho\Algar Telecom\BK_K_CCA_Vila_27.11.14\Projetos\Migração Data Center\Ativos\Depreciação\Multim_Dpr_Reg_Proc_Mar08.xls</t>
  </si>
  <si>
    <t>Multim_Dpr_Reg_Proc_Out08.xls</t>
  </si>
  <si>
    <t>E:\BK_final\Vilarinho\Vilarinho - Trabalho\Algar Telecom\BK_K_CCA_Vila_27.11.14\Projetos\Migração Data Center\Ativos\Depreciação\Multim_Dpr_Reg_Proc_Out08.xls</t>
  </si>
  <si>
    <t>Multim_Dpr_Reg_Proc_Set08.xls</t>
  </si>
  <si>
    <t>E:\BK_final\Vilarinho\Vilarinho - Trabalho\Algar Telecom\BK_K_CCA_Vila_27.11.14\Projetos\Migração Data Center\Ativos\Depreciação\Multim_Dpr_Reg_Proc_Set08.xls</t>
  </si>
  <si>
    <t>Rel.Mult.Fev08 por Regul..xls</t>
  </si>
  <si>
    <t>E:\BK_final\Vilarinho\Vilarinho - Trabalho\Algar Telecom\BK_K_CCA_Vila_27.11.14\Projetos\Migração Data Center\Ativos\Depreciação\Rel.Mult.Fev08 por Regul..xls</t>
  </si>
  <si>
    <t>Relatório Depreciação Multimidia jan-08.xls</t>
  </si>
  <si>
    <t>E:\BK_final\Vilarinho\Vilarinho - Trabalho\Algar Telecom\BK_K_CCA_Vila_27.11.14\Projetos\Migração Data Center\Ativos\Depreciação\Relatório Depreciação Multimidia jan-08.xls</t>
  </si>
  <si>
    <t>C:\Vila\Empresas Anterior\Arquivos Telecom\BK_K_CCA_Vila_27.11.14\Projetos\Migração Data Center\Comunicação\</t>
  </si>
  <si>
    <t>cadastro fornecedores reorganizacao societaria jadir.xls</t>
  </si>
  <si>
    <t>E:\BK_final\Vilarinho\Vilarinho - Trabalho\Algar Telecom\BK_K_CCA_Vila_27.11.14\Projetos\Migração Data Center\Comunicação\cadastro fornecedores reorganizacao societaria jadir.xls</t>
  </si>
  <si>
    <t>cadastro fornecedores reorganizacao societaria.xls</t>
  </si>
  <si>
    <t>E:\BK_final\Vilarinho\Vilarinho - Trabalho\Algar Telecom\BK_K_CCA_Vila_27.11.14\Projetos\Migração Data Center\Comunicação\cadastro fornecedores reorganizacao societaria.xls</t>
  </si>
  <si>
    <t>11/19/2019 13:40:37</t>
  </si>
  <si>
    <t>Cronograma visita_contato clientes.xls</t>
  </si>
  <si>
    <t>E:\BK_final\Vilarinho\Vilarinho - Trabalho\Algar Telecom\BK_K_CCA_Vila_27.11.14\Projetos\Migração Data Center\Comunicação\Cronograma visita_contato clientes.xls</t>
  </si>
  <si>
    <t>C:\Vila\Empresas Anterior\Arquivos Telecom\BK_K_CCA_Vila_27.11.14\Projetos\Migração Data Center\Contabilidade\</t>
  </si>
  <si>
    <t>Contas a receber Data Center dez08.xls</t>
  </si>
  <si>
    <t>E:\BK_final\Vilarinho\Vilarinho - Trabalho\Algar Telecom\BK_K_CCA_Vila_27.11.14\Projetos\Migração Data Center\Contabilidade\Contas a receber Data Center dez08.xls</t>
  </si>
  <si>
    <t>Diferido CTBCTel Set_2008.xls - Hewitt.xls</t>
  </si>
  <si>
    <t>E:\BK_final\Vilarinho\Vilarinho - Trabalho\Algar Telecom\BK_K_CCA_Vila_27.11.14\Projetos\Migração Data Center\Contabilidade\Diferido CTBCTel Set_2008.xls - Hewitt.xls</t>
  </si>
  <si>
    <t>Fornecedores Dezembro2008.xls</t>
  </si>
  <si>
    <t>E:\BK_final\Vilarinho\Vilarinho - Trabalho\Algar Telecom\BK_K_CCA_Vila_27.11.14\Projetos\Migração Data Center\Contabilidade\Fornecedores Dezembro2008.xls</t>
  </si>
  <si>
    <t>Fornecedores Dezembro2008.xlsb</t>
  </si>
  <si>
    <t>E:\BK_final\Vilarinho\Vilarinho - Trabalho\Algar Telecom\BK_K_CCA_Vila_27.11.14\Projetos\Migração Data Center\Contabilidade\Fornecedores Dezembro2008.xlsb</t>
  </si>
  <si>
    <t>11/19/2019 13:40:38</t>
  </si>
  <si>
    <t>Laudo Audicon Multimidia - Data Center 23012009.xls</t>
  </si>
  <si>
    <t>E:\BK_final\Vilarinho\Vilarinho - Trabalho\Algar Telecom\BK_K_CCA_Vila_27.11.14\Projetos\Migração Data Center\Contabilidade\Laudo Audicon Multimidia - Data Center 23012009.xls</t>
  </si>
  <si>
    <t>11/19/2019 13:40:40</t>
  </si>
  <si>
    <t>Laudo Audicon Multimidia - Data Center.xlsx</t>
  </si>
  <si>
    <t>E:\BK_final\Vilarinho\Vilarinho - Trabalho\Algar Telecom\BK_K_CCA_Vila_27.11.14\Projetos\Migração Data Center\Contabilidade\Laudo Audicon Multimidia - Data Center.xlsx</t>
  </si>
  <si>
    <t>11/19/2019 13:40:42</t>
  </si>
  <si>
    <t>Laudo Contabil Multímidia - Data Center.xls</t>
  </si>
  <si>
    <t>E:\BK_final\Vilarinho\Vilarinho - Trabalho\Algar Telecom\BK_K_CCA_Vila_27.11.14\Projetos\Migração Data Center\Contabilidade\Laudo Contabil Multímidia - Data Center.xls</t>
  </si>
  <si>
    <t>11/19/2019 13:40:45</t>
  </si>
  <si>
    <t>Laudo Contabil Multímidia - Data Center.xlsx</t>
  </si>
  <si>
    <t>E:\BK_final\Vilarinho\Vilarinho - Trabalho\Algar Telecom\BK_K_CCA_Vila_27.11.14\Projetos\Migração Data Center\Contabilidade\Laudo Contabil Multímidia - Data Center.xlsx</t>
  </si>
  <si>
    <t>11/19/2019 13:40:48</t>
  </si>
  <si>
    <t>Laudo contábil Data Center.xls</t>
  </si>
  <si>
    <t>E:\BK_final\Vilarinho\Vilarinho - Trabalho\Algar Telecom\BK_K_CCA_Vila_27.11.14\Projetos\Migração Data Center\Contabilidade\Laudo contábil Data Center.xls</t>
  </si>
  <si>
    <t>11/19/2019 13:40:49</t>
  </si>
  <si>
    <t>C:\Vila\Empresas Anterior\Arquivos Telecom\BK_K_CCA_Vila_27.11.14\Projetos\Migração Data Center\Contabilidade\Razões - Andson\</t>
  </si>
  <si>
    <t>110304001.xls</t>
  </si>
  <si>
    <t>E:\BK_final\Vilarinho\Vilarinho - Trabalho\Algar Telecom\BK_K_CCA_Vila_27.11.14\Projetos\Migração Data Center\Contabilidade\Razões - Andson\110304001.xls</t>
  </si>
  <si>
    <t>110501002 - 2008.xlsx</t>
  </si>
  <si>
    <t>E:\BK_final\Vilarinho\Vilarinho - Trabalho\Algar Telecom\BK_K_CCA_Vila_27.11.14\Projetos\Migração Data Center\Contabilidade\Razões - Andson\110501002 - 2008.xlsx</t>
  </si>
  <si>
    <t>110501002 - 2008.xlt</t>
  </si>
  <si>
    <t>E:\BK_final\Vilarinho\Vilarinho - Trabalho\Algar Telecom\BK_K_CCA_Vila_27.11.14\Projetos\Migração Data Center\Contabilidade\Razões - Andson\110501002 - 2008.xlt</t>
  </si>
  <si>
    <t>110501002 - 20081.xlsx</t>
  </si>
  <si>
    <t>E:\BK_final\Vilarinho\Vilarinho - Trabalho\Algar Telecom\BK_K_CCA_Vila_27.11.14\Projetos\Migração Data Center\Contabilidade\Razões - Andson\110501002 - 20081.xlsx</t>
  </si>
  <si>
    <t>11/19/2019 13:40:50</t>
  </si>
  <si>
    <t>110501006 - 2008.xls</t>
  </si>
  <si>
    <t>E:\BK_final\Vilarinho\Vilarinho - Trabalho\Algar Telecom\BK_K_CCA_Vila_27.11.14\Projetos\Migração Data Center\Contabilidade\Razões - Andson\110501006 - 2008.xls</t>
  </si>
  <si>
    <t>11/19/2019 13:40:51</t>
  </si>
  <si>
    <t>110501009 - 2008.xls</t>
  </si>
  <si>
    <t>E:\BK_final\Vilarinho\Vilarinho - Trabalho\Algar Telecom\BK_K_CCA_Vila_27.11.14\Projetos\Migração Data Center\Contabilidade\Razões - Andson\110501009 - 2008.xls</t>
  </si>
  <si>
    <t>210201009 - 2008.xls</t>
  </si>
  <si>
    <t>E:\BK_final\Vilarinho\Vilarinho - Trabalho\Algar Telecom\BK_K_CCA_Vila_27.11.14\Projetos\Migração Data Center\Contabilidade\Razões - Andson\210201009 - 2008.xls</t>
  </si>
  <si>
    <t>11/19/2019 13:40:52</t>
  </si>
  <si>
    <t>Aging Multimidia Novembro.xls</t>
  </si>
  <si>
    <t>E:\BK_final\Vilarinho\Vilarinho - Trabalho\Algar Telecom\BK_K_CCA_Vila_27.11.14\Projetos\Migração Data Center\Contabilidade\Razões - Andson\Aging Multimidia Novembro.xls</t>
  </si>
  <si>
    <t>Despesas antecipadas.xlsx</t>
  </si>
  <si>
    <t>E:\BK_final\Vilarinho\Vilarinho - Trabalho\Algar Telecom\BK_K_CCA_Vila_27.11.14\Projetos\Migração Data Center\Contabilidade\Razões - Andson\Despesas antecipadas.xlsx</t>
  </si>
  <si>
    <t>Multimidia - 210201009 2008.xls</t>
  </si>
  <si>
    <t>E:\BK_final\Vilarinho\Vilarinho - Trabalho\Algar Telecom\BK_K_CCA_Vila_27.11.14\Projetos\Migração Data Center\Contabilidade\Razões - Andson\Multimidia - 210201009 2008.xls</t>
  </si>
  <si>
    <t>Multimidia - 210902010 2008.xls</t>
  </si>
  <si>
    <t>E:\BK_final\Vilarinho\Vilarinho - Trabalho\Algar Telecom\BK_K_CCA_Vila_27.11.14\Projetos\Migração Data Center\Contabilidade\Razões - Andson\Multimidia - 210902010 2008.xls</t>
  </si>
  <si>
    <t>Multimidia - 220903008 2007.xls</t>
  </si>
  <si>
    <t>E:\BK_final\Vilarinho\Vilarinho - Trabalho\Algar Telecom\BK_K_CCA_Vila_27.11.14\Projetos\Migração Data Center\Contabilidade\Razões - Andson\Multimidia - 220903008 2007.xls</t>
  </si>
  <si>
    <t>C:\Vila\Empresas Anterior\Arquivos Telecom\BK_K_CCA_Vila_27.11.14\Projetos\Migração Data Center\Financeiro\</t>
  </si>
  <si>
    <t>Contratos Leasing Real - Multimídia.xlsx</t>
  </si>
  <si>
    <t>E:\BK_final\Vilarinho\Vilarinho - Trabalho\Algar Telecom\BK_K_CCA_Vila_27.11.14\Projetos\Migração Data Center\Financeiro\Contratos Leasing Real - Multimídia.xlsx</t>
  </si>
  <si>
    <t>Cópia de divisao custos bu v2.xls</t>
  </si>
  <si>
    <t>E:\BK_final\Vilarinho\Vilarinho - Trabalho\Algar Telecom\BK_K_CCA_Vila_27.11.14\Projetos\Migração Data Center\Financeiro\Cópia de divisao custos bu v2.xls</t>
  </si>
  <si>
    <t>DRE DATACENTER_REAL.xlsx</t>
  </si>
  <si>
    <t>E:\BK_final\Vilarinho\Vilarinho - Trabalho\Algar Telecom\BK_K_CCA_Vila_27.11.14\Projetos\Migração Data Center\Financeiro\DRE DATACENTER_REAL.xlsx</t>
  </si>
  <si>
    <t>11/19/2019 13:40:53</t>
  </si>
  <si>
    <t>Resultado DDI Setembro_08.xlsx</t>
  </si>
  <si>
    <t>E:\BK_final\Vilarinho\Vilarinho - Trabalho\Algar Telecom\BK_K_CCA_Vila_27.11.14\Projetos\Migração Data Center\Financeiro\Resultado DDI Setembro_08.xlsx</t>
  </si>
  <si>
    <t>Total Leasing Data Center_subscrição capital.xls</t>
  </si>
  <si>
    <t>E:\BK_final\Vilarinho\Vilarinho - Trabalho\Algar Telecom\BK_K_CCA_Vila_27.11.14\Projetos\Migração Data Center\Financeiro\Total Leasing Data Center_subscrição capital.xls</t>
  </si>
  <si>
    <t>C:\Vila\Empresas Anterior\Arquivos Telecom\BK_K_CCA_Vila_27.11.14\Projetos\Migração Data Center\Gran Sapore\</t>
  </si>
  <si>
    <t>AF_AAJA-2NC8DB_V1 - Necessidade atual.xls</t>
  </si>
  <si>
    <t>E:\BK_final\Vilarinho\Vilarinho - Trabalho\Algar Telecom\BK_K_CCA_Vila_27.11.14\Projetos\Migração Data Center\Gran Sapore\AF_AAJA-2NC8DB_V1 - Necessidade atual.xls</t>
  </si>
  <si>
    <t>11/19/2019 13:40:54</t>
  </si>
  <si>
    <t>C:\Vila\Empresas Anterior\Arquivos Telecom\BK_K_CCA_Vila_27.11.14\Projetos\Migração Data Center\Jurídico\</t>
  </si>
  <si>
    <t>Contingencia ISS Data Center.xls</t>
  </si>
  <si>
    <t>E:\BK_final\Vilarinho\Vilarinho - Trabalho\Algar Telecom\BK_K_CCA_Vila_27.11.14\Projetos\Migração Data Center\Jurídico\Contingencia ISS Data Center.xls</t>
  </si>
  <si>
    <t>Contingência ISS Data Center - Set_08.xlsx</t>
  </si>
  <si>
    <t>E:\BK_final\Vilarinho\Vilarinho - Trabalho\Algar Telecom\BK_K_CCA_Vila_27.11.14\Projetos\Migração Data Center\Jurídico\Contingência ISS Data Center - Set_08.xlsx</t>
  </si>
  <si>
    <t>11/19/2019 13:40:56</t>
  </si>
  <si>
    <t>Cronograma reorganização societária Data Center (1).xls</t>
  </si>
  <si>
    <t>E:\BK_final\Vilarinho\Vilarinho - Trabalho\Algar Telecom\BK_K_CCA_Vila_27.11.14\Projetos\Migração Data Center\Jurídico\Cronograma reorganização societária Data Center (1).xls</t>
  </si>
  <si>
    <t>11/19/2019 13:41:01</t>
  </si>
  <si>
    <t>C:\Vila\Empresas Anterior\Arquivos Telecom\BK_K_CCA_Vila_27.11.14\Projetos\Projeto NetPatos\</t>
  </si>
  <si>
    <t>Analise Aquisição.xlsx</t>
  </si>
  <si>
    <t>E:\BK_final\Vilarinho\Vilarinho - Trabalho\Algar Telecom\BK_K_CCA_Vila_27.11.14\Projetos\Projeto NetPatos\Analise Aquisição.xlsx</t>
  </si>
  <si>
    <t>11/19/2019 13:41:06</t>
  </si>
  <si>
    <t>C:\Vila\Empresas Anterior\Arquivos Telecom\BK_K_CCA_Vila_27.11.14\Projetos\Projeto Transformação - CSC\</t>
  </si>
  <si>
    <t>AT_Consolidado para Analise CSC_validacao CCA e CFI_Revisão 13nov13.xlsx</t>
  </si>
  <si>
    <t>E:\BK_final\Vilarinho\Vilarinho - Trabalho\Algar Telecom\BK_K_CCA_Vila_27.11.14\Projetos\Projeto Transformação - CSC\AT_Consolidado para Analise CSC_validacao CCA e CFI_Revisão 13nov13.xlsx</t>
  </si>
  <si>
    <t>11/19/2019 13:41:08</t>
  </si>
  <si>
    <t>Cargos.xls</t>
  </si>
  <si>
    <t>E:\BK_final\Vilarinho\Vilarinho - Trabalho\Algar Telecom\BK_K_CCA_Vila_27.11.14\Projetos\Projeto Transformação - CSC\Cargos.xls</t>
  </si>
  <si>
    <t>Check_Atividades_CCA_Contabilidade_Validado.xlsx</t>
  </si>
  <si>
    <t>E:\BK_final\Vilarinho\Vilarinho - Trabalho\Algar Telecom\BK_K_CCA_Vila_27.11.14\Projetos\Projeto Transformação - CSC\Check_Atividades_CCA_Contabilidade_Validado.xlsx</t>
  </si>
  <si>
    <t>11/19/2019 13:41:23</t>
  </si>
  <si>
    <t>Consolidado Total_Revisado_v3.xlsm</t>
  </si>
  <si>
    <t>E:\BK_final\Vilarinho\Vilarinho - Trabalho\Algar Telecom\BK_K_CCA_Vila_27.11.14\Projetos\Projeto Transformação - CSC\Consolidado Total_Revisado_v3.xlsm</t>
  </si>
  <si>
    <t>11/19/2019 13:41:25</t>
  </si>
  <si>
    <t>C:\Vila\Empresas Anterior\Arquivos Telecom\BK_K_CCA_Vila_27.11.14\Projetos\Projeto Transformação - CSC\CSC_Transformação_v2.pptx\</t>
  </si>
  <si>
    <t>E:\BK_final\Vilarinho\Vilarinho - Trabalho\Algar Telecom\BK_K_CCA_Vila_27.11.14\Projetos\Projeto Transformação - CSC\CSC_Transformação_v2.pptx</t>
  </si>
  <si>
    <t>11/19/2019 13:41:28</t>
  </si>
  <si>
    <t>C:\Vila\Empresas Anterior\Arquivos Telecom\CAPEX 2014\LP ESTRELA.pptx\</t>
  </si>
  <si>
    <t>E:\BK_final\Vilarinho\Vilarinho - Trabalho\Algar Telecom\CAPEX 2014\LP ESTRELA.pptx</t>
  </si>
  <si>
    <t>11/19/2019 13:41:31</t>
  </si>
  <si>
    <t>C:\Vila\Empresas Anterior\Arquivos Telecom\CAPEX 2014\Reavaliação Portfolio CAPEX 17-04-14 00.pptx\</t>
  </si>
  <si>
    <t>E:\BK_final\Vilarinho\Vilarinho - Trabalho\Algar Telecom\CAPEX 2014\Reavaliação Portfolio CAPEX 17-04-14 00.pptx</t>
  </si>
  <si>
    <t>11/19/2019 13:41:42</t>
  </si>
  <si>
    <t>C:\Vila\Empresas Anterior\Arquivos Telecom\Comite Auditoria - Ano 2012 - Mar-2013\2013.03.13 Comitê de Auditoria e Gestão de Riscos [Algar Telecom]_vfinal.pptx\</t>
  </si>
  <si>
    <t>E:\BK_final\Vilarinho\Vilarinho - Trabalho\Algar Telecom\Comite Auditoria - Ano 2012 - Mar-2013\2013.03.13 Comitê de Auditoria e Gestão de Riscos [Algar Telecom]_vfinal.pptx</t>
  </si>
  <si>
    <t>11/19/2019 13:41:43</t>
  </si>
  <si>
    <t>C:\Vila\Empresas Anterior\Arquivos Telecom\Comite Auditoria - Ano 2012 - Mar-2013\</t>
  </si>
  <si>
    <t>Bienios_Saldos 2012x2011.xlsx</t>
  </si>
  <si>
    <t>E:\BK_final\Vilarinho\Vilarinho - Trabalho\Algar Telecom\Comite Auditoria - Ano 2012 - Mar-2013\Bienios_Saldos 2012x2011.xlsx</t>
  </si>
  <si>
    <t>11/19/2019 13:41:50</t>
  </si>
  <si>
    <t>C:\Vila\Empresas Anterior\Arquivos Telecom\Comitê Auditoria 1T12 - 18 mai 12\2012.05.18 Comitê de Auditoria e Gestão de Riscos [Algar Telecom]_v_2012-05-07_v2.pptx\</t>
  </si>
  <si>
    <t>E:\BK_final\Vilarinho\Vilarinho - Trabalho\Algar Telecom\Comitê Auditoria 1T12 - 18 mai 12\2012.05.18 Comitê de Auditoria e Gestão de Riscos [Algar Telecom]_v_2012-05-07_v2.pptx</t>
  </si>
  <si>
    <t>11/19/2019 13:41:57</t>
  </si>
  <si>
    <t>C:\Vila\Empresas Anterior\Arquivos Telecom\Conciliação Contábil\Apresentação do Escopo para TI 23nov11 Reunião AlgTec.pptx\</t>
  </si>
  <si>
    <t>E:\BK_final\Vilarinho\Vilarinho - Trabalho\Algar Telecom\Conciliação Contábil\Apresentação do Escopo para TI 23nov11 Reunião AlgTec.pptx</t>
  </si>
  <si>
    <t>C:\Vila\Empresas Anterior\Arquivos Telecom\Conciliação Contábil\Apresentação do Escopo para TI 23nov11 Reunião AlgTec.pptx\Apresenta__o_do_Microsoft_PowerPoint5.pptx\</t>
  </si>
  <si>
    <t>11/19/2019 13:41:59</t>
  </si>
  <si>
    <t>C:\Vila\Empresas Anterior\Arquivos Telecom\Conciliação Contábil\Apresentação do Escopo para TI 23nov11 Reunião AlgTec.pptx\Documento_do_Microsoft_Word1.docx\</t>
  </si>
  <si>
    <t>C:\Vila\Empresas Anterior\Arquivos Telecom\Conciliação Contábil\Apresentação do Escopo para TI 23nov11 Reunião AlgTec.pptx\Planilha_do_Microsoft_Excel2.xlsx\</t>
  </si>
  <si>
    <t>11/19/2019 13:42:06</t>
  </si>
  <si>
    <t>C:\Vila\Empresas Anterior\Arquivos Telecom\Covenants 2014\</t>
  </si>
  <si>
    <t>Simulação%20Covenant_20140429_Reunião%20Algar(1).xlsm</t>
  </si>
  <si>
    <t>E:\BK_final\Vilarinho\Vilarinho - Trabalho\Algar Telecom\Covenants 2014\Simulação%20Covenant_20140429_Reunião%20Algar(1).xlsm</t>
  </si>
  <si>
    <t>11/19/2019 13:42:08</t>
  </si>
  <si>
    <t>SimulaçãoCovenant_20140430.xlsm</t>
  </si>
  <si>
    <t>E:\BK_final\Vilarinho\Vilarinho - Trabalho\Algar Telecom\Covenants 2014\SimulaçãoCovenant_20140430.xlsm</t>
  </si>
  <si>
    <t>11/19/2019 13:42:10</t>
  </si>
  <si>
    <t>C:\Vila\Empresas Anterior\Arquivos Telecom\Covenants 2014\Aquisição Synos - Mar-14\</t>
  </si>
  <si>
    <t>E:\BK_final\Vilarinho\Vilarinho - Trabalho\Algar Telecom\Covenants 2014\Aquisição Synos - Mar-14\Simulação%20Covenant_20140429_Reunião%20Algar(1).xlsm</t>
  </si>
  <si>
    <t>11/19/2019 13:42:14</t>
  </si>
  <si>
    <t>C:\Vila\Empresas Anterior\Arquivos Telecom\Desks\</t>
  </si>
  <si>
    <t>Instrucoes trabalho Algar.xlsx</t>
  </si>
  <si>
    <t>E:\BK_final\Vilarinho\Vilarinho - Trabalho\Algar Telecom\Desks\Instrucoes trabalho Algar.xlsx</t>
  </si>
  <si>
    <t>11/19/2019 13:42:15</t>
  </si>
  <si>
    <t>Lista de DTP´s.xlsx</t>
  </si>
  <si>
    <t>E:\BK_final\Vilarinho\Vilarinho - Trabalho\Algar Telecom\Desks\Lista de DTP´s.xlsx</t>
  </si>
  <si>
    <t>11/19/2019 13:42:52</t>
  </si>
  <si>
    <t>C:\Vila\Empresas Anterior\Arquivos Telecom\Desks\Originais\Ativos\002_FA_Movimentacao de Ativo Imobilizado.doc\</t>
  </si>
  <si>
    <t>ALGAR TEC - Regras de Negocio.xlsx</t>
  </si>
  <si>
    <t>E:\BK_final\Vilarinho\Vilarinho - Trabalho\Algar Telecom\Desks\Originais\Ativos\002_FA_Movimentacao de Ativo Imobilizado.doc</t>
  </si>
  <si>
    <t>Microsoft_Office_Excel_Worksheet1.xlsx</t>
  </si>
  <si>
    <t>Microsoft_Office_Excel_Worksheet2.xlsx</t>
  </si>
  <si>
    <t>11/19/2019 13:43:04</t>
  </si>
  <si>
    <t>C:\Vila\Empresas Anterior\Arquivos Telecom\Desks\Originais\Ativos\006_FA_ Oneração e Desoneração de bens final.doc\</t>
  </si>
  <si>
    <t>Rel Obras em Andamento (Mov Projects).xls</t>
  </si>
  <si>
    <t>E:\BK_final\Vilarinho\Vilarinho - Trabalho\Algar Telecom\Desks\Originais\Ativos\006_FA_ Oneração e Desoneração de bens final.doc</t>
  </si>
  <si>
    <t>11/19/2019 13:43:46</t>
  </si>
  <si>
    <t>11/19/2019 13:46:33</t>
  </si>
  <si>
    <t>LicenseSummaryReport_FC115.xlsx</t>
  </si>
  <si>
    <t>11/19/2019 13:44:23</t>
  </si>
  <si>
    <t>11/19/2019 13:47:34</t>
  </si>
  <si>
    <t>11/19/2019 13:45:25</t>
  </si>
  <si>
    <t>11/19/2019 13:50:34</t>
  </si>
  <si>
    <t>C:\Vila\Empresas Anterior\Arquivos Telecom\Desks\Originais\Contabil\001_GA_Atendimento Auditoria Externa-16052011 vr 1.0 - REV5.docx\</t>
  </si>
  <si>
    <t>E:\BK_final\Vilarinho\Vilarinho - Trabalho\Algar Telecom\Desks\Originais\Contabil\001_GA_Atendimento Auditoria Externa-16052011 vr 1.0 - REV5.docx</t>
  </si>
  <si>
    <t>11/19/2019 13:45:26</t>
  </si>
  <si>
    <t>11/19/2019 13:45:28</t>
  </si>
  <si>
    <t>11/19/2019 13:45:29</t>
  </si>
  <si>
    <t>11/19/2019 13:45:30</t>
  </si>
  <si>
    <t>11/19/2019 13:45:32</t>
  </si>
  <si>
    <t>11/19/2019 13:45:36</t>
  </si>
  <si>
    <t>11/19/2019 13:45:39</t>
  </si>
  <si>
    <t>11/19/2019 13:45:40</t>
  </si>
  <si>
    <t>11/19/2019 13:45:41</t>
  </si>
  <si>
    <t>11/19/2019 13:45:42</t>
  </si>
  <si>
    <t>11/19/2019 13:45:45</t>
  </si>
  <si>
    <t>Planilha_do_Microsoft_Office_Excel_97-200323.xls</t>
  </si>
  <si>
    <t>11/19/2019 13:45:46</t>
  </si>
  <si>
    <t>Planilha_do_Microsoft_Office_Excel_97-200324.xls</t>
  </si>
  <si>
    <t>Planilha_do_Microsoft_Office_Excel_97-200325.xls</t>
  </si>
  <si>
    <t>11/19/2019 13:45:49</t>
  </si>
  <si>
    <t>Planilha_do_Microsoft_Office_Excel_97-200326.xls</t>
  </si>
  <si>
    <t>Planilha_do_Microsoft_Office_Excel_97-200327.xls</t>
  </si>
  <si>
    <t>11/19/2019 13:45:50</t>
  </si>
  <si>
    <t>Planilha_do_Microsoft_Office_Excel_97-200328.xls</t>
  </si>
  <si>
    <t>11/19/2019 13:45:51</t>
  </si>
  <si>
    <t>Planilha_do_Microsoft_Office_Excel_97-200329.xls</t>
  </si>
  <si>
    <t>Planilha_do_Microsoft_Office_Excel_97-200330.xls</t>
  </si>
  <si>
    <t>Planilha_do_Microsoft_Office_Excel_97-200331.xls</t>
  </si>
  <si>
    <t>11/19/2019 13:45:52</t>
  </si>
  <si>
    <t>Planilha_do_Microsoft_Office_Excel_97-200332.xls</t>
  </si>
  <si>
    <t>11/19/2019 13:45:53</t>
  </si>
  <si>
    <t>Planilha_do_Microsoft_Office_Excel_97-200333.xls</t>
  </si>
  <si>
    <t>Planilha_do_Microsoft_Office_Excel_97-200334.xls</t>
  </si>
  <si>
    <t>11/19/2019 13:45:54</t>
  </si>
  <si>
    <t>Planilha_do_Microsoft_Office_Excel_97-200335.xls</t>
  </si>
  <si>
    <t>11/19/2019 13:45:57</t>
  </si>
  <si>
    <t>Planilha_do_Microsoft_Office_Excel_97-200336.xls</t>
  </si>
  <si>
    <t>Planilha_do_Microsoft_Office_Excel_97-200337.xls</t>
  </si>
  <si>
    <t>Planilha_do_Microsoft_Office_Excel_97-200338.xls</t>
  </si>
  <si>
    <t>11/19/2019 13:45:58</t>
  </si>
  <si>
    <t>Planilha_do_Microsoft_Office_Excel_97-200339.xls</t>
  </si>
  <si>
    <t>Planilha_do_Microsoft_Office_Excel_97-200340.xls</t>
  </si>
  <si>
    <t>11/19/2019 13:45:59</t>
  </si>
  <si>
    <t>Planilha_do_Microsoft_Office_Excel_97-200341.xls</t>
  </si>
  <si>
    <t>Planilha_do_Microsoft_Office_Excel_97-200342.xls</t>
  </si>
  <si>
    <t>Planilha_do_Microsoft_Office_Excel_97-200343.xls</t>
  </si>
  <si>
    <t>11/19/2019 13:46:00</t>
  </si>
  <si>
    <t>Planilha_do_Microsoft_Office_Excel_97-200344.xls</t>
  </si>
  <si>
    <t>11/19/2019 13:46:01</t>
  </si>
  <si>
    <t>Planilha_do_Microsoft_Office_Excel_97-200345.xls</t>
  </si>
  <si>
    <t>11/19/2019 13:46:02</t>
  </si>
  <si>
    <t>C:\Vila\Empresas Anterior\Arquivos Telecom\Desks\Originais\Contabil\001_GA_Atendimento Auditoria Externa-16052011 vr 1.0 - REV5.docx\Planilha_do_Microsoft_Office_Excel1.xlsx\</t>
  </si>
  <si>
    <t>11/19/2019 13:46:05</t>
  </si>
  <si>
    <t>11/19/2019 13:46:06</t>
  </si>
  <si>
    <t>C:\Vila\Empresas Anterior\Arquivos Telecom\Desks\Originais\Contabil\001_GA_Atendimento Auditoria Externa-16052011 vr 1.0 - REV5.docx\Planilha_do_Microsoft_Office_Excel_97-200311.xls\</t>
  </si>
  <si>
    <t>11/19/2019 13:46:07</t>
  </si>
  <si>
    <t>C:\Vila\Empresas Anterior\Arquivos Telecom\Desks\Originais\Contabil\001_GA_Atendimento Auditoria Externa-16052011 vr 1.0 - REV5.docx\Planilha_do_Microsoft_Office_Excel_97-200312.xls\</t>
  </si>
  <si>
    <t>C:\Vila\Empresas Anterior\Arquivos Telecom\Desks\Originais\Contabil\001_GA_Atendimento Auditoria Externa-16052011 vr 1.0 - REV5.docx\Planilha_do_Microsoft_Office_Excel_97-200313.xls\</t>
  </si>
  <si>
    <t>C:\Vila\Empresas Anterior\Arquivos Telecom\Desks\Originais\Contabil\001_GA_Atendimento Auditoria Externa-16052011 vr 1.0 - REV5.docx\Planilha_do_Microsoft_Office_Excel_97-200319.xls\</t>
  </si>
  <si>
    <t>11/19/2019 13:50:06</t>
  </si>
  <si>
    <t>11/19/2019 13:51:34</t>
  </si>
  <si>
    <t>Usuarios a serem criados_Dynamics.xlsx</t>
  </si>
  <si>
    <t>11/19/2019 13:53:08</t>
  </si>
  <si>
    <t>11/19/2019 13:55:33</t>
  </si>
  <si>
    <t>ENC: CRCE: Controle - CMPC CELULOSE CRM:006060002164</t>
  </si>
  <si>
    <t>CMPC CELULOSE RIOGRANDENSE LTDA.xlsx</t>
  </si>
  <si>
    <t>11/19/2019 13:56:34</t>
  </si>
  <si>
    <t>C:\Vila\Empresas Anterior\Arquivos Telecom\Desks\Originais\Contabil\001_GA_Atendimento Auditoria Externa-16052011 vr 1.0 - REV5.docx\Planilha_do_Microsoft_Office_Excel_97-200324.xls\</t>
  </si>
  <si>
    <t>11/19/2019 13:46:08</t>
  </si>
  <si>
    <t>C:\Vila\Empresas Anterior\Arquivos Telecom\Desks\Originais\Contabil\001_GA_Atendimento Auditoria Externa-16052011 vr 1.0 - REV5.docx\Planilha_do_Microsoft_Office_Excel_97-200325.xls\</t>
  </si>
  <si>
    <t>11/19/2019 13:46:09</t>
  </si>
  <si>
    <t>C:\Vila\Empresas Anterior\Arquivos Telecom\Desks\Originais\Contabil\001_GA_Atendimento Auditoria Externa-16052011 vr 1.0 - REV5.docx\Planilha_do_Microsoft_Office_Excel_97-200326.xls\</t>
  </si>
  <si>
    <t>11/19/2019 13:48:26</t>
  </si>
  <si>
    <t>C:\Vila\Empresas Anterior\Arquivos Telecom\Desks\Originais\Contabil\001_GA_Atendimento Auditoria Externa-16052011 vr 1.0 - REV7.docx\</t>
  </si>
  <si>
    <t>Microsoft_Office_Excel_97-2003_Worksheet1.xls</t>
  </si>
  <si>
    <t>E:\BK_final\Vilarinho\Vilarinho - Trabalho\Algar Telecom\Desks\Originais\Contabil\001_GA_Atendimento Auditoria Externa-16052011 vr 1.0 - REV7.docx</t>
  </si>
  <si>
    <t>Microsoft_Office_Excel_97-2003_Worksheet10.xls</t>
  </si>
  <si>
    <t>11/19/2019 13:48:28</t>
  </si>
  <si>
    <t>Microsoft_Office_Excel_97-2003_Worksheet11.xls</t>
  </si>
  <si>
    <t>11/19/2019 13:48:31</t>
  </si>
  <si>
    <t>Microsoft_Office_Excel_97-2003_Worksheet12.xls</t>
  </si>
  <si>
    <t>Microsoft_Office_Excel_97-2003_Worksheet13.xls</t>
  </si>
  <si>
    <t>Microsoft_Office_Excel_97-2003_Worksheet14.xls</t>
  </si>
  <si>
    <t>11/19/2019 13:48:32</t>
  </si>
  <si>
    <t>Microsoft_Office_Excel_97-2003_Worksheet15.xls</t>
  </si>
  <si>
    <t>11/19/2019 13:48:33</t>
  </si>
  <si>
    <t>Microsoft_Office_Excel_97-2003_Worksheet16.xls</t>
  </si>
  <si>
    <t>Microsoft_Office_Excel_97-2003_Worksheet17.xls</t>
  </si>
  <si>
    <t>11/19/2019 13:48:36</t>
  </si>
  <si>
    <t>Microsoft_Office_Excel_97-2003_Worksheet18.xls</t>
  </si>
  <si>
    <t>11/19/2019 13:48:38</t>
  </si>
  <si>
    <t>Microsoft_Office_Excel_97-2003_Worksheet19.xls</t>
  </si>
  <si>
    <t>Microsoft_Office_Excel_97-2003_Worksheet2.xls</t>
  </si>
  <si>
    <t>11/19/2019 13:48:39</t>
  </si>
  <si>
    <t>Microsoft_Office_Excel_97-2003_Worksheet20.xls</t>
  </si>
  <si>
    <t>Microsoft_Office_Excel_97-2003_Worksheet21.xls</t>
  </si>
  <si>
    <t>11/19/2019 13:48:40</t>
  </si>
  <si>
    <t>Microsoft_Office_Excel_97-2003_Worksheet22.xls</t>
  </si>
  <si>
    <t>Microsoft_Office_Excel_97-2003_Worksheet23.xls</t>
  </si>
  <si>
    <t>11/19/2019 13:48:41</t>
  </si>
  <si>
    <t>Microsoft_Office_Excel_97-2003_Worksheet24.xls</t>
  </si>
  <si>
    <t>Microsoft_Office_Excel_97-2003_Worksheet25.xls</t>
  </si>
  <si>
    <t>Microsoft_Office_Excel_97-2003_Worksheet26.xls</t>
  </si>
  <si>
    <t>Microsoft_Office_Excel_97-2003_Worksheet27.xls</t>
  </si>
  <si>
    <t>11/19/2019 13:48:45</t>
  </si>
  <si>
    <t>Microsoft_Office_Excel_97-2003_Worksheet28.xls</t>
  </si>
  <si>
    <t>Microsoft_Office_Excel_97-2003_Worksheet29.xls</t>
  </si>
  <si>
    <t>11/19/2019 13:57:34</t>
  </si>
  <si>
    <t>Microsoft_Office_Excel_97-2003_Worksheet3.xls</t>
  </si>
  <si>
    <t>11/19/2019 13:48:46</t>
  </si>
  <si>
    <t>Microsoft_Office_Excel_97-2003_Worksheet30.xls</t>
  </si>
  <si>
    <t>11/19/2019 13:48:47</t>
  </si>
  <si>
    <t>Microsoft_Office_Excel_97-2003_Worksheet31.xls</t>
  </si>
  <si>
    <t>Microsoft_Office_Excel_97-2003_Worksheet32.xls</t>
  </si>
  <si>
    <t>11/19/2019 13:48:48</t>
  </si>
  <si>
    <t>Microsoft_Office_Excel_97-2003_Worksheet33.xls</t>
  </si>
  <si>
    <t>11/19/2019 13:48:49</t>
  </si>
  <si>
    <t>Microsoft_Office_Excel_97-2003_Worksheet34.xls</t>
  </si>
  <si>
    <t>Microsoft_Office_Excel_97-2003_Worksheet35.xls</t>
  </si>
  <si>
    <t>11/19/2019 13:48:50</t>
  </si>
  <si>
    <t>Microsoft_Office_Excel_97-2003_Worksheet36.xls</t>
  </si>
  <si>
    <t>11/19/2019 13:48:51</t>
  </si>
  <si>
    <t>Microsoft_Office_Excel_97-2003_Worksheet37.xls</t>
  </si>
  <si>
    <t>11/19/2019 13:48:52</t>
  </si>
  <si>
    <t>Microsoft_Office_Excel_97-2003_Worksheet38.xls</t>
  </si>
  <si>
    <t>Microsoft_Office_Excel_97-2003_Worksheet39.xls</t>
  </si>
  <si>
    <t>Microsoft_Office_Excel_97-2003_Worksheet4.xls</t>
  </si>
  <si>
    <t>11/19/2019 13:48:55</t>
  </si>
  <si>
    <t>Microsoft_Office_Excel_97-2003_Worksheet40.xls</t>
  </si>
  <si>
    <t>Microsoft_Office_Excel_97-2003_Worksheet41.xls</t>
  </si>
  <si>
    <t>Microsoft_Office_Excel_97-2003_Worksheet42.xls</t>
  </si>
  <si>
    <t>11/19/2019 13:48:56</t>
  </si>
  <si>
    <t>Microsoft_Office_Excel_97-2003_Worksheet43.xls</t>
  </si>
  <si>
    <t>11/19/2019 13:48:58</t>
  </si>
  <si>
    <t>Microsoft_Office_Excel_97-2003_Worksheet44.xls</t>
  </si>
  <si>
    <t>Microsoft_Office_Excel_97-2003_Worksheet45.xls</t>
  </si>
  <si>
    <t>11/19/2019 13:48:59</t>
  </si>
  <si>
    <t>Microsoft_Office_Excel_97-2003_Worksheet46.xls</t>
  </si>
  <si>
    <t>11/19/2019 13:49:02</t>
  </si>
  <si>
    <t>Microsoft_Office_Excel_97-2003_Worksheet47.xls</t>
  </si>
  <si>
    <t>Microsoft_Office_Excel_97-2003_Worksheet48.xls</t>
  </si>
  <si>
    <t>Microsoft_Office_Excel_97-2003_Worksheet5.xls</t>
  </si>
  <si>
    <t>11/19/2019 13:49:03</t>
  </si>
  <si>
    <t>Microsoft_Office_Excel_97-2003_Worksheet6.xls</t>
  </si>
  <si>
    <t>11/19/2019 13:49:04</t>
  </si>
  <si>
    <t>Microsoft_Office_Excel_97-2003_Worksheet7.xls</t>
  </si>
  <si>
    <t>Microsoft_Office_Excel_97-2003_Worksheet8.xls</t>
  </si>
  <si>
    <t>11/19/2019 13:49:05</t>
  </si>
  <si>
    <t>Microsoft_Office_Excel_97-2003_Worksheet9.xls</t>
  </si>
  <si>
    <t>oleObject12.xls</t>
  </si>
  <si>
    <t>11/19/2019 13:49:07</t>
  </si>
  <si>
    <t>oleObject13.xls</t>
  </si>
  <si>
    <t>11/19/2019 13:49:08</t>
  </si>
  <si>
    <t>oleObject14.xls</t>
  </si>
  <si>
    <t>11/19/2019 13:49:09</t>
  </si>
  <si>
    <t>oleObject2.xls</t>
  </si>
  <si>
    <t>oleObject30.xls</t>
  </si>
  <si>
    <t>11/19/2019 13:49:11</t>
  </si>
  <si>
    <t>oleObject31.xls</t>
  </si>
  <si>
    <t>C:\Vila\Empresas Anterior\Arquivos Telecom\Desks\Originais\Contabil\001_GA_Atendimento Auditoria Externa-16052011 vr 1.0 - REV7.docx\Microsoft_Office_Excel_97-2003_Worksheet1.xls\</t>
  </si>
  <si>
    <t>11/19/2019 13:49:12</t>
  </si>
  <si>
    <t>C:\Vila\Empresas Anterior\Arquivos Telecom\Desks\Originais\Contabil\001_GA_Atendimento Auditoria Externa-16052011 vr 1.0 - REV7.docx\Microsoft_Office_Excel_97-2003_Worksheet12.xls\</t>
  </si>
  <si>
    <t>11/19/2019 13:49:16</t>
  </si>
  <si>
    <t>C:\Vila\Empresas Anterior\Arquivos Telecom\Desks\Originais\Contabil\001_GA_Atendimento Auditoria Externa-16052011 vr 1.0 - REV7.docx\Microsoft_Office_Excel_97-2003_Worksheet13.xls\</t>
  </si>
  <si>
    <t>11/19/2019 13:49:17</t>
  </si>
  <si>
    <t>C:\Vila\Empresas Anterior\Arquivos Telecom\Desks\Originais\Contabil\001_GA_Atendimento Auditoria Externa-16052011 vr 1.0 - REV7.docx\Microsoft_Office_Excel_97-2003_Worksheet14.xls\</t>
  </si>
  <si>
    <t>C:\Vila\Empresas Anterior\Arquivos Telecom\Desks\Originais\Contabil\001_GA_Atendimento Auditoria Externa-16052011 vr 1.0 - REV7.docx\Microsoft_Office_Excel_97-2003_Worksheet20.xls\</t>
  </si>
  <si>
    <t>11/19/2019 13:49:20</t>
  </si>
  <si>
    <t>C:\Vila\Empresas Anterior\Arquivos Telecom\Desks\Originais\Contabil\001_GA_Atendimento Auditoria Externa-16052011 vr 1.0 - REV7.docx\Microsoft_Office_Excel_97-2003_Worksheet25.xls\</t>
  </si>
  <si>
    <t>C:\Vila\Empresas Anterior\Arquivos Telecom\Desks\Originais\Contabil\001_GA_Atendimento Auditoria Externa-16052011 vr 1.0 - REV7.docx\Microsoft_Office_Excel_97-2003_Worksheet26.xls\</t>
  </si>
  <si>
    <t>11/19/2019 13:49:22</t>
  </si>
  <si>
    <t>C:\Vila\Empresas Anterior\Arquivos Telecom\Desks\Originais\Contabil\001_GA_Atendimento Auditoria Externa-16052011 vr 1.0 - REV7.docx\Microsoft_Office_Excel_97-2003_Worksheet27.xls\</t>
  </si>
  <si>
    <t>11/19/2019 13:57:38</t>
  </si>
  <si>
    <t>11/19/2019 13:58:34</t>
  </si>
  <si>
    <t>/o=exchangelabs/ou=exchange administrative group (fydibohf23spdlt)/cn=recipients/cn=8b1ee9849bf1448b965d2e381d782565-gabriel viv;/o=exchangelabs/ou=exchange administrative group (fydibohf23spdlt)/cn=recipients/cn=92f840270c3143f3a4d11a96cbe1c928-marcela car;/o=exchangelabs/ou=exchange administrative group (fydibohf23spdlt)/cn=recipients/cn=c29ec9dae022497281c840087cccddec-patricia ar;</t>
  </si>
  <si>
    <t>Mailing enriquecido</t>
  </si>
  <si>
    <t>Mailing enriquecido_1911.xltx</t>
  </si>
  <si>
    <t>/o=exchangelabs/ou=exchange administrative group (fydibohf23spdlt)/cn=recipients/cn=8b1ee9849bf1448b965d2e381d782565-gabriel viv,/o=exchangelabs/ou=exchange administrative group (fydibohf23spdlt)/cn=recipients/cn=92f840270c3143f3a4d11a96cbe1c928-marcela car,/o=exchangelabs/ou=exchange administrative group (fydibohf23spdlt)/cn=recipients/cn=c29ec9dae022497281c840087cccddec-patricia ar</t>
  </si>
  <si>
    <t>11/19/2019 13:56:40</t>
  </si>
  <si>
    <t>11/19/2019 14:00:34</t>
  </si>
  <si>
    <t>/o=exchangelabs/ou=exchange administrative group (fydibohf23spdlt)/cn=recipients/cn=4b453b7f02914710b3e94bcf7b311ad4-fernando po;/o=exchangelabs/ou=exchange administrative group (fydibohf23spdlt)/cn=recipients/cn=b1a72fc2d0234efca84c7771ea70c7ee-roberta cri;/o=exchangelabs/ou=exchange administrative group (fydibohf23spdlt)/cn=recipients/cn=d3d28899a5be4c2c8b5b9e55717f7da7-fabio ribei;</t>
  </si>
  <si>
    <t>Plano de Ação - Fábio Ribeiro</t>
  </si>
  <si>
    <t>Plano Fábio.xlsx</t>
  </si>
  <si>
    <t>/o=exchangelabs/ou=exchange administrative group (fydibohf23spdlt)/cn=recipients/cn=4b453b7f02914710b3e94bcf7b311ad4-fernando po,/o=exchangelabs/ou=exchange administrative group (fydibohf23spdlt)/cn=recipients/cn=b1a72fc2d0234efca84c7771ea70c7ee-roberta cri,/o=exchangelabs/ou=exchange administrative group (fydibohf23spdlt)/cn=recipients/cn=d3d28899a5be4c2c8b5b9e55717f7da7-fabio ribei</t>
  </si>
  <si>
    <t>11/19/2019 13:59:01</t>
  </si>
  <si>
    <t>11/19/2019 14:02:33</t>
  </si>
  <si>
    <t>RES: Casos Especiais Amex - Parcial Novembro</t>
  </si>
  <si>
    <t>11/19/2019 13:49:37</t>
  </si>
  <si>
    <t>11/19/2019 14:03:33</t>
  </si>
  <si>
    <t>C:\Vila\Empresas Anterior\Arquivos Telecom\Desks\Originais\Contabil\003_GA_Autorização e Concessão 02022011 vr 1.0.docx\</t>
  </si>
  <si>
    <t>E:\BK_final\Vilarinho\Vilarinho - Trabalho\Algar Telecom\Desks\Originais\Contabil\003_GA_Autorização e Concessão 02022011 vr 1.0.docx</t>
  </si>
  <si>
    <t>Microsoft_Office_Excel_Worksheet3.xlsx</t>
  </si>
  <si>
    <t>11/19/2019 13:49:40</t>
  </si>
  <si>
    <t>C:\Vila\Empresas Anterior\Arquivos Telecom\Desks\Originais\Contabil\004_GA_Despesa Antecipada 10052011 vr 1.0.docx\</t>
  </si>
  <si>
    <t>E:\BK_final\Vilarinho\Vilarinho - Trabalho\Algar Telecom\Desks\Originais\Contabil\004_GA_Despesa Antecipada 10052011 vr 1.0.docx</t>
  </si>
  <si>
    <t>Microsoft_Office_Excel_Worksheet4.xlsx</t>
  </si>
  <si>
    <t>Microsoft_Office_Excel_Worksheet5.xlsx</t>
  </si>
  <si>
    <t>11/19/2019 13:49:47</t>
  </si>
  <si>
    <t>C:\Vila\Empresas Anterior\Arquivos Telecom\Desks\Originais\Contabil\005_GA_ Rateio de Despesas Holding 11052011 vr 1.0.docx\</t>
  </si>
  <si>
    <t>E:\BK_final\Vilarinho\Vilarinho - Trabalho\Algar Telecom\Desks\Originais\Contabil\005_GA_ Rateio de Despesas Holding 11052011 vr 1.0.docx</t>
  </si>
  <si>
    <t>11/19/2019 13:49:48</t>
  </si>
  <si>
    <t>C:\Vila\Empresas Anterior\Arquivos Telecom\Desks\Originais\Contabil\006_GA_Fechamento Contábil 03022011 vr 1.0.docx\</t>
  </si>
  <si>
    <t>E:\BK_final\Vilarinho\Vilarinho - Trabalho\Algar Telecom\Desks\Originais\Contabil\006_GA_Fechamento Contábil 03022011 vr 1.0.docx</t>
  </si>
  <si>
    <t>11/19/2019 13:49:57</t>
  </si>
  <si>
    <t>C:\Vila\Empresas Anterior\Arquivos Telecom\Desks\Originais\Contabil\010_GA_Elaboração do CT 08062011 v 1.0.doc\</t>
  </si>
  <si>
    <t>E:\BK_final\Vilarinho\Vilarinho - Trabalho\Algar Telecom\Desks\Originais\Contabil\010_GA_Elaboração do CT 08062011 v 1.0.doc</t>
  </si>
  <si>
    <t>11/19/2019 13:49:58</t>
  </si>
  <si>
    <t>C:\Vila\Empresas Anterior\Arquivos Telecom\Desks\Originais\Contabil\014_GA_Reserva Legal 28042011 vr 1.0.docx\</t>
  </si>
  <si>
    <t>E:\BK_final\Vilarinho\Vilarinho - Trabalho\Algar Telecom\Desks\Originais\Contabil\014_GA_Reserva Legal 28042011 vr 1.0.docx</t>
  </si>
  <si>
    <t>11/19/2019 13:49:59</t>
  </si>
  <si>
    <t>C:\Vila\Empresas Anterior\Arquivos Telecom\Desks\Originais\Contabil\015_GA_Ajuste Contábil 23022011 vr 1.0.docx\</t>
  </si>
  <si>
    <t>E:\BK_final\Vilarinho\Vilarinho - Trabalho\Algar Telecom\Desks\Originais\Contabil\015_GA_Ajuste Contábil 23022011 vr 1.0.docx</t>
  </si>
  <si>
    <t>11/19/2019 13:50:00</t>
  </si>
  <si>
    <t>C:\Vila\Empresas Anterior\Arquivos Telecom\Desks\Originais\Contabil\017_GA_Processo IRU 06062011.docx\</t>
  </si>
  <si>
    <t>E:\BK_final\Vilarinho\Vilarinho - Trabalho\Algar Telecom\Desks\Originais\Contabil\017_GA_Processo IRU 06062011.docx</t>
  </si>
  <si>
    <t>11/19/2019 13:50:03</t>
  </si>
  <si>
    <t>C:\Vila\Empresas Anterior\Arquivos Telecom\Desks\Originais\Contabil\020_GA_ Repasse de Despesas Telecom 10052011 vr 1.0.docx\</t>
  </si>
  <si>
    <t>E:\BK_final\Vilarinho\Vilarinho - Trabalho\Algar Telecom\Desks\Originais\Contabil\020_GA_ Repasse de Despesas Telecom 10052011 vr 1.0.docx</t>
  </si>
  <si>
    <t>11/19/2019 13:50:08</t>
  </si>
  <si>
    <t>C:\Vila\Empresas Anterior\Arquivos Telecom\Desks\Originais\Contabil\023_GA_ Rateio de Despesas Holding CSC 01062011.docx\</t>
  </si>
  <si>
    <t>E:\BK_final\Vilarinho\Vilarinho - Trabalho\Algar Telecom\Desks\Originais\Contabil\023_GA_ Rateio de Despesas Holding CSC 01062011.docx</t>
  </si>
  <si>
    <t>C:\Vila\Empresas Anterior\Arquivos Telecom\Desks\Originais\Fiscal\Workshop 13062011\010_TAX - Apuração FUST e FUNTTEL.doc\</t>
  </si>
  <si>
    <t>E:\BK_final\Vilarinho\Vilarinho - Trabalho\Algar Telecom\Desks\Originais\Fiscal\Workshop 13062011\010_TAX - Apuração FUST e FUNTTEL.doc</t>
  </si>
  <si>
    <t>C:\Vila\Empresas Anterior\Arquivos Telecom\Desks\Originais\Fiscal\Workshop 13062011\040_TAX- Contingências Fiscais, Civil e Trabalhista.doc\</t>
  </si>
  <si>
    <t>E:\BK_final\Vilarinho\Vilarinho - Trabalho\Algar Telecom\Desks\Originais\Fiscal\Workshop 13062011\040_TAX- Contingências Fiscais, Civil e Trabalhista.doc</t>
  </si>
  <si>
    <t>11/19/2019 13:51:10</t>
  </si>
  <si>
    <t>C:\Vila\Empresas Anterior\Arquivos Telecom\Desks\revisadas\Ativos\002_FA_Movimentacao%20de%20Ativo%20Imobilizado%20Final[1]-ok.docx\</t>
  </si>
  <si>
    <t>E:\BK_final\Vilarinho\Vilarinho - Trabalho\Algar Telecom\Desks\revisadas\Ativos\002_FA_Movimentacao%20de%20Ativo%20Imobilizado%20Final[1]-ok.docx</t>
  </si>
  <si>
    <t>11/19/2019 13:51:21</t>
  </si>
  <si>
    <t>C:\Vila\Empresas Anterior\Arquivos Telecom\Desks\revisadas\Ativos\006_FA_ Oneração e Desoneração de bens final-ok.docx\</t>
  </si>
  <si>
    <t>E:\BK_final\Vilarinho\Vilarinho - Trabalho\Algar Telecom\Desks\revisadas\Ativos\006_FA_ Oneração e Desoneração de bens final-ok.docx</t>
  </si>
  <si>
    <t>11/19/2019 13:51:22</t>
  </si>
  <si>
    <t>11/19/2019 13:56:54</t>
  </si>
  <si>
    <t>C:\Vila\Empresas Anterior\Arquivos Telecom\Desks\revisadas\Contabil\001_GA_Atendimento Auditoria Externa-16052011 vr 1.0 - REV5-Revisado Vila.docx\</t>
  </si>
  <si>
    <t>E:\BK_final\Vilarinho\Vilarinho - Trabalho\Algar Telecom\Desks\revisadas\Contabil\001_GA_Atendimento Auditoria Externa-16052011 vr 1.0 - REV5-Revisado Vila.docx</t>
  </si>
  <si>
    <t>11/19/2019 13:56:55</t>
  </si>
  <si>
    <t>11/19/2019 13:57:00</t>
  </si>
  <si>
    <t>11/19/2019 13:57:06</t>
  </si>
  <si>
    <t>11/19/2019 13:57:09</t>
  </si>
  <si>
    <t>11/19/2019 13:57:17</t>
  </si>
  <si>
    <t>11/19/2019 13:57:24</t>
  </si>
  <si>
    <t>11/19/2019 13:57:25</t>
  </si>
  <si>
    <t>11/19/2019 13:57:29</t>
  </si>
  <si>
    <t>11/19/2019 13:57:32</t>
  </si>
  <si>
    <t>11/19/2019 13:57:35</t>
  </si>
  <si>
    <t>11/19/2019 13:57:41</t>
  </si>
  <si>
    <t>11/19/2019 13:57:42</t>
  </si>
  <si>
    <t>11/19/2019 13:57:46</t>
  </si>
  <si>
    <t>11/19/2019 13:57:48</t>
  </si>
  <si>
    <t>11/19/2019 14:02:56</t>
  </si>
  <si>
    <t>11/19/2019 14:07:34</t>
  </si>
  <si>
    <t>kellyc@tripag.com.br;larrynirmads@algartech.com;pauloslj@algartech.com;robertaib@algartech.com;</t>
  </si>
  <si>
    <t>\\acsfs\deptos\Operacao\Unica\2. Ilhas\2.2 Credenciadora\2.2.18 Pagamento Devolvido\Novembro\</t>
  </si>
  <si>
    <t>kellyc@tripag.com.br,larrynirmads@algartech.com,pauloslj@algartech.com,robertaib@algartech.com</t>
  </si>
  <si>
    <t>11/19/2019 14:08:34</t>
  </si>
  <si>
    <t>11/19/2019 14:10:34</t>
  </si>
  <si>
    <t>11/19/2019 13:57:49</t>
  </si>
  <si>
    <t>11/19/2019 14:12:34</t>
  </si>
  <si>
    <t>11/19/2019 14:13:33</t>
  </si>
  <si>
    <t>11/19/2019 14:08:35</t>
  </si>
  <si>
    <t>11/19/2019 14:14:33</t>
  </si>
  <si>
    <t>11/19/2019 14:09:26</t>
  </si>
  <si>
    <t>11/19/2019 13:57:50</t>
  </si>
  <si>
    <t>11/19/2019 14:16:33</t>
  </si>
  <si>
    <t>11/19/2019 14:17:34</t>
  </si>
  <si>
    <t>11/19/2019 14:18:34</t>
  </si>
  <si>
    <t>11/19/2019 13:57:56</t>
  </si>
  <si>
    <t>11/19/2019 14:19:34</t>
  </si>
  <si>
    <t>11/19/2019 14:20:34</t>
  </si>
  <si>
    <t>11/19/2019 14:15:47</t>
  </si>
  <si>
    <t>Relatório de Atendimento</t>
  </si>
  <si>
    <t>relatorio_atendimento_analitico__exportacao_5dd42239002e3.csv</t>
  </si>
  <si>
    <t>11/19/2019 13:58:05</t>
  </si>
  <si>
    <t>11/19/2019 14:17:38</t>
  </si>
  <si>
    <t>/o=exchangelabs/ou=exchange administrative group (fydibohf23spdlt)/cn=recipients/cn=26984366badb41bea1ad9ee21b28411b-luciene rod;/o=exchangelabs/ou=exchange administrative group (fydibohf23spdlt)/cn=recipients/cn=2f8300fc6f8b4714a77c0227cba72162-vinicius pi;/o=exchangelabs/ou=exchange administrative group (fydibohf23spdlt)/cn=recipients/cn=6b9fd660438a463aa668b6c636013344-aline berna;/o=exchangelabs/ou=exchange administrative group (fydibohf23spdlt)/cn=recipients/cn=8295bdf2d84b481dacb8e4962fb430d4-rodrigo ant;/o=exchangelabs/ou=exchange administrative group (fydibohf23spdlt)/cn=recipients/cn=d6cce5a70d504cc2ad89cee834cd59a9-luciana rib;viniciussdl@algartech.com;</t>
  </si>
  <si>
    <t>Caderno de testes API Consulta NF</t>
  </si>
  <si>
    <t>Caderno de Teste BOT JÚ - Consulta NF.xlsx</t>
  </si>
  <si>
    <t>/o=exchangelabs/ou=exchange administrative group (fydibohf23spdlt)/cn=recipients/cn=26984366badb41bea1ad9ee21b28411b-luciene rod,/o=exchangelabs/ou=exchange administrative group (fydibohf23spdlt)/cn=recipients/cn=2f8300fc6f8b4714a77c0227cba72162-vinicius pi,/o=exchangelabs/ou=exchange administrative group (fydibohf23spdlt)/cn=recipients/cn=6b9fd660438a463aa668b6c636013344-aline berna,/o=exchangelabs/ou=exchange administrative group (fydibohf23spdlt)/cn=recipients/cn=8295bdf2d84b481dacb8e4962fb430d4-rodrigo ant,/o=exchangelabs/ou=exchange administrative group (fydibohf23spdlt)/cn=recipients/cn=d6cce5a70d504cc2ad89cee834cd59a9-luciana rib,viniciussdl@algartech.com</t>
  </si>
  <si>
    <t>11/19/2019 13:58:07</t>
  </si>
  <si>
    <t>11/19/2019 14:21:34</t>
  </si>
  <si>
    <t>11/19/2019 13:58:08</t>
  </si>
  <si>
    <t>11/19/2019 14:18:00</t>
  </si>
  <si>
    <t>/o=exchangelabs/ou=exchange administrative group (fydibohf23spdlt)/cn=recipients/cn=168e05cabbf14ae289464a0c09955b31-sara ferrei;/o=exchangelabs/ou=exchange administrative group (fydibohf23spdlt)/cn=recipients/cn=813137faf5314c07911c33841e8f1e9b-roselaine s;/o=exchangelabs/ou=exchange administrative group (fydibohf23spdlt)/cn=recipients/cn=e9b12c05d40743aeabb473b63d3b57f6-camila tirs;</t>
  </si>
  <si>
    <t>ENC: Não Faturado 1ª Semana Outubro</t>
  </si>
  <si>
    <t>/o=exchangelabs/ou=exchange administrative group (fydibohf23spdlt)/cn=recipients/cn=168e05cabbf14ae289464a0c09955b31-sara ferrei,/o=exchangelabs/ou=exchange administrative group (fydibohf23spdlt)/cn=recipients/cn=813137faf5314c07911c33841e8f1e9b-roselaine s,/o=exchangelabs/ou=exchange administrative group (fydibohf23spdlt)/cn=recipients/cn=e9b12c05d40743aeabb473b63d3b57f6-camila tirs</t>
  </si>
  <si>
    <t>11/19/2019 13:58:10</t>
  </si>
  <si>
    <t>11/19/2019 13:58:11</t>
  </si>
  <si>
    <t>11/19/2019 13:58:12</t>
  </si>
  <si>
    <t>11/19/2019 14:22:34</t>
  </si>
  <si>
    <t>11/19/2019 13:58:19</t>
  </si>
  <si>
    <t>11/19/2019 13:58:31</t>
  </si>
  <si>
    <t>11/19/2019 13:58:35</t>
  </si>
  <si>
    <t>11/19/2019 13:58:41</t>
  </si>
  <si>
    <t>11/19/2019 13:58:49</t>
  </si>
  <si>
    <t>11/19/2019 13:58:52</t>
  </si>
  <si>
    <t>11/19/2019 13:59:08</t>
  </si>
  <si>
    <t>11/19/2019 13:59:13</t>
  </si>
  <si>
    <t>11/19/2019 14:24:34</t>
  </si>
  <si>
    <t>11/19/2019 13:59:24</t>
  </si>
  <si>
    <t>11/19/2019 14:25:33</t>
  </si>
  <si>
    <t>11/19/2019 13:59:36</t>
  </si>
  <si>
    <t>11/19/2019 13:59:41</t>
  </si>
  <si>
    <t>11/19/2019 13:59:42</t>
  </si>
  <si>
    <t>C:\Vila\Empresas Anterior\Arquivos Telecom\Desks\revisadas\Contabil\001_GA_Atendimento Auditoria Externa-16052011 vr 1.0 - REV5-Revisado Vila.docx\Planilha_do_Microsoft_Office_Excel1.xlsx\</t>
  </si>
  <si>
    <t>11/19/2019 13:59:43</t>
  </si>
  <si>
    <t>C:\Vila\Empresas Anterior\Arquivos Telecom\Desks\revisadas\Contabil\001_GA_Atendimento Auditoria Externa-16052011 vr 1.0 - REV5-Revisado Vila.docx\Planilha_do_Microsoft_Office_Excel_97-200311.xls\</t>
  </si>
  <si>
    <t>C:\Vila\Empresas Anterior\Arquivos Telecom\Desks\revisadas\Contabil\001_GA_Atendimento Auditoria Externa-16052011 vr 1.0 - REV5-Revisado Vila.docx\Planilha_do_Microsoft_Office_Excel_97-200312.xls\</t>
  </si>
  <si>
    <t>11/19/2019 13:59:55</t>
  </si>
  <si>
    <t>C:\Vila\Empresas Anterior\Arquivos Telecom\Desks\revisadas\Contabil\001_GA_Atendimento Auditoria Externa-16052011 vr 1.0 - REV5-Revisado Vila.docx\Planilha_do_Microsoft_Office_Excel_97-200313.xls\</t>
  </si>
  <si>
    <t>11/19/2019 13:59:59</t>
  </si>
  <si>
    <t>C:\Vila\Empresas Anterior\Arquivos Telecom\Desks\revisadas\Contabil\001_GA_Atendimento Auditoria Externa-16052011 vr 1.0 - REV5-Revisado Vila.docx\Planilha_do_Microsoft_Office_Excel_97-200319.xls\</t>
  </si>
  <si>
    <t>11/19/2019 14:00:01</t>
  </si>
  <si>
    <t>C:\Vila\Empresas Anterior\Arquivos Telecom\Desks\revisadas\Contabil\001_GA_Atendimento Auditoria Externa-16052011 vr 1.0 - REV5-Revisado Vila.docx\Planilha_do_Microsoft_Office_Excel_97-200324.xls\</t>
  </si>
  <si>
    <t>11/19/2019 14:00:11</t>
  </si>
  <si>
    <t>11/19/2019 14:00:19</t>
  </si>
  <si>
    <t>C:\Vila\Empresas Anterior\Arquivos Telecom\Desks\revisadas\Contabil\001_GA_Atendimento Auditoria Externa-16052011 vr 1.0 - REV5-Revisado Vila.docx\Planilha_do_Microsoft_Office_Excel_97-200325.xls\</t>
  </si>
  <si>
    <t>11/19/2019 14:00:24</t>
  </si>
  <si>
    <t>11/19/2019 14:00:32</t>
  </si>
  <si>
    <t>C:\Vila\Empresas Anterior\Arquivos Telecom\Desks\revisadas\Contabil\001_GA_Atendimento Auditoria Externa-16052011 vr 1.0 - REV5-Revisado Vila.docx\Planilha_do_Microsoft_Office_Excel_97-200326.xls\</t>
  </si>
  <si>
    <t>11/19/2019 14:00:39</t>
  </si>
  <si>
    <t>11/19/2019 14:00:58</t>
  </si>
  <si>
    <t>C:\Vila\Empresas Anterior\Arquivos Telecom\Desks\revisadas\Contabil\001_GA_Atendimento Auditoria Externa-16052011 vr 1.0 - REVI.docx\</t>
  </si>
  <si>
    <t>E:\BK_final\Vilarinho\Vilarinho - Trabalho\Algar Telecom\Desks\revisadas\Contabil\001_GA_Atendimento Auditoria Externa-16052011 vr 1.0 - REVI.docx</t>
  </si>
  <si>
    <t>C:\Vila\Empresas Anterior\Arquivos Telecom\Desks\revisadas\Contabil\001_GA_Atendimento Auditoria Externa-16052011 vr 1.0 - REVI.docx\Planilha_do_Microsoft_Office_Excel6.xlsx\</t>
  </si>
  <si>
    <t>C:\Vila\Empresas Anterior\Arquivos Telecom\Desks\revisadas\Contabil\001_GA_Atendimento Auditoria Externa-16052011 vr 1.0 - REVI.docx\Planilha_do_Microsoft_Office_Excel7.xlsx\</t>
  </si>
  <si>
    <t>11/19/2019 14:01:22</t>
  </si>
  <si>
    <t>C:\Vila\Empresas Anterior\Arquivos Telecom\Desks\revisadas\Contabil\003_GA_Autorização e Concessão 02022011 vr 1.0-revisado ok.docx\</t>
  </si>
  <si>
    <t>E:\BK_final\Vilarinho\Vilarinho - Trabalho\Algar Telecom\Desks\revisadas\Contabil\003_GA_Autorização e Concessão 02022011 vr 1.0-revisado ok.docx</t>
  </si>
  <si>
    <t>11/19/2019 14:01:25</t>
  </si>
  <si>
    <t>C:\Vila\Empresas Anterior\Arquivos Telecom\Desks\revisadas\Contabil\004_GA_Despesa Antecipada 10052011 vr 1.0-ok.docx\</t>
  </si>
  <si>
    <t>E:\BK_final\Vilarinho\Vilarinho - Trabalho\Algar Telecom\Desks\revisadas\Contabil\004_GA_Despesa Antecipada 10052011 vr 1.0-ok.docx</t>
  </si>
  <si>
    <t>11/19/2019 14:01:32</t>
  </si>
  <si>
    <t>C:\Vila\Empresas Anterior\Arquivos Telecom\Desks\revisadas\Contabil\005_GA_ Rateio de Despesas Holding 11052011 vr 1.0-Ok.docx\</t>
  </si>
  <si>
    <t>E:\BK_final\Vilarinho\Vilarinho - Trabalho\Algar Telecom\Desks\revisadas\Contabil\005_GA_ Rateio de Despesas Holding 11052011 vr 1.0-Ok.docx</t>
  </si>
  <si>
    <t>11/19/2019 14:26:34</t>
  </si>
  <si>
    <t>11/19/2019 14:31:33</t>
  </si>
  <si>
    <t>11/19/2019 14:29:12</t>
  </si>
  <si>
    <t>10.200.32.200</t>
  </si>
  <si>
    <t>64-1C-67-9C-54-2F</t>
  </si>
  <si>
    <t>NB-HENRIQUERF</t>
  </si>
  <si>
    <t>henriquerfr</t>
  </si>
  <si>
    <t>C:\projetos\sicoob\DE-SICOOB.docx\</t>
  </si>
  <si>
    <t>11/19/2019 14:01:33</t>
  </si>
  <si>
    <t>C:\Vila\Empresas Anterior\Arquivos Telecom\Desks\revisadas\Contabil\006_GA_Fechamento Contábil 03022011 vr 1.0-revisada ok.docx\</t>
  </si>
  <si>
    <t>E:\BK_final\Vilarinho\Vilarinho - Trabalho\Algar Telecom\Desks\revisadas\Contabil\006_GA_Fechamento Contábil 03022011 vr 1.0-revisada ok.docx</t>
  </si>
  <si>
    <t>11/19/2019 14:02:18</t>
  </si>
  <si>
    <t>C:\Vila\Empresas Anterior\Arquivos Telecom\Desks\revisadas\Contabil\010_GA_Elaboração do CT 08062011 v 1.0-ok.docx\</t>
  </si>
  <si>
    <t>E:\BK_final\Vilarinho\Vilarinho - Trabalho\Algar Telecom\Desks\revisadas\Contabil\010_GA_Elaboração do CT 08062011 v 1.0-ok.docx</t>
  </si>
  <si>
    <t>11/19/2019 14:02:22</t>
  </si>
  <si>
    <t>11/19/2019 14:02:30</t>
  </si>
  <si>
    <t>11/19/2019 14:02:34</t>
  </si>
  <si>
    <t>11/19/2019 14:02:36</t>
  </si>
  <si>
    <t>11/19/2019 14:02:37</t>
  </si>
  <si>
    <t>11/19/2019 14:02:38</t>
  </si>
  <si>
    <t>11/19/2019 14:02:39</t>
  </si>
  <si>
    <t>11/19/2019 14:02:41</t>
  </si>
  <si>
    <t>11/19/2019 14:02:42</t>
  </si>
  <si>
    <t>11/19/2019 14:02:43</t>
  </si>
  <si>
    <t>11/19/2019 14:02:44</t>
  </si>
  <si>
    <t>11/19/2019 14:02:46</t>
  </si>
  <si>
    <t>11/19/2019 14:02:47</t>
  </si>
  <si>
    <t>11/19/2019 14:02:48</t>
  </si>
  <si>
    <t>11/19/2019 14:02:49</t>
  </si>
  <si>
    <t>11/19/2019 14:02:50</t>
  </si>
  <si>
    <t>11/19/2019 14:02:51</t>
  </si>
  <si>
    <t>11/19/2019 14:02:52</t>
  </si>
  <si>
    <t>11/19/2019 14:02:53</t>
  </si>
  <si>
    <t>11/19/2019 14:02:54</t>
  </si>
  <si>
    <t>Planilha_do_Microsoft_Office_Excel_97-200346.xls</t>
  </si>
  <si>
    <t>Planilha_do_Microsoft_Office_Excel_97-200347.xls</t>
  </si>
  <si>
    <t>Planilha_do_Microsoft_Office_Excel_97-200348.xls</t>
  </si>
  <si>
    <t>Planilha_do_Microsoft_Office_Excel_97-200349.xls</t>
  </si>
  <si>
    <t>11/19/2019 14:32:34</t>
  </si>
  <si>
    <t>Planilha_do_Microsoft_Office_Excel_97-200350.xls</t>
  </si>
  <si>
    <t>Planilha_do_Microsoft_Office_Excel_97-200351.xls</t>
  </si>
  <si>
    <t>Planilha_do_Microsoft_Office_Excel_97-200352.xls</t>
  </si>
  <si>
    <t>Planilha_do_Microsoft_Office_Excel_97-200353.xls</t>
  </si>
  <si>
    <t>Planilha_do_Microsoft_Office_Excel_97-200354.xls</t>
  </si>
  <si>
    <t>Planilha_do_Microsoft_Office_Excel_97-200355.xls</t>
  </si>
  <si>
    <t>Planilha_do_Microsoft_Office_Excel_97-200356.xls</t>
  </si>
  <si>
    <t>Planilha_do_Microsoft_Office_Excel_97-200357.xls</t>
  </si>
  <si>
    <t>Planilha_do_Microsoft_Office_Excel_97-200358.xls</t>
  </si>
  <si>
    <t>Planilha_do_Microsoft_Office_Excel_97-200359.xls</t>
  </si>
  <si>
    <t>Planilha_do_Microsoft_Office_Excel_97-200360.xls</t>
  </si>
  <si>
    <t>Planilha_do_Microsoft_Office_Excel_97-200361.xls</t>
  </si>
  <si>
    <t>Planilha_do_Microsoft_Office_Excel_97-200362.xls</t>
  </si>
  <si>
    <t>Planilha_do_Microsoft_Office_Excel_97-200363.xls</t>
  </si>
  <si>
    <t>Planilha_do_Microsoft_Office_Excel_97-200364.xls</t>
  </si>
  <si>
    <t>Planilha_do_Microsoft_Office_Excel_97-200365.xls</t>
  </si>
  <si>
    <t>Planilha_do_Microsoft_Office_Excel_97-200366.xls</t>
  </si>
  <si>
    <t>11/19/2019 14:02:57</t>
  </si>
  <si>
    <t>Planilha_do_Microsoft_Office_Excel_97-200367.xls</t>
  </si>
  <si>
    <t>Planilha_do_Microsoft_Office_Excel_97-200368.xls</t>
  </si>
  <si>
    <t>Planilha_do_Microsoft_Office_Excel_97-200369.xls</t>
  </si>
  <si>
    <t>Planilha_do_Microsoft_Office_Excel_97-200370.xls</t>
  </si>
  <si>
    <t>Planilha_do_Microsoft_Office_Excel_97-200371.xls</t>
  </si>
  <si>
    <t>11/19/2019 14:02:59</t>
  </si>
  <si>
    <t>Planilha_do_Microsoft_Office_Excel_97-200372.xls</t>
  </si>
  <si>
    <t>11/19/2019 14:03:01</t>
  </si>
  <si>
    <t>Planilha_do_Microsoft_Office_Excel_97-200373.xls</t>
  </si>
  <si>
    <t>11/19/2019 14:03:06</t>
  </si>
  <si>
    <t>Planilha_do_Microsoft_Office_Excel_97-200374.xls</t>
  </si>
  <si>
    <t>11/19/2019 14:03:09</t>
  </si>
  <si>
    <t>Planilha_do_Microsoft_Office_Excel_97-200375.xls</t>
  </si>
  <si>
    <t>11/19/2019 14:03:14</t>
  </si>
  <si>
    <t>Planilha_do_Microsoft_Office_Excel_97-200376.xls</t>
  </si>
  <si>
    <t>11/19/2019 14:03:16</t>
  </si>
  <si>
    <t>Planilha_do_Microsoft_Office_Excel_97-200377.xls</t>
  </si>
  <si>
    <t>Planilha_do_Microsoft_Office_Excel_97-200378.xls</t>
  </si>
  <si>
    <t>Planilha_do_Microsoft_Office_Excel_97-200379.xls</t>
  </si>
  <si>
    <t>Planilha_do_Microsoft_Office_Excel_97-200380.xls</t>
  </si>
  <si>
    <t>Planilha_do_Microsoft_Office_Excel_97-200381.xls</t>
  </si>
  <si>
    <t>11/19/2019 14:03:17</t>
  </si>
  <si>
    <t>Planilha_do_Microsoft_Office_Excel_97-200382.xls</t>
  </si>
  <si>
    <t>Planilha_do_Microsoft_Office_Excel_97-200383.xls</t>
  </si>
  <si>
    <t>Planilha_do_Microsoft_Office_Excel_97-200384.xls</t>
  </si>
  <si>
    <t>Planilha_do_Microsoft_Office_Excel_97-200385.xls</t>
  </si>
  <si>
    <t>Planilha_do_Microsoft_Office_Excel_97-200386.xls</t>
  </si>
  <si>
    <t>Planilha_do_Microsoft_Office_Excel_97-200387.xls</t>
  </si>
  <si>
    <t>Planilha_do_Microsoft_Office_Excel_97-200388.xls</t>
  </si>
  <si>
    <t>Planilha_do_Microsoft_Office_Excel_97-200389.xls</t>
  </si>
  <si>
    <t>Planilha_do_Microsoft_Office_Excel_97-200390.xls</t>
  </si>
  <si>
    <t>Planilha_do_Microsoft_Office_Excel_97-200391.xls</t>
  </si>
  <si>
    <t>11/19/2019 14:03:20</t>
  </si>
  <si>
    <t>Planilha_do_Microsoft_Office_Excel_97-200392.xls</t>
  </si>
  <si>
    <t>11/19/2019 14:03:24</t>
  </si>
  <si>
    <t>Planilha_do_Microsoft_Office_Excel_97-200393.xls</t>
  </si>
  <si>
    <t>11/19/2019 14:03:28</t>
  </si>
  <si>
    <t>Planilha_do_Microsoft_Office_Excel_97-200394.xls</t>
  </si>
  <si>
    <t>11/19/2019 14:03:32</t>
  </si>
  <si>
    <t>Planilha_do_Microsoft_Office_Excel_97-200395.xls</t>
  </si>
  <si>
    <t>Planilha_do_Microsoft_Office_Excel_97-200396.xls</t>
  </si>
  <si>
    <t>11/19/2019 14:03:34</t>
  </si>
  <si>
    <t>Planilha_do_Microsoft_Office_Excel_97-200397.xls</t>
  </si>
  <si>
    <t>11/19/2019 14:33:33</t>
  </si>
  <si>
    <t>Planilha_do_Microsoft_Office_Excel_97-200398.xls</t>
  </si>
  <si>
    <t>Planilha_do_Microsoft_Office_Excel_97-200399.xls</t>
  </si>
  <si>
    <t>11/19/2019 14:03:36</t>
  </si>
  <si>
    <t>C:\Vila\Empresas Anterior\Arquivos Telecom\Desks\revisadas\Contabil\015_GA_Ajuste Contábil 23022011 vr 1.0-OK.docx\</t>
  </si>
  <si>
    <t>E:\BK_final\Vilarinho\Vilarinho - Trabalho\Algar Telecom\Desks\revisadas\Contabil\015_GA_Ajuste Contábil 23022011 vr 1.0-OK.docx</t>
  </si>
  <si>
    <t>11/19/2019 14:03:40</t>
  </si>
  <si>
    <t>C:\Vila\Empresas Anterior\Arquivos Telecom\Desks\revisadas\Contabil\017_GA_Processo IRU 06062011-revisada OK.docx\</t>
  </si>
  <si>
    <t>E:\BK_final\Vilarinho\Vilarinho - Trabalho\Algar Telecom\Desks\revisadas\Contabil\017_GA_Processo IRU 06062011-revisada OK.docx</t>
  </si>
  <si>
    <t>11/19/2019 14:03:45</t>
  </si>
  <si>
    <t>C:\Vila\Empresas Anterior\Arquivos Telecom\Desks\revisadas\Contabil\020_GA_ Repasse de Despesas Telecom 10052011 vr 1.0-OK.docx\</t>
  </si>
  <si>
    <t>E:\BK_final\Vilarinho\Vilarinho - Trabalho\Algar Telecom\Desks\revisadas\Contabil\020_GA_ Repasse de Despesas Telecom 10052011 vr 1.0-OK.docx</t>
  </si>
  <si>
    <t>11/19/2019 14:03:52</t>
  </si>
  <si>
    <t>C:\Vila\Empresas Anterior\Arquivos Telecom\Desks\revisadas\Contabil\023_GA_ Rateio de Despesas Holding CSC 01062011-revisada OK.docx\</t>
  </si>
  <si>
    <t>E:\BK_final\Vilarinho\Vilarinho - Trabalho\Algar Telecom\Desks\revisadas\Contabil\023_GA_ Rateio de Despesas Holding CSC 01062011-revisada OK.docx</t>
  </si>
  <si>
    <t>11/19/2019 14:04:03</t>
  </si>
  <si>
    <t>C:\Vila\Empresas Anterior\Arquivos Telecom\Desks\revisadas\Contabil\Contabil.zip\</t>
  </si>
  <si>
    <t>Plan-Despesa Antecipada - sugestao mudan‡a 2.xlsx</t>
  </si>
  <si>
    <t>E:\BK_final\Vilarinho\Vilarinho - Trabalho\Algar Telecom\Desks\revisadas\Contabil\Contabil.zip</t>
  </si>
  <si>
    <t>Plan-Despesa Antecipada - sugestao mudan‡a.xlsx</t>
  </si>
  <si>
    <t>C:\Vila\Empresas Anterior\Arquivos Telecom\Desks\revisadas\Contabil\Contabil.zip\004_GA_Despesa Antecipada 10052011 vr 1.0-ok.docx\</t>
  </si>
  <si>
    <t>11/19/2019 14:34:34</t>
  </si>
  <si>
    <t>C:\Vila\Empresas Anterior\Arquivos Telecom\Desks\revisadas\Contabil\Contabil.zip\005_GA_ Rateio de Despesas Holding 11052011 vr 1.0-Ok.docx\</t>
  </si>
  <si>
    <t>11/19/2019 14:04:04</t>
  </si>
  <si>
    <t>C:\Vila\Empresas Anterior\Arquivos Telecom\Desks\revisadas\Contabil\Contabil.zip\015_GA_Ajuste Cont bil 23022011 vr 1.0-OK.docx\</t>
  </si>
  <si>
    <t>C:\Vila\Empresas Anterior\Arquivos Telecom\Desks\revisadas\Contabil\Contabil.zip\020_GA_ Repasse de Despesas Telecom 10052011 vr 1.0-OK.docx\</t>
  </si>
  <si>
    <t>C:\Vila\Empresas Anterior\Arquivos Telecom\Desks\revisadas\Contabil\</t>
  </si>
  <si>
    <t>Plan-Despesa Antecipada - sugestao mudança 2.xlsx</t>
  </si>
  <si>
    <t>E:\BK_final\Vilarinho\Vilarinho - Trabalho\Algar Telecom\Desks\revisadas\Contabil\Plan-Despesa Antecipada - sugestao mudança 2.xlsx</t>
  </si>
  <si>
    <t>Plan-Despesa Antecipada - sugestao mudança.xlsx</t>
  </si>
  <si>
    <t>E:\BK_final\Vilarinho\Vilarinho - Trabalho\Algar Telecom\Desks\revisadas\Contabil\Plan-Despesa Antecipada - sugestao mudança.xlsx</t>
  </si>
  <si>
    <t>11/19/2019 14:04:08</t>
  </si>
  <si>
    <t>Planilha Contabil 003_GA_Autorização e Concessão 02022011 vr 1.0-revisada OK.xlsx</t>
  </si>
  <si>
    <t>E:\BK_final\Vilarinho\Vilarinho - Trabalho\Algar Telecom\Desks\revisadas\Contabil\Planilha Contabil 003_GA_Autorização e Concessão 02022011 vr 1.0-revisada OK.xlsx</t>
  </si>
  <si>
    <t>11/19/2019 14:04:09</t>
  </si>
  <si>
    <t>Plan_Fechamento Contábil 03022011 vr 1.-revisada ok.xlsx</t>
  </si>
  <si>
    <t>E:\BK_final\Vilarinho\Vilarinho - Trabalho\Algar Telecom\Desks\revisadas\Contabil\Plan_Fechamento Contábil 03022011 vr 1.-revisada ok.xlsx</t>
  </si>
  <si>
    <t>11/19/2019 14:04:43</t>
  </si>
  <si>
    <t>C:\Vila\Empresas Anterior\Arquivos Telecom\Desks\revisadas\Contabil\~WRD0002.tmp\</t>
  </si>
  <si>
    <t>E:\BK_final\Vilarinho\Vilarinho - Trabalho\Algar Telecom\Desks\revisadas\Contabil\~WRD0002.tmp</t>
  </si>
  <si>
    <t>11/19/2019 14:04:47</t>
  </si>
  <si>
    <t>11/19/2019 14:04:51</t>
  </si>
  <si>
    <t>11/19/2019 14:04:54</t>
  </si>
  <si>
    <t>11/19/2019 14:04:55</t>
  </si>
  <si>
    <t>11/19/2019 14:04:56</t>
  </si>
  <si>
    <t>11/19/2019 14:04:57</t>
  </si>
  <si>
    <t>11/19/2019 14:04:59</t>
  </si>
  <si>
    <t>11/19/2019 14:05:02</t>
  </si>
  <si>
    <t>11/19/2019 14:05:06</t>
  </si>
  <si>
    <t>11/19/2019 14:05:07</t>
  </si>
  <si>
    <t>11/19/2019 14:05:08</t>
  </si>
  <si>
    <t>11/19/2019 14:05:09</t>
  </si>
  <si>
    <t>11/19/2019 14:05:12</t>
  </si>
  <si>
    <t>11/19/2019 14:05:18</t>
  </si>
  <si>
    <t>11/19/2019 14:05:19</t>
  </si>
  <si>
    <t>11/19/2019 14:05:21</t>
  </si>
  <si>
    <t>11/19/2019 14:05:24</t>
  </si>
  <si>
    <t>11/19/2019 14:05:26</t>
  </si>
  <si>
    <t>11/19/2019 14:05:30</t>
  </si>
  <si>
    <t>11/19/2019 14:05:32</t>
  </si>
  <si>
    <t>11/19/2019 14:05:33</t>
  </si>
  <si>
    <t>11/19/2019 14:05:34</t>
  </si>
  <si>
    <t>11/19/2019 14:05:36</t>
  </si>
  <si>
    <t>11/19/2019 14:35:33</t>
  </si>
  <si>
    <t>11/19/2019 14:05:39</t>
  </si>
  <si>
    <t>11/19/2019 14:05:40</t>
  </si>
  <si>
    <t>11/19/2019 14:05:41</t>
  </si>
  <si>
    <t>11/19/2019 14:05:42</t>
  </si>
  <si>
    <t>11/19/2019 14:05:45</t>
  </si>
  <si>
    <t>11/19/2019 14:05:48</t>
  </si>
  <si>
    <t>11/19/2019 14:05:52</t>
  </si>
  <si>
    <t>11/19/2019 14:05:53</t>
  </si>
  <si>
    <t>11/19/2019 14:05:54</t>
  </si>
  <si>
    <t>11/19/2019 14:05:55</t>
  </si>
  <si>
    <t>11/19/2019 14:06:16</t>
  </si>
  <si>
    <t>C:\Vila\Empresas Anterior\Arquivos Telecom\Desks\revisadas\Fiscal\010_TAX - Apuração FUST e FUNTTEL-ok.doc\</t>
  </si>
  <si>
    <t>E:\BK_final\Vilarinho\Vilarinho - Trabalho\Algar Telecom\Desks\revisadas\Fiscal\010_TAX - Apuração FUST e FUNTTEL-ok.doc</t>
  </si>
  <si>
    <t>11/19/2019 14:06:38</t>
  </si>
  <si>
    <t>C:\Vila\Empresas Anterior\Arquivos Telecom\Desks\revisadas\Fiscal\023_TAX - PER-DCOMP-OK.docx\</t>
  </si>
  <si>
    <t>E:\BK_final\Vilarinho\Vilarinho - Trabalho\Algar Telecom\Desks\revisadas\Fiscal\023_TAX - PER-DCOMP-OK.docx</t>
  </si>
  <si>
    <t>11/19/2019 14:06:41</t>
  </si>
  <si>
    <t>C:\Vila\Empresas Anterior\Arquivos Telecom\Desks\revisadas\Fiscal\040_TAX- Contingências Fiscais, Civil e Trabalhista-ok.doc\</t>
  </si>
  <si>
    <t>E:\BK_final\Vilarinho\Vilarinho - Trabalho\Algar Telecom\Desks\revisadas\Fiscal\040_TAX- Contingências Fiscais, Civil e Trabalhista-ok.doc</t>
  </si>
  <si>
    <t>11/19/2019 14:06:49</t>
  </si>
  <si>
    <t>C:\Vila\Empresas Anterior\Arquivos Telecom\Desks\revisadas\Fiscal\143_TAX-Taxas Municpais, Estaduais e Federais-ok.docx\</t>
  </si>
  <si>
    <t>E:\BK_final\Vilarinho\Vilarinho - Trabalho\Algar Telecom\Desks\revisadas\Fiscal\143_TAX-Taxas Municpais, Estaduais e Federais-ok.docx</t>
  </si>
  <si>
    <t>11/19/2019 14:07:02</t>
  </si>
  <si>
    <t>C:\Vila\Empresas Anterior\Arquivos Telecom\Gerenciais 2013\2 reuger\2013.05.23 Comitê de Auditoria e Gestão de Riscos [Algar Telecom].pptx\</t>
  </si>
  <si>
    <t>E:\BK_final\Vilarinho\Vilarinho - Trabalho\Algar Telecom\Gerenciais 2013\2 reuger\2013.05.23 Comitê de Auditoria e Gestão de Riscos [Algar Telecom].pptx</t>
  </si>
  <si>
    <t>11/19/2019 14:07:07</t>
  </si>
  <si>
    <t>C:\Vila\Empresas Anterior\Arquivos Telecom\Gerenciais 2013\2 reuger\Algar Telecom_2ª Reuger_22_04_13_Final.pptx\</t>
  </si>
  <si>
    <t>E:\BK_final\Vilarinho\Vilarinho - Trabalho\Algar Telecom\Gerenciais 2013\2 reuger\Algar Telecom_2ª Reuger_22_04_13_Final.pptx</t>
  </si>
  <si>
    <t>11/19/2019 14:07:08</t>
  </si>
  <si>
    <t>C:\Vila\Empresas Anterior\Arquivos Telecom\Gerenciais 2013\2 reuger\Algar Telecom_2ª Reuger_30_04_13_REUGER_Area.pptx\</t>
  </si>
  <si>
    <t>E:\BK_final\Vilarinho\Vilarinho - Trabalho\Algar Telecom\Gerenciais 2013\2 reuger\Algar Telecom_2ª Reuger_30_04_13_REUGER_Area.pptx</t>
  </si>
  <si>
    <t>C:\Vila\Empresas Anterior\Arquivos Telecom\Gerenciais 2013\2 reuger\</t>
  </si>
  <si>
    <t>Analise PGMC_itx_Celular_1Tvs1T13.xlsx</t>
  </si>
  <si>
    <t>E:\BK_final\Vilarinho\Vilarinho - Trabalho\Algar Telecom\Gerenciais 2013\2 reuger\Analise PGMC_itx_Celular_1Tvs1T13.xlsx</t>
  </si>
  <si>
    <t>11/19/2019 14:07:15</t>
  </si>
  <si>
    <t>C:\Vila\Empresas Anterior\Arquivos Telecom\Gerenciais 2013\Comite Auditoria - Maio13\2013.05.23 Comitê de Auditoria e Gestão de Riscos [Algar Telecom] - Loureiro.pptx\</t>
  </si>
  <si>
    <t>E:\BK_final\Vilarinho\Vilarinho - Trabalho\Algar Telecom\Gerenciais 2013\Comite Auditoria - Maio13\2013.05.23 Comitê de Auditoria e Gestão de Riscos [Algar Telecom] - Loureiro.pptx</t>
  </si>
  <si>
    <t>11/19/2019 14:07:23</t>
  </si>
  <si>
    <t>C:\Vila\Empresas Anterior\Arquivos Telecom\Gerenciais 2013\Comite Auditoria - Maio13\2013.05.23 Comitê de Auditoria e Gestão de Riscos [Algar Telecom].pptx\</t>
  </si>
  <si>
    <t>E:\BK_final\Vilarinho\Vilarinho - Trabalho\Algar Telecom\Gerenciais 2013\Comite Auditoria - Maio13\2013.05.23 Comitê de Auditoria e Gestão de Riscos [Algar Telecom].pptx</t>
  </si>
  <si>
    <t>C:\Vila\Empresas Anterior\Arquivos Telecom\Gerenciais 2013\Comite Auditoria - Maio13\</t>
  </si>
  <si>
    <t>Analise Covenant Ativo e PL.xlsx</t>
  </si>
  <si>
    <t>E:\BK_final\Vilarinho\Vilarinho - Trabalho\Algar Telecom\Gerenciais 2013\Comite Auditoria - Maio13\Analise Covenant Ativo e PL.xlsx</t>
  </si>
  <si>
    <t>11/19/2019 14:07:27</t>
  </si>
  <si>
    <t>C:\Vila\Empresas Anterior\Arquivos Telecom\Instalação Clientes\Perda contábil referente a baixa de Intalação V4.pptx\</t>
  </si>
  <si>
    <t>E:\BK_final\Vilarinho\Vilarinho - Trabalho\Algar Telecom\Instalação Clientes\Perda contábil referente a baixa de Intalação V4.pptx</t>
  </si>
  <si>
    <t>11/19/2019 14:07:28</t>
  </si>
  <si>
    <t>C:\Vila\Empresas Anterior\Arquivos Telecom\Migração Data Center\</t>
  </si>
  <si>
    <t>E:\BK_final\Vilarinho\Vilarinho - Trabalho\Algar Telecom\Migração Data Center\Acoes do ACORDO FINAL.xls</t>
  </si>
  <si>
    <t>E:\BK_final\Vilarinho\Vilarinho - Trabalho\Algar Telecom\Migração Data Center\Clientes Licitação.xls</t>
  </si>
  <si>
    <t>E:\BK_final\Vilarinho\Vilarinho - Trabalho\Algar Telecom\Migração Data Center\Comparativo de Capex do Data Center na Multimídia.xls</t>
  </si>
  <si>
    <t>11/19/2019 14:07:29</t>
  </si>
  <si>
    <t>E:\BK_final\Vilarinho\Vilarinho - Trabalho\Algar Telecom\Migração Data Center\Contrato Oracle - Rateio entre empresas.xls</t>
  </si>
  <si>
    <t>E:\BK_final\Vilarinho\Vilarinho - Trabalho\Algar Telecom\Migração Data Center\Cronograma reorganização societária Data Center.xls</t>
  </si>
  <si>
    <t>11/19/2019 14:07:37</t>
  </si>
  <si>
    <t>C:\Vila\Empresas Anterior\Arquivos Telecom\Migração Data Center\CTBC Multimidia Custos e Despesas - 2008.rar\</t>
  </si>
  <si>
    <t>E:\BK_final\Vilarinho\Vilarinho - Trabalho\Algar Telecom\Migração Data Center\CTBC Multimidia Custos e Despesas - 2008.rar</t>
  </si>
  <si>
    <t>E:\BK_final\Vilarinho\Vilarinho - Trabalho\Algar Telecom\Migração Data Center\Cópia de Desd_ Multimídia_Dez08.xls</t>
  </si>
  <si>
    <t>E:\BK_final\Vilarinho\Vilarinho - Trabalho\Algar Telecom\Migração Data Center\Divida Data Center na Multimídia.xls</t>
  </si>
  <si>
    <t>E:\BK_final\Vilarinho\Vilarinho - Trabalho\Algar Telecom\Migração Data Center\End_ Multimídia_Dez08.xls</t>
  </si>
  <si>
    <t>E:\BK_final\Vilarinho\Vilarinho - Trabalho\Algar Telecom\Migração Data Center\FAT POR SEGMENTO DC.xls</t>
  </si>
  <si>
    <t>E:\BK_final\Vilarinho\Vilarinho - Trabalho\Algar Telecom\Migração Data Center\Fornecedores Data Center.xls</t>
  </si>
  <si>
    <t>E:\BK_final\Vilarinho\Vilarinho - Trabalho\Algar Telecom\Migração Data Center\Nota de débito.xls</t>
  </si>
  <si>
    <t>E:\BK_final\Vilarinho\Vilarinho - Trabalho\Algar Telecom\Migração Data Center\Nota de débito.xlsx</t>
  </si>
  <si>
    <t>E:\BK_final\Vilarinho\Vilarinho - Trabalho\Algar Telecom\Migração Data Center\Planejamento 13-02-09 Data Center.xls</t>
  </si>
  <si>
    <t>E:\BK_final\Vilarinho\Vilarinho - Trabalho\Algar Telecom\Migração Data Center\PROCEDIMENTOS CONTÁBEIS - RECLASSIFICAÇÃO_ESTORNO_ARRECADAÇÃO_REPASSE.xls</t>
  </si>
  <si>
    <t>E:\BK_final\Vilarinho\Vilarinho - Trabalho\Algar Telecom\Migração Data Center\Provisoes Data Center Dez08.xlsx</t>
  </si>
  <si>
    <t>E:\BK_final\Vilarinho\Vilarinho - Trabalho\Algar Telecom\Migração Data Center\Rateio entre empresas - contrato Oracle.xls</t>
  </si>
  <si>
    <t>11/19/2019 14:36:33</t>
  </si>
  <si>
    <t>E:\BK_final\Vilarinho\Vilarinho - Trabalho\Algar Telecom\Migração Data Center\Repasse Algar Tecnologia.xlsx</t>
  </si>
  <si>
    <t>11/19/2019 14:07:39</t>
  </si>
  <si>
    <t>E:\BK_final\Vilarinho\Vilarinho - Trabalho\Algar Telecom\Migração Data Center\usuarios_x_Responsabilidade_SIAF20.xls</t>
  </si>
  <si>
    <t>C:\Vila\Empresas Anterior\Arquivos Telecom\Migração Data Center\Apresentações\</t>
  </si>
  <si>
    <t>E:\BK_final\Vilarinho\Vilarinho - Trabalho\Algar Telecom\Migração Data Center\Apresentações\Consolidado valores Oceano Azul.xlsx</t>
  </si>
  <si>
    <t>C:\Vila\Empresas Anterior\Arquivos Telecom\Migração Data Center\Apresentações\Data Center jan09.ppt\s4\</t>
  </si>
  <si>
    <t>E:\BK_final\Vilarinho\Vilarinho - Trabalho\Algar Telecom\Migração Data Center\Apresentações\Data Center jan09.ppt</t>
  </si>
  <si>
    <t>E:\BK_final\Vilarinho\Vilarinho - Trabalho\Algar Telecom\Migração Data Center\Apresentações\Planejamento 24-07-08.xlsx</t>
  </si>
  <si>
    <t>11/19/2019 14:07:40</t>
  </si>
  <si>
    <t>C:\Vila\Empresas Anterior\Arquivos Telecom\Migração Data Center\Ativos\</t>
  </si>
  <si>
    <t>E:\BK_final\Vilarinho\Vilarinho - Trabalho\Algar Telecom\Migração Data Center\Ativos\Consumo energia CTBC 232.xls</t>
  </si>
  <si>
    <t>11/19/2019 14:07:41</t>
  </si>
  <si>
    <t>E:\BK_final\Vilarinho\Vilarinho - Trabalho\Algar Telecom\Migração Data Center\Ativos\Imóveis_Negócio DATACENTER.xls</t>
  </si>
  <si>
    <t>E:\BK_final\Vilarinho\Vilarinho - Trabalho\Algar Telecom\Migração Data Center\Ativos\INV DATACENTER FINAL 14-01-09.xls</t>
  </si>
  <si>
    <t>11/19/2019 14:07:42</t>
  </si>
  <si>
    <t>C:\Vila\Empresas Anterior\Arquivos Telecom\Migração Data Center\Ativos\Depreciação\</t>
  </si>
  <si>
    <t>E:\BK_final\Vilarinho\Vilarinho - Trabalho\Algar Telecom\Migração Data Center\Ativos\Depreciação\Depreciaçao - DataCenter_2008.xls</t>
  </si>
  <si>
    <t>E:\BK_final\Vilarinho\Vilarinho - Trabalho\Algar Telecom\Migração Data Center\Ativos\Depreciação\Multim_Dpr_Reg_Proc_Abril08.xls</t>
  </si>
  <si>
    <t>E:\BK_final\Vilarinho\Vilarinho - Trabalho\Algar Telecom\Migração Data Center\Ativos\Depreciação\Multim_Dpr_Reg_Proc_Ago08.xls</t>
  </si>
  <si>
    <t>E:\BK_final\Vilarinho\Vilarinho - Trabalho\Algar Telecom\Migração Data Center\Ativos\Depreciação\Multim_Dpr_Reg_Proc_Jul08.xls</t>
  </si>
  <si>
    <t>11/19/2019 14:07:43</t>
  </si>
  <si>
    <t>E:\BK_final\Vilarinho\Vilarinho - Trabalho\Algar Telecom\Migração Data Center\Ativos\Depreciação\Multim_Dpr_Reg_Proc_Jun08.xls</t>
  </si>
  <si>
    <t>E:\BK_final\Vilarinho\Vilarinho - Trabalho\Algar Telecom\Migração Data Center\Ativos\Depreciação\Multim_Dpr_Reg_Proc_Maio08.xls</t>
  </si>
  <si>
    <t>E:\BK_final\Vilarinho\Vilarinho - Trabalho\Algar Telecom\Migração Data Center\Ativos\Depreciação\Multim_Dpr_Reg_Proc_Mar08.xls</t>
  </si>
  <si>
    <t>E:\BK_final\Vilarinho\Vilarinho - Trabalho\Algar Telecom\Migração Data Center\Ativos\Depreciação\Multim_Dpr_Reg_Proc_Out08.xls</t>
  </si>
  <si>
    <t>E:\BK_final\Vilarinho\Vilarinho - Trabalho\Algar Telecom\Migração Data Center\Ativos\Depreciação\Multim_Dpr_Reg_Proc_Set08.xls</t>
  </si>
  <si>
    <t>E:\BK_final\Vilarinho\Vilarinho - Trabalho\Algar Telecom\Migração Data Center\Ativos\Depreciação\Rel.Mult.Fev08 por Regul..xls</t>
  </si>
  <si>
    <t>E:\BK_final\Vilarinho\Vilarinho - Trabalho\Algar Telecom\Migração Data Center\Ativos\Depreciação\Relatório Depreciação Multimidia jan-08.xls</t>
  </si>
  <si>
    <t>C:\Vila\Empresas Anterior\Arquivos Telecom\Migração Data Center\Comunicação\</t>
  </si>
  <si>
    <t>E:\BK_final\Vilarinho\Vilarinho - Trabalho\Algar Telecom\Migração Data Center\Comunicação\cadastro fornecedores reorganizacao societaria jadir.xls</t>
  </si>
  <si>
    <t>E:\BK_final\Vilarinho\Vilarinho - Trabalho\Algar Telecom\Migração Data Center\Comunicação\cadastro fornecedores reorganizacao societaria.xls</t>
  </si>
  <si>
    <t>E:\BK_final\Vilarinho\Vilarinho - Trabalho\Algar Telecom\Migração Data Center\Comunicação\Cronograma visita_contato clientes.xls</t>
  </si>
  <si>
    <t>11/19/2019 14:07:44</t>
  </si>
  <si>
    <t>C:\Vila\Empresas Anterior\Arquivos Telecom\Migração Data Center\Contabilidade\</t>
  </si>
  <si>
    <t>E:\BK_final\Vilarinho\Vilarinho - Trabalho\Algar Telecom\Migração Data Center\Contabilidade\Contas a receber Data Center dez08.xls</t>
  </si>
  <si>
    <t>E:\BK_final\Vilarinho\Vilarinho - Trabalho\Algar Telecom\Migração Data Center\Contabilidade\Diferido CTBCTel Set_2008.xls - Hewitt.xls</t>
  </si>
  <si>
    <t>E:\BK_final\Vilarinho\Vilarinho - Trabalho\Algar Telecom\Migração Data Center\Contabilidade\Fornecedores Dezembro2008.xls</t>
  </si>
  <si>
    <t>E:\BK_final\Vilarinho\Vilarinho - Trabalho\Algar Telecom\Migração Data Center\Contabilidade\Fornecedores Dezembro2008.xlsb</t>
  </si>
  <si>
    <t>11/19/2019 14:07:46</t>
  </si>
  <si>
    <t>E:\BK_final\Vilarinho\Vilarinho - Trabalho\Algar Telecom\Migração Data Center\Contabilidade\Laudo Audicon Multimidia - Data Center 23012009.xls</t>
  </si>
  <si>
    <t>11/19/2019 14:07:48</t>
  </si>
  <si>
    <t>E:\BK_final\Vilarinho\Vilarinho - Trabalho\Algar Telecom\Migração Data Center\Contabilidade\Laudo Audicon Multimidia - Data Center.xlsx</t>
  </si>
  <si>
    <t>11/19/2019 14:07:49</t>
  </si>
  <si>
    <t>E:\BK_final\Vilarinho\Vilarinho - Trabalho\Algar Telecom\Migração Data Center\Contabilidade\Laudo Contabil Multímidia - Data Center.xls</t>
  </si>
  <si>
    <t>11/19/2019 14:07:52</t>
  </si>
  <si>
    <t>E:\BK_final\Vilarinho\Vilarinho - Trabalho\Algar Telecom\Migração Data Center\Contabilidade\Laudo Contabil Multímidia - Data Center.xlsx</t>
  </si>
  <si>
    <t>11/19/2019 14:07:53</t>
  </si>
  <si>
    <t>E:\BK_final\Vilarinho\Vilarinho - Trabalho\Algar Telecom\Migração Data Center\Contabilidade\Laudo contábil Data Center.xls</t>
  </si>
  <si>
    <t>C:\Vila\Empresas Anterior\Arquivos Telecom\Migração Data Center\Contabilidade\Razões - Andson\</t>
  </si>
  <si>
    <t>E:\BK_final\Vilarinho\Vilarinho - Trabalho\Algar Telecom\Migração Data Center\Contabilidade\Razões - Andson\110304001.xls</t>
  </si>
  <si>
    <t>11/19/2019 14:07:54</t>
  </si>
  <si>
    <t>E:\BK_final\Vilarinho\Vilarinho - Trabalho\Algar Telecom\Migração Data Center\Contabilidade\Razões - Andson\110501002 - 2008.xlsx</t>
  </si>
  <si>
    <t>E:\BK_final\Vilarinho\Vilarinho - Trabalho\Algar Telecom\Migração Data Center\Contabilidade\Razões - Andson\110501002 - 2008.xlt</t>
  </si>
  <si>
    <t>E:\BK_final\Vilarinho\Vilarinho - Trabalho\Algar Telecom\Migração Data Center\Contabilidade\Razões - Andson\110501002 - 20081.xlsx</t>
  </si>
  <si>
    <t>11/19/2019 14:07:55</t>
  </si>
  <si>
    <t>E:\BK_final\Vilarinho\Vilarinho - Trabalho\Algar Telecom\Migração Data Center\Contabilidade\Razões - Andson\110501006 - 2008.xls</t>
  </si>
  <si>
    <t>E:\BK_final\Vilarinho\Vilarinho - Trabalho\Algar Telecom\Migração Data Center\Contabilidade\Razões - Andson\110501009 - 2008.xls</t>
  </si>
  <si>
    <t>11/19/2019 14:07:57</t>
  </si>
  <si>
    <t>E:\BK_final\Vilarinho\Vilarinho - Trabalho\Algar Telecom\Migração Data Center\Contabilidade\Razões - Andson\210201009 - 2008.xls</t>
  </si>
  <si>
    <t>E:\BK_final\Vilarinho\Vilarinho - Trabalho\Algar Telecom\Migração Data Center\Contabilidade\Razões - Andson\Aging Multimidia Novembro.xls</t>
  </si>
  <si>
    <t>E:\BK_final\Vilarinho\Vilarinho - Trabalho\Algar Telecom\Migração Data Center\Contabilidade\Razões - Andson\Despesas antecipadas.xlsx</t>
  </si>
  <si>
    <t>E:\BK_final\Vilarinho\Vilarinho - Trabalho\Algar Telecom\Migração Data Center\Contabilidade\Razões - Andson\Multimidia - 210201009 2008.xls</t>
  </si>
  <si>
    <t>E:\BK_final\Vilarinho\Vilarinho - Trabalho\Algar Telecom\Migração Data Center\Contabilidade\Razões - Andson\Multimidia - 210902010 2008.xls</t>
  </si>
  <si>
    <t>E:\BK_final\Vilarinho\Vilarinho - Trabalho\Algar Telecom\Migração Data Center\Contabilidade\Razões - Andson\Multimidia - 220903008 2007.xls</t>
  </si>
  <si>
    <t>11/19/2019 14:07:58</t>
  </si>
  <si>
    <t>C:\Vila\Empresas Anterior\Arquivos Telecom\Migração Data Center\Financeiro\</t>
  </si>
  <si>
    <t>E:\BK_final\Vilarinho\Vilarinho - Trabalho\Algar Telecom\Migração Data Center\Financeiro\Contratos Leasing Real - Multimídia.xlsx</t>
  </si>
  <si>
    <t>E:\BK_final\Vilarinho\Vilarinho - Trabalho\Algar Telecom\Migração Data Center\Financeiro\Cópia de divisao custos bu v2.xls</t>
  </si>
  <si>
    <t>E:\BK_final\Vilarinho\Vilarinho - Trabalho\Algar Telecom\Migração Data Center\Financeiro\DRE DATACENTER_REAL.xlsx</t>
  </si>
  <si>
    <t>E:\BK_final\Vilarinho\Vilarinho - Trabalho\Algar Telecom\Migração Data Center\Financeiro\Resultado DDI Setembro_08.xlsx</t>
  </si>
  <si>
    <t>11/19/2019 14:07:59</t>
  </si>
  <si>
    <t>E:\BK_final\Vilarinho\Vilarinho - Trabalho\Algar Telecom\Migração Data Center\Financeiro\Total Leasing Data Center_subscrição capital.xls</t>
  </si>
  <si>
    <t>C:\Vila\Empresas Anterior\Arquivos Telecom\Migração Data Center\Gran Sapore\</t>
  </si>
  <si>
    <t>E:\BK_final\Vilarinho\Vilarinho - Trabalho\Algar Telecom\Migração Data Center\Gran Sapore\AF_AAJA-2NC8DB_V1 - Necessidade atual.xls</t>
  </si>
  <si>
    <t>11/19/2019 14:08:01</t>
  </si>
  <si>
    <t>C:\Vila\Empresas Anterior\Arquivos Telecom\Migração Data Center\Jurídico\</t>
  </si>
  <si>
    <t>E:\BK_final\Vilarinho\Vilarinho - Trabalho\Algar Telecom\Migração Data Center\Jurídico\Contingencia ISS Data Center.xls</t>
  </si>
  <si>
    <t>11/19/2019 14:08:02</t>
  </si>
  <si>
    <t>E:\BK_final\Vilarinho\Vilarinho - Trabalho\Algar Telecom\Migração Data Center\Jurídico\Contingência ISS Data Center - Set_08.xlsx</t>
  </si>
  <si>
    <t>E:\BK_final\Vilarinho\Vilarinho - Trabalho\Algar Telecom\Migração Data Center\Jurídico\Cronograma reorganização societária Data Center (1).xls</t>
  </si>
  <si>
    <t>11/19/2019 14:08:05</t>
  </si>
  <si>
    <t>C:\Vila\Empresas Anterior\Arquivos Telecom\MIGRAR\Apresent Oficio 826.ppt\s4\</t>
  </si>
  <si>
    <t>Planilha de trabalho do Microsoft Excel.xls</t>
  </si>
  <si>
    <t>E:\BK_final\Vilarinho\Vilarinho - Trabalho\Algar Telecom\MIGRAR\Apresent Oficio 826.ppt</t>
  </si>
  <si>
    <t>Planilha de trabalho do Microsoft Excel1.xls</t>
  </si>
  <si>
    <t>C:\Vila\Empresas Anterior\Arquivos Telecom\MIGRAR\</t>
  </si>
  <si>
    <t>Equipamentos CTBC.xls</t>
  </si>
  <si>
    <t>E:\BK_final\Vilarinho\Vilarinho - Trabalho\Algar Telecom\MIGRAR\Equipamentos CTBC.xls</t>
  </si>
  <si>
    <t>Modelo Anatel.xls</t>
  </si>
  <si>
    <t>E:\BK_final\Vilarinho\Vilarinho - Trabalho\Algar Telecom\MIGRAR\Modelo Anatel.xls</t>
  </si>
  <si>
    <t>Modelo Apresentacao Frota.xls</t>
  </si>
  <si>
    <t>E:\BK_final\Vilarinho\Vilarinho - Trabalho\Algar Telecom\MIGRAR\Modelo Apresentacao Frota.xls</t>
  </si>
  <si>
    <t>C:\Vila\Empresas Anterior\Arquivos Telecom\MIGRAR\CTBC - CGA\</t>
  </si>
  <si>
    <t>Contas Ativo Imobilizdo CTBC Telecom.xls</t>
  </si>
  <si>
    <t>E:\BK_final\Vilarinho\Vilarinho - Trabalho\Algar Telecom\MIGRAR\CTBC - CGA\Contas Ativo Imobilizdo CTBC Telecom.xls</t>
  </si>
  <si>
    <t>Explicacoes - NF CONTAB FORA PERÍODO POR APROVADOR - SET-06.XLS</t>
  </si>
  <si>
    <t>E:\BK_final\Vilarinho\Vilarinho - Trabalho\Algar Telecom\MIGRAR\CTBC - CGA\Explicacoes - NF CONTAB FORA PERÍODO POR APROVADOR - SET-06.XLS</t>
  </si>
  <si>
    <t>11/19/2019 14:08:06</t>
  </si>
  <si>
    <t>C:\Vila\Empresas Anterior\Arquivos Telecom\MIGRAR\CTBC - CGA\Planilha de FTE novos CR's.zip\</t>
  </si>
  <si>
    <t>Planilha de FTE novos CR's.xls</t>
  </si>
  <si>
    <t>E:\BK_final\Vilarinho\Vilarinho - Trabalho\Algar Telecom\MIGRAR\CTBC - CGA\Planilha de FTE novos CR's.zip</t>
  </si>
  <si>
    <t>11/19/2019 14:08:07</t>
  </si>
  <si>
    <t>Processos de Ativos para Migração e Objetivos.xls</t>
  </si>
  <si>
    <t>E:\BK_final\Vilarinho\Vilarinho - Trabalho\Algar Telecom\MIGRAR\CTBC - CGA\Processos de Ativos para Migração e Objetivos.xls</t>
  </si>
  <si>
    <t>Ramais CGA.xls</t>
  </si>
  <si>
    <t>E:\BK_final\Vilarinho\Vilarinho - Trabalho\Algar Telecom\MIGRAR\CTBC - CGA\Ramais CGA.xls</t>
  </si>
  <si>
    <t>11/19/2019 14:08:08</t>
  </si>
  <si>
    <t>Relatorio de Despesas - Vilarinho - Periodo 05 a 07.07.06.xls</t>
  </si>
  <si>
    <t>E:\BK_final\Vilarinho\Vilarinho - Trabalho\Algar Telecom\MIGRAR\CTBC - CGA\Relatorio de Despesas - Vilarinho - Periodo 05 a 07.07.06.xls</t>
  </si>
  <si>
    <t>Relatório de Ativos em Processo de Vendas.xls</t>
  </si>
  <si>
    <t>E:\BK_final\Vilarinho\Vilarinho - Trabalho\Algar Telecom\MIGRAR\CTBC - CGA\Relatório de Ativos em Processo de Vendas.xls</t>
  </si>
  <si>
    <t>C:\Vila\Empresas Anterior\Arquivos Telecom\MIGRAR\CTBC - CGA\Atividades CGA\</t>
  </si>
  <si>
    <t>Atividades Contabilidade.xls</t>
  </si>
  <si>
    <t>E:\BK_final\Vilarinho\Vilarinho - Trabalho\Algar Telecom\MIGRAR\CTBC - CGA\Atividades CGA\Atividades Contabilidade.xls</t>
  </si>
  <si>
    <t>11/19/2019 14:08:09</t>
  </si>
  <si>
    <t>Atividades por Associado CGA.xls</t>
  </si>
  <si>
    <t>E:\BK_final\Vilarinho\Vilarinho - Trabalho\Algar Telecom\MIGRAR\CTBC - CGA\Atividades CGA\Atividades por Associado CGA.xls</t>
  </si>
  <si>
    <t>Macro Tarefas Ativos - Estruturar.xls</t>
  </si>
  <si>
    <t>E:\BK_final\Vilarinho\Vilarinho - Trabalho\Algar Telecom\MIGRAR\CTBC - CGA\Atividades CGA\Macro Tarefas Ativos - Estruturar.xls</t>
  </si>
  <si>
    <t>11/19/2019 14:08:10</t>
  </si>
  <si>
    <t>C:\Vila\Empresas Anterior\Arquivos Telecom\MIGRAR\CTBC - CGA\Açoes Relatórios Weber\</t>
  </si>
  <si>
    <t>Recomendações e Plano de Ação RA - Weber - CGA.xls</t>
  </si>
  <si>
    <t>E:\BK_final\Vilarinho\Vilarinho - Trabalho\Algar Telecom\MIGRAR\CTBC - CGA\Açoes Relatórios Weber\Recomendações e Plano de Ação RA - Weber - CGA.xls</t>
  </si>
  <si>
    <t>Recomendações e Plano de Ação RA - Weber.xls</t>
  </si>
  <si>
    <t>E:\BK_final\Vilarinho\Vilarinho - Trabalho\Algar Telecom\MIGRAR\CTBC - CGA\Açoes Relatórios Weber\Recomendações e Plano de Ação RA - Weber.xls</t>
  </si>
  <si>
    <t>11/19/2019 14:08:11</t>
  </si>
  <si>
    <t>C:\Vila\Empresas Anterior\Arquivos Telecom\MIGRAR\CTBC - CGA\Gestão Frota\Mapeamento da frota CTBC.ppt\s4\</t>
  </si>
  <si>
    <t>E:\BK_final\Vilarinho\Vilarinho - Trabalho\Algar Telecom\MIGRAR\CTBC - CGA\Gestão Frota\Mapeamento da frota CTBC.ppt</t>
  </si>
  <si>
    <t>11/19/2019 14:08:12</t>
  </si>
  <si>
    <t>C:\Vila\Empresas Anterior\Arquivos Telecom\MIGRAR\CTBC - CGA\Gestão Frota\Proposta Pool CA.ppt\s4\</t>
  </si>
  <si>
    <t>E:\BK_final\Vilarinho\Vilarinho - Trabalho\Algar Telecom\MIGRAR\CTBC - CGA\Gestão Frota\Proposta Pool CA.ppt</t>
  </si>
  <si>
    <t>Gráfico do Microsoft Excel2.dat</t>
  </si>
  <si>
    <t>11/19/2019 14:08:13</t>
  </si>
  <si>
    <t>Gráfico do Microsoft Excel3.dat</t>
  </si>
  <si>
    <t>11/19/2019 14:08:14</t>
  </si>
  <si>
    <t>C:\Vila\Empresas Anterior\Arquivos Telecom\MIGRAR\CTBC - CGA\Gestão Frota\REDIR - REGRAS FROTA CTBC.ppt\s4\</t>
  </si>
  <si>
    <t>Microsoft Excel Worksheet.xls</t>
  </si>
  <si>
    <t>E:\BK_final\Vilarinho\Vilarinho - Trabalho\Algar Telecom\MIGRAR\CTBC - CGA\Gestão Frota\REDIR - REGRAS FROTA CTBC.ppt</t>
  </si>
  <si>
    <t>C:\Vila\Empresas Anterior\Arquivos Telecom\MIGRAR\CTBC - CGA\Gestão Frota\</t>
  </si>
  <si>
    <t>Resultado Leilão Nov2006.xls</t>
  </si>
  <si>
    <t>E:\BK_final\Vilarinho\Vilarinho - Trabalho\Algar Telecom\MIGRAR\CTBC - CGA\Gestão Frota\Resultado Leilão Nov2006.xls</t>
  </si>
  <si>
    <t>11/19/2019 14:08:16</t>
  </si>
  <si>
    <t>C:\Vila\Empresas Anterior\Arquivos Telecom\MIGRAR\CTBC - CGA\Gestão Frota\Troca da Frota própria CTBC - 2007.ppt\s4\</t>
  </si>
  <si>
    <t>E:\BK_final\Vilarinho\Vilarinho - Trabalho\Algar Telecom\MIGRAR\CTBC - CGA\Gestão Frota\Troca da Frota própria CTBC - 2007.ppt</t>
  </si>
  <si>
    <t>Planilha de trabalho do Microsoft Excel2.xls</t>
  </si>
  <si>
    <t>C:\Vila\Empresas Anterior\Arquivos Telecom\MIGRAR\CTBC - CGA\Processo Imoveis\</t>
  </si>
  <si>
    <t>Anexos Contratos Lucas.xls</t>
  </si>
  <si>
    <t>E:\BK_final\Vilarinho\Vilarinho - Trabalho\Algar Telecom\MIGRAR\CTBC - CGA\Processo Imoveis\Anexos Contratos Lucas.xls</t>
  </si>
  <si>
    <t>11/19/2019 14:08:17</t>
  </si>
  <si>
    <t>Discusão Contrato Lucas.xls</t>
  </si>
  <si>
    <t>E:\BK_final\Vilarinho\Vilarinho - Trabalho\Algar Telecom\MIGRAR\CTBC - CGA\Processo Imoveis\Discusão Contrato Lucas.xls</t>
  </si>
  <si>
    <t>Negociação Contrato Locados Terceiros.xls</t>
  </si>
  <si>
    <t>E:\BK_final\Vilarinho\Vilarinho - Trabalho\Algar Telecom\MIGRAR\CTBC - CGA\Processo Imoveis\Negociação Contrato Locados Terceiros.xls</t>
  </si>
  <si>
    <t>C:\Vila\Empresas Anterior\Arquivos Telecom\MIGRAR\CTBC - CGA\Processo Imoveis\Emissão Cedulas Imobiliárias\</t>
  </si>
  <si>
    <t>Relaçào Imóveis Algar.xls</t>
  </si>
  <si>
    <t>E:\BK_final\Vilarinho\Vilarinho - Trabalho\Algar Telecom\MIGRAR\CTBC - CGA\Processo Imoveis\Emissão Cedulas Imobiliárias\Relaçào Imóveis Algar.xls</t>
  </si>
  <si>
    <t>11/19/2019 14:08:18</t>
  </si>
  <si>
    <t>C:\Vila\Empresas Anterior\Arquivos Telecom\MIGRAR\CTBC - CGA\Processos de Venda de Ativos\</t>
  </si>
  <si>
    <t>Cronograma Venda Centrais.xls</t>
  </si>
  <si>
    <t>E:\BK_final\Vilarinho\Vilarinho - Trabalho\Algar Telecom\MIGRAR\CTBC - CGA\Processos de Venda de Ativos\Cronograma Venda Centrais.xls</t>
  </si>
  <si>
    <t>C:\Vila\Empresas Anterior\Arquivos Telecom\MIGRAR\CTBC - CGA\Processos de Venda de Ativos\Venda Direct Net - SP\</t>
  </si>
  <si>
    <t>Cotação Equipamentos.xls</t>
  </si>
  <si>
    <t>E:\BK_final\Vilarinho\Vilarinho - Trabalho\Algar Telecom\MIGRAR\CTBC - CGA\Processos de Venda de Ativos\Venda Direct Net - SP\Cotação Equipamentos.xls</t>
  </si>
  <si>
    <t>Planilha Final Venda Direct Net - Atualizada com Alessandro em 19.09.06.xls</t>
  </si>
  <si>
    <t>E:\BK_final\Vilarinho\Vilarinho - Trabalho\Algar Telecom\MIGRAR\CTBC - CGA\Processos de Venda de Ativos\Venda Direct Net - SP\Planilha Final Venda Direct Net - Atualizada com Alessandro em 19.09.06.xls</t>
  </si>
  <si>
    <t>RELATORIO DE BAIXA DE ATIVOS - Multimidia.xls</t>
  </si>
  <si>
    <t>E:\BK_final\Vilarinho\Vilarinho - Trabalho\Algar Telecom\MIGRAR\CTBC - CGA\Processos de Venda de Ativos\Venda Direct Net - SP\RELATORIO DE BAIXA DE ATIVOS - Multimidia.xls</t>
  </si>
  <si>
    <t>Venda Direct Net - Multimida.xls</t>
  </si>
  <si>
    <t>E:\BK_final\Vilarinho\Vilarinho - Trabalho\Algar Telecom\MIGRAR\CTBC - CGA\Processos de Venda de Ativos\Venda Direct Net - SP\Venda Direct Net - Multimida.xls</t>
  </si>
  <si>
    <t>Venda Direct Net.xls</t>
  </si>
  <si>
    <t>E:\BK_final\Vilarinho\Vilarinho - Trabalho\Algar Telecom\MIGRAR\CTBC - CGA\Processos de Venda de Ativos\Venda Direct Net - SP\Venda Direct Net.xls</t>
  </si>
  <si>
    <t>C:\Vila\Empresas Anterior\Arquivos Telecom\MIGRAR\CTBC - CGA\Projeto 396\</t>
  </si>
  <si>
    <t>Duvidas RBR e 396.xls</t>
  </si>
  <si>
    <t>E:\BK_final\Vilarinho\Vilarinho - Trabalho\Algar Telecom\MIGRAR\CTBC - CGA\Projeto 396\Duvidas RBR e 396.xls</t>
  </si>
  <si>
    <t>Levantamentos 396 - GRupo.xls</t>
  </si>
  <si>
    <t>E:\BK_final\Vilarinho\Vilarinho - Trabalho\Algar Telecom\MIGRAR\CTBC - CGA\Projeto 396\Levantamentos 396 - GRupo.xls</t>
  </si>
  <si>
    <t>Mapa Pendência_396_447.xls</t>
  </si>
  <si>
    <t>E:\BK_final\Vilarinho\Vilarinho - Trabalho\Algar Telecom\MIGRAR\CTBC - CGA\Projeto 396\Mapa Pendência_396_447.xls</t>
  </si>
  <si>
    <t>Mapeamento Projetos CAPEX - 2007.xls</t>
  </si>
  <si>
    <t>E:\BK_final\Vilarinho\Vilarinho - Trabalho\Algar Telecom\MIGRAR\CTBC - CGA\Projeto 396\Mapeamento Projetos CAPEX - 2007.xls</t>
  </si>
  <si>
    <t>11/19/2019 14:08:19</t>
  </si>
  <si>
    <t>C:\Vila\Empresas Anterior\Arquivos Telecom\MIGRAR\CTBC - CGA\Projeto Bens Reversíveis\</t>
  </si>
  <si>
    <t>Plano de Ação - Reunião 15.01.07.xls</t>
  </si>
  <si>
    <t>E:\BK_final\Vilarinho\Vilarinho - Trabalho\Algar Telecom\MIGRAR\CTBC - CGA\Projeto Bens Reversíveis\Plano de Ação - Reunião 15.01.07.xls</t>
  </si>
  <si>
    <t>Relatório de Erros e Falhas - Processo Base RBR.xls</t>
  </si>
  <si>
    <t>E:\BK_final\Vilarinho\Vilarinho - Trabalho\Algar Telecom\MIGRAR\CTBC - CGA\Projeto Bens Reversíveis\Relatório de Erros e Falhas - Processo Base RBR.xls</t>
  </si>
  <si>
    <t>11/19/2019 14:08:20</t>
  </si>
  <si>
    <t>C:\Vila\Empresas Anterior\Arquivos Telecom\MIGRAR\CTBC - CGA\Projeto Gestão Ativos\Gestão Ativos - CGA\</t>
  </si>
  <si>
    <t>Detalhamento dos Processos ACS.xls</t>
  </si>
  <si>
    <t>E:\BK_final\Vilarinho\Vilarinho - Trabalho\Algar Telecom\MIGRAR\CTBC - CGA\Projeto Gestão Ativos\Gestão Ativos - CGA\Detalhamento dos Processos ACS.xls</t>
  </si>
  <si>
    <t>Levantamento Processos ACS.xls</t>
  </si>
  <si>
    <t>E:\BK_final\Vilarinho\Vilarinho - Trabalho\Algar Telecom\MIGRAR\CTBC - CGA\Projeto Gestão Ativos\Gestão Ativos - CGA\Levantamento Processos ACS.xls</t>
  </si>
  <si>
    <t>C:\Vila\Empresas Anterior\Arquivos Telecom\MIGRAR\CTBC - CGA\Projeto Mackenzie\</t>
  </si>
  <si>
    <t>Torres Listagem.xls</t>
  </si>
  <si>
    <t>E:\BK_final\Vilarinho\Vilarinho - Trabalho\Algar Telecom\MIGRAR\CTBC - CGA\Projeto Mackenzie\Torres Listagem.xls</t>
  </si>
  <si>
    <t>11/19/2019 14:08:21</t>
  </si>
  <si>
    <t>C:\Vila\Empresas Anterior\Arquivos Telecom\MIGRAR\CTBC - CGA\Resolução 447\</t>
  </si>
  <si>
    <t>ENTENDIMENTOS SOBRE OS PRINCIPAIS TÓPICOS DA RESOLUÇÃO 447_versão com parecer do CRI.xls</t>
  </si>
  <si>
    <t>E:\BK_final\Vilarinho\Vilarinho - Trabalho\Algar Telecom\MIGRAR\CTBC - CGA\Resolução 447\ENTENDIMENTOS SOBRE OS PRINCIPAIS TÓPICOS DA RESOLUÇÃO 447_versão com parecer do CRI.xls</t>
  </si>
  <si>
    <t>C:\Vila\Empresas Anterior\Arquivos Telecom\MIGRAR\CTBC - CGA\Resolução 447\Fluxo investimentos 2007.ppt\s4\</t>
  </si>
  <si>
    <t>E:\BK_final\Vilarinho\Vilarinho - Trabalho\Algar Telecom\MIGRAR\CTBC - CGA\Resolução 447\Fluxo investimentos 2007.ppt</t>
  </si>
  <si>
    <t>C:\Vila\Empresas Anterior\Arquivos Telecom\MIGRAR\CTBC - CGA\Resolução 447\Res 447 SITUAÇÃO ATUAL E RISCOS ASSOCIADOS.ppt\s4\</t>
  </si>
  <si>
    <t>E:\BK_final\Vilarinho\Vilarinho - Trabalho\Algar Telecom\MIGRAR\CTBC - CGA\Resolução 447\Res 447 SITUAÇÃO ATUAL E RISCOS ASSOCIADOS.ppt</t>
  </si>
  <si>
    <t>Planilha do Microsoft Excel2.xls</t>
  </si>
  <si>
    <t>Planilha do Microsoft Excel3.xls</t>
  </si>
  <si>
    <t>Planilha do Microsoft Excel4.xls</t>
  </si>
  <si>
    <t>11/19/2019 14:08:22</t>
  </si>
  <si>
    <t>C:\Vila\Empresas Anterior\Arquivos Telecom\MIGRAR\CTBC - CGA\Reunião Financeiros Localidades\Apresentação Regionais - 29.06.06.ppt\s4\</t>
  </si>
  <si>
    <t>E:\BK_final\Vilarinho\Vilarinho - Trabalho\Algar Telecom\MIGRAR\CTBC - CGA\Reunião Financeiros Localidades\Apresentação Regionais - 29.06.06.ppt</t>
  </si>
  <si>
    <t>Planilha de trabalho do Microsoft Excel3.xls</t>
  </si>
  <si>
    <t>11/19/2019 14:08:23</t>
  </si>
  <si>
    <t>C:\Vila\Empresas Anterior\Arquivos Telecom\MIGRAR\CTBC - CGA\Reunião Financeiros Localidades\</t>
  </si>
  <si>
    <t>Total Estrutura Adm Regionais e ULA.xls</t>
  </si>
  <si>
    <t>E:\BK_final\Vilarinho\Vilarinho - Trabalho\Algar Telecom\MIGRAR\CTBC - CGA\Reunião Financeiros Localidades\Total Estrutura Adm Regionais e ULA.xls</t>
  </si>
  <si>
    <t>C:\Vila\Empresas Anterior\Arquivos Telecom\MIGRAR\Engeset\3 Reuger 06 e Oficial 07\</t>
  </si>
  <si>
    <t>Análise Desconto Contratos CTBC - 2006 e 2007.xls</t>
  </si>
  <si>
    <t>E:\BK_final\Vilarinho\Vilarinho - Trabalho\Algar Telecom\MIGRAR\Engeset\3 Reuger 06 e Oficial 07\Análise Desconto Contratos CTBC - 2006 e 2007.xls</t>
  </si>
  <si>
    <t>11/19/2019 14:08:24</t>
  </si>
  <si>
    <t>Comparativo de cenários.xls</t>
  </si>
  <si>
    <t>E:\BK_final\Vilarinho\Vilarinho - Trabalho\Algar Telecom\MIGRAR\Engeset\3 Reuger 06 e Oficial 07\Comparativo de cenários.xls</t>
  </si>
  <si>
    <t>Desconto_ENGESETxCTBC - Versao 1.5 milhao.xls</t>
  </si>
  <si>
    <t>E:\BK_final\Vilarinho\Vilarinho - Trabalho\Algar Telecom\MIGRAR\Engeset\3 Reuger 06 e Oficial 07\Desconto_ENGESETxCTBC - Versao 1.5 milhao.xls</t>
  </si>
  <si>
    <t>Novos_Negocios 2007 - Final.xls</t>
  </si>
  <si>
    <t>E:\BK_final\Vilarinho\Vilarinho - Trabalho\Algar Telecom\MIGRAR\Engeset\3 Reuger 06 e Oficial 07\Novos_Negocios 2007 - Final.xls</t>
  </si>
  <si>
    <t>Parcelamento INSS e IR - Incentive House.xls</t>
  </si>
  <si>
    <t>E:\BK_final\Vilarinho\Vilarinho - Trabalho\Algar Telecom\MIGRAR\Engeset\3 Reuger 06 e Oficial 07\Parcelamento INSS e IR - Incentive House.xls</t>
  </si>
  <si>
    <t>11/19/2019 14:08:25</t>
  </si>
  <si>
    <t>C:\Vila\Empresas Anterior\Arquivos Telecom\MIGRAR\Engeset\3 Reuger 06 e Oficial 07\Percent 2006 - SET - 06.zip\</t>
  </si>
  <si>
    <t>Percent 2006.xls</t>
  </si>
  <si>
    <t>E:\BK_final\Vilarinho\Vilarinho - Trabalho\Algar Telecom\MIGRAR\Engeset\3 Reuger 06 e Oficial 07\Percent 2006 - SET - 06.zip</t>
  </si>
  <si>
    <t>11/19/2019 14:08:44</t>
  </si>
  <si>
    <t>Percent Acumulada 2006 - ate ago-06.xls</t>
  </si>
  <si>
    <t>E:\BK_final\Vilarinho\Vilarinho - Trabalho\Algar Telecom\MIGRAR\Engeset\3 Reuger 06 e Oficial 07\Percent Acumulada 2006 - ate ago-06.xls</t>
  </si>
  <si>
    <t>11/19/2019 14:08:45</t>
  </si>
  <si>
    <t>Planilha Impostos e Juros Set 06 - Juridico.xls</t>
  </si>
  <si>
    <t>E:\BK_final\Vilarinho\Vilarinho - Trabalho\Algar Telecom\MIGRAR\Engeset\3 Reuger 06 e Oficial 07\Planilha Impostos e Juros Set 06 - Juridico.xls</t>
  </si>
  <si>
    <t>11/19/2019 14:08:46</t>
  </si>
  <si>
    <t>Provisões Engeset - Proteções.xls</t>
  </si>
  <si>
    <t>E:\BK_final\Vilarinho\Vilarinho - Trabalho\Algar Telecom\MIGRAR\Engeset\3 Reuger 06 e Oficial 07\Provisões Engeset - Proteções.xls</t>
  </si>
  <si>
    <t>11/19/2019 14:08:53</t>
  </si>
  <si>
    <t>Simulação 2007 - Receita Orçamento - Versão com ajuste IR.xls</t>
  </si>
  <si>
    <t>E:\BK_final\Vilarinho\Vilarinho - Trabalho\Algar Telecom\MIGRAR\Engeset\3 Reuger 06 e Oficial 07\Simulação 2007 - Receita Orçamento - Versão com ajuste IR.xls</t>
  </si>
  <si>
    <t>11/19/2019 14:08:59</t>
  </si>
  <si>
    <t>Simulação 2007 - Receita Orçamento.xls</t>
  </si>
  <si>
    <t>E:\BK_final\Vilarinho\Vilarinho - Trabalho\Algar Telecom\MIGRAR\Engeset\3 Reuger 06 e Oficial 07\Simulação 2007 - Receita Orçamento.xls</t>
  </si>
  <si>
    <t>11/19/2019 14:09:00</t>
  </si>
  <si>
    <t>C:\Vila\Empresas Anterior\Arquivos Telecom\MIGRAR\Engeset\Outros\</t>
  </si>
  <si>
    <t>Custos Fixos e Variaveis - BP - Apresentacao Out-06.xls</t>
  </si>
  <si>
    <t>E:\BK_final\Vilarinho\Vilarinho - Trabalho\Algar Telecom\MIGRAR\Engeset\Outros\Custos Fixos e Variaveis - BP - Apresentacao Out-06.xls</t>
  </si>
  <si>
    <t>11/19/2019 14:09:04</t>
  </si>
  <si>
    <t>C:\Vila\Empresas Anterior\Arquivos Telecom\MIGRAR\Engeset\Outros\Engeset - forum redução custos.ppt\s4\</t>
  </si>
  <si>
    <t>E:\BK_final\Vilarinho\Vilarinho - Trabalho\Algar Telecom\MIGRAR\Engeset\Outros\Engeset - forum redução custos.ppt</t>
  </si>
  <si>
    <t>Planilha de trabalho do Microsoft Excel4.xls</t>
  </si>
  <si>
    <t>11/19/2019 14:09:05</t>
  </si>
  <si>
    <t>Premissa TH Engeset Associados.xls</t>
  </si>
  <si>
    <t>E:\BK_final\Vilarinho\Vilarinho - Trabalho\Algar Telecom\MIGRAR\Engeset\Outros\Premissa TH Engeset Associados.xls</t>
  </si>
  <si>
    <t>Transferencia Associados.xls</t>
  </si>
  <si>
    <t>E:\BK_final\Vilarinho\Vilarinho - Trabalho\Algar Telecom\MIGRAR\Engeset\Outros\Transferencia Associados.xls</t>
  </si>
  <si>
    <t>11/19/2019 14:09:06</t>
  </si>
  <si>
    <t>C:\Vila\Empresas Anterior\Arquivos Telecom\MPA - Transformação\</t>
  </si>
  <si>
    <t>Apontamentos_CCA_Ativos1.xlsx-Analise Vila.xlsx</t>
  </si>
  <si>
    <t>E:\BK_final\Vilarinho\Vilarinho - Trabalho\Algar Telecom\MPA - Transformação\Apontamentos_CCA_Ativos1.xlsx-Analise Vila.xlsx</t>
  </si>
  <si>
    <t>11/19/2019 14:09:07</t>
  </si>
  <si>
    <t>Apontamentos_CRC_Controle_Interno1.xlsx</t>
  </si>
  <si>
    <t>E:\BK_final\Vilarinho\Vilarinho - Trabalho\Algar Telecom\MPA - Transformação\Apontamentos_CRC_Controle_Interno1.xlsx</t>
  </si>
  <si>
    <t>11/19/2019 14:09:10</t>
  </si>
  <si>
    <t>AT_Consolidado Redundancias IBM_v1.xlsx</t>
  </si>
  <si>
    <t>E:\BK_final\Vilarinho\Vilarinho - Trabalho\Algar Telecom\MPA - Transformação\AT_Consolidado Redundancias IBM_v1.xlsx</t>
  </si>
  <si>
    <t>11/19/2019 14:09:14</t>
  </si>
  <si>
    <t>AT_Lista para verificação Financeiros_v1_analisada.xlsx</t>
  </si>
  <si>
    <t>E:\BK_final\Vilarinho\Vilarinho - Trabalho\Algar Telecom\MPA - Transformação\AT_Lista para verificação Financeiros_v1_analisada.xlsx</t>
  </si>
  <si>
    <t>11/19/2019 14:09:23</t>
  </si>
  <si>
    <t>DCE_Consolidados_vFinal (FTE_FINAL)_Alavancas_V11 (OK).xlsm</t>
  </si>
  <si>
    <t>E:\BK_final\Vilarinho\Vilarinho - Trabalho\Algar Telecom\MPA - Transformação\DCE_Consolidados_vFinal (FTE_FINAL)_Alavancas_V11 (OK).xlsm</t>
  </si>
  <si>
    <t>11/19/2019 14:09:24</t>
  </si>
  <si>
    <t>DEF_CPF_Categorização_(FTE_Final)_Alavancas_(REVISAO) (OK).xlsm</t>
  </si>
  <si>
    <t>E:\BK_final\Vilarinho\Vilarinho - Trabalho\Algar Telecom\MPA - Transformação\DEF_CPF_Categorização_(FTE_Final)_Alavancas_(REVISAO) (OK).xlsm</t>
  </si>
  <si>
    <t>11/19/2019 14:11:55</t>
  </si>
  <si>
    <t>C:\Vila\Empresas Anterior\Arquivos Telecom\MPA - Transformação\Draft Apresentação PresidenciaV4(Atualização).pptx\</t>
  </si>
  <si>
    <t>E:\BK_final\Vilarinho\Vilarinho - Trabalho\Algar Telecom\MPA - Transformação\Draft Apresentação PresidenciaV4(Atualização).pptx</t>
  </si>
  <si>
    <t>11/19/2019 14:12:03</t>
  </si>
  <si>
    <t>11/19/2019 14:12:09</t>
  </si>
  <si>
    <t>11/19/2019 14:12:13</t>
  </si>
  <si>
    <t>11/19/2019 14:12:18</t>
  </si>
  <si>
    <t>11/19/2019 14:12:22</t>
  </si>
  <si>
    <t>11/19/2019 14:12:26</t>
  </si>
  <si>
    <t>11/19/2019 14:12:31</t>
  </si>
  <si>
    <t>11/19/2019 14:12:35</t>
  </si>
  <si>
    <t>11/19/2019 14:12:43</t>
  </si>
  <si>
    <t>11/19/2019 14:12:51</t>
  </si>
  <si>
    <t>11/19/2019 14:12:55</t>
  </si>
  <si>
    <t>11/19/2019 14:12:59</t>
  </si>
  <si>
    <t>11/19/2019 14:13:05</t>
  </si>
  <si>
    <t>11/19/2019 14:13:12</t>
  </si>
  <si>
    <t>11/19/2019 14:13:17</t>
  </si>
  <si>
    <t>11/19/2019 14:13:21</t>
  </si>
  <si>
    <t>11/19/2019 14:13:22</t>
  </si>
  <si>
    <t>11/19/2019 14:13:23</t>
  </si>
  <si>
    <t>11/19/2019 14:13:24</t>
  </si>
  <si>
    <t>11/19/2019 14:13:25</t>
  </si>
  <si>
    <t>C:\Vila\Empresas Anterior\Arquivos Telecom\MPA - Transformação\Ganhos Transformação LP e 2014.pptx\</t>
  </si>
  <si>
    <t>E:\BK_final\Vilarinho\Vilarinho - Trabalho\Algar Telecom\MPA - Transformação\Ganhos Transformação LP e 2014.pptx</t>
  </si>
  <si>
    <t>11/19/2019 14:13:28</t>
  </si>
  <si>
    <t>C:\Vila\Empresas Anterior\Arquivos Telecom\MPA - Transformação\Indicadores CRC_Outubro_2013_v2.pptx\</t>
  </si>
  <si>
    <t>E:\BK_final\Vilarinho\Vilarinho - Trabalho\Algar Telecom\MPA - Transformação\Indicadores CRC_Outubro_2013_v2.pptx</t>
  </si>
  <si>
    <t>Mapa Diretoria_Sugestão Vila.xlsx</t>
  </si>
  <si>
    <t>E:\BK_final\Vilarinho\Vilarinho - Trabalho\Algar Telecom\MPA - Transformação\Mapa Diretoria_Sugestão Vila.xlsx</t>
  </si>
  <si>
    <t>matriz de ganhos e HC - Sugestão vila.xlsx</t>
  </si>
  <si>
    <t>E:\BK_final\Vilarinho\Vilarinho - Trabalho\Algar Telecom\MPA - Transformação\matriz de ganhos e HC - Sugestão vila.xlsx</t>
  </si>
  <si>
    <t>11/19/2019 14:13:29</t>
  </si>
  <si>
    <t>ModeloCenso Mauricio.xlsx</t>
  </si>
  <si>
    <t>E:\BK_final\Vilarinho\Vilarinho - Trabalho\Algar Telecom\MPA - Transformação\ModeloCenso Mauricio.xlsx</t>
  </si>
  <si>
    <t>11/19/2019 14:13:30</t>
  </si>
  <si>
    <t>Possibilidades CAP_1.xlsx</t>
  </si>
  <si>
    <t>E:\BK_final\Vilarinho\Vilarinho - Trabalho\Algar Telecom\MPA - Transformação\Possibilidades CAP_1.xlsx</t>
  </si>
  <si>
    <t>PossibilidadesCAP.xlsx</t>
  </si>
  <si>
    <t>E:\BK_final\Vilarinho\Vilarinho - Trabalho\Algar Telecom\MPA - Transformação\PossibilidadesCAP.xlsx</t>
  </si>
  <si>
    <t>11/19/2019 14:13:35</t>
  </si>
  <si>
    <t>Visão Geral HC_Vila.xlsx</t>
  </si>
  <si>
    <t>E:\BK_final\Vilarinho\Vilarinho - Trabalho\Algar Telecom\MPA - Transformação\Visão Geral HC_Vila.xlsx</t>
  </si>
  <si>
    <t>11/19/2019 14:13:34</t>
  </si>
  <si>
    <t>Visão CSC_CCA_Sugestão Vila.xlsx</t>
  </si>
  <si>
    <t>E:\BK_final\Vilarinho\Vilarinho - Trabalho\Algar Telecom\MPA - Transformação\Visão CSC_CCA_Sugestão Vila.xlsx</t>
  </si>
  <si>
    <t>11/19/2019 14:13:40</t>
  </si>
  <si>
    <t>C:\Vila\Empresas Anterior\Arquivos Telecom\MPA - Transformação\Analise DCE\Apresentação DCE.pptx\</t>
  </si>
  <si>
    <t>E:\BK_final\Vilarinho\Vilarinho - Trabalho\Algar Telecom\MPA - Transformação\Analise DCE\Apresentação DCE.pptx</t>
  </si>
  <si>
    <t>11/19/2019 14:13:46</t>
  </si>
  <si>
    <t>C:\Vila\Empresas Anterior\Arquivos Telecom\MPA - Transformação\Analise DCE\</t>
  </si>
  <si>
    <t>DCE_Análise_Consultoria_Interna_V9.xlsm</t>
  </si>
  <si>
    <t>E:\BK_final\Vilarinho\Vilarinho - Trabalho\Algar Telecom\MPA - Transformação\Analise DCE\DCE_Análise_Consultoria_Interna_V9.xlsm</t>
  </si>
  <si>
    <t>11/19/2019 14:14:07</t>
  </si>
  <si>
    <t>DCE_Análise_GERAL_CONSOLIDADO_V3.xlsm</t>
  </si>
  <si>
    <t>E:\BK_final\Vilarinho\Vilarinho - Trabalho\Algar Telecom\MPA - Transformação\Analise DCE\DCE_Análise_GERAL_CONSOLIDADO_V3.xlsm</t>
  </si>
  <si>
    <t>11/19/2019 14:14:11</t>
  </si>
  <si>
    <t>DETALHAMENTO_DCE - vProjeto MPA_Versao Marcio Analisada MPA.xlsx</t>
  </si>
  <si>
    <t>E:\BK_final\Vilarinho\Vilarinho - Trabalho\Algar Telecom\MPA - Transformação\Analise DCE\DETALHAMENTO_DCE - vProjeto MPA_Versao Marcio Analisada MPA.xlsx</t>
  </si>
  <si>
    <t>11/19/2019 14:14:24</t>
  </si>
  <si>
    <t>PL_indo pra JR.xlsm</t>
  </si>
  <si>
    <t>E:\BK_final\Vilarinho\Vilarinho - Trabalho\Algar Telecom\MPA - Transformação\Analise DCE\PL_indo pra JR.xlsm</t>
  </si>
  <si>
    <t>Projeto MPA_Versao _Final com Balanço.xlsx</t>
  </si>
  <si>
    <t>E:\BK_final\Vilarinho\Vilarinho - Trabalho\Algar Telecom\MPA - Transformação\Analise DCE\Projeto MPA_Versao _Final com Balanço.xlsx</t>
  </si>
  <si>
    <t>11/19/2019 14:14:25</t>
  </si>
  <si>
    <t>C:\Vila\Empresas Anterior\Arquivos Telecom\MPA - Transformação\Analise Politica Beneficios Transformação\</t>
  </si>
  <si>
    <t>Aplicação Politica Transformação.xlsx</t>
  </si>
  <si>
    <t>E:\BK_final\Vilarinho\Vilarinho - Trabalho\Algar Telecom\MPA - Transformação\Analise Politica Beneficios Transformação\Aplicação Politica Transformação.xlsx</t>
  </si>
  <si>
    <t>11/19/2019 14:14:26</t>
  </si>
  <si>
    <t>Aplicação Politica Transformação_Com MPN.xlsx</t>
  </si>
  <si>
    <t>E:\BK_final\Vilarinho\Vilarinho - Trabalho\Algar Telecom\MPA - Transformação\Analise Politica Beneficios Transformação\Aplicação Politica Transformação_Com MPN.xlsx</t>
  </si>
  <si>
    <t>11/19/2019 14:14:27</t>
  </si>
  <si>
    <t>Aplicação Politica Transformação_MPA_Final.xlsx</t>
  </si>
  <si>
    <t>E:\BK_final\Vilarinho\Vilarinho - Trabalho\Algar Telecom\MPA - Transformação\Analise Politica Beneficios Transformação\Aplicação Politica Transformação_MPA_Final.xlsx</t>
  </si>
  <si>
    <t>GanhosMPA.xlsx</t>
  </si>
  <si>
    <t>E:\BK_final\Vilarinho\Vilarinho - Trabalho\Algar Telecom\MPA - Transformação\Analise Politica Beneficios Transformação\GanhosMPA.xlsx</t>
  </si>
  <si>
    <t>11/19/2019 14:14:29</t>
  </si>
  <si>
    <t>C:\Vila\Empresas Anterior\Arquivos Telecom\MPA - Transformação\Analise Politica Beneficios Transformação\MPA_OrçadoxRealxPlanejado_Diretoria.pptx\</t>
  </si>
  <si>
    <t>E:\BK_final\Vilarinho\Vilarinho - Trabalho\Algar Telecom\MPA - Transformação\Analise Politica Beneficios Transformação\MPA_OrçadoxRealxPlanejado_Diretoria.pptx</t>
  </si>
  <si>
    <t>11/19/2019 14:14:30</t>
  </si>
  <si>
    <t>Politica Transformação_MPA_VTransforma.xlsx</t>
  </si>
  <si>
    <t>E:\BK_final\Vilarinho\Vilarinho - Trabalho\Algar Telecom\MPA - Transformação\Analise Politica Beneficios Transformação\Politica Transformação_MPA_VTransforma.xlsx</t>
  </si>
  <si>
    <t>11/19/2019 14:14:31</t>
  </si>
  <si>
    <t>Versão_sem5%.xlsx</t>
  </si>
  <si>
    <t>E:\BK_final\Vilarinho\Vilarinho - Trabalho\Algar Telecom\MPA - Transformação\Analise Politica Beneficios Transformação\Versão_sem5%.xlsx</t>
  </si>
  <si>
    <t>11/19/2019 14:14:32</t>
  </si>
  <si>
    <t>C:\Vila\Empresas Anterior\Arquivos Telecom\MPA - Transformação\Analise Politica Beneficios Transformação\2 versão\</t>
  </si>
  <si>
    <t>E:\BK_final\Vilarinho\Vilarinho - Trabalho\Algar Telecom\MPA - Transformação\Analise Politica Beneficios Transformação\2 versão\Aplicação Politica Transformação_MPA_Final.xlsx</t>
  </si>
  <si>
    <t>11/19/2019 14:14:34</t>
  </si>
  <si>
    <t>Politica_MPA_Revisado.xlsx</t>
  </si>
  <si>
    <t>E:\BK_final\Vilarinho\Vilarinho - Trabalho\Algar Telecom\MPA - Transformação\Analise Politica Beneficios Transformação\2 versão\Politica_MPA_Revisado.xlsx</t>
  </si>
  <si>
    <t>11/19/2019 14:14:35</t>
  </si>
  <si>
    <t>Politica_MPA_Revisado_FInal.xlsx</t>
  </si>
  <si>
    <t>E:\BK_final\Vilarinho\Vilarinho - Trabalho\Algar Telecom\MPA - Transformação\Analise Politica Beneficios Transformação\2 versão\Politica_MPA_Revisado_FInal.xlsx</t>
  </si>
  <si>
    <t>11/19/2019 14:17:53</t>
  </si>
  <si>
    <t>C:\Vila\Empresas Anterior\Arquivos Telecom\MPA - Transformação\Analises DEF\Apresentação Presidencia_vFinal(23).pptx\</t>
  </si>
  <si>
    <t>E:\BK_final\Vilarinho\Vilarinho - Trabalho\Algar Telecom\MPA - Transformação\Analises DEF\Apresentação Presidencia_vFinal(23).pptx</t>
  </si>
  <si>
    <t>11/19/2019 14:17:55</t>
  </si>
  <si>
    <t>11/19/2019 14:18:08</t>
  </si>
  <si>
    <t>11/19/2019 14:18:10</t>
  </si>
  <si>
    <t>11/19/2019 14:18:17</t>
  </si>
  <si>
    <t>11/19/2019 14:18:19</t>
  </si>
  <si>
    <t>11/19/2019 14:18:23</t>
  </si>
  <si>
    <t>11/19/2019 14:18:27</t>
  </si>
  <si>
    <t>11/19/2019 14:18:29</t>
  </si>
  <si>
    <t>11/19/2019 14:18:35</t>
  </si>
  <si>
    <t>11/19/2019 14:18:39</t>
  </si>
  <si>
    <t>11/19/2019 14:18:42</t>
  </si>
  <si>
    <t>11/19/2019 14:18:45</t>
  </si>
  <si>
    <t>11/19/2019 14:18:50</t>
  </si>
  <si>
    <t>11/19/2019 14:18:56</t>
  </si>
  <si>
    <t>11/19/2019 14:19:01</t>
  </si>
  <si>
    <t>11/19/2019 14:19:05</t>
  </si>
  <si>
    <t>11/19/2019 14:19:09</t>
  </si>
  <si>
    <t>11/19/2019 14:19:13</t>
  </si>
  <si>
    <t>11/19/2019 14:19:17</t>
  </si>
  <si>
    <t>11/19/2019 14:19:22</t>
  </si>
  <si>
    <t>11/19/2019 14:19:31</t>
  </si>
  <si>
    <t>11/19/2019 14:19:36</t>
  </si>
  <si>
    <t>11/19/2019 14:19:39</t>
  </si>
  <si>
    <t>11/19/2019 14:19:43</t>
  </si>
  <si>
    <t>11/19/2019 14:19:48</t>
  </si>
  <si>
    <t>11/19/2019 14:19:53</t>
  </si>
  <si>
    <t>11/19/2019 14:19:56</t>
  </si>
  <si>
    <t>11/19/2019 14:19:57</t>
  </si>
  <si>
    <t>11/19/2019 14:19:58</t>
  </si>
  <si>
    <t>11/19/2019 14:19:59</t>
  </si>
  <si>
    <t>11/19/2019 14:20:03</t>
  </si>
  <si>
    <t>11/19/2019 14:20:09</t>
  </si>
  <si>
    <t>11/19/2019 14:20:14</t>
  </si>
  <si>
    <t>11/19/2019 14:20:17</t>
  </si>
  <si>
    <t>11/19/2019 14:20:48</t>
  </si>
  <si>
    <t>C:\Vila\Empresas Anterior\Arquivos Telecom\MPA - Transformação\Analises DEF\Apresentação Presidencia_vFinal.pptx\</t>
  </si>
  <si>
    <t>E:\BK_final\Vilarinho\Vilarinho - Trabalho\Algar Telecom\MPA - Transformação\Analises DEF\Apresentação Presidencia_vFinal.pptx</t>
  </si>
  <si>
    <t>11/19/2019 14:20:49</t>
  </si>
  <si>
    <t>11/19/2019 14:20:51</t>
  </si>
  <si>
    <t>11/19/2019 14:20:53</t>
  </si>
  <si>
    <t>11/19/2019 14:20:55</t>
  </si>
  <si>
    <t>11/19/2019 14:20:57</t>
  </si>
  <si>
    <t>11/19/2019 14:20:59</t>
  </si>
  <si>
    <t>11/19/2019 14:21:01</t>
  </si>
  <si>
    <t>11/19/2019 14:21:03</t>
  </si>
  <si>
    <t>11/19/2019 14:21:21</t>
  </si>
  <si>
    <t>11/19/2019 14:21:39</t>
  </si>
  <si>
    <t>11/19/2019 14:21:47</t>
  </si>
  <si>
    <t>11/19/2019 14:21:50</t>
  </si>
  <si>
    <t>11/19/2019 14:22:13</t>
  </si>
  <si>
    <t>C:\Vila\Empresas Anterior\Arquivos Telecom\MPA - Transformação\Analises DEF\AT_Workshop Final MPA_vFinal_131219.pptx\</t>
  </si>
  <si>
    <t>E:\BK_final\Vilarinho\Vilarinho - Trabalho\Algar Telecom\MPA - Transformação\Analises DEF\AT_Workshop Final MPA_vFinal_131219.pptx</t>
  </si>
  <si>
    <t>11/19/2019 14:22:17</t>
  </si>
  <si>
    <t>11/19/2019 14:22:22</t>
  </si>
  <si>
    <t>11/19/2019 14:22:26</t>
  </si>
  <si>
    <t>11/19/2019 14:22:32</t>
  </si>
  <si>
    <t>11/19/2019 14:22:37</t>
  </si>
  <si>
    <t>11/19/2019 14:22:39</t>
  </si>
  <si>
    <t>11/19/2019 14:22:41</t>
  </si>
  <si>
    <t>11/19/2019 14:22:43</t>
  </si>
  <si>
    <t>11/19/2019 14:22:46</t>
  </si>
  <si>
    <t>11/19/2019 14:22:48</t>
  </si>
  <si>
    <t>11/19/2019 14:22:50</t>
  </si>
  <si>
    <t>11/19/2019 14:22:52</t>
  </si>
  <si>
    <t>11/19/2019 14:22:53</t>
  </si>
  <si>
    <t>11/19/2019 14:22:56</t>
  </si>
  <si>
    <t>11/19/2019 14:22:58</t>
  </si>
  <si>
    <t>11/19/2019 14:23:01</t>
  </si>
  <si>
    <t>11/19/2019 14:23:03</t>
  </si>
  <si>
    <t>11/19/2019 14:23:06</t>
  </si>
  <si>
    <t>11/19/2019 14:23:11</t>
  </si>
  <si>
    <t>C:\Vila\Empresas Anterior\Arquivos Telecom\MPA - Transformação\Analises DEF\</t>
  </si>
  <si>
    <t>DEF_CCA_Consolidado (FTE_FINAL)_Alavancas_V2_(Alex).xlsm</t>
  </si>
  <si>
    <t>E:\BK_final\Vilarinho\Vilarinho - Trabalho\Algar Telecom\MPA - Transformação\Analises DEF\DEF_CCA_Consolidado (FTE_FINAL)_Alavancas_V2_(Alex).xlsm</t>
  </si>
  <si>
    <t>11/19/2019 14:23:12</t>
  </si>
  <si>
    <t>E:\BK_final\Vilarinho\Vilarinho - Trabalho\Algar Telecom\MPA - Transformação\Analises DEF\DEF_CPF_Categorização_(FTE_Final)_Alavancas_(REVISAO) (OK).xlsm</t>
  </si>
  <si>
    <t>11/19/2019 14:23:20</t>
  </si>
  <si>
    <t>DEF_CRC_Consolidados_(FTE_Final)_Alavancas_(REVISAO) (OK)_v1.xlsm</t>
  </si>
  <si>
    <t>E:\BK_final\Vilarinho\Vilarinho - Trabalho\Algar Telecom\MPA - Transformação\Analises DEF\DEF_CRC_Consolidados_(FTE_Final)_Alavancas_(REVISAO) (OK)_v1.xlsm</t>
  </si>
  <si>
    <t>11/19/2019 14:23:25</t>
  </si>
  <si>
    <t>Mapa DEF.xlsx</t>
  </si>
  <si>
    <t>E:\BK_final\Vilarinho\Vilarinho - Trabalho\Algar Telecom\MPA - Transformação\Analises DEF\Mapa DEF.xlsx</t>
  </si>
  <si>
    <t>Mapa DEF2.xlsx</t>
  </si>
  <si>
    <t>E:\BK_final\Vilarinho\Vilarinho - Trabalho\Algar Telecom\MPA - Transformação\Analises DEF\Mapa DEF2.xlsx</t>
  </si>
  <si>
    <t>11/19/2019 14:23:26</t>
  </si>
  <si>
    <t>MapaImpactoCSC.xlsx</t>
  </si>
  <si>
    <t>E:\BK_final\Vilarinho\Vilarinho - Trabalho\Algar Telecom\MPA - Transformação\Analises DEF\MapaImpactoCSC.xlsx</t>
  </si>
  <si>
    <t>C:\Vila\Empresas Anterior\Arquivos Telecom\MPA - Transformação\Analises DEF\Kits DEF\</t>
  </si>
  <si>
    <t>Mapa DEFFinal.xlsx</t>
  </si>
  <si>
    <t>E:\BK_final\Vilarinho\Vilarinho - Trabalho\Algar Telecom\MPA - Transformação\Analises DEF\Kits DEF\Mapa DEFFinal.xlsx</t>
  </si>
  <si>
    <t>Mapa Movimentações.xlsx</t>
  </si>
  <si>
    <t>E:\BK_final\Vilarinho\Vilarinho - Trabalho\Algar Telecom\MPA - Transformação\Analises DEF\Kits DEF\Mapa Movimentações.xlsx</t>
  </si>
  <si>
    <t>11/19/2019 14:23:28</t>
  </si>
  <si>
    <t>C:\Vila\Empresas Anterior\Arquivos Telecom\MPA - Transformação\Analises DEF\Kits DEF\AJU\AT_Apresentacao_AJU_WS Interno_v1.pptx\</t>
  </si>
  <si>
    <t>E:\BK_final\Vilarinho\Vilarinho - Trabalho\Algar Telecom\MPA - Transformação\Analises DEF\Kits DEF\AJU\AT_Apresentacao_AJU_WS Interno_v1.pptx</t>
  </si>
  <si>
    <t>C:\Vila\Empresas Anterior\Arquivos Telecom\MPA - Transformação\Analises DEF\Kits DEF\AJU\</t>
  </si>
  <si>
    <t>Mapa AJU.xlsx</t>
  </si>
  <si>
    <t>E:\BK_final\Vilarinho\Vilarinho - Trabalho\Algar Telecom\MPA - Transformação\Analises DEF\Kits DEF\AJU\Mapa AJU.xlsx</t>
  </si>
  <si>
    <t>11/19/2019 14:23:29</t>
  </si>
  <si>
    <t>E:\BK_final\Vilarinho\Vilarinho - Trabalho\Algar Telecom\MPA - Transformação\Analises DEF\Kits DEF\AJU\Mapa Movimentações.xlsx</t>
  </si>
  <si>
    <t>C:\Vila\Empresas Anterior\Arquivos Telecom\MPA - Transformação\Analises DEF\Kits DEF\ARI\</t>
  </si>
  <si>
    <t>Mapa ARI.xlsx</t>
  </si>
  <si>
    <t>E:\BK_final\Vilarinho\Vilarinho - Trabalho\Algar Telecom\MPA - Transformação\Analises DEF\Kits DEF\ARI\Mapa ARI.xlsx</t>
  </si>
  <si>
    <t>E:\BK_final\Vilarinho\Vilarinho - Trabalho\Algar Telecom\MPA - Transformação\Analises DEF\Kits DEF\ARI\Mapa Movimentações.xlsx</t>
  </si>
  <si>
    <t>11/19/2019 14:23:32</t>
  </si>
  <si>
    <t>C:\Vila\Empresas Anterior\Arquivos Telecom\MPA - Transformação\Analises DEF\Kits DEF\ARI\Projeto MPA_RI_V1.pptx\</t>
  </si>
  <si>
    <t>E:\BK_final\Vilarinho\Vilarinho - Trabalho\Algar Telecom\MPA - Transformação\Analises DEF\Kits DEF\ARI\Projeto MPA_RI_V1.pptx</t>
  </si>
  <si>
    <t>11/19/2019 14:23:34</t>
  </si>
  <si>
    <t>C:\Vila\Empresas Anterior\Arquivos Telecom\MPA - Transformação\Analises DEF\Kits DEF\CAF\AT_Apresentacao MPA_CAF_WS Interno_v1 (1).pptx\</t>
  </si>
  <si>
    <t>E:\BK_final\Vilarinho\Vilarinho - Trabalho\Algar Telecom\MPA - Transformação\Analises DEF\Kits DEF\CAF\AT_Apresentacao MPA_CAF_WS Interno_v1 (1).pptx</t>
  </si>
  <si>
    <t>11/19/2019 14:23:35</t>
  </si>
  <si>
    <t>C:\Vila\Empresas Anterior\Arquivos Telecom\MPA - Transformação\Analises DEF\Kits DEF\CAF\</t>
  </si>
  <si>
    <t>Mapa CAF.xlsx</t>
  </si>
  <si>
    <t>E:\BK_final\Vilarinho\Vilarinho - Trabalho\Algar Telecom\MPA - Transformação\Analises DEF\Kits DEF\CAF\Mapa CAF.xlsx</t>
  </si>
  <si>
    <t>E:\BK_final\Vilarinho\Vilarinho - Trabalho\Algar Telecom\MPA - Transformação\Analises DEF\Kits DEF\CAF\Mapa Movimentações.xlsx</t>
  </si>
  <si>
    <t>11/19/2019 14:23:36</t>
  </si>
  <si>
    <t>C:\Vila\Empresas Anterior\Arquivos Telecom\MPA - Transformação\Analises DEF\Kits DEF\CCA\AT_Apresentacao MPA_CCA_WS Interno_v3.pptx\</t>
  </si>
  <si>
    <t>E:\BK_final\Vilarinho\Vilarinho - Trabalho\Algar Telecom\MPA - Transformação\Analises DEF\Kits DEF\CCA\AT_Apresentacao MPA_CCA_WS Interno_v3.pptx</t>
  </si>
  <si>
    <t>C:\Vila\Empresas Anterior\Arquivos Telecom\MPA - Transformação\Analises DEF\Kits DEF\CCA\</t>
  </si>
  <si>
    <t>Mapa CCA.xlsx</t>
  </si>
  <si>
    <t>E:\BK_final\Vilarinho\Vilarinho - Trabalho\Algar Telecom\MPA - Transformação\Analises DEF\Kits DEF\CCA\Mapa CCA.xlsx</t>
  </si>
  <si>
    <t>E:\BK_final\Vilarinho\Vilarinho - Trabalho\Algar Telecom\MPA - Transformação\Analises DEF\Kits DEF\CCA\Mapa Movimentações.xlsx</t>
  </si>
  <si>
    <t>C:\Vila\Empresas Anterior\Arquivos Telecom\MPA - Transformação\Analises DEF\Kits DEF\CFI\AT_Apresentacao MPA_CFI_WS Interno_v1 (1).pptx\</t>
  </si>
  <si>
    <t>E:\BK_final\Vilarinho\Vilarinho - Trabalho\Algar Telecom\MPA - Transformação\Analises DEF\Kits DEF\CFI\AT_Apresentacao MPA_CFI_WS Interno_v1 (1).pptx</t>
  </si>
  <si>
    <t>C:\Vila\Empresas Anterior\Arquivos Telecom\MPA - Transformação\Analises DEF\Kits DEF\CFI\</t>
  </si>
  <si>
    <t>Mapa CFI.xlsx</t>
  </si>
  <si>
    <t>E:\BK_final\Vilarinho\Vilarinho - Trabalho\Algar Telecom\MPA - Transformação\Analises DEF\Kits DEF\CFI\Mapa CFI.xlsx</t>
  </si>
  <si>
    <t>E:\BK_final\Vilarinho\Vilarinho - Trabalho\Algar Telecom\MPA - Transformação\Analises DEF\Kits DEF\CFI\Mapa Movimentações.xlsx</t>
  </si>
  <si>
    <t>11/19/2019 14:23:37</t>
  </si>
  <si>
    <t>C:\Vila\Empresas Anterior\Arquivos Telecom\MPA - Transformação\Analises DEF\Kits DEF\CPF\AT_Apresentacao MPA_CPF_WS Interno_v1 (1).pptx\</t>
  </si>
  <si>
    <t>E:\BK_final\Vilarinho\Vilarinho - Trabalho\Algar Telecom\MPA - Transformação\Analises DEF\Kits DEF\CPF\AT_Apresentacao MPA_CPF_WS Interno_v1 (1).pptx</t>
  </si>
  <si>
    <t>11/19/2019 14:23:38</t>
  </si>
  <si>
    <t>C:\Vila\Empresas Anterior\Arquivos Telecom\MPA - Transformação\Analises DEF\Kits DEF\CPF\</t>
  </si>
  <si>
    <t>Mapa CPF.xlsx</t>
  </si>
  <si>
    <t>E:\BK_final\Vilarinho\Vilarinho - Trabalho\Algar Telecom\MPA - Transformação\Analises DEF\Kits DEF\CPF\Mapa CPF.xlsx</t>
  </si>
  <si>
    <t>E:\BK_final\Vilarinho\Vilarinho - Trabalho\Algar Telecom\MPA - Transformação\Analises DEF\Kits DEF\CPF\Mapa Movimentações.xlsx</t>
  </si>
  <si>
    <t>C:\Vila\Empresas Anterior\Arquivos Telecom\MPA - Transformação\Analises DEF\Kits DEF\CRC\</t>
  </si>
  <si>
    <t>Mapa CRC.xlsx</t>
  </si>
  <si>
    <t>E:\BK_final\Vilarinho\Vilarinho - Trabalho\Algar Telecom\MPA - Transformação\Analises DEF\Kits DEF\CRC\Mapa CRC.xlsx</t>
  </si>
  <si>
    <t>E:\BK_final\Vilarinho\Vilarinho - Trabalho\Algar Telecom\MPA - Transformação\Analises DEF\Kits DEF\CRC\Mapa Movimentações.xlsx</t>
  </si>
  <si>
    <t>11/19/2019 14:23:41</t>
  </si>
  <si>
    <t>C:\Vila\Empresas Anterior\Arquivos Telecom\MPA - Transformação\Analises DEF\Kits DEF\CRC\Projeto MPA_CRC_V2 - ok.pptx\</t>
  </si>
  <si>
    <t>E:\BK_final\Vilarinho\Vilarinho - Trabalho\Algar Telecom\MPA - Transformação\Analises DEF\Kits DEF\CRC\Projeto MPA_CRC_V2 - ok.pptx</t>
  </si>
  <si>
    <t>C:\Vila\Empresas Anterior\Arquivos Telecom\MPA - Transformação\Analises DEF\Kits DEF\PMO\</t>
  </si>
  <si>
    <t>E:\BK_final\Vilarinho\Vilarinho - Trabalho\Algar Telecom\MPA - Transformação\Analises DEF\Kits DEF\PMO\Mapa Movimentações.xlsx</t>
  </si>
  <si>
    <t>Mapa PMO.xlsx</t>
  </si>
  <si>
    <t>E:\BK_final\Vilarinho\Vilarinho - Trabalho\Algar Telecom\MPA - Transformação\Analises DEF\Kits DEF\PMO\Mapa PMO.xlsx</t>
  </si>
  <si>
    <t>11/19/2019 14:23:46</t>
  </si>
  <si>
    <t>C:\Vila\Empresas Anterior\Arquivos Telecom\MPA - Transformação\Analises DEF\Kits DEF\PMO\Projeto MPA_ARE_V1.pptx\</t>
  </si>
  <si>
    <t>E:\BK_final\Vilarinho\Vilarinho - Trabalho\Algar Telecom\MPA - Transformação\Analises DEF\Kits DEF\PMO\Projeto MPA_ARE_V1.pptx</t>
  </si>
  <si>
    <t>11/19/2019 14:23:49</t>
  </si>
  <si>
    <t>C:\Vila\Empresas Anterior\Arquivos Telecom\MPA - Transformação\Folhas\</t>
  </si>
  <si>
    <t>Departamental - Novembro 2013.xls</t>
  </si>
  <si>
    <t>E:\BK_final\Vilarinho\Vilarinho - Trabalho\Algar Telecom\MPA - Transformação\Folhas\Departamental - Novembro 2013.xls</t>
  </si>
  <si>
    <t>11/19/2019 14:23:58</t>
  </si>
  <si>
    <t>Salarios_Base Outubro.xlsm</t>
  </si>
  <si>
    <t>E:\BK_final\Vilarinho\Vilarinho - Trabalho\Algar Telecom\MPA - Transformação\Folhas\Salarios_Base Outubro.xlsm</t>
  </si>
  <si>
    <t>11/19/2019 14:24:00</t>
  </si>
  <si>
    <t>C:\Vila\Empresas Anterior\Arquivos Telecom\MPA - Transformação\Ganhos e Apresentações Finais\</t>
  </si>
  <si>
    <t>BC_Ganhos_V8_Sem Proj e Orçamento(n atualizar sem falra c vila).xlsx</t>
  </si>
  <si>
    <t>E:\BK_final\Vilarinho\Vilarinho - Trabalho\Algar Telecom\MPA - Transformação\Ganhos e Apresentações Finais\BC_Ganhos_V8_Sem Proj e Orçamento(n atualizar sem falra c vila).xlsx</t>
  </si>
  <si>
    <t>C:\Vila\Empresas Anterior\Arquivos Telecom\MPA - Transformação\Ganhos e Apresentações Finais\Orçamento LP tranformação.pptx\</t>
  </si>
  <si>
    <t>E:\BK_final\Vilarinho\Vilarinho - Trabalho\Algar Telecom\MPA - Transformação\Ganhos e Apresentações Finais\Orçamento LP tranformação.pptx</t>
  </si>
  <si>
    <t>11/19/2019 14:24:01</t>
  </si>
  <si>
    <t>Orçamento MPA 2014.xlsx</t>
  </si>
  <si>
    <t>E:\BK_final\Vilarinho\Vilarinho - Trabalho\Algar Telecom\MPA - Transformação\Ganhos e Apresentações Finais\Orçamento MPA 2014.xlsx</t>
  </si>
  <si>
    <t>C:\Vila\Empresas Anterior\Arquivos Telecom\MPA - Transformação\Ganhos e Apresentações Finais\Mapa Movimentações Diretorias\</t>
  </si>
  <si>
    <t>Mapa de movimentações oficial AMC.xlsx</t>
  </si>
  <si>
    <t>E:\BK_final\Vilarinho\Vilarinho - Trabalho\Algar Telecom\MPA - Transformação\Ganhos e Apresentações Finais\Mapa Movimentações Diretorias\Mapa de movimentações oficial AMC.xlsx</t>
  </si>
  <si>
    <t>Mapa de movimentações oficia_v1_CPQ_Ana Paula.xlsx</t>
  </si>
  <si>
    <t>E:\BK_final\Vilarinho\Vilarinho - Trabalho\Algar Telecom\MPA - Transformação\Ganhos e Apresentações Finais\Mapa Movimentações Diretorias\Mapa de movimentações oficia_v1_CPQ_Ana Paula.xlsx</t>
  </si>
  <si>
    <t>MPA_AJU.xlsx</t>
  </si>
  <si>
    <t>E:\BK_final\Vilarinho\Vilarinho - Trabalho\Algar Telecom\MPA - Transformação\Ganhos e Apresentações Finais\Mapa Movimentações Diretorias\MPA_AJU.xlsx</t>
  </si>
  <si>
    <t>C:\Vila\Empresas Anterior\Arquivos Telecom\MPA - Transformação\KIT DNA1\</t>
  </si>
  <si>
    <t>DETALHAMENTO_DNA.xlsx</t>
  </si>
  <si>
    <t>E:\BK_final\Vilarinho\Vilarinho - Trabalho\Algar Telecom\MPA - Transformação\KIT DNA1\DETALHAMENTO_DNA.xlsx</t>
  </si>
  <si>
    <t>11/19/2019 14:24:20</t>
  </si>
  <si>
    <t>C:\Vila\Empresas Anterior\Arquivos Telecom\MPA - Transformação\KIT DNA1\HISTÓRICO_REUNIÃO DE ENTREGA MPA_19DEZ2013.pptx\</t>
  </si>
  <si>
    <t>E:\BK_final\Vilarinho\Vilarinho - Trabalho\Algar Telecom\MPA - Transformação\KIT DNA1\HISTÓRICO_REUNIÃO DE ENTREGA MPA_19DEZ2013.pptx</t>
  </si>
  <si>
    <t>11/19/2019 14:24:21</t>
  </si>
  <si>
    <t>11/19/2019 14:24:26</t>
  </si>
  <si>
    <t>11/19/2019 14:24:28</t>
  </si>
  <si>
    <t>11/19/2019 14:24:29</t>
  </si>
  <si>
    <t>11/19/2019 14:24:31</t>
  </si>
  <si>
    <t>11/19/2019 14:24:32</t>
  </si>
  <si>
    <t>11/19/2019 14:24:35</t>
  </si>
  <si>
    <t>11/19/2019 14:24:38</t>
  </si>
  <si>
    <t>11/19/2019 14:24:40</t>
  </si>
  <si>
    <t>11/19/2019 14:24:43</t>
  </si>
  <si>
    <t>11/19/2019 14:24:44</t>
  </si>
  <si>
    <t>11/19/2019 14:24:47</t>
  </si>
  <si>
    <t>11/19/2019 14:24:48</t>
  </si>
  <si>
    <t>11/19/2019 14:24:49</t>
  </si>
  <si>
    <t>11/19/2019 14:24:50</t>
  </si>
  <si>
    <t>C:\Vila\Empresas Anterior\Arquivos Telecom\MPA - Transformação\KIT DNA1\PROJETO MPA_ANALISES DNA_vfinal.pptx\</t>
  </si>
  <si>
    <t>E:\BK_final\Vilarinho\Vilarinho - Trabalho\Algar Telecom\MPA - Transformação\KIT DNA1\PROJETO MPA_ANALISES DNA_vfinal.pptx</t>
  </si>
  <si>
    <t>11/19/2019 14:25:28</t>
  </si>
  <si>
    <t>C:\Vila\Empresas Anterior\Arquivos Telecom\OBZ - Transformação\</t>
  </si>
  <si>
    <t>Acompanhamento_dos_ganhos_OBZ_jul14 v3.xlsx</t>
  </si>
  <si>
    <t>E:\BK_final\Vilarinho\Vilarinho - Trabalho\Algar Telecom\OBZ - Transformação\Acompanhamento_dos_ganhos_OBZ_jul14 v3.xlsx</t>
  </si>
  <si>
    <t>11/19/2019 14:25:29</t>
  </si>
  <si>
    <t>analise de - para vila.xlsx</t>
  </si>
  <si>
    <t>E:\BK_final\Vilarinho\Vilarinho - Trabalho\Algar Telecom\OBZ - Transformação\analise de - para vila.xlsx</t>
  </si>
  <si>
    <t>Analise dos Ganhos OBZ Maio-14.xlsx</t>
  </si>
  <si>
    <t>E:\BK_final\Vilarinho\Vilarinho - Trabalho\Algar Telecom\OBZ - Transformação\Analise dos Ganhos OBZ Maio-14.xlsx</t>
  </si>
  <si>
    <t>Analise Infra-10.10.14.xlsx</t>
  </si>
  <si>
    <t>E:\BK_final\Vilarinho\Vilarinho - Trabalho\Algar Telecom\OBZ - Transformação\Analise Infra-10.10.14.xlsx</t>
  </si>
  <si>
    <t>AT_catálogo de iniciativas 2014_Onda1.xlsx</t>
  </si>
  <si>
    <t>E:\BK_final\Vilarinho\Vilarinho - Trabalho\Algar Telecom\OBZ - Transformação\AT_catálogo de iniciativas 2014_Onda1.xlsx</t>
  </si>
  <si>
    <t>AT_Iniciativas 2014_Exemplo.xlsx</t>
  </si>
  <si>
    <t>E:\BK_final\Vilarinho\Vilarinho - Trabalho\Algar Telecom\OBZ - Transformação\AT_Iniciativas 2014_Exemplo.xlsx</t>
  </si>
  <si>
    <t>AT_Levantamento das Políticas_131106.xlsx</t>
  </si>
  <si>
    <t>E:\BK_final\Vilarinho\Vilarinho - Trabalho\Algar Telecom\OBZ - Transformação\AT_Levantamento das Políticas_131106.xlsx</t>
  </si>
  <si>
    <t>11/19/2019 14:25:30</t>
  </si>
  <si>
    <t>Contratos - Pacote Manutenção JUN 14 (Jose Emidio).xlsx</t>
  </si>
  <si>
    <t>E:\BK_final\Vilarinho\Vilarinho - Trabalho\Algar Telecom\OBZ - Transformação\Contratos - Pacote Manutenção JUN 14 (Jose Emidio).xlsx</t>
  </si>
  <si>
    <t>Copacoterios x CSC - Call 09.01.15.xlsx</t>
  </si>
  <si>
    <t>E:\BK_final\Vilarinho\Vilarinho - Trabalho\Algar Telecom\OBZ - Transformação\Copacoterios x CSC - Call 09.01.15.xlsx</t>
  </si>
  <si>
    <t>CronogramaAT_Plano de Trabalho OBZ_v2.xlsx</t>
  </si>
  <si>
    <t>E:\BK_final\Vilarinho\Vilarinho - Trabalho\Algar Telecom\OBZ - Transformação\CronogramaAT_Plano de Trabalho OBZ_v2.xlsx</t>
  </si>
  <si>
    <t>11/19/2019 14:25:31</t>
  </si>
  <si>
    <t>Evolução de Marketing 2014 v2.xlsx</t>
  </si>
  <si>
    <t>E:\BK_final\Vilarinho\Vilarinho - Trabalho\Algar Telecom\OBZ - Transformação\Evolução de Marketing 2014 v2.xlsx</t>
  </si>
  <si>
    <t>11/19/2019 14:25:32</t>
  </si>
  <si>
    <t>Meta OBZ Final_v151014_Reuniao Comite.xlsx</t>
  </si>
  <si>
    <t>E:\BK_final\Vilarinho\Vilarinho - Trabalho\Algar Telecom\OBZ - Transformação\Meta OBZ Final_v151014_Reuniao Comite.xlsx</t>
  </si>
  <si>
    <t>11/19/2019 14:26:53</t>
  </si>
  <si>
    <t>Meta topdown 3rev.xlsx</t>
  </si>
  <si>
    <t>E:\BK_final\Vilarinho\Vilarinho - Trabalho\Algar Telecom\OBZ - Transformação\Meta topdown 3rev.xlsx</t>
  </si>
  <si>
    <t>11/19/2019 14:26:55</t>
  </si>
  <si>
    <t>Modelo Analise Orçamento 2014.xlsx</t>
  </si>
  <si>
    <t>E:\BK_final\Vilarinho\Vilarinho - Trabalho\Algar Telecom\OBZ - Transformação\Modelo Analise Orçamento 2014.xlsx</t>
  </si>
  <si>
    <t>Novos pacoteiros.xlsx</t>
  </si>
  <si>
    <t>E:\BK_final\Vilarinho\Vilarinho - Trabalho\Algar Telecom\OBZ - Transformação\Novos pacoteiros.xlsx</t>
  </si>
  <si>
    <t>11/19/2019 14:26:56</t>
  </si>
  <si>
    <t>OBZ_Cenarios Drivers Marketing_v2.xlsx</t>
  </si>
  <si>
    <t>E:\BK_final\Vilarinho\Vilarinho - Trabalho\Algar Telecom\OBZ - Transformação\OBZ_Cenarios Drivers Marketing_v2.xlsx</t>
  </si>
  <si>
    <t>Participação Pontos.xlsx</t>
  </si>
  <si>
    <t>E:\BK_final\Vilarinho\Vilarinho - Trabalho\Algar Telecom\OBZ - Transformação\Participação Pontos.xlsx</t>
  </si>
  <si>
    <t>11/19/2019 14:26:58</t>
  </si>
  <si>
    <t>C:\Vila\Empresas Anterior\Arquivos Telecom\OBZ - Transformação\POLITICA FROTAS_Sugestões Vila.pptx\</t>
  </si>
  <si>
    <t>E:\BK_final\Vilarinho\Vilarinho - Trabalho\Algar Telecom\OBZ - Transformação\POLITICA FROTAS_Sugestões Vila.pptx</t>
  </si>
  <si>
    <t>11/19/2019 14:27:03</t>
  </si>
  <si>
    <t>Relação Pacoteiros _CSC_Direcionamentos.xlsx</t>
  </si>
  <si>
    <t>E:\BK_final\Vilarinho\Vilarinho - Trabalho\Algar Telecom\OBZ - Transformação\Relação Pacoteiros _CSC_Direcionamentos.xlsx</t>
  </si>
  <si>
    <t>RelaçãoPacoteiros_Reuniao c Luciene e celma.xlsx</t>
  </si>
  <si>
    <t>E:\BK_final\Vilarinho\Vilarinho - Trabalho\Algar Telecom\OBZ - Transformação\RelaçãoPacoteiros_Reuniao c Luciene e celma.xlsx</t>
  </si>
  <si>
    <t>11/19/2019 14:27:04</t>
  </si>
  <si>
    <t>C:\Vila\Empresas Anterior\Arquivos Telecom\OBZ - Transformação\Reunião_Divino_03072014.pptx\</t>
  </si>
  <si>
    <t>E:\BK_final\Vilarinho\Vilarinho - Trabalho\Algar Telecom\OBZ - Transformação\Reunião_Divino_03072014.pptx</t>
  </si>
  <si>
    <t>C:\Vila\Empresas Anterior\Arquivos Telecom\OBZ - Transformação\Alugueis\</t>
  </si>
  <si>
    <t>Evolução Pagamento Aluguel.xlsx</t>
  </si>
  <si>
    <t>E:\BK_final\Vilarinho\Vilarinho - Trabalho\Algar Telecom\OBZ - Transformação\Alugueis\Evolução Pagamento Aluguel.xlsx</t>
  </si>
  <si>
    <t>11/19/2019 14:27:09</t>
  </si>
  <si>
    <t>Vr Pago IMÓVEIS ALGAR_NOV 2014.xls</t>
  </si>
  <si>
    <t>E:\BK_final\Vilarinho\Vilarinho - Trabalho\Algar Telecom\OBZ - Transformação\Alugueis\Vr Pago IMÓVEIS ALGAR_NOV 2014.xls</t>
  </si>
  <si>
    <t>11/19/2019 14:27:10</t>
  </si>
  <si>
    <t>C:\Vila\Empresas Anterior\Arquivos Telecom\OBZ - Transformação\Alugueis\Analises SETAPE 30-07-2007\</t>
  </si>
  <si>
    <t>Analise Final Setape.xlsx</t>
  </si>
  <si>
    <t>E:\BK_final\Vilarinho\Vilarinho - Trabalho\Algar Telecom\OBZ - Transformação\Alugueis\Analises SETAPE 30-07-2007\Analise Final Setape.xlsx</t>
  </si>
  <si>
    <t>11/19/2019 14:27:11</t>
  </si>
  <si>
    <t>C:\Vila\Empresas Anterior\Arquivos Telecom\OBZ - Transformação\Alugueis\Analises SETAPE 30-07-2007\Apresentação Negociação Algar - NOV-07 (2).ppt\s4\</t>
  </si>
  <si>
    <t>E:\BK_final\Vilarinho\Vilarinho - Trabalho\Algar Telecom\OBZ - Transformação\Alugueis\Analises SETAPE 30-07-2007\Apresentação Negociação Algar - NOV-07 (2).ppt</t>
  </si>
  <si>
    <t>Resumo de valores - laudos setape.xls</t>
  </si>
  <si>
    <t>E:\BK_final\Vilarinho\Vilarinho - Trabalho\Algar Telecom\OBZ - Transformação\Alugueis\Analises SETAPE 30-07-2007\Resumo de valores - laudos setape.xls</t>
  </si>
  <si>
    <t>11/19/2019 14:27:41</t>
  </si>
  <si>
    <t>C:\Vila\Empresas Anterior\Arquivos Telecom\OBZ - Transformação\Alugueis\Apresentação\</t>
  </si>
  <si>
    <t>Aluguéis_Base Jeciene.xlsx</t>
  </si>
  <si>
    <t>E:\BK_final\Vilarinho\Vilarinho - Trabalho\Algar Telecom\OBZ - Transformação\Alugueis\Apresentação\Aluguéis_Base Jeciene.xlsx</t>
  </si>
  <si>
    <t>11/19/2019 14:27:46</t>
  </si>
  <si>
    <t>C:\Vila\Empresas Anterior\Arquivos Telecom\OBZ - Transformação\Alugueis\Apresentação\Apr_Aluguel_Imoveis_Algar_v2.pptx\</t>
  </si>
  <si>
    <t>E:\BK_final\Vilarinho\Vilarinho - Trabalho\Algar Telecom\OBZ - Transformação\Alugueis\Apresentação\Apr_Aluguel_Imoveis_Algar_v2.pptx</t>
  </si>
  <si>
    <t>11/19/2019 14:27:47</t>
  </si>
  <si>
    <t>11/19/2019 14:27:50</t>
  </si>
  <si>
    <t>C:\Vila\Empresas Anterior\Arquivos Telecom\OBZ - Transformação\Alugueis\Apresentação\Apr_Aluguel_Imoveis_Algar_v3.pptx\</t>
  </si>
  <si>
    <t>E:\BK_final\Vilarinho\Vilarinho - Trabalho\Algar Telecom\OBZ - Transformação\Alugueis\Apresentação\Apr_Aluguel_Imoveis_Algar_v3.pptx</t>
  </si>
  <si>
    <t>11/19/2019 14:27:51</t>
  </si>
  <si>
    <t>11/19/2019 14:27:52</t>
  </si>
  <si>
    <t>11/19/2019 14:27:53</t>
  </si>
  <si>
    <t>C:\Vila\Empresas Anterior\Arquivos Telecom\OBZ - Transformação\Alugueis\Apresentação\LP Tranformação.pptx\</t>
  </si>
  <si>
    <t>E:\BK_final\Vilarinho\Vilarinho - Trabalho\Algar Telecom\OBZ - Transformação\Alugueis\Apresentação\LP Tranformação.pptx</t>
  </si>
  <si>
    <t>11/19/2019 14:27:55</t>
  </si>
  <si>
    <t>C:\Vila\Empresas Anterior\Arquivos Telecom\OBZ - Transformação\Alugueis\Avaliação 1 Bisanwanger\</t>
  </si>
  <si>
    <t>Comparativo de valores x laudos RISCOS V2 31102014_Tiago.xlsx</t>
  </si>
  <si>
    <t>E:\BK_final\Vilarinho\Vilarinho - Trabalho\Algar Telecom\OBZ - Transformação\Alugueis\Avaliação 1 Bisanwanger\Comparativo de valores x laudos RISCOS V2 31102014_Tiago.xlsx</t>
  </si>
  <si>
    <t>Comparativo de valores x laudos RISCOS.xlsx</t>
  </si>
  <si>
    <t>E:\BK_final\Vilarinho\Vilarinho - Trabalho\Algar Telecom\OBZ - Transformação\Alugueis\Avaliação 1 Bisanwanger\Comparativo de valores x laudos RISCOS.xlsx</t>
  </si>
  <si>
    <t>C:\Vila\Empresas Anterior\Arquivos Telecom\OBZ - Transformação\Alugueis\Avaliação Final Bisanwanger\</t>
  </si>
  <si>
    <t>Comparativo de valores x laudos RISCOS V3 11112014.xlsx</t>
  </si>
  <si>
    <t>E:\BK_final\Vilarinho\Vilarinho - Trabalho\Algar Telecom\OBZ - Transformação\Alugueis\Avaliação Final Bisanwanger\Comparativo de valores x laudos RISCOS V3 11112014.xlsx</t>
  </si>
  <si>
    <t>11/19/2019 14:27:56</t>
  </si>
  <si>
    <t>Resumo_Avaliação_Imóveis_Locação-ALGAR-2014-11-11_retorno_Space_Nov11 (2).xlsx</t>
  </si>
  <si>
    <t>E:\BK_final\Vilarinho\Vilarinho - Trabalho\Algar Telecom\OBZ - Transformação\Alugueis\Avaliação Final Bisanwanger\Resumo_Avaliação_Imóveis_Locação-ALGAR-2014-11-11_retorno_Space_Nov11 (2).xlsx</t>
  </si>
  <si>
    <t>11/19/2019 14:28:10</t>
  </si>
  <si>
    <t>C:\Vila\Empresas Anterior\Arquivos Telecom\OBZ - Transformação\Analise Politica Beneficios Transformação\</t>
  </si>
  <si>
    <t>Aplicação Politica Transformação_OBZ.xlsx</t>
  </si>
  <si>
    <t>E:\BK_final\Vilarinho\Vilarinho - Trabalho\Algar Telecom\OBZ - Transformação\Analise Politica Beneficios Transformação\Aplicação Politica Transformação_OBZ.xlsx</t>
  </si>
  <si>
    <t>Aplicação Politica Transformação_OBZ_sem5%.xlsx</t>
  </si>
  <si>
    <t>E:\BK_final\Vilarinho\Vilarinho - Trabalho\Algar Telecom\OBZ - Transformação\Analise Politica Beneficios Transformação\Aplicação Politica Transformação_OBZ_sem5%.xlsx</t>
  </si>
  <si>
    <t>11/19/2019 14:28:11</t>
  </si>
  <si>
    <t>Matriz de decisao - Projeto OBZ - Consolidado)VFinal.xls</t>
  </si>
  <si>
    <t>E:\BK_final\Vilarinho\Vilarinho - Trabalho\Algar Telecom\OBZ - Transformação\Analise Politica Beneficios Transformação\Matriz de decisao - Projeto OBZ - Consolidado)VFinal.xls</t>
  </si>
  <si>
    <t>Matriz de decisao - Projeto OBZ.xls</t>
  </si>
  <si>
    <t>E:\BK_final\Vilarinho\Vilarinho - Trabalho\Algar Telecom\OBZ - Transformação\Analise Politica Beneficios Transformação\Matriz de decisao - Projeto OBZ.xls</t>
  </si>
  <si>
    <t>11/19/2019 14:28:12</t>
  </si>
  <si>
    <t>Politica Transformação_OBZ_VTransforma.xlsx</t>
  </si>
  <si>
    <t>E:\BK_final\Vilarinho\Vilarinho - Trabalho\Algar Telecom\OBZ - Transformação\Analise Politica Beneficios Transformação\Politica Transformação_OBZ_VTransforma.xlsx</t>
  </si>
  <si>
    <t>11/19/2019 14:28:13</t>
  </si>
  <si>
    <t>C:\Vila\Empresas Anterior\Arquivos Telecom\OBZ - Transformação\Analise Politica Beneficios Transformação\Revisão Politica\</t>
  </si>
  <si>
    <t>Politica Transformação_OBZ_Revisada.xlsx</t>
  </si>
  <si>
    <t>E:\BK_final\Vilarinho\Vilarinho - Trabalho\Algar Telecom\OBZ - Transformação\Analise Politica Beneficios Transformação\Revisão Politica\Politica Transformação_OBZ_Revisada.xlsx</t>
  </si>
  <si>
    <t>Politica Transformação_OBZ_Revisada_Final.xlsx</t>
  </si>
  <si>
    <t>E:\BK_final\Vilarinho\Vilarinho - Trabalho\Algar Telecom\OBZ - Transformação\Analise Politica Beneficios Transformação\Revisão Politica\Politica Transformação_OBZ_Revisada_Final.xlsx</t>
  </si>
  <si>
    <t>11/19/2019 14:28:14</t>
  </si>
  <si>
    <t>C:\Vila\Empresas Anterior\Arquivos Telecom\OBZ - Transformação\Apresentações\AT_Kick Off OBZ_v4.pptx\</t>
  </si>
  <si>
    <t>E:\BK_final\Vilarinho\Vilarinho - Trabalho\Algar Telecom\OBZ - Transformação\Apresentações\AT_Kick Off OBZ_v4.pptx</t>
  </si>
  <si>
    <t>11/19/2019 14:28:16</t>
  </si>
  <si>
    <t>C:\Vila\Empresas Anterior\Arquivos Telecom\Orçamento DCP 2014\</t>
  </si>
  <si>
    <t>Analise CRC 2014.xlsx</t>
  </si>
  <si>
    <t>E:\BK_final\Vilarinho\Vilarinho - Trabalho\Algar Telecom\Orçamento DCP 2014\Analise CRC 2014.xlsx</t>
  </si>
  <si>
    <t>OrcadoDCP2014.xlsx</t>
  </si>
  <si>
    <t>E:\BK_final\Vilarinho\Vilarinho - Trabalho\Algar Telecom\Orçamento DCP 2014\OrcadoDCP2014.xlsx</t>
  </si>
  <si>
    <t>11/19/2019 14:28:17</t>
  </si>
  <si>
    <t>C:\Vila\Empresas Anterior\Arquivos Telecom\Planejamento CCA\Analise Salarios Agosto-2011\</t>
  </si>
  <si>
    <t>Departamental-julho.xlsx</t>
  </si>
  <si>
    <t>E:\BK_final\Vilarinho\Vilarinho - Trabalho\Algar Telecom\Planejamento CCA\Analise Salarios Agosto-2011\Departamental-julho.xlsx</t>
  </si>
  <si>
    <t>KIT - CCA-Agosto-2011.xlsx</t>
  </si>
  <si>
    <t>E:\BK_final\Vilarinho\Vilarinho - Trabalho\Algar Telecom\Planejamento CCA\Analise Salarios Agosto-2011\KIT - CCA-Agosto-2011.xlsx</t>
  </si>
  <si>
    <t>Proposta de Aumentos Salariais CCA - Nov-11.xlsx</t>
  </si>
  <si>
    <t>E:\BK_final\Vilarinho\Vilarinho - Trabalho\Algar Telecom\Planejamento CCA\Analise Salarios Agosto-2011\Proposta de Aumentos Salariais CCA - Nov-11.xlsx</t>
  </si>
  <si>
    <t>Proposta de Aumentos Salariais CCA.xlsx</t>
  </si>
  <si>
    <t>E:\BK_final\Vilarinho\Vilarinho - Trabalho\Algar Telecom\Planejamento CCA\Analise Salarios Agosto-2011\Proposta de Aumentos Salariais CCA.xlsx</t>
  </si>
  <si>
    <t>C:\Vila\Empresas Anterior\Arquivos Telecom\Planejamento CCA\Departamentais\</t>
  </si>
  <si>
    <t>25CCA-MAI-08</t>
  </si>
  <si>
    <t>E:\BK_final\Vilarinho\Vilarinho - Trabalho\Algar Telecom\Planejamento CCA\Departamentais\25CCA-MAI-08</t>
  </si>
  <si>
    <t>CCA-Abil</t>
  </si>
  <si>
    <t>E:\BK_final\Vilarinho\Vilarinho - Trabalho\Algar Telecom\Planejamento CCA\Departamentais\CCA-Abil</t>
  </si>
  <si>
    <t>CCA-JUN-08</t>
  </si>
  <si>
    <t>E:\BK_final\Vilarinho\Vilarinho - Trabalho\Algar Telecom\Planejamento CCA\Departamentais\CCA-JUN-08</t>
  </si>
  <si>
    <t>CCA.xls</t>
  </si>
  <si>
    <t>E:\BK_final\Vilarinho\Vilarinho - Trabalho\Algar Telecom\Planejamento CCA\Departamentais\CCA.xls</t>
  </si>
  <si>
    <t>Depatal CCA e CCR Fev08.xls</t>
  </si>
  <si>
    <t>E:\BK_final\Vilarinho\Vilarinho - Trabalho\Algar Telecom\Planejamento CCA\Departamentais\Depatal CCA e CCR Fev08.xls</t>
  </si>
  <si>
    <t>11/19/2019 14:28:18</t>
  </si>
  <si>
    <t>Depatal CCA e CCR Janeiro08.xls</t>
  </si>
  <si>
    <t>E:\BK_final\Vilarinho\Vilarinho - Trabalho\Algar Telecom\Planejamento CCA\Departamentais\Depatal CCA e CCR Janeiro08.xls</t>
  </si>
  <si>
    <t>Deptal CCA Março08.xls</t>
  </si>
  <si>
    <t>E:\BK_final\Vilarinho\Vilarinho - Trabalho\Algar Telecom\Planejamento CCA\Departamentais\Deptal CCA Março08.xls</t>
  </si>
  <si>
    <t>Dívida Engeset.xls</t>
  </si>
  <si>
    <t>E:\BK_final\Vilarinho\Vilarinho - Trabalho\Algar Telecom\Planejamento CCA\Departamentais\Dívida Engeset.xls</t>
  </si>
  <si>
    <t>imoveis dados na anistia77.xls</t>
  </si>
  <si>
    <t>E:\BK_final\Vilarinho\Vilarinho - Trabalho\Algar Telecom\Planejamento CCA\Departamentais\imoveis dados na anistia77.xls</t>
  </si>
  <si>
    <t>_CCA.xls</t>
  </si>
  <si>
    <t>E:\BK_final\Vilarinho\Vilarinho - Trabalho\Algar Telecom\Planejamento CCA\Departamentais\_CCA.xls</t>
  </si>
  <si>
    <t>11/19/2019 14:28:19</t>
  </si>
  <si>
    <t>C:\Vila\Empresas Anterior\Arquivos Telecom\Planejamento CCA\Estrutura da Área - Antigo\Estrutura CCA - Março 2008.ppt\s4\</t>
  </si>
  <si>
    <t>E:\BK_final\Vilarinho\Vilarinho - Trabalho\Algar Telecom\Planejamento CCA\Estrutura da Área - Antigo\Estrutura CCA - Março 2008.ppt</t>
  </si>
  <si>
    <t>11/19/2019 14:29:01</t>
  </si>
  <si>
    <t>C:\Vila\Empresas Anterior\Arquivos Telecom\Planejamento CCA\Estrutura da Área - Antigo\Estrutura Funcional\Planejamento CCA 2009.ppt\s4\</t>
  </si>
  <si>
    <t>E:\BK_final\Vilarinho\Vilarinho - Trabalho\Algar Telecom\Planejamento CCA\Estrutura da Área - Antigo\Estrutura Funcional\Planejamento CCA 2009.ppt</t>
  </si>
  <si>
    <t>11/19/2019 14:29:08</t>
  </si>
  <si>
    <t>11/19/2019 14:29:10</t>
  </si>
  <si>
    <t>Planilha do Microsoft Office Excel 97-20031.xls</t>
  </si>
  <si>
    <t>11/19/2019 14:29:14</t>
  </si>
  <si>
    <t>11/19/2019 14:29:15</t>
  </si>
  <si>
    <t>11/19/2019 14:29:17</t>
  </si>
  <si>
    <t>11/19/2019 14:29:19</t>
  </si>
  <si>
    <t>Planilha do Microsoft Office Excel3.xls</t>
  </si>
  <si>
    <t>11/19/2019 14:29:20</t>
  </si>
  <si>
    <t>Planilha do Microsoft Office Excel4.xls</t>
  </si>
  <si>
    <t>11/19/2019 14:29:23</t>
  </si>
  <si>
    <t>Planilha do Microsoft Office Excel5.xls</t>
  </si>
  <si>
    <t>11/19/2019 14:29:24</t>
  </si>
  <si>
    <t>Planilha do Microsoft Office Excel6.xls</t>
  </si>
  <si>
    <t>11/19/2019 14:29:26</t>
  </si>
  <si>
    <t>Planilha do Microsoft Office Excel7.xls</t>
  </si>
  <si>
    <t>11/19/2019 14:29:28</t>
  </si>
  <si>
    <t>Planilha do Microsoft Office Excel8.xls</t>
  </si>
  <si>
    <t>11/19/2019 14:29:31</t>
  </si>
  <si>
    <t>Planilha do Microsoft Office Excel9.xls</t>
  </si>
  <si>
    <t>11/19/2019 14:29:32</t>
  </si>
  <si>
    <t>11/19/2019 14:29:34</t>
  </si>
  <si>
    <t>11/19/2019 14:29:35</t>
  </si>
  <si>
    <t>11/19/2019 14:29:38</t>
  </si>
  <si>
    <t>Worksheet3.xls</t>
  </si>
  <si>
    <t>11/19/2019 14:29:40</t>
  </si>
  <si>
    <t>Worksheet4.xls</t>
  </si>
  <si>
    <t>11/19/2019 14:29:41</t>
  </si>
  <si>
    <t>Worksheet5.xls</t>
  </si>
  <si>
    <t>Worksheet6.xls</t>
  </si>
  <si>
    <t>Worksheet7.xls</t>
  </si>
  <si>
    <t>Worksheet8.xls</t>
  </si>
  <si>
    <t>C:\Vila\Empresas Anterior\Arquivos Telecom\Planejamento CCA\Estrutura da Área - Antigo\Estrutura Funcional\</t>
  </si>
  <si>
    <t>Rotinas e Responsaveis Atividades CCA.xls</t>
  </si>
  <si>
    <t>E:\BK_final\Vilarinho\Vilarinho - Trabalho\Algar Telecom\Planejamento CCA\Estrutura da Área - Antigo\Estrutura Funcional\Rotinas e Responsaveis Atividades CCA.xls</t>
  </si>
  <si>
    <t>11/19/2019 14:30:22</t>
  </si>
  <si>
    <t>C:\Vila\Empresas Anterior\Arquivos Telecom\Planejamento CCA\Estrutura da Área - Antigo\Planejamento CCA 2010\</t>
  </si>
  <si>
    <t>planejamento cca 2010.xls</t>
  </si>
  <si>
    <t>E:\BK_final\Vilarinho\Vilarinho - Trabalho\Algar Telecom\Planejamento CCA\Estrutura da Área - Antigo\Planejamento CCA 2010\planejamento cca 2010.xls</t>
  </si>
  <si>
    <t>11/19/2019 14:36:13</t>
  </si>
  <si>
    <t>11/19/2019 14:40:33</t>
  </si>
  <si>
    <t>/o=exchangelabs/ou=exchange administrative group (fydibohf23spdlt)/cn=recipients/cn=44f0a666541444e787f23979b24aa3bd-reginaldo r;alessandroam@algartech.com;</t>
  </si>
  <si>
    <t>Cópia de Relatório de instalações de Office - Rede BRA.xlsx</t>
  </si>
  <si>
    <t>/o=exchangelabs/ou=exchange administrative group (fydibohf23spdlt)/cn=recipients/cn=44f0a666541444e787f23979b24aa3bd-reginaldo r,alessandroam@algartech.com</t>
  </si>
  <si>
    <t>11/19/2019 14:37:14</t>
  </si>
  <si>
    <t>C:\Users\tiagorpf\OneDrive - Grupo Algar\Desenvolvimento\gto\</t>
  </si>
  <si>
    <t>Cópia de GTO 5.91.xls</t>
  </si>
  <si>
    <t>11/19/2019 14:38:33</t>
  </si>
  <si>
    <t>C:\Users\tiagorpf\OneDrive - Grupo Algar\Desenvolvimento\00_Diversos\</t>
  </si>
  <si>
    <t>Desbloquear (Planilha e VBA).xls</t>
  </si>
  <si>
    <t>11/19/2019 14:39:31</t>
  </si>
  <si>
    <t>11/19/2019 14:41:34</t>
  </si>
  <si>
    <t>silvia.b.souza@bradesco.com.br;</t>
  </si>
  <si>
    <t>ENC: Painel Gerencial Formalização PF - Fechamento Outubro/2019</t>
  </si>
  <si>
    <t>10.2019 - Painel Gerencial_Formalização PF - Fechamento.xlsx.zip\</t>
  </si>
  <si>
    <t>10.2019 - Painel Gerencial_Formaliza‡Æo PF - Fechamento.xlsx</t>
  </si>
  <si>
    <t>silvia.b.souza@bradesco.com.br</t>
  </si>
  <si>
    <t>11/19/2019 14:30:32</t>
  </si>
  <si>
    <t>C:\Vila\Empresas Anterior\Arquivos Telecom\Planejamento CCA\Estrutura Funcional\Planejamento CCA 2009.ppt\s4\</t>
  </si>
  <si>
    <t>E:\BK_final\Vilarinho\Vilarinho - Trabalho\Algar Telecom\Planejamento CCA\Estrutura Funcional\Planejamento CCA 2009.ppt</t>
  </si>
  <si>
    <t>11/19/2019 14:30:36</t>
  </si>
  <si>
    <t>11/19/2019 14:30:38</t>
  </si>
  <si>
    <t>11/19/2019 14:30:44</t>
  </si>
  <si>
    <t>11/19/2019 14:30:48</t>
  </si>
  <si>
    <t>11/19/2019 14:30:51</t>
  </si>
  <si>
    <t>11/19/2019 14:30:52</t>
  </si>
  <si>
    <t>11/19/2019 14:30:56</t>
  </si>
  <si>
    <t>11/19/2019 14:30:59</t>
  </si>
  <si>
    <t>11/19/2019 14:31:02</t>
  </si>
  <si>
    <t>11/19/2019 14:31:05</t>
  </si>
  <si>
    <t>11/19/2019 14:31:07</t>
  </si>
  <si>
    <t>11/19/2019 14:31:09</t>
  </si>
  <si>
    <t>11/19/2019 14:31:10</t>
  </si>
  <si>
    <t>11/19/2019 14:31:12</t>
  </si>
  <si>
    <t>C:\Vila\Empresas Anterior\Arquivos Telecom\Planejamento CCA\Estrutura Funcional\</t>
  </si>
  <si>
    <t>E:\BK_final\Vilarinho\Vilarinho - Trabalho\Algar Telecom\Planejamento CCA\Estrutura Funcional\Rotinas e Responsaveis Atividades CCA.xls</t>
  </si>
  <si>
    <t>11/19/2019 14:31:40</t>
  </si>
  <si>
    <t>C:\Vila\Empresas Anterior\Arquivos Telecom\Planejamento CCA\Planejamento CCA 2009\Estrutura CCA - Março 2008.ppt\s4\</t>
  </si>
  <si>
    <t>E:\BK_final\Vilarinho\Vilarinho - Trabalho\Algar Telecom\Planejamento CCA\Planejamento CCA 2009\Estrutura CCA - Março 2008.ppt</t>
  </si>
  <si>
    <t>11/19/2019 14:31:42</t>
  </si>
  <si>
    <t>C:\Vila\Empresas Anterior\Arquivos Telecom\Planejamento CCA\Planejamento CCA 2009\Analise Salarial CCA 2009\</t>
  </si>
  <si>
    <t>Analise Salarial e Matriz Associados 2009.xls</t>
  </si>
  <si>
    <t>E:\BK_final\Vilarinho\Vilarinho - Trabalho\Algar Telecom\Planejamento CCA\Planejamento CCA 2009\Analise Salarial CCA 2009\Analise Salarial e Matriz Associados 2009.xls</t>
  </si>
  <si>
    <t>Departamental CCA - Julho 08.xls</t>
  </si>
  <si>
    <t>E:\BK_final\Vilarinho\Vilarinho - Trabalho\Algar Telecom\Planejamento CCA\Planejamento CCA 2009\Analise Salarial CCA 2009\Departamental CCA - Julho 08.xls</t>
  </si>
  <si>
    <t>DepartamentalCCAJan-09.xls</t>
  </si>
  <si>
    <t>E:\BK_final\Vilarinho\Vilarinho - Trabalho\Algar Telecom\Planejamento CCA\Planejamento CCA 2009\Analise Salarial CCA 2009\DepartamentalCCAJan-09.xls</t>
  </si>
  <si>
    <t>11/19/2019 14:31:44</t>
  </si>
  <si>
    <t>C:\Vila\Empresas Anterior\Arquivos Telecom\Planejamento CCA\Planejamento CCA 2010\Planejamento CCA 2010 - completo.ppt\s4\</t>
  </si>
  <si>
    <t>E:\BK_final\Vilarinho\Vilarinho - Trabalho\Algar Telecom\Planejamento CCA\Planejamento CCA 2010\Planejamento CCA 2010 - completo.ppt</t>
  </si>
  <si>
    <t>11/19/2019 14:31:45</t>
  </si>
  <si>
    <t>C:\Vila\Empresas Anterior\Arquivos Telecom\Planejamento CCA\Planejamento CCA 2010\Planejamento CCA 2010 - Final.ppt\s4\</t>
  </si>
  <si>
    <t>E:\BK_final\Vilarinho\Vilarinho - Trabalho\Algar Telecom\Planejamento CCA\Planejamento CCA 2010\Planejamento CCA 2010 - Final.ppt</t>
  </si>
  <si>
    <t>C:\Vila\Empresas Anterior\Arquivos Telecom\Planejamento CCA\Planejamento CCA 2010\</t>
  </si>
  <si>
    <t>E:\BK_final\Vilarinho\Vilarinho - Trabalho\Algar Telecom\Planejamento CCA\Planejamento CCA 2010\planejamento cca 2010.xls</t>
  </si>
  <si>
    <t>11/19/2019 14:31:47</t>
  </si>
  <si>
    <t>C:\Vila\Empresas Anterior\Arquivos Telecom\Planejamento CCA\Planejamento CCA 2011\Acomp_ atividades\</t>
  </si>
  <si>
    <t>Andson.xlsx</t>
  </si>
  <si>
    <t>E:\BK_final\Vilarinho\Vilarinho - Trabalho\Algar Telecom\Planejamento CCA\Planejamento CCA 2011\Acomp_ atividades\Andson.xlsx</t>
  </si>
  <si>
    <t>Atividades - Consolidação-Comitê Audit-CVM-IFRS.xls</t>
  </si>
  <si>
    <t>E:\BK_final\Vilarinho\Vilarinho - Trabalho\Algar Telecom\Planejamento CCA\Planejamento CCA 2011\Acomp_ atividades\Atividades - Consolidação-Comitê Audit-CVM-IFRS.xls</t>
  </si>
  <si>
    <t>Controle atividades nucleo contábil.xls</t>
  </si>
  <si>
    <t>E:\BK_final\Vilarinho\Vilarinho - Trabalho\Algar Telecom\Planejamento CCA\Planejamento CCA 2011\Acomp_ atividades\Controle atividades nucleo contábil.xls</t>
  </si>
  <si>
    <t>11/19/2019 14:31:48</t>
  </si>
  <si>
    <t>Controle de Atividades Nucleo Contábil.xlsx</t>
  </si>
  <si>
    <t>E:\BK_final\Vilarinho\Vilarinho - Trabalho\Algar Telecom\Planejamento CCA\Planejamento CCA 2011\Acomp_ atividades\Controle de Atividades Nucleo Contábil.xlsx</t>
  </si>
  <si>
    <t>Cronograma nucleo contabil v2.xlsx</t>
  </si>
  <si>
    <t>E:\BK_final\Vilarinho\Vilarinho - Trabalho\Algar Telecom\Planejamento CCA\Planejamento CCA 2011\Acomp_ atividades\Cronograma nucleo contabil v2.xlsx</t>
  </si>
  <si>
    <t>11/19/2019 14:31:49</t>
  </si>
  <si>
    <t>Cronograma nucleo contabil.xlsx</t>
  </si>
  <si>
    <t>E:\BK_final\Vilarinho\Vilarinho - Trabalho\Algar Telecom\Planejamento CCA\Planejamento CCA 2011\Acomp_ atividades\Cronograma nucleo contabil.xlsx</t>
  </si>
  <si>
    <t>11/19/2019 14:31:51</t>
  </si>
  <si>
    <t>Gustavo.xlsx</t>
  </si>
  <si>
    <t>E:\BK_final\Vilarinho\Vilarinho - Trabalho\Algar Telecom\Planejamento CCA\Planejamento CCA 2011\Acomp_ atividades\Gustavo.xlsx</t>
  </si>
  <si>
    <t>Juliana.xlsx</t>
  </si>
  <si>
    <t>E:\BK_final\Vilarinho\Vilarinho - Trabalho\Algar Telecom\Planejamento CCA\Planejamento CCA 2011\Acomp_ atividades\Juliana.xlsx</t>
  </si>
  <si>
    <t>11/19/2019 14:31:52</t>
  </si>
  <si>
    <t>Lindinalva-a partir de abril-2010.xlsx</t>
  </si>
  <si>
    <t>E:\BK_final\Vilarinho\Vilarinho - Trabalho\Algar Telecom\Planejamento CCA\Planejamento CCA 2011\Acomp_ atividades\Lindinalva-a partir de abril-2010.xlsx</t>
  </si>
  <si>
    <t>Lindinalva.xlsx</t>
  </si>
  <si>
    <t>E:\BK_final\Vilarinho\Vilarinho - Trabalho\Algar Telecom\Planejamento CCA\Planejamento CCA 2011\Acomp_ atividades\Lindinalva.xlsx</t>
  </si>
  <si>
    <t>MACRO ATIVIDADES - Holding CVM Auditoria.xlsx</t>
  </si>
  <si>
    <t>E:\BK_final\Vilarinho\Vilarinho - Trabalho\Algar Telecom\Planejamento CCA\Planejamento CCA 2011\Acomp_ atividades\MACRO ATIVIDADES - Holding CVM Auditoria.xlsx</t>
  </si>
  <si>
    <t>11/19/2019 14:31:53</t>
  </si>
  <si>
    <t>C:\Vila\Empresas Anterior\Arquivos Telecom\Planejamento CCA\Planejamento CCA 2011\Acomp_ atividades\Apresentação Final\Apresentação CCA - Versão Final (OHI).ppt\s4\</t>
  </si>
  <si>
    <t>E:\BK_final\Vilarinho\Vilarinho - Trabalho\Algar Telecom\Planejamento CCA\Planejamento CCA 2011\Acomp_ atividades\Apresentação Final\Apresentação CCA - Versão Final (OHI).ppt</t>
  </si>
  <si>
    <t>11/19/2019 14:31:54</t>
  </si>
  <si>
    <t>C:\Vila\Empresas Anterior\Arquivos Telecom\Planejamento CCA\Planejamento CCA 2011\Acomp_ atividades\Apresentação Final\Apresentação CCA - Versão Final.ppt\s4\</t>
  </si>
  <si>
    <t>E:\BK_final\Vilarinho\Vilarinho - Trabalho\Algar Telecom\Planejamento CCA\Planejamento CCA 2011\Acomp_ atividades\Apresentação Final\Apresentação CCA - Versão Final.ppt</t>
  </si>
  <si>
    <t>11/19/2019 14:32:00</t>
  </si>
  <si>
    <t>C:\Vila\Empresas Anterior\Arquivos Telecom\Planejamento CCA\Planejamento CCA 2011\Acomp_ atividades\Apresentação Final\Apresentação CCA contabilidade.ppt\s4\</t>
  </si>
  <si>
    <t>E:\BK_final\Vilarinho\Vilarinho - Trabalho\Algar Telecom\Planejamento CCA\Planejamento CCA 2011\Acomp_ atividades\Apresentação Final\Apresentação CCA contabilidade.ppt</t>
  </si>
  <si>
    <t>11/19/2019 14:32:03</t>
  </si>
  <si>
    <t>C:\Vila\Empresas Anterior\Arquivos Telecom\Planejamento CCA\Planejamento CCA 2011\Acomp_ atividades\Apresentação Final\Drafts\Final - Draft Apresentação CCA.pptx\</t>
  </si>
  <si>
    <t>E:\BK_final\Vilarinho\Vilarinho - Trabalho\Algar Telecom\Planejamento CCA\Planejamento CCA 2011\Acomp_ atividades\Apresentação Final\Drafts\Final - Draft Apresentação CCA.pptx</t>
  </si>
  <si>
    <t>C:\Vila\Empresas Anterior\Arquivos Telecom\Planejamento CCA\Planejamento CCA 2011\Arquivos Suporte\</t>
  </si>
  <si>
    <t>Departamental-fev2011.xls</t>
  </si>
  <si>
    <t>E:\BK_final\Vilarinho\Vilarinho - Trabalho\Algar Telecom\Planejamento CCA\Planejamento CCA 2011\Arquivos Suporte\Departamental-fev2011.xls</t>
  </si>
  <si>
    <t>11/19/2019 14:32:04</t>
  </si>
  <si>
    <t>C:\Vila\Empresas Anterior\Arquivos Telecom\Planejamento CCA\Planejamento CCA 2011\Arquivos Suporte\Planejamento CCA 2010 - completo.ppt\s4\</t>
  </si>
  <si>
    <t>E:\BK_final\Vilarinho\Vilarinho - Trabalho\Algar Telecom\Planejamento CCA\Planejamento CCA 2011\Arquivos Suporte\Planejamento CCA 2010 - completo.ppt</t>
  </si>
  <si>
    <t>11/19/2019 14:32:05</t>
  </si>
  <si>
    <t>C:\Vila\Empresas Anterior\Arquivos Telecom\Planejamento CCA\Planejamento CCA 2011\Arquivos Suporte\Planejamento CCA 2010 - Final.ppt\s4\</t>
  </si>
  <si>
    <t>E:\BK_final\Vilarinho\Vilarinho - Trabalho\Algar Telecom\Planejamento CCA\Planejamento CCA 2011\Arquivos Suporte\Planejamento CCA 2010 - Final.ppt</t>
  </si>
  <si>
    <t>11/19/2019 14:32:06</t>
  </si>
  <si>
    <t>E:\BK_final\Vilarinho\Vilarinho - Trabalho\Algar Telecom\Planejamento CCA\Planejamento CCA 2011\Arquivos Suporte\planejamento cca 2010.xls</t>
  </si>
  <si>
    <t>C:\Vila\Empresas Anterior\Arquivos Telecom\Planejamento CCA\Planejamento CCA 2011\Ferias\</t>
  </si>
  <si>
    <t>Planilha de Previsão de Férias 1 Rev 2011.xlsx</t>
  </si>
  <si>
    <t>E:\BK_final\Vilarinho\Vilarinho - Trabalho\Algar Telecom\Planejamento CCA\Planejamento CCA 2011\Ferias\Planilha de Previsão de Férias 1 Rev 2011.xlsx</t>
  </si>
  <si>
    <t>C:\Vila\Empresas Anterior\Arquivos Telecom\Planejamento CCA\Planejamento CCA 2011\Merotocracia\</t>
  </si>
  <si>
    <t>Cópia de Exemplo - KIT.xls</t>
  </si>
  <si>
    <t>E:\BK_final\Vilarinho\Vilarinho - Trabalho\Algar Telecom\Planejamento CCA\Planejamento CCA 2011\Merotocracia\Cópia de Exemplo - KIT.xls</t>
  </si>
  <si>
    <t>11/19/2019 14:32:07</t>
  </si>
  <si>
    <t>KIT - CCA.xls</t>
  </si>
  <si>
    <t>E:\BK_final\Vilarinho\Vilarinho - Trabalho\Algar Telecom\Planejamento CCA\Planejamento CCA 2011\Merotocracia\KIT - CCA.xls</t>
  </si>
  <si>
    <t>Orçamento CCA 2011.xls</t>
  </si>
  <si>
    <t>E:\BK_final\Vilarinho\Vilarinho - Trabalho\Algar Telecom\Planejamento CCA\Planejamento CCA 2011\Merotocracia\Orçamento CCA 2011.xls</t>
  </si>
  <si>
    <t>11/19/2019 14:32:08</t>
  </si>
  <si>
    <t>C:\Vila\Empresas Anterior\Arquivos Telecom\Planejamento CCA\Planejamento CCA 2011\OHI\OHI\DEF\CAF\</t>
  </si>
  <si>
    <t>E:\BK_final\Vilarinho\Vilarinho - Trabalho\Algar Telecom\Planejamento CCA\Planejamento CCA 2011\OHI\OHI\DEF\CAF\Doc 2 - CAF.xls</t>
  </si>
  <si>
    <t>E:\BK_final\Vilarinho\Vilarinho - Trabalho\Algar Telecom\Planejamento CCA\Planejamento CCA 2011\OHI\OHI\DEF\CAF\DOC 2 CAF.xls</t>
  </si>
  <si>
    <t>11/19/2019 14:32:09</t>
  </si>
  <si>
    <t>C:\Vila\Empresas Anterior\Arquivos Telecom\Planejamento CCA\Planejamento CCA 2011\OHI\OHI\DEF\CCA\</t>
  </si>
  <si>
    <t>E:\BK_final\Vilarinho\Vilarinho - Trabalho\Algar Telecom\Planejamento CCA\Planejamento CCA 2011\OHI\OHI\DEF\CCA\Doc 2 - CCA.xls</t>
  </si>
  <si>
    <t>11/19/2019 14:32:11</t>
  </si>
  <si>
    <t>C:\Vila\Empresas Anterior\Arquivos Telecom\Planejamento CCA\Planejamento CCA 2011\OHI\OHI\DEF\CFI\</t>
  </si>
  <si>
    <t>E:\BK_final\Vilarinho\Vilarinho - Trabalho\Algar Telecom\Planejamento CCA\Planejamento CCA 2011\OHI\OHI\DEF\CFI\CFI.xlsx</t>
  </si>
  <si>
    <t>11/19/2019 14:32:13</t>
  </si>
  <si>
    <t>C:\Vila\Empresas Anterior\Arquivos Telecom\Planejamento CCA\Planejamento CCA 2011\OHI\OHI\DEF\CPF\</t>
  </si>
  <si>
    <t>E:\BK_final\Vilarinho\Vilarinho - Trabalho\Algar Telecom\Planejamento CCA\Planejamento CCA 2011\OHI\OHI\DEF\CPF\Doc 2 - CPF.xls</t>
  </si>
  <si>
    <t>11/19/2019 14:32:14</t>
  </si>
  <si>
    <t>C:\Vila\Empresas Anterior\Arquivos Telecom\Planejamento CCA\Planejamento CCA 2011\OHI\OHI\Enviado ao TH\</t>
  </si>
  <si>
    <t>E:\BK_final\Vilarinho\Vilarinho - Trabalho\Algar Telecom\Planejamento CCA\Planejamento CCA 2011\OHI\OHI\Enviado ao TH\Docto 2_Identificação valor agregado CCA.xls</t>
  </si>
  <si>
    <t>11/19/2019 14:32:15</t>
  </si>
  <si>
    <t>C:\Vila\Empresas Anterior\Arquivos Telecom\Planejamento CCA\Planejamento CCA 2011\OHI\Planejamento estrategico DEF\</t>
  </si>
  <si>
    <t>E:\BK_final\Vilarinho\Vilarinho - Trabalho\Algar Telecom\Planejamento CCA\Planejamento CCA 2011\OHI\Planejamento estrategico DEF\DEF Objetivos Estrategicos KPIs Milestones (enviado ao Eduardo).xlsx</t>
  </si>
  <si>
    <t>E:\BK_final\Vilarinho\Vilarinho - Trabalho\Algar Telecom\Planejamento CCA\Planejamento CCA 2011\OHI\Planejamento estrategico DEF\DEF Objetivos Estrategicos KPIs Milestones.xlsx</t>
  </si>
  <si>
    <t>11/19/2019 14:32:17</t>
  </si>
  <si>
    <t>C:\Vila\Empresas Anterior\Arquivos Telecom\Planejamento CCA\Planejamento CCA 2011\OHI\Planejamento estrategico DEF\Geral_V2.pptx\</t>
  </si>
  <si>
    <t>E:\BK_final\Vilarinho\Vilarinho - Trabalho\Algar Telecom\Planejamento CCA\Planejamento CCA 2011\OHI\Planejamento estrategico DEF\Geral_V2.pptx</t>
  </si>
  <si>
    <t>C:\Vila\Empresas Anterior\Arquivos Telecom\Planejamento CCA\Planejamento CCA 2011\Planejamento DEF\</t>
  </si>
  <si>
    <t>Planejamento estratégico DEF-1.xlsx</t>
  </si>
  <si>
    <t>E:\BK_final\Vilarinho\Vilarinho - Trabalho\Algar Telecom\Planejamento CCA\Planejamento CCA 2011\Planejamento DEF\Planejamento estratégico DEF-1.xlsx</t>
  </si>
  <si>
    <t>11/19/2019 14:32:18</t>
  </si>
  <si>
    <t>C:\Vila\Empresas Anterior\Arquivos Telecom\Planejamento CCA\Planejamento CCA 2011\Plano CCA 2011\</t>
  </si>
  <si>
    <t>planejamento cca 2011.xls</t>
  </si>
  <si>
    <t>E:\BK_final\Vilarinho\Vilarinho - Trabalho\Algar Telecom\Planejamento CCA\Planejamento CCA 2011\Plano CCA 2011\planejamento cca 2011.xls</t>
  </si>
  <si>
    <t>C:\Vila\Empresas Anterior\Arquivos Telecom\Planejamento CCA\Plano 2012\</t>
  </si>
  <si>
    <t>Analise CARGOS e IP´s - CCA.xls</t>
  </si>
  <si>
    <t>E:\BK_final\Vilarinho\Vilarinho - Trabalho\Algar Telecom\Planejamento CCA\Plano 2012\Analise CARGOS e IP´s - CCA.xls</t>
  </si>
  <si>
    <t>11/19/2019 14:32:19</t>
  </si>
  <si>
    <t>Atividades CCA Ativos por Associado_FINAl.xlsx</t>
  </si>
  <si>
    <t>E:\BK_final\Vilarinho\Vilarinho - Trabalho\Algar Telecom\Planejamento CCA\Plano 2012\Atividades CCA Ativos por Associado_FINAl.xlsx</t>
  </si>
  <si>
    <t>11/19/2019 14:32:20</t>
  </si>
  <si>
    <t>ATIVIDADES FISCAIS - BASE ESDRAS.xlsx</t>
  </si>
  <si>
    <t>E:\BK_final\Vilarinho\Vilarinho - Trabalho\Algar Telecom\Planejamento CCA\Plano 2012\ATIVIDADES FISCAIS - BASE ESDRAS.xlsx</t>
  </si>
  <si>
    <t>11/19/2019 14:32:21</t>
  </si>
  <si>
    <t>Atividades Nucleos CCA - Out-12.xlsx</t>
  </si>
  <si>
    <t>E:\BK_final\Vilarinho\Vilarinho - Trabalho\Algar Telecom\Planejamento CCA\Plano 2012\Atividades Nucleos CCA - Out-12.xlsx</t>
  </si>
  <si>
    <t>CONSOLIDADO DEF_COORD.xlsx</t>
  </si>
  <si>
    <t>E:\BK_final\Vilarinho\Vilarinho - Trabalho\Algar Telecom\Planejamento CCA\Plano 2012\CONSOLIDADO DEF_COORD.xlsx</t>
  </si>
  <si>
    <t>11/19/2019 14:32:22</t>
  </si>
  <si>
    <t>Controle de Atividades - Nucleo Contábil Final.xlsx</t>
  </si>
  <si>
    <t>E:\BK_final\Vilarinho\Vilarinho - Trabalho\Algar Telecom\Planejamento CCA\Plano 2012\Controle de Atividades - Nucleo Contábil Final.xlsx</t>
  </si>
  <si>
    <t>11/19/2019 14:32:23</t>
  </si>
  <si>
    <t>Cópia de DepartamentalOut-12.csv</t>
  </si>
  <si>
    <t>E:\BK_final\Vilarinho\Vilarinho - Trabalho\Algar Telecom\Planejamento CCA\Plano 2012\Cópia de DepartamentalOut-12.csv</t>
  </si>
  <si>
    <t>departamentaljul-12.csv</t>
  </si>
  <si>
    <t>E:\BK_final\Vilarinho\Vilarinho - Trabalho\Algar Telecom\Planejamento CCA\Plano 2012\departamentaljul-12.csv</t>
  </si>
  <si>
    <t>11/19/2019 14:32:24</t>
  </si>
  <si>
    <t>DepartamentalOut-12.csv</t>
  </si>
  <si>
    <t>E:\BK_final\Vilarinho\Vilarinho - Trabalho\Algar Telecom\Planejamento CCA\Plano 2012\DepartamentalOut-12.csv</t>
  </si>
  <si>
    <t>11/19/2019 14:32:26</t>
  </si>
  <si>
    <t>Orcamento Pessoal 2013.xlsx</t>
  </si>
  <si>
    <t>E:\BK_final\Vilarinho\Vilarinho - Trabalho\Algar Telecom\Planejamento CCA\Plano 2012\Orcamento Pessoal 2013.xlsx</t>
  </si>
  <si>
    <t>Planilha CCA 3REV - 2013.xlsx</t>
  </si>
  <si>
    <t>E:\BK_final\Vilarinho\Vilarinho - Trabalho\Algar Telecom\Planejamento CCA\Plano 2012\Planilha CCA 3REV - 2013.xlsx</t>
  </si>
  <si>
    <t>11/19/2019 14:32:27</t>
  </si>
  <si>
    <t>Rotinas - Ativos - v1.xlsx</t>
  </si>
  <si>
    <t>E:\BK_final\Vilarinho\Vilarinho - Trabalho\Algar Telecom\Planejamento CCA\Plano 2012\Rotinas - Ativos - v1.xlsx</t>
  </si>
  <si>
    <t>Rotinas - Ativos - v2.xlsx</t>
  </si>
  <si>
    <t>E:\BK_final\Vilarinho\Vilarinho - Trabalho\Algar Telecom\Planejamento CCA\Plano 2012\Rotinas - Ativos - v2.xlsx</t>
  </si>
  <si>
    <t>11/19/2019 14:32:28</t>
  </si>
  <si>
    <t>Rotinas - Ativos - v3.xlsx</t>
  </si>
  <si>
    <t>E:\BK_final\Vilarinho\Vilarinho - Trabalho\Algar Telecom\Planejamento CCA\Plano 2012\Rotinas - Ativos - v3.xlsx</t>
  </si>
  <si>
    <t>Rotinas - Ativos - v4.xlsx</t>
  </si>
  <si>
    <t>E:\BK_final\Vilarinho\Vilarinho - Trabalho\Algar Telecom\Planejamento CCA\Plano 2012\Rotinas - Ativos - v4.xlsx</t>
  </si>
  <si>
    <t>Rotinas - Contabil - v1.xlsx</t>
  </si>
  <si>
    <t>E:\BK_final\Vilarinho\Vilarinho - Trabalho\Algar Telecom\Planejamento CCA\Plano 2012\Rotinas - Contabil - v1.xlsx</t>
  </si>
  <si>
    <t>11/19/2019 14:32:29</t>
  </si>
  <si>
    <t>Rotinas - Fiscal - v1.xlsx</t>
  </si>
  <si>
    <t>E:\BK_final\Vilarinho\Vilarinho - Trabalho\Algar Telecom\Planejamento CCA\Plano 2012\Rotinas - Fiscal - v1.xlsx</t>
  </si>
  <si>
    <t>Rotinas - Fiscal - v2.xlsx</t>
  </si>
  <si>
    <t>E:\BK_final\Vilarinho\Vilarinho - Trabalho\Algar Telecom\Planejamento CCA\Plano 2012\Rotinas - Fiscal - v2.xlsx</t>
  </si>
  <si>
    <t>11/19/2019 14:32:30</t>
  </si>
  <si>
    <t>Template Finanças-CCA.xlsx</t>
  </si>
  <si>
    <t>E:\BK_final\Vilarinho\Vilarinho - Trabalho\Algar Telecom\Planejamento CCA\Plano 2012\Template Finanças-CCA.xlsx</t>
  </si>
  <si>
    <t>11/19/2019 14:32:31</t>
  </si>
  <si>
    <t>C:\Vila\Empresas Anterior\Arquivos Telecom\Planejamento CCA\Plano 2012\OHI\OHI\DEF\CAF\</t>
  </si>
  <si>
    <t>E:\BK_final\Vilarinho\Vilarinho - Trabalho\Algar Telecom\Planejamento CCA\Plano 2012\OHI\OHI\DEF\CAF\Doc 2 - CAF.xls</t>
  </si>
  <si>
    <t>E:\BK_final\Vilarinho\Vilarinho - Trabalho\Algar Telecom\Planejamento CCA\Plano 2012\OHI\OHI\DEF\CAF\DOC 2 CAF.xls</t>
  </si>
  <si>
    <t>11/19/2019 14:32:32</t>
  </si>
  <si>
    <t>C:\Vila\Empresas Anterior\Arquivos Telecom\Planejamento CCA\Plano 2012\OHI\OHI\DEF\CCA\</t>
  </si>
  <si>
    <t>E:\BK_final\Vilarinho\Vilarinho - Trabalho\Algar Telecom\Planejamento CCA\Plano 2012\OHI\OHI\DEF\CCA\Doc 2 - CCA.xls</t>
  </si>
  <si>
    <t>C:\Vila\Empresas Anterior\Arquivos Telecom\Planejamento CCA\Plano 2012\OHI\OHI\DEF\CFI\</t>
  </si>
  <si>
    <t>E:\BK_final\Vilarinho\Vilarinho - Trabalho\Algar Telecom\Planejamento CCA\Plano 2012\OHI\OHI\DEF\CFI\CFI.xlsx</t>
  </si>
  <si>
    <t>11/19/2019 14:32:33</t>
  </si>
  <si>
    <t>C:\Vila\Empresas Anterior\Arquivos Telecom\Planejamento CCA\Plano 2012\OHI\OHI\DEF\CPF\</t>
  </si>
  <si>
    <t>E:\BK_final\Vilarinho\Vilarinho - Trabalho\Algar Telecom\Planejamento CCA\Plano 2012\OHI\OHI\DEF\CPF\Doc 2 - CPF.xls</t>
  </si>
  <si>
    <t>C:\Vila\Empresas Anterior\Arquivos Telecom\Planejamento CCA\Plano 2012\OHI\OHI\Enviado ao TH\</t>
  </si>
  <si>
    <t>E:\BK_final\Vilarinho\Vilarinho - Trabalho\Algar Telecom\Planejamento CCA\Plano 2012\OHI\OHI\Enviado ao TH\Docto 2_Identificação valor agregado CCA.xls</t>
  </si>
  <si>
    <t>C:\Vila\Empresas Anterior\Arquivos Telecom\Planejamento CCA\Propostas Salarais - Abr-12\</t>
  </si>
  <si>
    <t>Planilha base para meritocracia - Abril 12 - CCA.xlsx</t>
  </si>
  <si>
    <t>E:\BK_final\Vilarinho\Vilarinho - Trabalho\Algar Telecom\Planejamento CCA\Propostas Salarais - Abr-12\Planilha base para meritocracia - Abril 12 - CCA.xlsx</t>
  </si>
  <si>
    <t>11/19/2019 14:32:35</t>
  </si>
  <si>
    <t>C:\Vila\Empresas Anterior\Arquivos Telecom\Plano DEF 2013\</t>
  </si>
  <si>
    <t>Departamental CCA 05.2013.csv</t>
  </si>
  <si>
    <t>E:\BK_final\Vilarinho\Vilarinho - Trabalho\Algar Telecom\Plano DEF 2013\Departamental CCA 05.2013.csv</t>
  </si>
  <si>
    <t>Departamental Diretoria Adjunta 05.2013.csv</t>
  </si>
  <si>
    <t>E:\BK_final\Vilarinho\Vilarinho - Trabalho\Algar Telecom\Plano DEF 2013\Departamental Diretoria Adjunta 05.2013.csv</t>
  </si>
  <si>
    <t>11/19/2019 14:32:39</t>
  </si>
  <si>
    <t>C:\Vila\Empresas Anterior\Arquivos Telecom\Plano DEF 2013\Capex 2013 DEF e Empresa\</t>
  </si>
  <si>
    <t>Resumo Decisões - Reuniao DEF - 10mai13.xlsx</t>
  </si>
  <si>
    <t>E:\BK_final\Vilarinho\Vilarinho - Trabalho\Algar Telecom\Plano DEF 2013\Capex 2013 DEF e Empresa\Resumo Decisões - Reuniao DEF - 10mai13.xlsx</t>
  </si>
  <si>
    <t>C:\Vila\Empresas Anterior\Arquivos Telecom\Plano DEF 2013\Organograma e Pessoas\</t>
  </si>
  <si>
    <t>Associados DEF.xlsx</t>
  </si>
  <si>
    <t>E:\BK_final\Vilarinho\Vilarinho - Trabalho\Algar Telecom\Plano DEF 2013\Organograma e Pessoas\Associados DEF.xlsx</t>
  </si>
  <si>
    <t>11/19/2019 14:32:41</t>
  </si>
  <si>
    <t>C:\Vila\Empresas Anterior\Arquivos Telecom\Plano DEF 2013\Plano Ação Desafio 5MM\</t>
  </si>
  <si>
    <t>Plano Reduçao DEF - 2013 - Acompanhamento-V.21.5.xlsx</t>
  </si>
  <si>
    <t>E:\BK_final\Vilarinho\Vilarinho - Trabalho\Algar Telecom\Plano DEF 2013\Plano Ação Desafio 5MM\Plano Reduçao DEF - 2013 - Acompanhamento-V.21.5.xlsx</t>
  </si>
  <si>
    <t>C:\Vila\Empresas Anterior\Arquivos Telecom\Plano DEF 2013\Torre CSC\</t>
  </si>
  <si>
    <t>Planilha de avaliação de atividades CSC_CCA.xlsx</t>
  </si>
  <si>
    <t>E:\BK_final\Vilarinho\Vilarinho - Trabalho\Algar Telecom\Plano DEF 2013\Torre CSC\Planilha de avaliação de atividades CSC_CCA.xlsx</t>
  </si>
  <si>
    <t>Planilha de avaliação de atividades CSC_CRC.xlsx</t>
  </si>
  <si>
    <t>E:\BK_final\Vilarinho\Vilarinho - Trabalho\Algar Telecom\Plano DEF 2013\Torre CSC\Planilha de avaliação de atividades CSC_CRC.xlsx</t>
  </si>
  <si>
    <t>11/19/2019 14:32:42</t>
  </si>
  <si>
    <t>C:\Vila\Empresas Anterior\Arquivos Telecom\Plano saida Toutatis\Plano Saída Toutatis - 2011-02-14 - Revisão 1.ppt\s4\</t>
  </si>
  <si>
    <t>E:\BK_final\Vilarinho\Vilarinho - Trabalho\Algar Telecom\Plano saida Toutatis\Plano Saída Toutatis - 2011-02-14 - Revisão 1.ppt</t>
  </si>
  <si>
    <t>11/19/2019 14:32:46</t>
  </si>
  <si>
    <t>C:\Vila\Empresas Anterior\Arquivos Telecom\Preclosing 2011\</t>
  </si>
  <si>
    <t>E:\BK_final\Vilarinho\Vilarinho - Trabalho\Algar Telecom\Preclosing 2011\Contingencia Grupamento Acoes.xlsx</t>
  </si>
  <si>
    <t>E:\BK_final\Vilarinho\Vilarinho - Trabalho\Algar Telecom\Preclosing 2011\Contingencia Revisao Billing-Preclosing.xlsx</t>
  </si>
  <si>
    <t>11/19/2019 14:32:47</t>
  </si>
  <si>
    <t>E:\BK_final\Vilarinho\Vilarinho - Trabalho\Algar Telecom\Preclosing 2011\Impacto Resultado 2011.xlsx</t>
  </si>
  <si>
    <t>Preclsosing 2011-Algar.xlsx</t>
  </si>
  <si>
    <t>E:\BK_final\Vilarinho\Vilarinho - Trabalho\Algar Telecom\Preclosing 2011\Preclsosing 2011-Algar.xlsx</t>
  </si>
  <si>
    <t>E:\BK_final\Vilarinho\Vilarinho - Trabalho\Algar Telecom\Preclosing 2011\Preclsosing 2011.xlsx</t>
  </si>
  <si>
    <t>Provisão Contingência Revisão Billing-Final para Orçamento.xlsx</t>
  </si>
  <si>
    <t>E:\BK_final\Vilarinho\Vilarinho - Trabalho\Algar Telecom\Preclosing 2011\Provisão Contingência Revisão Billing-Final para Orçamento.xlsx</t>
  </si>
  <si>
    <t>REFIS IV Multimidia-Final para Orçamento.xlsx</t>
  </si>
  <si>
    <t>E:\BK_final\Vilarinho\Vilarinho - Trabalho\Algar Telecom\Preclosing 2011\REFIS IV Multimidia-Final para Orçamento.xlsx</t>
  </si>
  <si>
    <t>Valores Anuais Grupamento Ações-Final para Orçamento.xls</t>
  </si>
  <si>
    <t>E:\BK_final\Vilarinho\Vilarinho - Trabalho\Algar Telecom\Preclosing 2011\Valores Anuais Grupamento Ações-Final para Orçamento.xls</t>
  </si>
  <si>
    <t>11/19/2019 14:32:51</t>
  </si>
  <si>
    <t>C:\Vila\Empresas Anterior\Arquivos Telecom\PreClosing 2014 - Simula\</t>
  </si>
  <si>
    <t>DRE PRECLOSING 2014 - Simulador 04dez14 Planejado_Simula Vila.xlsx</t>
  </si>
  <si>
    <t>E:\BK_final\Vilarinho\Vilarinho - Trabalho\Algar Telecom\PreClosing 2014 - Simula\DRE PRECLOSING 2014 - Simulador 04dez14 Planejado_Simula Vila.xlsx</t>
  </si>
  <si>
    <t>PreclosingTelecom2014_VFinal.xlsx</t>
  </si>
  <si>
    <t>E:\BK_final\Vilarinho\Vilarinho - Trabalho\Algar Telecom\PreClosing 2014 - Simula\PreclosingTelecom2014_VFinal.xlsx</t>
  </si>
  <si>
    <t>11/19/2019 14:33:20</t>
  </si>
  <si>
    <t>C:\Vila\Empresas Anterior\Arquivos Telecom\Previa 1Reuger 2012\Algar Telecom_2ª Reuger Abril 2012.pptx\</t>
  </si>
  <si>
    <t>E:\BK_final\Vilarinho\Vilarinho - Trabalho\Algar Telecom\Previa 1Reuger 2012\Algar Telecom_2ª Reuger Abril 2012.pptx</t>
  </si>
  <si>
    <t>11/19/2019 14:33:21</t>
  </si>
  <si>
    <t>C:\Vila\Empresas Anterior\Arquivos Telecom\Prodex 2011\</t>
  </si>
  <si>
    <t>Ação_pósvenda_Prodex_2011.xlsx</t>
  </si>
  <si>
    <t>E:\BK_final\Vilarinho\Vilarinho - Trabalho\Algar Telecom\Prodex 2011\Ação_pósvenda_Prodex_2011.xlsx</t>
  </si>
  <si>
    <t>11/19/2019 14:33:24</t>
  </si>
  <si>
    <t>Lojas Credenciadas e PAP.xlsx</t>
  </si>
  <si>
    <t>E:\BK_final\Vilarinho\Vilarinho - Trabalho\Algar Telecom\Prodex 2011\Lojas Credenciadas e PAP.xlsx</t>
  </si>
  <si>
    <t>Mailing de Clientes - Projeto Minas - Pós Vendas.xls</t>
  </si>
  <si>
    <t>E:\BK_final\Vilarinho\Vilarinho - Trabalho\Algar Telecom\Prodex 2011\Mailing de Clientes - Projeto Minas - Pós Vendas.xls</t>
  </si>
  <si>
    <t>11/19/2019 14:33:25</t>
  </si>
  <si>
    <t>Mailing de Clientes - Projeto Minas - Pós Vendas.xlsx</t>
  </si>
  <si>
    <t>E:\BK_final\Vilarinho\Vilarinho - Trabalho\Algar Telecom\Prodex 2011\Mailing de Clientes - Projeto Minas - Pós Vendas.xlsx</t>
  </si>
  <si>
    <t>Orcamento CCA Pessoal 2012.xlsx</t>
  </si>
  <si>
    <t>E:\BK_final\Vilarinho\Vilarinho - Trabalho\Algar Telecom\Prodex 2011\Orcamento CCA Pessoal 2012.xlsx</t>
  </si>
  <si>
    <t>Prospects Selecionados-Visitas.xlsx</t>
  </si>
  <si>
    <t>E:\BK_final\Vilarinho\Vilarinho - Trabalho\Algar Telecom\Prodex 2011\Prospects Selecionados-Visitas.xlsx</t>
  </si>
  <si>
    <t>11/19/2019 14:33:26</t>
  </si>
  <si>
    <t>C:\Vila\Empresas Anterior\Arquivos Telecom\Prodex 2011\Pesquisa Rua\</t>
  </si>
  <si>
    <t>Compilacao pesquisas.xlsx</t>
  </si>
  <si>
    <t>E:\BK_final\Vilarinho\Vilarinho - Trabalho\Algar Telecom\Prodex 2011\Pesquisa Rua\Compilacao pesquisas.xlsx</t>
  </si>
  <si>
    <t>Entrevista Rua.xlsx</t>
  </si>
  <si>
    <t>E:\BK_final\Vilarinho\Vilarinho - Trabalho\Algar Telecom\Prodex 2011\Pesquisa Rua\Entrevista Rua.xlsx</t>
  </si>
  <si>
    <t>11/19/2019 14:33:48</t>
  </si>
  <si>
    <t>C:\Vila\Empresas Anterior\Arquivos Telecom\Programa Eficiencia DEF-Out-11\Apresentação CCA - Versão Final (Novo Layout).ppt\s4\</t>
  </si>
  <si>
    <t>E:\BK_final\Vilarinho\Vilarinho - Trabalho\Algar Telecom\Programa Eficiencia DEF-Out-11\Apresentação CCA - Versão Final (Novo Layout).ppt</t>
  </si>
  <si>
    <t>C:\Vila\Empresas Anterior\Arquivos Telecom\Programa Eficiencia DEF-Out-11\</t>
  </si>
  <si>
    <t>Controle de Atividades - Nucleo Contábil.xlsx</t>
  </si>
  <si>
    <t>E:\BK_final\Vilarinho\Vilarinho - Trabalho\Algar Telecom\Programa Eficiencia DEF-Out-11\Controle de Atividades - Nucleo Contábil.xlsx</t>
  </si>
  <si>
    <t>Estrutura DEF.xlsx</t>
  </si>
  <si>
    <t>E:\BK_final\Vilarinho\Vilarinho - Trabalho\Algar Telecom\Programa Eficiencia DEF-Out-11\Estrutura DEF.xlsx</t>
  </si>
  <si>
    <t>11/19/2019 14:33:49</t>
  </si>
  <si>
    <t>Plano de Açào.xlsx</t>
  </si>
  <si>
    <t>E:\BK_final\Vilarinho\Vilarinho - Trabalho\Algar Telecom\Programa Eficiencia DEF-Out-11\Plano de Açào.xlsx</t>
  </si>
  <si>
    <t>C:\Vila\Empresas Anterior\Arquivos Telecom\Programa Eficiencia DEF-Out-11\Plano de Trabalho Eficiência Operacional DEF-14.10.11\</t>
  </si>
  <si>
    <t>E:\BK_final\Vilarinho\Vilarinho - Trabalho\Algar Telecom\Programa Eficiencia DEF-Out-11\Plano de Trabalho Eficiência Operacional DEF-14.10.11</t>
  </si>
  <si>
    <t>C:\Vila\Empresas Anterior\Arquivos Telecom\Programa Eficiencia DEF-Out-11\Plano de Trabalho Eficiência Operacional DEF.docx\</t>
  </si>
  <si>
    <t>E:\BK_final\Vilarinho\Vilarinho - Trabalho\Algar Telecom\Programa Eficiencia DEF-Out-11\Plano de Trabalho Eficiência Operacional DEF.docx</t>
  </si>
  <si>
    <t>11/19/2019 14:33:52</t>
  </si>
  <si>
    <t>C:\Vila\Empresas Anterior\Arquivos Telecom\Programa Eficiencia DEF-Out-11\Ativos\</t>
  </si>
  <si>
    <t>E:\BK_final\Vilarinho\Vilarinho - Trabalho\Algar Telecom\Programa Eficiencia DEF-Out-11\Ativos\Atividades CCA Ativos por Associado_FINAl.xlsx</t>
  </si>
  <si>
    <t>11/19/2019 14:33:53</t>
  </si>
  <si>
    <t>C:\Vila\Empresas Anterior\Arquivos Telecom\Programa Eficiencia DEF-Out-11\Fiscal\</t>
  </si>
  <si>
    <t>17_10_2011_Controle de Atividades - Nucleo Fiscal.xlsx</t>
  </si>
  <si>
    <t>E:\BK_final\Vilarinho\Vilarinho - Trabalho\Algar Telecom\Programa Eficiencia DEF-Out-11\Fiscal\17_10_2011_Controle de Atividades - Nucleo Fiscal.xlsx</t>
  </si>
  <si>
    <t>11/19/2019 14:33:56</t>
  </si>
  <si>
    <t>C:\Vila\Empresas Anterior\Arquivos Telecom\Projeto Advisia - Mkensey\Consultoria\Algar Midia\</t>
  </si>
  <si>
    <t>Balancete Algar Midia 2011.xlsx</t>
  </si>
  <si>
    <t>E:\BK_final\Vilarinho\Vilarinho - Trabalho\Algar Telecom\Projeto Advisia - Mkensey\Consultoria\Algar Midia\Balancete Algar Midia 2011.xlsx</t>
  </si>
  <si>
    <t>11/19/2019 14:33:58</t>
  </si>
  <si>
    <t>Balancete Algar Midia 2012.xlsx</t>
  </si>
  <si>
    <t>E:\BK_final\Vilarinho\Vilarinho - Trabalho\Algar Telecom\Projeto Advisia - Mkensey\Consultoria\Algar Midia\Balancete Algar Midia 2012.xlsx</t>
  </si>
  <si>
    <t>11/19/2019 14:33:59</t>
  </si>
  <si>
    <t>DRE.xls</t>
  </si>
  <si>
    <t>E:\BK_final\Vilarinho\Vilarinho - Trabalho\Algar Telecom\Projeto Advisia - Mkensey\Consultoria\Algar Midia\DRE.xls</t>
  </si>
  <si>
    <t>11/19/2019 14:34:00</t>
  </si>
  <si>
    <t>Plano de Contas_CRs.xlsx</t>
  </si>
  <si>
    <t>E:\BK_final\Vilarinho\Vilarinho - Trabalho\Algar Telecom\Projeto Advisia - Mkensey\Consultoria\Algar Midia\Plano de Contas_CRs.xlsx</t>
  </si>
  <si>
    <t>11/19/2019 14:34:05</t>
  </si>
  <si>
    <t>C:\Vila\Empresas Anterior\Arquivos Telecom\Projeto Advisia - Mkensey\Consultoria\Algar Tecnologia\</t>
  </si>
  <si>
    <t>DRE Algar Tecnologia.xlsx</t>
  </si>
  <si>
    <t>E:\BK_final\Vilarinho\Vilarinho - Trabalho\Algar Telecom\Projeto Advisia - Mkensey\Consultoria\Algar Tecnologia\DRE Algar Tecnologia.xlsx</t>
  </si>
  <si>
    <t>Receita Algar Tecnologia.xlsx</t>
  </si>
  <si>
    <t>E:\BK_final\Vilarinho\Vilarinho - Trabalho\Algar Telecom\Projeto Advisia - Mkensey\Consultoria\Algar Tecnologia\Receita Algar Tecnologia.xlsx</t>
  </si>
  <si>
    <t>11/19/2019 14:34:06</t>
  </si>
  <si>
    <t>C:\Vila\Empresas Anterior\Arquivos Telecom\Projeto Advisia - Mkensey\Consultoria\Algar Telecom\</t>
  </si>
  <si>
    <t>206-81_Revisão analitica Image 2T12.xlsx</t>
  </si>
  <si>
    <t>E:\BK_final\Vilarinho\Vilarinho - Trabalho\Algar Telecom\Projeto Advisia - Mkensey\Consultoria\Algar Telecom\206-81_Revisão analitica Image 2T12.xlsx</t>
  </si>
  <si>
    <t>11/19/2019 14:34:08</t>
  </si>
  <si>
    <t>456-81_Revisão Analitica Multimidia - 2T12.xlsx</t>
  </si>
  <si>
    <t>E:\BK_final\Vilarinho\Vilarinho - Trabalho\Algar Telecom\Projeto Advisia - Mkensey\Consultoria\Algar Telecom\456-81_Revisão Analitica Multimidia - 2T12.xlsx</t>
  </si>
  <si>
    <t>C:\Vila\Empresas Anterior\Arquivos Telecom\Projeto Advisia - Mkensey\Consultoria\Algar Telecom\456-81_Revisão Analitica Multimidia - 2T12.xlsx\</t>
  </si>
  <si>
    <t>11/19/2019 14:35:02</t>
  </si>
  <si>
    <t>C:\Vila\Empresas Anterior\Arquivos Telecom\Projeto Advisia - Mkensey\Consultoria\Algar Telecom\Informações CR.rar\InformaÃ§Ãµes CR\2011\</t>
  </si>
  <si>
    <t>1Â° InformaÃ§Ãµes - De-Para de Contas ContÃ¡beis e Estrutura OrganizaÃ§ional.xlsx</t>
  </si>
  <si>
    <t>E:\BK_final\Vilarinho\Vilarinho - Trabalho\Algar Telecom\Projeto Advisia - Mkensey\Consultoria\Algar Telecom\Informações CR.rar</t>
  </si>
  <si>
    <t>DCE - DIRET. COMERCIAL EMPRESAS.xlsm</t>
  </si>
  <si>
    <t>DCL - DIRET. ADJUNTA COMPRAS.xlsm</t>
  </si>
  <si>
    <t>DCO - DIRET. CORPORATIVA.xlsm</t>
  </si>
  <si>
    <t>DCV - DIRET. COMERCIAL VAREJO.xlsm</t>
  </si>
  <si>
    <t>DEF - DIRET. FINANCEIRA E REL. INVESTIDORES.xlsm</t>
  </si>
  <si>
    <t>DGE - DIRET. GOVERNANÃ‡A E ESTRATÃ‰GIA.xlsm</t>
  </si>
  <si>
    <t>DMK - DIRET. MARKETING.xlsm</t>
  </si>
  <si>
    <t>DNO - DIRET. ADJUNTA OPERADORAS.xlsm</t>
  </si>
  <si>
    <t>11/19/2019 14:35:03</t>
  </si>
  <si>
    <t>DOT - DIRET. OPERAÃ‡Ã•ES E TECNOLOGIA.xlsm</t>
  </si>
  <si>
    <t>DRI - DIRET. EXEC. RELAÃ‡Ã•ES COM INVESTIDORES.xlsm</t>
  </si>
  <si>
    <t>DTH - DIRET. TALENTOS HUMANOS.xlsm</t>
  </si>
  <si>
    <t>PRE - PRESIDÃŠNCIA EXECUTIVA.xlsm</t>
  </si>
  <si>
    <t>C:\Vila\Empresas Anterior\Arquivos Telecom\Projeto Advisia - Mkensey\Consultoria\Algar Telecom\Informações CR.rar\InformaÃ§Ãµes CR\</t>
  </si>
  <si>
    <t>Custos e despesas por CR_2012.xlsx</t>
  </si>
  <si>
    <t>11/19/2019 14:35:11</t>
  </si>
  <si>
    <t>Receita_bruta_por regional.xlsx</t>
  </si>
  <si>
    <t>E:\BK_final\Vilarinho\Vilarinho - Trabalho\Algar Telecom\Projeto Advisia - Mkensey\Consultoria\Algar Telecom\Receita_bruta_por regional.xlsx</t>
  </si>
  <si>
    <t>11/19/2019 14:35:15</t>
  </si>
  <si>
    <t>C:\Vila\Empresas Anterior\Arquivos Telecom\Projeto Advisia - Mkensey\Consultoria\Algar Telecom\Book's\2011\</t>
  </si>
  <si>
    <t>CTBC CELULAR 122011.xlsx</t>
  </si>
  <si>
    <t>E:\BK_final\Vilarinho\Vilarinho - Trabalho\Algar Telecom\Projeto Advisia - Mkensey\Consultoria\Algar Telecom\Book's\2011\CTBC CELULAR 122011.xlsx</t>
  </si>
  <si>
    <t>11/19/2019 14:35:18</t>
  </si>
  <si>
    <t>CTBC MULTIMIDIA 122011.xlsx</t>
  </si>
  <si>
    <t>E:\BK_final\Vilarinho\Vilarinho - Trabalho\Algar Telecom\Projeto Advisia - Mkensey\Consultoria\Algar Telecom\Book's\2011\CTBC MULTIMIDIA 122011.xlsx</t>
  </si>
  <si>
    <t>11/19/2019 14:35:24</t>
  </si>
  <si>
    <t>CTBC TELECOM 122011.xlsx</t>
  </si>
  <si>
    <t>E:\BK_final\Vilarinho\Vilarinho - Trabalho\Algar Telecom\Projeto Advisia - Mkensey\Consultoria\Algar Telecom\Book's\2011\CTBC TELECOM 122011.xlsx</t>
  </si>
  <si>
    <t>11/19/2019 14:35:27</t>
  </si>
  <si>
    <t>IMAGE 122011.xlsx</t>
  </si>
  <si>
    <t>E:\BK_final\Vilarinho\Vilarinho - Trabalho\Algar Telecom\Projeto Advisia - Mkensey\Consultoria\Algar Telecom\Book's\2011\IMAGE 122011.xlsx</t>
  </si>
  <si>
    <t>11/19/2019 14:35:32</t>
  </si>
  <si>
    <t>C:\Vila\Empresas Anterior\Arquivos Telecom\Projeto Advisia - Mkensey\Consultoria\Algar Telecom\Book's\2012\</t>
  </si>
  <si>
    <t>CTBC CELULAR 062012.xlsx</t>
  </si>
  <si>
    <t>E:\BK_final\Vilarinho\Vilarinho - Trabalho\Algar Telecom\Projeto Advisia - Mkensey\Consultoria\Algar Telecom\Book's\2012\CTBC CELULAR 062012.xlsx</t>
  </si>
  <si>
    <t>11/19/2019 14:35:35</t>
  </si>
  <si>
    <t>11/19/2019 14:42:33</t>
  </si>
  <si>
    <t>CTBC MULTIMIDIA 062012.xlsx</t>
  </si>
  <si>
    <t>E:\BK_final\Vilarinho\Vilarinho - Trabalho\Algar Telecom\Projeto Advisia - Mkensey\Consultoria\Algar Telecom\Book's\2012\CTBC MULTIMIDIA 062012.xlsx</t>
  </si>
  <si>
    <t>11/19/2019 14:35:39</t>
  </si>
  <si>
    <t>CTBC TELECOM 062012.xlsx</t>
  </si>
  <si>
    <t>E:\BK_final\Vilarinho\Vilarinho - Trabalho\Algar Telecom\Projeto Advisia - Mkensey\Consultoria\Algar Telecom\Book's\2012\CTBC TELECOM 062012.xlsx</t>
  </si>
  <si>
    <t>11/19/2019 14:35:41</t>
  </si>
  <si>
    <t>IMAGE 062012.xlsx</t>
  </si>
  <si>
    <t>E:\BK_final\Vilarinho\Vilarinho - Trabalho\Algar Telecom\Projeto Advisia - Mkensey\Consultoria\Algar Telecom\Book's\2012\IMAGE 062012.xlsx</t>
  </si>
  <si>
    <t>11/19/2019 14:35:42</t>
  </si>
  <si>
    <t>C:\Vila\Empresas Anterior\Arquivos Telecom\Projeto Advisia - Mkensey\Consultoria\Algar Telecom\Plano de Contas\</t>
  </si>
  <si>
    <t>PLANO DE CONTAS PADRAO - R12.xlsx</t>
  </si>
  <si>
    <t>E:\BK_final\Vilarinho\Vilarinho - Trabalho\Algar Telecom\Projeto Advisia - Mkensey\Consultoria\Algar Telecom\Plano de Contas\PLANO DE CONTAS PADRAO - R12.xlsx</t>
  </si>
  <si>
    <t>11/19/2019 14:41:05</t>
  </si>
  <si>
    <t>11/19/2019 14:45:34</t>
  </si>
  <si>
    <t>Cópia de GTO 5.91 - Copia.xls</t>
  </si>
  <si>
    <t>11/19/2019 14:43:15</t>
  </si>
  <si>
    <t>Unprotected_Cópia de GTO 5.91 - 2.xlsm</t>
  </si>
  <si>
    <t>11/19/2019 14:43:19</t>
  </si>
  <si>
    <t>11/19/2019 14:42:19</t>
  </si>
  <si>
    <t>11/19/2019 14:48:33</t>
  </si>
  <si>
    <t>C:\Vila\Empresas Anterior\Arquivos Telecom\Projeto Advisia - Mkensey\Consultoria\Engeset\ENTREGAS - Financeiro.zip\1-2- Hierarquia de contas cont beis - 2- centro de custo\</t>
  </si>
  <si>
    <t>Plano de contas.xlsx</t>
  </si>
  <si>
    <t>E:\BK_final\Vilarinho\Vilarinho - Trabalho\Algar Telecom\Projeto Advisia - Mkensey\Consultoria\Engeset\ENTREGAS - Financeiro.zip</t>
  </si>
  <si>
    <t>11/19/2019 14:42:04</t>
  </si>
  <si>
    <t>/o=exchangelabs/ou=exchange administrative group (fydibohf23spdlt)/cn=recipients/cn=00199f381bc24874abdb7fc23e694b38-daniel edua;/o=exchangelabs/ou=exchange administrative group (fydibohf23spdlt)/cn=recipients/cn=109f6d628834480fabc1188cbdef64fa-antonia apa;/o=exchangelabs/ou=exchange administrative group (fydibohf23spdlt)/cn=recipients/cn=93fbfc821dab48cf91184b5c6c1bf60c-ianny raiss;</t>
  </si>
  <si>
    <t>ENC: Curadoria Whatsapp Sicoob</t>
  </si>
  <si>
    <t>Sicoob.xlsx</t>
  </si>
  <si>
    <t>/o=exchangelabs/ou=exchange administrative group (fydibohf23spdlt)/cn=recipients/cn=00199f381bc24874abdb7fc23e694b38-daniel edua,/o=exchangelabs/ou=exchange administrative group (fydibohf23spdlt)/cn=recipients/cn=109f6d628834480fabc1188cbdef64fa-antonia apa,/o=exchangelabs/ou=exchange administrative group (fydibohf23spdlt)/cn=recipients/cn=93fbfc821dab48cf91184b5c6c1bf60c-ianny raiss</t>
  </si>
  <si>
    <t>11/19/2019 14:42:20</t>
  </si>
  <si>
    <t>C:\Vila\Empresas Anterior\Arquivos Telecom\Projeto Advisia - Mkensey\Consultoria\Engeset\ENTREGAS - Financeiro.zip\3- DRE\Outros\</t>
  </si>
  <si>
    <t>ORCADO_ADM ASSESSORIA ATIVOS E SUPRIMENTOS.xlsx</t>
  </si>
  <si>
    <t>11/19/2019 14:50:33</t>
  </si>
  <si>
    <t>ORCADO_ADM ASSESSORIA DE GESTAO DE PROCESSOS.xlsx</t>
  </si>
  <si>
    <t>11/19/2019 14:42:21</t>
  </si>
  <si>
    <t>11/19/2019 14:51:34</t>
  </si>
  <si>
    <t>ORCADO_ADM ASSESSORIA DE PROJETOS E SOLUCOES.xlsx</t>
  </si>
  <si>
    <t>ORCADO_ADM ASSESSORIA EVOLUCAO TECNOLOGICA E ESTRATEGIAS.xlsx</t>
  </si>
  <si>
    <t>11/19/2019 14:42:22</t>
  </si>
  <si>
    <t>ORCADO_ADM ATIVOS.xlsx</t>
  </si>
  <si>
    <t>ORCADO_ADM AUDITORIA.xlsx</t>
  </si>
  <si>
    <t>ORCADO_ADM CENTRO DE SERVICOS.xlsx</t>
  </si>
  <si>
    <t>ORCADO_ADM CONTROLADORIA E FINANCAS.xlsx</t>
  </si>
  <si>
    <t>ORCADO_ADM DESENVOLVIMENTO E TREINAMENTOS.xlsx</t>
  </si>
  <si>
    <t>ORCADO_ADM DIRETORIA DE PLANEJAMENTO E CONTROLE OPERACIONAL.xlsx</t>
  </si>
  <si>
    <t>ORCADO_ADM DIRETORIA SUPERINTENDENTE.xlsx</t>
  </si>
  <si>
    <t>ORCADO_ADM ESCRITORIO DE PROJETOS.xlsx</t>
  </si>
  <si>
    <t>ORCADO_ADM EVENTOS.xlsx</t>
  </si>
  <si>
    <t>ORCADO_ADM JURIDICO ANTIGOS.xlsx</t>
  </si>
  <si>
    <t>ORCADO_ADM JURIDICO.xlsx</t>
  </si>
  <si>
    <t>ORCADO_ADM MENORES APRENDIZES.xlsx</t>
  </si>
  <si>
    <t>ORCADO_ADM RESPONSABILIDADE SOCIAL.xlsx</t>
  </si>
  <si>
    <t>ORCADO_ADM SOLUCOES TI.xlsx</t>
  </si>
  <si>
    <t>ORCADO_ADM TALENTOS HUMANOS.xlsx</t>
  </si>
  <si>
    <t>ORCADO_ADM TAXA DIVISAO.xlsx</t>
  </si>
  <si>
    <t>ORCADO_ADM TAXA HOLDING.xlsx</t>
  </si>
  <si>
    <t>ORCADO_ATIVOS A VENDA.xlsx</t>
  </si>
  <si>
    <t>ORCADO_ATIVOS OCIOSOS.xlsx</t>
  </si>
  <si>
    <t>ORCADO_ATIVOS PROVISAO PERDA.xlsx</t>
  </si>
  <si>
    <t>ORCADO_CML COMUNICACAO E MARKETING.xlsx</t>
  </si>
  <si>
    <t>ORCADO_CML DESENVOLVIMENTO E TREINAMENTOS.xlsx</t>
  </si>
  <si>
    <t>ORCADO_CML NOVOS NEGOCIOS 2.xlsx</t>
  </si>
  <si>
    <t>ORCADO_CML NOVOS NEGOCIOS.xlsx</t>
  </si>
  <si>
    <t>ORCADO_CML PRE VENDAS.xlsx</t>
  </si>
  <si>
    <t>ORCADO_INDIRETOS AUXILIO EDUCACIONAL.xlsx</t>
  </si>
  <si>
    <t>ORCADO_INDIRETOS CONDOMINIO.xlsx</t>
  </si>
  <si>
    <t>ORCADO_INDIRETOS DESENVOLVIMENTO E TREINAMENTOS.xlsx</t>
  </si>
  <si>
    <t>ORCADO_INDIRETOS GAIN SHARE.xlsx</t>
  </si>
  <si>
    <t>ORCADO_INDIRETOS GASTOS COM TELEFONES.xlsx</t>
  </si>
  <si>
    <t>ORCADO_INDIRETOS PROCESSOS TRABALHISTAS.xlsx</t>
  </si>
  <si>
    <t>ORCADO_INDIRETOS TH AFASTADOS.xlsx</t>
  </si>
  <si>
    <t>ORCADO_PLANEJAMENTO E CONTROLE.xlsx</t>
  </si>
  <si>
    <t>ORCADO_PROGRAMA DE EDUCACAO CONTINUADA.xlsx</t>
  </si>
  <si>
    <t>Orçamento CSC.xls</t>
  </si>
  <si>
    <t>C:\Vila\Empresas Anterior\Arquivos Telecom\Projeto Advisia - Mkensey\Consultoria\Engeset\ENTREGAS - Financeiro.zip\3- DRE\</t>
  </si>
  <si>
    <t>Realizado CR.xlsx</t>
  </si>
  <si>
    <t>C:\Vila\Empresas Anterior\Arquivos Telecom\Projeto Advisia - Mkensey\Consultoria\Engeset\ENTREGAS - Financeiro.zip\3- DRE\Segmentos\</t>
  </si>
  <si>
    <t>ORCADO_ASSESSORIA DE ESTRUTURA E PERFORMANCE.xlsx</t>
  </si>
  <si>
    <t>ORCADO_BHE ADEQUACAO PREDIAL GVT.xlsx</t>
  </si>
  <si>
    <t>ORCADO_BHE ENGEREDES.xlsx</t>
  </si>
  <si>
    <t>ORCADO_BHE GEPON.xlsx</t>
  </si>
  <si>
    <t>ORCADO_BHE GLOBAL CROSSING.xlsx</t>
  </si>
  <si>
    <t>ORCADO_BHE INSTALACAO GVT.xlsx</t>
  </si>
  <si>
    <t>ORCADO_BHE INTELIG.xlsx</t>
  </si>
  <si>
    <t>ORCADO_BHE MANUTENCAO METALICA GVT.xlsx</t>
  </si>
  <si>
    <t>ORCADO_BHE MANUTENCAO OTICA VIVO.xlsx</t>
  </si>
  <si>
    <t>ORCADO_BHE OBRAS.xlsx</t>
  </si>
  <si>
    <t>ORCADO_BHE PAY TV GVT.xlsx</t>
  </si>
  <si>
    <t>ORCADO_BHE PETROBRAS REGAP.xlsx</t>
  </si>
  <si>
    <t>ORCADO_BHE PRODABEL.xlsx</t>
  </si>
  <si>
    <t>ORCADO_CAS CELULAS.xlsx</t>
  </si>
  <si>
    <t>ORCADO_CAS ENGEREDES.xlsx</t>
  </si>
  <si>
    <t>11/19/2019 14:42:23</t>
  </si>
  <si>
    <t>ORCADO_CAS GLOBAL CROSSING.xlsx</t>
  </si>
  <si>
    <t>ORCADO_CAS INTELIG.xlsx</t>
  </si>
  <si>
    <t>ORCADO_CAS OBRAS.xlsx</t>
  </si>
  <si>
    <t>ORCADO_CAS TELEFONICA ADSL.xlsx</t>
  </si>
  <si>
    <t>ORCADO_CCAS COORDENACAO TECNICA.xlsx</t>
  </si>
  <si>
    <t>ORCADO_CFCA COORDENACAO TECNICA.xlsx</t>
  </si>
  <si>
    <t>ORCADO_CGC ASSESSORIA COMERCIAL.xlsx</t>
  </si>
  <si>
    <t>ORCADO_CGC COMBUSTIVEIS.xlsx</t>
  </si>
  <si>
    <t>ORCADO_CGC COORDENACAO GERAL.xlsx</t>
  </si>
  <si>
    <t>ORCADO_CGC MANUTENCAO ELETRONICA.xlsx</t>
  </si>
  <si>
    <t>ORCADO_CGC REDE LAN.xlsx</t>
  </si>
  <si>
    <t>ORCADO_CGO ASSESSORIA COMERCIAL.xlsx</t>
  </si>
  <si>
    <t>ORCADO_CGO COORDENACAO GERAL.xlsx</t>
  </si>
  <si>
    <t>ORCADO_CO CELULAS.xlsx</t>
  </si>
  <si>
    <t>ORCADO_CO ENGEREDES.xlsx</t>
  </si>
  <si>
    <t>ORCADO_CO INTELIG.xlsx</t>
  </si>
  <si>
    <t>ORCADO_CO MANUTENCAO OTICA VIVO.xlsx</t>
  </si>
  <si>
    <t>ORCADO_CRBH COORDENACAO TECNICA.xlsx</t>
  </si>
  <si>
    <t>11/19/2019 14:52:34</t>
  </si>
  <si>
    <t>ORCADO_CRCO COORDENACAO TECNICA.xlsx</t>
  </si>
  <si>
    <t>ORCADO_CRIE COORDENACAO TECNICA.xlsx</t>
  </si>
  <si>
    <t>ORCADO_CRIE DIVERSOS.xlsx</t>
  </si>
  <si>
    <t>ORCADO_CRIE GERENCIAMENTO DE PROJETOS INTELIG 473-10.xlsx</t>
  </si>
  <si>
    <t>ORCADO_CRIE OPERACAO ASSISTIDA HUAWEI PROC 437-10.xlsx</t>
  </si>
  <si>
    <t>ORCADO_CRRJ COORDENACAO TECNICA.xlsx</t>
  </si>
  <si>
    <t>ORCADO_CRRO COORDENACAO TECNICA.xlsx</t>
  </si>
  <si>
    <t>ORCADO_CRSI COORDENACAO TECNICA.xlsx</t>
  </si>
  <si>
    <t>ORCADO_CRSP COORDENACAO TECNICA.xlsx</t>
  </si>
  <si>
    <t>ORCADO_CRTO COORDENACAO TECNICA.xlsx</t>
  </si>
  <si>
    <t>ORCADO_CSI CENTRAL DE FIBRAS.xlsx</t>
  </si>
  <si>
    <t>ORCADO_CSI CENTRO DE OPERACOES DTH.xlsx</t>
  </si>
  <si>
    <t>ORCADO_CSI CENTRO DE OPERACOES INTEGRADAS CONCESSÃO.xlsx</t>
  </si>
  <si>
    <t>ORCADO_CSI CENTRO DE OPERACOES INTEGRADAS EXPANSÃO.xlsx</t>
  </si>
  <si>
    <t>ORCADO_CSI CENTRO DE OPERACOES INTEGRADAS.xlsx</t>
  </si>
  <si>
    <t>ORCADO_CSI CONTROLE TECNICO E OPERACIONAL.xlsx</t>
  </si>
  <si>
    <t>ORCADO_CSI ROTA CERTA.xlsx</t>
  </si>
  <si>
    <t>ORCADO_CULA COORDENACAO TECNICA.xlsx</t>
  </si>
  <si>
    <t>ORCADO_CURA COORDENACAO TECNICA.xlsx</t>
  </si>
  <si>
    <t>ORCADO_FCA CELULAR.xlsx</t>
  </si>
  <si>
    <t>ORCADO_FCA DTH BATATAIS.xlsx</t>
  </si>
  <si>
    <t>ORCADO_FCA DTH FRANCA.xlsx</t>
  </si>
  <si>
    <t>ORCADO_FCA DTH SAO JOAQUIM DA BARRA.xlsx</t>
  </si>
  <si>
    <t>ORCADO_FCA INSTALACAO DE TERMINAIS.xlsx</t>
  </si>
  <si>
    <t>ORCADO_FCA MANUTENCAO METALICA OBRAS.xlsx</t>
  </si>
  <si>
    <t>ORCADO_FCA MANUTENCAO METALICA.xlsx</t>
  </si>
  <si>
    <t>ORCADO_FCA NET SUPER.xlsx</t>
  </si>
  <si>
    <t>ORCADO_FCA OBRAS.xlsx</t>
  </si>
  <si>
    <t>ORCADO_FCA ON SITE OBRAS.xlsx</t>
  </si>
  <si>
    <t>ORCADO_FCA ON SITE.xlsx</t>
  </si>
  <si>
    <t>ORCADO_FCA TELEFONICA ADSL.xlsx</t>
  </si>
  <si>
    <t>ORCADO_FCA VIRLA.xlsx</t>
  </si>
  <si>
    <t>ORCADO_IUA CELULAR.xlsx</t>
  </si>
  <si>
    <t>ORCADO_IUA COORDENACAO TECNICA.xlsx</t>
  </si>
  <si>
    <t>ORCADO_IUA DTH ITUIUTABA.xlsx</t>
  </si>
  <si>
    <t>ORCADO_IUA MANUTENCAO METALICA.xlsx</t>
  </si>
  <si>
    <t>ORCADO_IUA NET SUPER.xlsx</t>
  </si>
  <si>
    <t>ORCADO_IUA ON SITE.xlsx</t>
  </si>
  <si>
    <t>ORCADO_IUB CELULAR.xlsx</t>
  </si>
  <si>
    <t>ORCADO_IUB COORDENACAO TECNICA.xlsx</t>
  </si>
  <si>
    <t>ORCADO_IUB DTH ITUMBIARA.xlsx</t>
  </si>
  <si>
    <t>ORCADO_IUB MANUTENCAO METALICA.xlsx</t>
  </si>
  <si>
    <t>ORCADO_IUB NET SUPER.xlsx</t>
  </si>
  <si>
    <t>ORCADO_IUB OBRAS.xlsx</t>
  </si>
  <si>
    <t>ORCADO_IUB ON SITE OBRAS.xlsx</t>
  </si>
  <si>
    <t>ORCADO_IUB ON SITE.xlsx</t>
  </si>
  <si>
    <t>ORCADO_IUB VIRLA.xlsx</t>
  </si>
  <si>
    <t>ORCADO_PMS CELULAR.xlsx</t>
  </si>
  <si>
    <t>ORCADO_PMS COORDENACAO TECNICA.xlsx</t>
  </si>
  <si>
    <t>ORCADO_PMS DTH PATOS DE MINAS.xlsx</t>
  </si>
  <si>
    <t>ORCADO_PMS INSTALACAO DE TERMINAIS.xlsx</t>
  </si>
  <si>
    <t>ORCADO_PMS MANUTENCAO METALICA.xlsx</t>
  </si>
  <si>
    <t>ORCADO_PMS NET SUPER.xlsx</t>
  </si>
  <si>
    <t>ORCADO_PMS OBRAS.xlsx</t>
  </si>
  <si>
    <t>ORCADO_PMS ON SITE OBRAS.xlsx</t>
  </si>
  <si>
    <t>ORCADO_PMS ON SITE.xlsx</t>
  </si>
  <si>
    <t>ORCADO_PRS CELULAR.xlsx</t>
  </si>
  <si>
    <t>ORCADO_PRS COORDENACAO TECNICA.xlsx</t>
  </si>
  <si>
    <t>ORCADO_PRS DTH PARA DE MINAS.xlsx</t>
  </si>
  <si>
    <t>11/19/2019 14:42:24</t>
  </si>
  <si>
    <t>ORCADO_PRS MANUTENCAO METALICA.xlsx</t>
  </si>
  <si>
    <t>ORCADO_PRS NET SUPER.xlsx</t>
  </si>
  <si>
    <t>ORCADO_PRS OBRAS.xlsx</t>
  </si>
  <si>
    <t>ORCADO_PRS ON SITE.xlsx</t>
  </si>
  <si>
    <t>ORCADO_PRS VIRLA.xlsx</t>
  </si>
  <si>
    <t>ORCADO_RJO EMERGIA.xlsx</t>
  </si>
  <si>
    <t>ORCADO_RJO ENGEREDES.xlsx</t>
  </si>
  <si>
    <t>ORCADO_RJO GERENCIAMENTO DE PROJETOS INTELIG 473-10.xlsx</t>
  </si>
  <si>
    <t>ORCADO_RJO GLOBAL CROSSING.xlsx</t>
  </si>
  <si>
    <t>ORCADO_RJO GVT INTELIG.xlsx</t>
  </si>
  <si>
    <t>ORCADO_RJO INTELIG INFRA.xlsx</t>
  </si>
  <si>
    <t>ORCADO_RJO INTELIG.xlsx</t>
  </si>
  <si>
    <t>ORCADO_RJO MANUTENCAO ALGAR TECNOLOGIA.xlsx</t>
  </si>
  <si>
    <t>ORCADO_RJO MANUTENCAO OPTICA GVT INTELIG.xlsx</t>
  </si>
  <si>
    <t>ORCADO_RJO MANUTENCAO OTICA AES ATIMUS.xlsx</t>
  </si>
  <si>
    <t>ORCADO_RJO MANUTENCAO OTICA ALGAR TELECOM.xlsx</t>
  </si>
  <si>
    <t>ORCADO_RJO MANUTENCAO OTICA GVT.xlsx</t>
  </si>
  <si>
    <t>ORCADO_RJO MANUTENCAO OTICA VIVO.xlsx</t>
  </si>
  <si>
    <t>ORCADO_RJO OBRAS.xlsx</t>
  </si>
  <si>
    <t>ORCADO_RJO PETROBRAS REDUC.xlsx</t>
  </si>
  <si>
    <t>ORCADO_RO EMERGIA.xlsx</t>
  </si>
  <si>
    <t>ORCADO_RO GLOBAL CROSSING FLA.xlsx</t>
  </si>
  <si>
    <t>ORCADO_RO INTELIG RECIFE.xlsx</t>
  </si>
  <si>
    <t>ORCADO_RO INTELIG.xlsx</t>
  </si>
  <si>
    <t>ORCADO_RO MANUTENCAO OTICA VIVO BELEM.xlsx</t>
  </si>
  <si>
    <t>ORCADO_RO MANUTENCAO OTICA VIVO SALVADOR.xlsx</t>
  </si>
  <si>
    <t>ORCADO_RO PETROBRAS AL SE NOVA.xlsx</t>
  </si>
  <si>
    <t>ORCADO_RPO CELULAS.xlsx</t>
  </si>
  <si>
    <t>ORCADO_RPO COORDENACAO TECNICA.xlsx</t>
  </si>
  <si>
    <t>ORCADO_RPO ENGEREDES.xlsx</t>
  </si>
  <si>
    <t>ORCADO_RPO NET SITE.xlsx</t>
  </si>
  <si>
    <t>ORCADO_RPO OBRAS.xlsx</t>
  </si>
  <si>
    <t>ORCADO_SPO CEEE.xlsx</t>
  </si>
  <si>
    <t>ORCADO_SPO EMERGIA.xlsx</t>
  </si>
  <si>
    <t>ORCADO_SPO ENGEREDES.xlsx</t>
  </si>
  <si>
    <t>ORCADO_SPO FISCALIZACAO CART.xlsx</t>
  </si>
  <si>
    <t>ORCADO_SPO GERENCIAMENTO DE PROJETOS INTELIG 473-10.xlsx</t>
  </si>
  <si>
    <t>ORCADO_SPO GLOBAL CROSSING SANTA MARIA.xlsx</t>
  </si>
  <si>
    <t>ORCADO_SPO GLOBAL CROSSING.xlsx</t>
  </si>
  <si>
    <t>ORCADO_SPO INTELIG.xlsx</t>
  </si>
  <si>
    <t>ORCADO_SPO MANUTENCAO OTICA GVT SUL.xlsx</t>
  </si>
  <si>
    <t>ORCADO_SPO MANUTENCAO OTICA GVT.xlsx</t>
  </si>
  <si>
    <t>ORCADO_SPO MANUTENCAO OTICA VIVO.xlsx</t>
  </si>
  <si>
    <t>ORCADO_SPO MULTIMIDIA.xlsx</t>
  </si>
  <si>
    <t>ORCADO_SPO OBRAS CONSTRUCAO DE REDE CURITIBA.xlsx</t>
  </si>
  <si>
    <t>ORCADO_SPO OBRAS CONSTRUCAO DE REDE SAO PAULO.xlsx</t>
  </si>
  <si>
    <t>ORCADO_SPO OBRAS FIBRA OTICA.xlsx</t>
  </si>
  <si>
    <t>ORCADO_SPO OBRAS INFRA INTERNA.xlsx</t>
  </si>
  <si>
    <t>ORCADO_SPO TELEFONICA ADSL E DADOS.xlsx</t>
  </si>
  <si>
    <t>ORCADO_SPO TESTES DE ACESSO TIM INTELIG.xlsx</t>
  </si>
  <si>
    <t>ORCADO_ULA CELULAR.xlsx</t>
  </si>
  <si>
    <t>ORCADO_ULA DTH UBERLANDIA.xlsx</t>
  </si>
  <si>
    <t>ORCADO_ULA ENGEREDES OBRAS.xlsx</t>
  </si>
  <si>
    <t>ORCADO_ULA ENGEREDES.xlsx</t>
  </si>
  <si>
    <t>ORCADO_ULA INSTALACAO DE TERMINAIS.xlsx</t>
  </si>
  <si>
    <t>ORCADO_ULA MANUTENCAO METALICA.xlsx</t>
  </si>
  <si>
    <t>ORCADO_ULA NET SUPER.xlsx</t>
  </si>
  <si>
    <t>ORCADO_ULA NOC ALGAR TELECOM.xlsx</t>
  </si>
  <si>
    <t>ORCADO_ULA OBRAS CANALIZACAO.xlsx</t>
  </si>
  <si>
    <t>ORCADO_ULA OBRAS.xlsx</t>
  </si>
  <si>
    <t>ORCADO_ULA ON SITE OBRAS.xlsx</t>
  </si>
  <si>
    <t>ORCADO_ULA ON SITE.xlsx</t>
  </si>
  <si>
    <t>ORCADO_ULA SUPRIMENTOS.xlsx</t>
  </si>
  <si>
    <t>11/19/2019 14:50:57</t>
  </si>
  <si>
    <t>mail.google.com/_/upload?authuser=0&amp;dcp=asu-n&amp;upload_id=AEnB2UqMF-LGX8JwLHIRs19b7PjdwcGyqDgTdtP4sR2NUrEzQ1_fkjwyTUthyp9oCm8x90Wp1r5oiGNEHFiisd26nBHGkpQ7pw&amp;upload_protocol=resumable</t>
  </si>
  <si>
    <t>ORCADO_ULA TV A CABO OBRAS.xlsx</t>
  </si>
  <si>
    <t>ORCADO_ULA TV A CABO.xlsx</t>
  </si>
  <si>
    <t>ORCADO_ULA VIRLA.xlsx</t>
  </si>
  <si>
    <t>ORCADO_URA CELULAR.xlsx</t>
  </si>
  <si>
    <t>ORCADO_URA DTH FRUTAL.xlsx</t>
  </si>
  <si>
    <t>ORCADO_URA DTH ITURAMA.xlsx</t>
  </si>
  <si>
    <t>ORCADO_URA DTH UBERABA.xlsx</t>
  </si>
  <si>
    <t>ORCADO_URA INSTALACAO DE TERMINAIS.xlsx</t>
  </si>
  <si>
    <t>ORCADO_URA MANUTECAO METALICA OBRAS.xlsx</t>
  </si>
  <si>
    <t>ORCADO_URA MANUTENCAO METALICA.xlsx</t>
  </si>
  <si>
    <t>ORCADO_URA NET SUPER.xlsx</t>
  </si>
  <si>
    <t>ORCADO_URA OBRAS.xlsx</t>
  </si>
  <si>
    <t>ORCADO_URA ON SITE OBRAS.xlsx</t>
  </si>
  <si>
    <t>ORCADO_URA ON SITE.xlsx</t>
  </si>
  <si>
    <t>ORCADO_URA VIRLA.xlsx</t>
  </si>
  <si>
    <t>C:\Vila\Empresas Anterior\Arquivos Telecom\Projeto Advisia - Mkensey\Consultoria\Engeset\ENTREGAS - Financeiro.zip\4- Receita\</t>
  </si>
  <si>
    <t>Orçado 2012.xlsx</t>
  </si>
  <si>
    <t>Realizado 2011.xlsx</t>
  </si>
  <si>
    <t>Realizado 2012.xlsx</t>
  </si>
  <si>
    <t>11/19/2019 14:42:26</t>
  </si>
  <si>
    <t>C:\Vila\Empresas Anterior\Arquivos Telecom\Projeto Amperj\Micro-Vila\</t>
  </si>
  <si>
    <t>Custos Análise Operação por Portugual.xlsx</t>
  </si>
  <si>
    <t>E:\BK_final\Vilarinho\Vilarinho - Trabalho\Algar Telecom\Projeto Amperj\Micro-Vila\Custos Análise Operação por Portugual.xlsx</t>
  </si>
  <si>
    <t>11/19/2019 14:42:30</t>
  </si>
  <si>
    <t>C:\Vila\Empresas Anterior\Arquivos Telecom\Projeto Amperj\Micro-Vila\Analises\</t>
  </si>
  <si>
    <t>1.3.2 Imobilizado_v2.xlsx</t>
  </si>
  <si>
    <t>E:\BK_final\Vilarinho\Vilarinho - Trabalho\Algar Telecom\Projeto Amperj\Micro-Vila\Analises\1.3.2 Imobilizado_v2.xlsx</t>
  </si>
  <si>
    <t>Demonstração financeiras 31_12_2010 ajsutada3_06.xlsx</t>
  </si>
  <si>
    <t>E:\BK_final\Vilarinho\Vilarinho - Trabalho\Algar Telecom\Projeto Amperj\Micro-Vila\Analises\Demonstração financeiras 31_12_2010 ajsutada3_06.xlsx</t>
  </si>
  <si>
    <t>11/19/2019 14:42:31</t>
  </si>
  <si>
    <t>Projeto Amperj _ Documentos Pendentes-02.06.11.xlsx</t>
  </si>
  <si>
    <t>E:\BK_final\Vilarinho\Vilarinho - Trabalho\Algar Telecom\Projeto Amperj\Micro-Vila\Analises\Projeto Amperj _ Documentos Pendentes-02.06.11.xlsx</t>
  </si>
  <si>
    <t>Projeto Amperj _ Documentos Pendentes-06.06.11.xlsx</t>
  </si>
  <si>
    <t>E:\BK_final\Vilarinho\Vilarinho - Trabalho\Algar Telecom\Projeto Amperj\Micro-Vila\Analises\Projeto Amperj _ Documentos Pendentes-06.06.11.xlsx</t>
  </si>
  <si>
    <t>11/19/2019 14:42:32</t>
  </si>
  <si>
    <t>Projeto Amperj _ Documentos Pendentes-07.06.11.xlsx</t>
  </si>
  <si>
    <t>E:\BK_final\Vilarinho\Vilarinho - Trabalho\Algar Telecom\Projeto Amperj\Micro-Vila\Analises\Projeto Amperj _ Documentos Pendentes-07.06.11.xlsx</t>
  </si>
  <si>
    <t>C:\Vila\Empresas Anterior\Arquivos Telecom\Projeto Amperj\Micro-Vila\Apresentacoes Ponto Controle\</t>
  </si>
  <si>
    <t>Contingências - Aylo 08-09-10.xlsx</t>
  </si>
  <si>
    <t>E:\BK_final\Vilarinho\Vilarinho - Trabalho\Algar Telecom\Projeto Amperj\Micro-Vila\Apresentacoes Ponto Controle\Contingências - Aylo 08-09-10.xlsx</t>
  </si>
  <si>
    <t>Contingências.xlsx</t>
  </si>
  <si>
    <t>E:\BK_final\Vilarinho\Vilarinho - Trabalho\Algar Telecom\Projeto Amperj\Micro-Vila\Apresentacoes Ponto Controle\Contingências.xlsx</t>
  </si>
  <si>
    <t>C:\Vila\Empresas Anterior\Arquivos Telecom\Projeto Amperj\Micro-Vila\Apresentacoes Ponto Controle\Modelo de apresentação contingências.pptx\</t>
  </si>
  <si>
    <t>E:\BK_final\Vilarinho\Vilarinho - Trabalho\Algar Telecom\Projeto Amperj\Micro-Vila\Apresentacoes Ponto Controle\Modelo de apresentação contingências.pptx</t>
  </si>
  <si>
    <t>Resumo Contingências.xlsx</t>
  </si>
  <si>
    <t>E:\BK_final\Vilarinho\Vilarinho - Trabalho\Algar Telecom\Projeto Amperj\Micro-Vila\Apresentacoes Ponto Controle\Resumo Contingências.xlsx</t>
  </si>
  <si>
    <t>11/19/2019 14:42:39</t>
  </si>
  <si>
    <t>C:\Vila\Empresas Anterior\Arquivos Telecom\Projeto Amperj\Micro-Vila\Conclusoes Frente Financeira\Apresentação Completa Projeto Amperj 110607.pptx\</t>
  </si>
  <si>
    <t>E:\BK_final\Vilarinho\Vilarinho - Trabalho\Algar Telecom\Projeto Amperj\Micro-Vila\Conclusoes Frente Financeira\Apresentação Completa Projeto Amperj 110607.pptx</t>
  </si>
  <si>
    <t>11/19/2019 14:42:41</t>
  </si>
  <si>
    <t>C:\Vila\Empresas Anterior\Arquivos Telecom\Projeto Amperj\Micro-Vila\Conclusoes Frente Financeira\Apresentação Completa Projeto Amperj 110613_REDIR.pptx\</t>
  </si>
  <si>
    <t>E:\BK_final\Vilarinho\Vilarinho - Trabalho\Algar Telecom\Projeto Amperj\Micro-Vila\Conclusoes Frente Financeira\Apresentação Completa Projeto Amperj 110613_REDIR.pptx</t>
  </si>
  <si>
    <t>11/19/2019 14:42:43</t>
  </si>
  <si>
    <t>C:\Vila\Empresas Anterior\Arquivos Telecom\Projeto Amperj\Micro-Vila\Conclusoes Frente Financeira\Analise BO Set-12\</t>
  </si>
  <si>
    <t>Canerios CCL.xls</t>
  </si>
  <si>
    <t>E:\BK_final\Vilarinho\Vilarinho - Trabalho\Algar Telecom\Projeto Amperj\Micro-Vila\Conclusoes Frente Financeira\Analise BO Set-12\Canerios CCL.xls</t>
  </si>
  <si>
    <t>11/19/2019 14:42:44</t>
  </si>
  <si>
    <t>C:\Vila\Empresas Anterior\Arquivos Telecom\Projeto Amperj\Micro-Vila\Conclusoes Frente Financeira\Analise Imobilizado\</t>
  </si>
  <si>
    <t>1.3.2 Imobilizado.xls</t>
  </si>
  <si>
    <t>E:\BK_final\Vilarinho\Vilarinho - Trabalho\Algar Telecom\Projeto Amperj\Micro-Vila\Conclusoes Frente Financeira\Analise Imobilizado\1.3.2 Imobilizado.xls</t>
  </si>
  <si>
    <t>11/19/2019 14:42:51</t>
  </si>
  <si>
    <t>E:\BK_final\Vilarinho\Vilarinho - Trabalho\Algar Telecom\Projeto Amperj\Micro-Vila\Conclusoes Frente Financeira\Analise Imobilizado\1.3.2 Imobilizado_v2.xlsx</t>
  </si>
  <si>
    <t>C:\Vila\Empresas Anterior\Arquivos Telecom\Projeto Amperj\Micro-Vila\Conclusoes Frente Financeira\Analise IPNET\Avaliação IP4Net 2011.04.14.pptx\</t>
  </si>
  <si>
    <t>E:\BK_final\Vilarinho\Vilarinho - Trabalho\Algar Telecom\Projeto Amperj\Micro-Vila\Conclusoes Frente Financeira\Analise IPNET\Avaliação IP4Net 2011.04.14.pptx</t>
  </si>
  <si>
    <t>C:\Vila\Empresas Anterior\Arquivos Telecom\Projeto Amperj\Micro-Vila\Conclusoes Frente Financeira\Apresentacao Cenários Societarios\</t>
  </si>
  <si>
    <t>Desenho da operação com Portugal.xlsx</t>
  </si>
  <si>
    <t>E:\BK_final\Vilarinho\Vilarinho - Trabalho\Algar Telecom\Projeto Amperj\Micro-Vila\Conclusoes Frente Financeira\Apresentacao Cenários Societarios\Desenho da operação com Portugal.xlsx</t>
  </si>
  <si>
    <t>11/19/2019 14:42:52</t>
  </si>
  <si>
    <t>Planejamento 30-06-2011.xlsx</t>
  </si>
  <si>
    <t>E:\BK_final\Vilarinho\Vilarinho - Trabalho\Algar Telecom\Projeto Amperj\Micro-Vila\Conclusoes Frente Financeira\Apresentacao Cenários Societarios\Planejamento 30-06-2011.xlsx</t>
  </si>
  <si>
    <t>11/19/2019 14:42:54</t>
  </si>
  <si>
    <t>C:\Vila\Empresas Anterior\Arquivos Telecom\Projeto Amperj\Micro-Vila\Conclusoes Frente Financeira\Apresentações conclusoes Financeiras - DD\Projeto Amperj - Frente Financeira-v1.pptx\</t>
  </si>
  <si>
    <t>E:\BK_final\Vilarinho\Vilarinho - Trabalho\Algar Telecom\Projeto Amperj\Micro-Vila\Conclusoes Frente Financeira\Apresentações conclusoes Financeiras - DD\Projeto Amperj - Frente Financeira-v1.pptx</t>
  </si>
  <si>
    <t>11/19/2019 14:42:55</t>
  </si>
  <si>
    <t>C:\Vila\Empresas Anterior\Arquivos Telecom\Projeto Amperj\Micro-Vila\Conclusoes Frente Financeira\Apresentações conclusoes Financeiras - DD\Projeto Amperj - Frente Financeira-v2.pptx\</t>
  </si>
  <si>
    <t>E:\BK_final\Vilarinho\Vilarinho - Trabalho\Algar Telecom\Projeto Amperj\Micro-Vila\Conclusoes Frente Financeira\Apresentações conclusoes Financeiras - DD\Projeto Amperj - Frente Financeira-v2.pptx</t>
  </si>
  <si>
    <t>C:\Vila\Empresas Anterior\Arquivos Telecom\Projeto Amperj\Micro-Vila\Conclusoes Frente Financeira\Apresentações conclusoes Financeiras - DD\Projeto Amperj - Frente Financeira-v3.pptx\</t>
  </si>
  <si>
    <t>E:\BK_final\Vilarinho\Vilarinho - Trabalho\Algar Telecom\Projeto Amperj\Micro-Vila\Conclusoes Frente Financeira\Apresentações conclusoes Financeiras - DD\Projeto Amperj - Frente Financeira-v3.pptx</t>
  </si>
  <si>
    <t>C:\Vila\Empresas Anterior\Arquivos Telecom\Projeto Amperj\Micro-Vila\Conclusoes Frente Financeira\Contingências Contábeis\</t>
  </si>
  <si>
    <t>Abertura Detalhe das Contingencias contabil - Projeto Amperj.xlsx</t>
  </si>
  <si>
    <t>E:\BK_final\Vilarinho\Vilarinho - Trabalho\Algar Telecom\Projeto Amperj\Micro-Vila\Conclusoes Frente Financeira\Contingências Contábeis\Abertura Detalhe das Contingencias contabil - Projeto Amperj.xlsx</t>
  </si>
  <si>
    <t>11/19/2019 14:42:57</t>
  </si>
  <si>
    <t>Amperj_Circuitos ativos 2011 e faturamento - RECEITA.xlsx</t>
  </si>
  <si>
    <t>E:\BK_final\Vilarinho\Vilarinho - Trabalho\Algar Telecom\Projeto Amperj\Micro-Vila\Conclusoes Frente Financeira\Contingências Contábeis\Amperj_Circuitos ativos 2011 e faturamento - RECEITA.xlsx</t>
  </si>
  <si>
    <t>Analise Receita Circuitos N Faturados.xlsx</t>
  </si>
  <si>
    <t>E:\BK_final\Vilarinho\Vilarinho - Trabalho\Algar Telecom\Projeto Amperj\Micro-Vila\Conclusoes Frente Financeira\Contingências Contábeis\Analise Receita Circuitos N Faturados.xlsx</t>
  </si>
  <si>
    <t>Anexo Contingencias - Detalhe para MOU CJU.xlsx</t>
  </si>
  <si>
    <t>E:\BK_final\Vilarinho\Vilarinho - Trabalho\Algar Telecom\Projeto Amperj\Micro-Vila\Conclusoes Frente Financeira\Contingências Contábeis\Anexo Contingencias - Detalhe para MOU CJU.xlsx</t>
  </si>
  <si>
    <t>Anexo Contingencias - Detalhe para Negociação Final.xlsx</t>
  </si>
  <si>
    <t>E:\BK_final\Vilarinho\Vilarinho - Trabalho\Algar Telecom\Projeto Amperj\Micro-Vila\Conclusoes Frente Financeira\Contingências Contábeis\Anexo Contingencias - Detalhe para Negociação Final.xlsx</t>
  </si>
  <si>
    <t>11/19/2019 14:42:59</t>
  </si>
  <si>
    <t>Demonstração financeiras - Revisado Vilarinho.xls</t>
  </si>
  <si>
    <t>E:\BK_final\Vilarinho\Vilarinho - Trabalho\Algar Telecom\Projeto Amperj\Micro-Vila\Conclusoes Frente Financeira\Contingências Contábeis\Demonstração financeiras - Revisado Vilarinho.xls</t>
  </si>
  <si>
    <t>Demonstração financeiras 31_12_2010 ajsutada6_06.xlsx</t>
  </si>
  <si>
    <t>E:\BK_final\Vilarinho\Vilarinho - Trabalho\Algar Telecom\Projeto Amperj\Micro-Vila\Conclusoes Frente Financeira\Contingências Contábeis\Demonstração financeiras 31_12_2010 ajsutada6_06.xlsx</t>
  </si>
  <si>
    <t>11/19/2019 14:43:00</t>
  </si>
  <si>
    <t>Demonstração financeiras 31_12_2010 ajsutada8_06.xlsx</t>
  </si>
  <si>
    <t>E:\BK_final\Vilarinho\Vilarinho - Trabalho\Algar Telecom\Projeto Amperj\Micro-Vila\Conclusoes Frente Financeira\Contingências Contábeis\Demonstração financeiras 31_12_2010 ajsutada8_06.xlsx</t>
  </si>
  <si>
    <t>11/19/2019 14:43:01</t>
  </si>
  <si>
    <t>C:\Vila\Empresas Anterior\Arquivos Telecom\Projeto Amperj\Micro-Vila\Conclusoes Frente Financeira\Contingências Tributárias\</t>
  </si>
  <si>
    <t>Abertura Detalhe das Contingencias tributárias - Projeto Amperj.xlsx</t>
  </si>
  <si>
    <t>E:\BK_final\Vilarinho\Vilarinho - Trabalho\Algar Telecom\Projeto Amperj\Micro-Vila\Conclusoes Frente Financeira\Contingências Tributárias\Abertura Detalhe das Contingencias tributárias - Projeto Amperj.xlsx</t>
  </si>
  <si>
    <t>Ajustes Balancete - Tributário 07-06-2011.xlsx</t>
  </si>
  <si>
    <t>E:\BK_final\Vilarinho\Vilarinho - Trabalho\Algar Telecom\Projeto Amperj\Micro-Vila\Conclusoes Frente Financeira\Contingências Tributárias\Ajustes Balancete - Tributário 07-06-2011.xlsx</t>
  </si>
  <si>
    <t>Contingencias Amperj.xlsx</t>
  </si>
  <si>
    <t>E:\BK_final\Vilarinho\Vilarinho - Trabalho\Algar Telecom\Projeto Amperj\Micro-Vila\Conclusoes Frente Financeira\Contingências Tributárias\Contingencias Amperj.xlsx</t>
  </si>
  <si>
    <t>Trabalhista - IPNET.xlsx</t>
  </si>
  <si>
    <t>E:\BK_final\Vilarinho\Vilarinho - Trabalho\Algar Telecom\Projeto Amperj\Micro-Vila\Conclusoes Frente Financeira\Contingências Tributárias\Trabalhista - IPNET.xlsx</t>
  </si>
  <si>
    <t>Trabalhista - NQT.xlsx</t>
  </si>
  <si>
    <t>E:\BK_final\Vilarinho\Vilarinho - Trabalho\Algar Telecom\Projeto Amperj\Micro-Vila\Conclusoes Frente Financeira\Contingências Tributárias\Trabalhista - NQT.xlsx</t>
  </si>
  <si>
    <t>C:\Vila\Empresas Anterior\Arquivos Telecom\Projeto Amperj\Micro-Vila\Conclusoes Frente Financeira\Faturamento e Credito e Cobranca e TI\Avaliação de Infra_Sistemas_Faturamento-Amarildo.pptx\</t>
  </si>
  <si>
    <t>E:\BK_final\Vilarinho\Vilarinho - Trabalho\Algar Telecom\Projeto Amperj\Micro-Vila\Conclusoes Frente Financeira\Faturamento e Credito e Cobranca e TI\Avaliação de Infra_Sistemas_Faturamento-Amarildo.pptx</t>
  </si>
  <si>
    <t>11/19/2019 14:43:06</t>
  </si>
  <si>
    <t>C:\Vila\Empresas Anterior\Arquivos Telecom\Projeto Amperj\Micro-Vila\Conclusoes Frente Financeira\Propostas Portugual\</t>
  </si>
  <si>
    <t>E:\BK_final\Vilarinho\Vilarinho - Trabalho\Algar Telecom\Projeto Amperj\Micro-Vila\Conclusoes Frente Financeira\Propostas Portugual\Projeto Amperj - Propostas Portugual.xlsx</t>
  </si>
  <si>
    <t>11/19/2019 14:43:10</t>
  </si>
  <si>
    <t>C:\Vila\Empresas Anterior\Arquivos Telecom\Projeto Amperj\Micro-Vila\Documentos Gerais\</t>
  </si>
  <si>
    <t>3B45A4B8.tmp</t>
  </si>
  <si>
    <t>E:\BK_final\Vilarinho\Vilarinho - Trabalho\Algar Telecom\Projeto Amperj\Micro-Vila\Documentos Gerais\3B45A4B8.tmp</t>
  </si>
  <si>
    <t>7D837002.tmp</t>
  </si>
  <si>
    <t>E:\BK_final\Vilarinho\Vilarinho - Trabalho\Algar Telecom\Projeto Amperj\Micro-Vila\Documentos Gerais\7D837002.tmp</t>
  </si>
  <si>
    <t>11/19/2019 14:43:14</t>
  </si>
  <si>
    <t>Lista Data Room consolidada.xlsb</t>
  </si>
  <si>
    <t>E:\BK_final\Vilarinho\Vilarinho - Trabalho\Algar Telecom\Projeto Amperj\Micro-Vila\Documentos Gerais\Lista Data Room consolidada.xlsb</t>
  </si>
  <si>
    <t>Lista DD Contábil e Fiscal - NQT.xlsx</t>
  </si>
  <si>
    <t>E:\BK_final\Vilarinho\Vilarinho - Trabalho\Algar Telecom\Projeto Amperj\Micro-Vila\Documentos Gerais\Lista DD Contábil e Fiscal - NQT.xlsx</t>
  </si>
  <si>
    <t>Projeto Amperj _ Documentos Pendentes.xlsx</t>
  </si>
  <si>
    <t>E:\BK_final\Vilarinho\Vilarinho - Trabalho\Algar Telecom\Projeto Amperj\Micro-Vila\Documentos Gerais\Projeto Amperj _ Documentos Pendentes.xlsx</t>
  </si>
  <si>
    <t>11/19/2019 14:43:16</t>
  </si>
  <si>
    <t>C:\Vila\Empresas Anterior\Arquivos Telecom\Projeto Amperj\Micro-Vila\Lista Validada Documentos DD\</t>
  </si>
  <si>
    <t>Lista Data Room consolidada - Final.xlsb</t>
  </si>
  <si>
    <t>E:\BK_final\Vilarinho\Vilarinho - Trabalho\Algar Telecom\Projeto Amperj\Micro-Vila\Lista Validada Documentos DD\Lista Data Room consolidada - Final.xlsb</t>
  </si>
  <si>
    <t>Lista Data Room consolidada.xlsx</t>
  </si>
  <si>
    <t>E:\BK_final\Vilarinho\Vilarinho - Trabalho\Algar Telecom\Projeto Amperj\Micro-Vila\Lista Validada Documentos DD\Lista Data Room consolidada.xlsx</t>
  </si>
  <si>
    <t>Lista DD - Aspectos Tributários e Contabeis.xlsx</t>
  </si>
  <si>
    <t>E:\BK_final\Vilarinho\Vilarinho - Trabalho\Algar Telecom\Projeto Amperj\Micro-Vila\Lista Validada Documentos DD\Lista DD - Aspectos Tributários e Contabeis.xlsx</t>
  </si>
  <si>
    <t>Lista DD Empresas Brasil - Depurado Lista Janio analisado com frente legal.xlsx</t>
  </si>
  <si>
    <t>E:\BK_final\Vilarinho\Vilarinho - Trabalho\Algar Telecom\Projeto Amperj\Micro-Vila\Lista Validada Documentos DD\Lista DD Empresas Brasil - Depurado Lista Janio analisado com frente legal.xlsx</t>
  </si>
  <si>
    <t>11/19/2019 14:43:17</t>
  </si>
  <si>
    <t>C:\Vila\Empresas Anterior\Arquivos Telecom\Projeto Amperj\Rede-CCA\49 - Projeto Amperj-V1\</t>
  </si>
  <si>
    <t>E:\BK_final\Vilarinho\Vilarinho - Trabalho\Algar Telecom\Projeto Amperj\Rede-CCA\49 - Projeto Amperj-V1\Anexo Contingencias - Detalhe para Negociação Final.xlsx</t>
  </si>
  <si>
    <t>11/19/2019 14:43:18</t>
  </si>
  <si>
    <t>C:\Vila\Empresas Anterior\Arquivos Telecom\Projeto Amperj\Rede-CCA\49 - Projeto Amperj-V1\Apresentação Completa Projeto Amperj 110613_REDIR.pptx\</t>
  </si>
  <si>
    <t>E:\BK_final\Vilarinho\Vilarinho - Trabalho\Algar Telecom\Projeto Amperj\Rede-CCA\49 - Projeto Amperj-V1\Apresentação Completa Projeto Amperj 110613_REDIR.pptx</t>
  </si>
  <si>
    <t>11/19/2019 14:43:20</t>
  </si>
  <si>
    <t>BP Amperj_final.xlsm</t>
  </si>
  <si>
    <t>E:\BK_final\Vilarinho\Vilarinho - Trabalho\Algar Telecom\Projeto Amperj\Rede-CCA\49 - Projeto Amperj-V1\BP Amperj_final.xlsm</t>
  </si>
  <si>
    <t>11/19/2019 14:43:21</t>
  </si>
  <si>
    <t>E:\BK_final\Vilarinho\Vilarinho - Trabalho\Algar Telecom\Projeto Amperj\Rede-CCA\49 - Projeto Amperj-V1\Demonstração financeiras - Revisado Vilarinho.xls</t>
  </si>
  <si>
    <t>E:\BK_final\Vilarinho\Vilarinho - Trabalho\Algar Telecom\Projeto Amperj\Rede-CCA\49 - Projeto Amperj-V1\Desenho da operação com Portugal.xlsx</t>
  </si>
  <si>
    <t>11/19/2019 14:43:23</t>
  </si>
  <si>
    <t>Estudo de distribuição de dividendos projetados.xlsx</t>
  </si>
  <si>
    <t>E:\BK_final\Vilarinho\Vilarinho - Trabalho\Algar Telecom\Projeto Amperj\Rede-CCA\49 - Projeto Amperj-V1\Estudo de distribuição de dividendos projetados.xlsx</t>
  </si>
  <si>
    <t>Estudo de distribuição de dividendos projetados2.xlsx</t>
  </si>
  <si>
    <t>E:\BK_final\Vilarinho\Vilarinho - Trabalho\Algar Telecom\Projeto Amperj\Rede-CCA\49 - Projeto Amperj-V1\Estudo de distribuição de dividendos projetados2.xlsx</t>
  </si>
  <si>
    <t>E:\BK_final\Vilarinho\Vilarinho - Trabalho\Algar Telecom\Projeto Amperj\Rede-CCA\49 - Projeto Amperj-V1\Planejamento 30-06-2011.xlsx</t>
  </si>
  <si>
    <t>Planejamento 30-06-2011_v2.xlsx</t>
  </si>
  <si>
    <t>E:\BK_final\Vilarinho\Vilarinho - Trabalho\Algar Telecom\Projeto Amperj\Rede-CCA\49 - Projeto Amperj-V1\Planejamento 30-06-2011_v2.xlsx</t>
  </si>
  <si>
    <t>11/19/2019 14:43:24</t>
  </si>
  <si>
    <t>Planejamento 30-06-2011_v3 com portugal.xlsx</t>
  </si>
  <si>
    <t>E:\BK_final\Vilarinho\Vilarinho - Trabalho\Algar Telecom\Projeto Amperj\Rede-CCA\49 - Projeto Amperj-V1\Planejamento 30-06-2011_v3 com portugal.xlsx</t>
  </si>
  <si>
    <t>C:\Vila\Empresas Anterior\Arquivos Telecom\Projeto Amperj\Rede-CCA\49 - Projeto Amperj-V1\Projeto Amperj - Frente Financeira-v3.pptx\</t>
  </si>
  <si>
    <t>E:\BK_final\Vilarinho\Vilarinho - Trabalho\Algar Telecom\Projeto Amperj\Rede-CCA\49 - Projeto Amperj-V1\Projeto Amperj - Frente Financeira-v3.pptx</t>
  </si>
  <si>
    <t>11/19/2019 14:43:25</t>
  </si>
  <si>
    <t>C:\Vila\Empresas Anterior\Arquivos Telecom\Projeto Amperj\Rede-CCA\49 - Projeto Amperj-V2\</t>
  </si>
  <si>
    <t>E:\BK_final\Vilarinho\Vilarinho - Trabalho\Algar Telecom\Projeto Amperj\Rede-CCA\49 - Projeto Amperj-V2\Anexo Contingencias - Detalhe para Negociação Final.xlsx</t>
  </si>
  <si>
    <t>11/19/2019 14:43:27</t>
  </si>
  <si>
    <t>C:\Vila\Empresas Anterior\Arquivos Telecom\Projeto Amperj\Rede-CCA\49 - Projeto Amperj-V2\Apresentação Completa Projeto Amperj 110613_REDIR.pptx\</t>
  </si>
  <si>
    <t>E:\BK_final\Vilarinho\Vilarinho - Trabalho\Algar Telecom\Projeto Amperj\Rede-CCA\49 - Projeto Amperj-V2\Apresentação Completa Projeto Amperj 110613_REDIR.pptx</t>
  </si>
  <si>
    <t>11/19/2019 14:43:31</t>
  </si>
  <si>
    <t>E:\BK_final\Vilarinho\Vilarinho - Trabalho\Algar Telecom\Projeto Amperj\Rede-CCA\49 - Projeto Amperj-V2\BP Amperj_final.xlsm</t>
  </si>
  <si>
    <t>11/19/2019 14:43:33</t>
  </si>
  <si>
    <t>E:\BK_final\Vilarinho\Vilarinho - Trabalho\Algar Telecom\Projeto Amperj\Rede-CCA\49 - Projeto Amperj-V2\Demonstração financeiras - Revisado Vilarinho.xls</t>
  </si>
  <si>
    <t>E:\BK_final\Vilarinho\Vilarinho - Trabalho\Algar Telecom\Projeto Amperj\Rede-CCA\49 - Projeto Amperj-V2\Desenho da operação com Portugal.xlsx</t>
  </si>
  <si>
    <t>11/19/2019 14:43:35</t>
  </si>
  <si>
    <t>Estudo de distribuição de dividendos projetados-v1.xlsx</t>
  </si>
  <si>
    <t>E:\BK_final\Vilarinho\Vilarinho - Trabalho\Algar Telecom\Projeto Amperj\Rede-CCA\49 - Projeto Amperj-V2\Estudo de distribuição de dividendos projetados-v1.xlsx</t>
  </si>
  <si>
    <t>Estudo de distribuição de dividendos projetados-vFinal.xlsx</t>
  </si>
  <si>
    <t>E:\BK_final\Vilarinho\Vilarinho - Trabalho\Algar Telecom\Projeto Amperj\Rede-CCA\49 - Projeto Amperj-V2\Estudo de distribuição de dividendos projetados-vFinal.xlsx</t>
  </si>
  <si>
    <t>E:\BK_final\Vilarinho\Vilarinho - Trabalho\Algar Telecom\Projeto Amperj\Rede-CCA\49 - Projeto Amperj-V2\Estudo de distribuição de dividendos projetados2.xlsx</t>
  </si>
  <si>
    <t>E:\BK_final\Vilarinho\Vilarinho - Trabalho\Algar Telecom\Projeto Amperj\Rede-CCA\49 - Projeto Amperj-V2\Planejamento 30-06-2011.xlsx</t>
  </si>
  <si>
    <t>11/19/2019 14:43:36</t>
  </si>
  <si>
    <t>E:\BK_final\Vilarinho\Vilarinho - Trabalho\Algar Telecom\Projeto Amperj\Rede-CCA\49 - Projeto Amperj-V2\Planejamento 30-06-2011_v2.xlsx</t>
  </si>
  <si>
    <t>E:\BK_final\Vilarinho\Vilarinho - Trabalho\Algar Telecom\Projeto Amperj\Rede-CCA\49 - Projeto Amperj-V2\Planejamento 30-06-2011_v3 com portugal.xlsx</t>
  </si>
  <si>
    <t>C:\Vila\Empresas Anterior\Arquivos Telecom\Projeto Amperj\Rede-CCA\49 - Projeto Amperj-V2\Projeto Amperj - Frente Financeira-v3.pptx\</t>
  </si>
  <si>
    <t>E:\BK_final\Vilarinho\Vilarinho - Trabalho\Algar Telecom\Projeto Amperj\Rede-CCA\49 - Projeto Amperj-V2\Projeto Amperj - Frente Financeira-v3.pptx</t>
  </si>
  <si>
    <t>11/19/2019 14:43:39</t>
  </si>
  <si>
    <t>C:\Vila\Empresas Anterior\Arquivos Telecom\Projeto Desafio 2014\</t>
  </si>
  <si>
    <t>Estudo do canal Itinerante.xlsx</t>
  </si>
  <si>
    <t>E:\BK_final\Vilarinho\Vilarinho - Trabalho\Algar Telecom\Projeto Desafio 2014\Estudo do canal Itinerante.xlsx</t>
  </si>
  <si>
    <t>11/19/2019 14:43:40</t>
  </si>
  <si>
    <t>ModeloPowerPoint_apresentação.xlsx</t>
  </si>
  <si>
    <t>E:\BK_final\Vilarinho\Vilarinho - Trabalho\Algar Telecom\Projeto Desafio 2014\ModeloPowerPoint_apresentação.xlsx</t>
  </si>
  <si>
    <t>11/19/2019 14:43:43</t>
  </si>
  <si>
    <t>C:\Vila\Empresas Anterior\Arquivos Telecom\Projeto Desafio 2014\Apresentação 19.05.14 - Escopo e Forma Trabalho\Apresentação 19_05_14 09052014_v1.ppt\</t>
  </si>
  <si>
    <t>E:\BK_final\Vilarinho\Vilarinho - Trabalho\Algar Telecom\Projeto Desafio 2014\Apresentação 19.05.14 - Escopo e Forma Trabalho\Apresentação 19_05_14 09052014_v1.ppt</t>
  </si>
  <si>
    <t>11/19/2019 14:43:50</t>
  </si>
  <si>
    <t>C:\Vila\Empresas Anterior\Arquivos Telecom\Projeto Desafio 2014\Apresentação 19.05.14 - Escopo e Forma Trabalho\Apresentação V_Vila.ppt\s2\</t>
  </si>
  <si>
    <t>E:\BK_final\Vilarinho\Vilarinho - Trabalho\Algar Telecom\Projeto Desafio 2014\Apresentação 19.05.14 - Escopo e Forma Trabalho\Apresentação V_Vila.ppt</t>
  </si>
  <si>
    <t>PowerPoint.OleObj2.dat</t>
  </si>
  <si>
    <t>11/19/2019 14:43:53</t>
  </si>
  <si>
    <t>C:\Vila\Empresas Anterior\Arquivos Telecom\Projeto Desafio 2014\Apresentação 19.05.14 - Escopo e Forma Trabalho\</t>
  </si>
  <si>
    <t>macroCronograma.xlsx</t>
  </si>
  <si>
    <t>E:\BK_final\Vilarinho\Vilarinho - Trabalho\Algar Telecom\Projeto Desafio 2014\Apresentação 19.05.14 - Escopo e Forma Trabalho\macroCronograma.xlsx</t>
  </si>
  <si>
    <t>plano de trabalho 30 05 14.xlsx</t>
  </si>
  <si>
    <t>E:\BK_final\Vilarinho\Vilarinho - Trabalho\Algar Telecom\Projeto Desafio 2014\Apresentação 19.05.14 - Escopo e Forma Trabalho\plano de trabalho 30 05 14.xlsx</t>
  </si>
  <si>
    <t>11/19/2019 14:44:06</t>
  </si>
  <si>
    <t>C:\Vila\Empresas Anterior\Arquivos Telecom\Projeto Desafio 2014\Bench Portugal\</t>
  </si>
  <si>
    <t>E:\BK_final\Vilarinho\Vilarinho - Trabalho\Algar Telecom\Projeto Desafio 2014\Bench Portugal\Orçamento.xlsx</t>
  </si>
  <si>
    <t>11/19/2019 14:44:14</t>
  </si>
  <si>
    <t>C:\Vila\Empresas Anterior\Arquivos Telecom\Projeto Desafio 2014\Info's MPE\1. Plano de Marketing Empresarial- 2014 - v VP Algar 1.pptx\</t>
  </si>
  <si>
    <t>E:\BK_final\Vilarinho\Vilarinho - Trabalho\Algar Telecom\Projeto Desafio 2014\Info's MPE\1. Plano de Marketing Empresarial- 2014 - v VP Algar 1.pptx</t>
  </si>
  <si>
    <t>11/19/2019 14:44:15</t>
  </si>
  <si>
    <t>C:\Vila\Empresas Anterior\Arquivos Telecom\Projeto Desafio 2014\Info's MPE\</t>
  </si>
  <si>
    <t>2.Empresarial_Ofertas de Dados 2014 Empresarial.xlsx</t>
  </si>
  <si>
    <t>E:\BK_final\Vilarinho\Vilarinho - Trabalho\Algar Telecom\Projeto Desafio 2014\Info's MPE\2.Empresarial_Ofertas de Dados 2014 Empresarial.xlsx</t>
  </si>
  <si>
    <t>11/19/2019 14:44:21</t>
  </si>
  <si>
    <t>C:\Vila\Empresas Anterior\Arquivos Telecom\Projeto Desafio 2014\Info's MPE\2.Treinamento - Ofertas Expansão- Direcionamento Canais.pptx\</t>
  </si>
  <si>
    <t>E:\BK_final\Vilarinho\Vilarinho - Trabalho\Algar Telecom\Projeto Desafio 2014\Info's MPE\2.Treinamento - Ofertas Expansão- Direcionamento Canais.pptx</t>
  </si>
  <si>
    <t>11/19/2019 14:44:22</t>
  </si>
  <si>
    <t>11/19/2019 14:44:24</t>
  </si>
  <si>
    <t>C:\Vila\Empresas Anterior\Arquivos Telecom\Projeto Desafio 2014\Info's MPE\2.Treinamento Mercado Ofertas ok - Minas.pptx\</t>
  </si>
  <si>
    <t>E:\BK_final\Vilarinho\Vilarinho - Trabalho\Algar Telecom\Projeto Desafio 2014\Info's MPE\2.Treinamento Mercado Ofertas ok - Minas.pptx</t>
  </si>
  <si>
    <t>11/19/2019 14:44:25</t>
  </si>
  <si>
    <t>11/19/2019 14:44:29</t>
  </si>
  <si>
    <t>7. Orçado Oficial 2014 e LP.xlsx</t>
  </si>
  <si>
    <t>E:\BK_final\Vilarinho\Vilarinho - Trabalho\Algar Telecom\Projeto Desafio 2014\Info's MPE\7. Orçado Oficial 2014 e LP.xlsx</t>
  </si>
  <si>
    <t>11/19/2019 14:44:31</t>
  </si>
  <si>
    <t>C:\Vila\Empresas Anterior\Arquivos Telecom\Projeto Desafio 2014\Info's MPE\7.20130924 Comitê de Investimentos.pptx\</t>
  </si>
  <si>
    <t>E:\BK_final\Vilarinho\Vilarinho - Trabalho\Algar Telecom\Projeto Desafio 2014\Info's MPE\7.20130924 Comitê de Investimentos.pptx</t>
  </si>
  <si>
    <t>11/19/2019 14:44:41</t>
  </si>
  <si>
    <t>C:\Vila\Empresas Anterior\Arquivos Telecom\Projeto Desafio 2014\Info's MPE\8.Reunião CA - 29ago13 - v14_14ago.pptx\</t>
  </si>
  <si>
    <t>E:\BK_final\Vilarinho\Vilarinho - Trabalho\Algar Telecom\Projeto Desafio 2014\Info's MPE\8.Reunião CA - 29ago13 - v14_14ago.pptx</t>
  </si>
  <si>
    <t>11/19/2019 14:53:33</t>
  </si>
  <si>
    <t>11/19/2019 14:44:42</t>
  </si>
  <si>
    <t>11/19/2019 14:44:44</t>
  </si>
  <si>
    <t>11/19/2019 14:44:45</t>
  </si>
  <si>
    <t>11/19/2019 14:44:46</t>
  </si>
  <si>
    <t>11/19/2019 14:44:47</t>
  </si>
  <si>
    <t>11/19/2019 14:44:49</t>
  </si>
  <si>
    <t>11/19/2019 14:44:50</t>
  </si>
  <si>
    <t>oleObject62.dat</t>
  </si>
  <si>
    <t>11/19/2019 14:44:51</t>
  </si>
  <si>
    <t>oleObject63.dat</t>
  </si>
  <si>
    <t>11/19/2019 14:44:52</t>
  </si>
  <si>
    <t>11/19/2019 14:45:04</t>
  </si>
  <si>
    <t>C:\Vila\Empresas Anterior\Arquivos Telecom\Projeto Desafio 2014\Info's MPE\4. BH 14-01-14\</t>
  </si>
  <si>
    <t>Qtde empresas BH.xlsx</t>
  </si>
  <si>
    <t>E:\BK_final\Vilarinho\Vilarinho - Trabalho\Algar Telecom\Projeto Desafio 2014\Info's MPE\4. BH 14-01-14\Qtde empresas BH.xlsx</t>
  </si>
  <si>
    <t>11/19/2019 14:45:07</t>
  </si>
  <si>
    <t>C:\Vila\Empresas Anterior\Arquivos Telecom\Projeto Desafio 2014\Info's MPE\4. BH 14-01-14\Clusters BH\</t>
  </si>
  <si>
    <t>Prospects Barro Preto 1.xlsx</t>
  </si>
  <si>
    <t>E:\BK_final\Vilarinho\Vilarinho - Trabalho\Algar Telecom\Projeto Desafio 2014\Info's MPE\4. BH 14-01-14\Clusters BH\Prospects Barro Preto 1.xlsx</t>
  </si>
  <si>
    <t>11/19/2019 14:45:09</t>
  </si>
  <si>
    <t>Prospects Belvedere.xlsx</t>
  </si>
  <si>
    <t>E:\BK_final\Vilarinho\Vilarinho - Trabalho\Algar Telecom\Projeto Desafio 2014\Info's MPE\4. BH 14-01-14\Clusters BH\Prospects Belvedere.xlsx</t>
  </si>
  <si>
    <t>11/19/2019 14:45:11</t>
  </si>
  <si>
    <t>Prospects Pedro II.xlsx</t>
  </si>
  <si>
    <t>E:\BK_final\Vilarinho\Vilarinho - Trabalho\Algar Telecom\Projeto Desafio 2014\Info's MPE\4. BH 14-01-14\Clusters BH\Prospects Pedro II.xlsx</t>
  </si>
  <si>
    <t>11/19/2019 14:45:13</t>
  </si>
  <si>
    <t>Prospects São Francisco 1.xlsx</t>
  </si>
  <si>
    <t>E:\BK_final\Vilarinho\Vilarinho - Trabalho\Algar Telecom\Projeto Desafio 2014\Info's MPE\4. BH 14-01-14\Clusters BH\Prospects São Francisco 1.xlsx</t>
  </si>
  <si>
    <t>11/19/2019 14:45:26</t>
  </si>
  <si>
    <t>C:\Vila\Empresas Anterior\Arquivos Telecom\Projeto Desafio 2014\Info's MPE\4. BH 14-01-14\MPe - MG-Belo Horizonte - mapinfo\MG-Belo Horizonte Malha\</t>
  </si>
  <si>
    <t>Clientes_1.csv</t>
  </si>
  <si>
    <t>E:\BK_final\Vilarinho\Vilarinho - Trabalho\Algar Telecom\Projeto Desafio 2014\Info's MPE\4. BH 14-01-14\MPe - MG-Belo Horizonte - mapinfo\MG-Belo Horizonte Malha\Clientes_1.csv</t>
  </si>
  <si>
    <t>11/19/2019 14:45:46</t>
  </si>
  <si>
    <t>MG-BH-Micro_A.xls</t>
  </si>
  <si>
    <t>E:\BK_final\Vilarinho\Vilarinho - Trabalho\Algar Telecom\Projeto Desafio 2014\Info's MPE\4. BH 14-01-14\MPe - MG-Belo Horizonte - mapinfo\MG-Belo Horizonte Malha\MG-BH-Micro_A.xls</t>
  </si>
  <si>
    <t>11/19/2019 14:45:47</t>
  </si>
  <si>
    <t>C:\Vila\Empresas Anterior\Arquivos Telecom\Projeto Desafio 2014\Info's MPE\4. Rio Preto 16-01-14\</t>
  </si>
  <si>
    <t>Qtde empresas SJRP.xlsx</t>
  </si>
  <si>
    <t>E:\BK_final\Vilarinho\Vilarinho - Trabalho\Algar Telecom\Projeto Desafio 2014\Info's MPE\4. Rio Preto 16-01-14\Qtde empresas SJRP.xlsx</t>
  </si>
  <si>
    <t>11/19/2019 14:45:49</t>
  </si>
  <si>
    <t>C:\Vila\Empresas Anterior\Arquivos Telecom\Projeto Desafio 2014\Info's MPE\4. Rio Preto 16-01-14\SP-São Jose do Rio Preto - mapinfo\SP-São Jose do Rio Preto Malha\</t>
  </si>
  <si>
    <t>Cluster 2.csv</t>
  </si>
  <si>
    <t>E:\BK_final\Vilarinho\Vilarinho - Trabalho\Algar Telecom\Projeto Desafio 2014\Info's MPE\4. Rio Preto 16-01-14\SP-São Jose do Rio Preto - mapinfo\SP-São Jose do Rio Preto Malha\Cluster 2.csv</t>
  </si>
  <si>
    <t>Cluster teste.2.csv</t>
  </si>
  <si>
    <t>E:\BK_final\Vilarinho\Vilarinho - Trabalho\Algar Telecom\Projeto Desafio 2014\Info's MPE\4. Rio Preto 16-01-14\SP-São Jose do Rio Preto - mapinfo\SP-São Jose do Rio Preto Malha\Cluster teste.2.csv</t>
  </si>
  <si>
    <t>11/19/2019 14:45:51</t>
  </si>
  <si>
    <t>Qtde clientes SJRP 30.xlsx</t>
  </si>
  <si>
    <t>E:\BK_final\Vilarinho\Vilarinho - Trabalho\Algar Telecom\Projeto Desafio 2014\Info's MPE\4. Rio Preto 16-01-14\SP-São Jose do Rio Preto - mapinfo\SP-São Jose do Rio Preto Malha\Qtde clientes SJRP 30.xlsx</t>
  </si>
  <si>
    <t>Qtde clientes SJRP MICRO.xlsx</t>
  </si>
  <si>
    <t>E:\BK_final\Vilarinho\Vilarinho - Trabalho\Algar Telecom\Projeto Desafio 2014\Info's MPE\4. Rio Preto 16-01-14\SP-São Jose do Rio Preto - mapinfo\SP-São Jose do Rio Preto Malha\Qtde clientes SJRP MICRO.xlsx</t>
  </si>
  <si>
    <t>Qtde_clientes_SJRP.xlsx</t>
  </si>
  <si>
    <t>E:\BK_final\Vilarinho\Vilarinho - Trabalho\Algar Telecom\Projeto Desafio 2014\Info's MPE\4. Rio Preto 16-01-14\SP-São Jose do Rio Preto - mapinfo\SP-São Jose do Rio Preto Malha\Qtde_clientes_SJRP.xlsx</t>
  </si>
  <si>
    <t>11/19/2019 14:46:24</t>
  </si>
  <si>
    <t>C:\Vila\Empresas Anterior\Arquivos Telecom\Projeto Desafio 2014\Info's MPE\4. Rio Preto 16-01-14\SP-São Jose do Rio Preto - Relatorios\</t>
  </si>
  <si>
    <t>SP-SJRPRETO_reg_MPe_Bndes.xlsx</t>
  </si>
  <si>
    <t>E:\BK_final\Vilarinho\Vilarinho - Trabalho\Algar Telecom\Projeto Desafio 2014\Info's MPE\4. Rio Preto 16-01-14\SP-São Jose do Rio Preto - Relatorios\SP-SJRPRETO_reg_MPe_Bndes.xlsx</t>
  </si>
  <si>
    <t>11/19/2019 14:52:45</t>
  </si>
  <si>
    <t>11/19/2019 14:54:34</t>
  </si>
  <si>
    <t>Análise oportunidades Governo</t>
  </si>
  <si>
    <t>Analise Oportunidades de Governo.xlsx</t>
  </si>
  <si>
    <t>11/19/2019 14:51:40</t>
  </si>
  <si>
    <t>11/19/2019 14:55:33</t>
  </si>
  <si>
    <t>11/19/2019 14:58:34</t>
  </si>
  <si>
    <t>11/19/2019 14:46:39</t>
  </si>
  <si>
    <t>C:\Vila\Empresas Anterior\Arquivos Telecom\Projeto Desafio 2014\Material MPE - Telecom\Plano de Marketing projeto desafio 250414.pptx\</t>
  </si>
  <si>
    <t>E:\BK_final\Vilarinho\Vilarinho - Trabalho\Algar Telecom\Projeto Desafio 2014\Material MPE - Telecom\Plano de Marketing projeto desafio 250414.pptx</t>
  </si>
  <si>
    <t>11/19/2019 14:46:40</t>
  </si>
  <si>
    <t>11/19/2019 14:46:41</t>
  </si>
  <si>
    <t>11/19/2019 14:46:42</t>
  </si>
  <si>
    <t>11/19/2019 14:46:43</t>
  </si>
  <si>
    <t>11/19/2019 14:46:44</t>
  </si>
  <si>
    <t>11/19/2019 14:46:45</t>
  </si>
  <si>
    <t>11/19/2019 14:46:46</t>
  </si>
  <si>
    <t>11/19/2019 14:46:47</t>
  </si>
  <si>
    <t>11/19/2019 14:46:49</t>
  </si>
  <si>
    <t>C:\Vila\Empresas Anterior\Arquivos Telecom\Projeto Desafio 2014\Propostas Consultorias\</t>
  </si>
  <si>
    <t>20140616_Análise de Propostas.xlsx</t>
  </si>
  <si>
    <t>E:\BK_final\Vilarinho\Vilarinho - Trabalho\Algar Telecom\Projeto Desafio 2014\Propostas Consultorias\20140616_Análise de Propostas.xlsx</t>
  </si>
  <si>
    <t>11/19/2019 14:46:53</t>
  </si>
  <si>
    <t>Matriz de decisao - Consolidado.xls</t>
  </si>
  <si>
    <t>E:\BK_final\Vilarinho\Vilarinho - Trabalho\Algar Telecom\Projeto Desafio 2014\Propostas Consultorias\Matriz de decisao - Consolidado.xls</t>
  </si>
  <si>
    <t>C:\Vila\Empresas Anterior\Arquivos Telecom\Projeto Desafio 2014\Propostas Consultorias\Análise Proposta Francap\</t>
  </si>
  <si>
    <t>E:\BK_final\Vilarinho\Vilarinho - Trabalho\Algar Telecom\Projeto Desafio 2014\Propostas Consultorias\Análise Proposta Francap\20140616_Análise de Propostas.xlsx</t>
  </si>
  <si>
    <t>Analise Escopo Proposta Francap.xlsx</t>
  </si>
  <si>
    <t>E:\BK_final\Vilarinho\Vilarinho - Trabalho\Algar Telecom\Projeto Desafio 2014\Propostas Consultorias\Análise Proposta Francap\Analise Escopo Proposta Francap.xlsx</t>
  </si>
  <si>
    <t>11/19/2019 14:46:54</t>
  </si>
  <si>
    <t>Análise Escopo - Reunião 23.07.14.xlsx</t>
  </si>
  <si>
    <t>E:\BK_final\Vilarinho\Vilarinho - Trabalho\Algar Telecom\Projeto Desafio 2014\Propostas Consultorias\Análise Proposta Francap\Análise Escopo - Reunião 23.07.14.xlsx</t>
  </si>
  <si>
    <t>11/19/2019 14:47:36</t>
  </si>
  <si>
    <t>C:\Vila\Empresas Anterior\Arquivos Telecom\Projeto Desafio 2014\Reta Final\Apresentação\20150410_Desafio_MPE _v 07 5 15 (alterações Tais)v2.pptx\</t>
  </si>
  <si>
    <t>E:\BK_final\Vilarinho\Vilarinho - Trabalho\Algar Telecom\Projeto Desafio 2014\Reta Final\Apresentação\20150410_Desafio_MPE _v 07 5 15 (alterações Tais)v2.pptx</t>
  </si>
  <si>
    <t>11/19/2019 14:47:41</t>
  </si>
  <si>
    <t>C:\Vila\Empresas Anterior\Arquivos Telecom\Projeto Desafio 2014\Reta Final\Apresentação\20150410_Desafio_MPE _v10.4.15.pptx\</t>
  </si>
  <si>
    <t>E:\BK_final\Vilarinho\Vilarinho - Trabalho\Algar Telecom\Projeto Desafio 2014\Reta Final\Apresentação\20150410_Desafio_MPE _v10.4.15.pptx</t>
  </si>
  <si>
    <t>11/19/2019 14:47:44</t>
  </si>
  <si>
    <t>C:\Vila\Empresas Anterior\Arquivos Telecom\Projeto Desafio 2014\Reta Final\Apresentação\SlideBPs.pptx\</t>
  </si>
  <si>
    <t>E:\BK_final\Vilarinho\Vilarinho - Trabalho\Algar Telecom\Projeto Desafio 2014\Reta Final\Apresentação\SlideBPs.pptx</t>
  </si>
  <si>
    <t>11/19/2019 14:47:49</t>
  </si>
  <si>
    <t>C:\Vila\Empresas Anterior\Arquivos Telecom\Projeto Desafio 2014\Reta Final\Apresentação\Slides Cenários BP e % Aceleração atualizado_Vila.pptx\</t>
  </si>
  <si>
    <t>E:\BK_final\Vilarinho\Vilarinho - Trabalho\Algar Telecom\Projeto Desafio 2014\Reta Final\Apresentação\Slides Cenários BP e % Aceleração atualizado_Vila.pptx</t>
  </si>
  <si>
    <t>C:\Vila\Empresas Anterior\Arquivos Telecom\Projeto Desafio 2014\Reta Final\Apresentação\Plan Finais\</t>
  </si>
  <si>
    <t>Demanda Pilotos MPE Expansão_Miguel.xlsm</t>
  </si>
  <si>
    <t>E:\BK_final\Vilarinho\Vilarinho - Trabalho\Algar Telecom\Projeto Desafio 2014\Reta Final\Apresentação\Plan Finais\Demanda Pilotos MPE Expansão_Miguel.xlsm</t>
  </si>
  <si>
    <t>Estudo do canal Itinerante_BPZaima.xlsx</t>
  </si>
  <si>
    <t>E:\BK_final\Vilarinho\Vilarinho - Trabalho\Algar Telecom\Projeto Desafio 2014\Reta Final\Apresentação\Plan Finais\Estudo do canal Itinerante_BPZaima.xlsx</t>
  </si>
  <si>
    <t>FIN DEALER TÍPICO ALGAR TELECOM (geral)_Original.xls</t>
  </si>
  <si>
    <t>E:\BK_final\Vilarinho\Vilarinho - Trabalho\Algar Telecom\Projeto Desafio 2014\Reta Final\Apresentação\Plan Finais\FIN DEALER TÍPICO ALGAR TELECOM (geral)_Original.xls</t>
  </si>
  <si>
    <t>11/19/2019 14:47:51</t>
  </si>
  <si>
    <t>VENDAS EXPANSÃO_Completa_Gisela.xlsx</t>
  </si>
  <si>
    <t>E:\BK_final\Vilarinho\Vilarinho - Trabalho\Algar Telecom\Projeto Desafio 2014\Reta Final\Apresentação\Plan Finais\VENDAS EXPANSÃO_Completa_Gisela.xlsx</t>
  </si>
  <si>
    <t>11/19/2019 14:47:52</t>
  </si>
  <si>
    <t>Vendas Pacotes Flex MPE Expansão_Gisela.xlsx</t>
  </si>
  <si>
    <t>E:\BK_final\Vilarinho\Vilarinho - Trabalho\Algar Telecom\Projeto Desafio 2014\Reta Final\Apresentação\Plan Finais\Vendas Pacotes Flex MPE Expansão_Gisela.xlsx</t>
  </si>
  <si>
    <t>11/19/2019 14:47:53</t>
  </si>
  <si>
    <t>C:\Vila\Empresas Anterior\Arquivos Telecom\Projeto Desafio 2014\Reta Final\Apresentação\Plan Finais\BP\</t>
  </si>
  <si>
    <t>Base Pilotos_Equipe BP Telecom.xlsx</t>
  </si>
  <si>
    <t>E:\BK_final\Vilarinho\Vilarinho - Trabalho\Algar Telecom\Projeto Desafio 2014\Reta Final\Apresentação\Plan Finais\BP\Base Pilotos_Equipe BP Telecom.xlsx</t>
  </si>
  <si>
    <t>11/19/2019 14:47:54</t>
  </si>
  <si>
    <t>BPDealer_3 vendores s taxa_Vila.xls</t>
  </si>
  <si>
    <t>E:\BK_final\Vilarinho\Vilarinho - Trabalho\Algar Telecom\Projeto Desafio 2014\Reta Final\Apresentação\Plan Finais\BP\BPDealer_3 vendores s taxa_Vila.xls</t>
  </si>
  <si>
    <t>BP_3 vendedor_c Taxa_V1.xls</t>
  </si>
  <si>
    <t>E:\BK_final\Vilarinho\Vilarinho - Trabalho\Algar Telecom\Projeto Desafio 2014\Reta Final\Apresentação\Plan Finais\BP\BP_3 vendedor_c Taxa_V1.xls</t>
  </si>
  <si>
    <t>BP_3 vendores_C Taxa_V2.xls</t>
  </si>
  <si>
    <t>E:\BK_final\Vilarinho\Vilarinho - Trabalho\Algar Telecom\Projeto Desafio 2014\Reta Final\Apresentação\Plan Finais\BP\BP_3 vendores_C Taxa_V2.xls</t>
  </si>
  <si>
    <t>11/19/2019 14:47:55</t>
  </si>
  <si>
    <t>BP_5 vendores_C Taxa_V3.xls</t>
  </si>
  <si>
    <t>E:\BK_final\Vilarinho\Vilarinho - Trabalho\Algar Telecom\Projeto Desafio 2014\Reta Final\Apresentação\Plan Finais\BP\BP_5 vendores_C Taxa_V3.xls</t>
  </si>
  <si>
    <t>11/19/2019 14:47:56</t>
  </si>
  <si>
    <t>BP_5 vendores_C Taxa_V4.xls</t>
  </si>
  <si>
    <t>E:\BK_final\Vilarinho\Vilarinho - Trabalho\Algar Telecom\Projeto Desafio 2014\Reta Final\Apresentação\Plan Finais\BP\BP_5 vendores_C Taxa_V4.xls</t>
  </si>
  <si>
    <t>BP_VersãoRainer.xls</t>
  </si>
  <si>
    <t>E:\BK_final\Vilarinho\Vilarinho - Trabalho\Algar Telecom\Projeto Desafio 2014\Reta Final\Apresentação\Plan Finais\BP\BP_VersãoRainer.xls</t>
  </si>
  <si>
    <t>11/19/2019 14:47:57</t>
  </si>
  <si>
    <t>C:\Vila\Empresas Anterior\Arquivos Telecom\Projeto Desafio 2014\Reta Final\Documentos Finais\</t>
  </si>
  <si>
    <t>Considerações e Lnks.xlsx</t>
  </si>
  <si>
    <t>E:\BK_final\Vilarinho\Vilarinho - Trabalho\Algar Telecom\Projeto Desafio 2014\Reta Final\Documentos Finais\Considerações e Lnks.xlsx</t>
  </si>
  <si>
    <t>11/19/2019 14:48:02</t>
  </si>
  <si>
    <t>C:\Vila\Empresas Anterior\Arquivos Telecom\Projeto Engeset\</t>
  </si>
  <si>
    <t>Balanço Patrimonial v3.xlsx</t>
  </si>
  <si>
    <t>E:\BK_final\Vilarinho\Vilarinho - Trabalho\Algar Telecom\Projeto Engeset\Balanço Patrimonial v3.xlsx</t>
  </si>
  <si>
    <t>11/19/2019 14:48:03</t>
  </si>
  <si>
    <t>Balanço Patrimonial v4.xlsx</t>
  </si>
  <si>
    <t>E:\BK_final\Vilarinho\Vilarinho - Trabalho\Algar Telecom\Projeto Engeset\Balanço Patrimonial v4.xlsx</t>
  </si>
  <si>
    <t>C:\Vila\Empresas Anterior\Arquivos Telecom\Projeto Monet\Analise Inicial\</t>
  </si>
  <si>
    <t>Analise Cabo Monet.xlsx</t>
  </si>
  <si>
    <t>E:\BK_final\Vilarinho\Vilarinho - Trabalho\Algar Telecom\Projeto Monet\Analise Inicial\Analise Cabo Monet.xlsx</t>
  </si>
  <si>
    <t>11/19/2019 14:48:04</t>
  </si>
  <si>
    <t>C:\Vila\Empresas Anterior\Arquivos Telecom\Projeto Monet\Contrato e Anexos\Part 1 Appendices 2,3,4,5,6,8,9,11,12,13 - 30Apr14.zip\</t>
  </si>
  <si>
    <t>App 7 (Purchasers Responsibility Matrix).xls</t>
  </si>
  <si>
    <t>E:\BK_final\Vilarinho\Vilarinho - Trabalho\Algar Telecom\Projeto Monet\Contrato e Anexos\Part 1 Appendices 2,3,4,5,6,8,9,11,12,13 - 30Apr14.zip</t>
  </si>
  <si>
    <t>Appendix 12 - Invoice Format.xls</t>
  </si>
  <si>
    <t>Appendix 12 Invoice Format.xls</t>
  </si>
  <si>
    <t>Appendix 2 - Financial Liability (Draft).xls</t>
  </si>
  <si>
    <t>Appendix 6 - (Purchasers Responsibility Matrix).xls</t>
  </si>
  <si>
    <t>C:\Vila\Empresas Anterior\Arquivos Telecom\Projeto Monet\Contrato e Anexos\Part 2 Chapter 1 Appendices A1,A2,B,C1,C2,D - 30Apr14.zip\</t>
  </si>
  <si>
    <t>Appendix 1C1a &amp; C2-Monet.xls</t>
  </si>
  <si>
    <t>E:\BK_final\Vilarinho\Vilarinho - Trabalho\Algar Telecom\Projeto Monet\Contrato e Anexos\Part 2 Chapter 1 Appendices A1,A2,B,C1,C2,D - 30Apr14.zip</t>
  </si>
  <si>
    <t>Appendix 1D - RPL &amp; SLD-Monet.xls</t>
  </si>
  <si>
    <t>11/19/2019 14:48:06</t>
  </si>
  <si>
    <t>C:\Vila\Empresas Anterior\Arquivos Telecom\Projeto Monet\Matriz Tributária\</t>
  </si>
  <si>
    <t>matriz Tributária - Projeto Monet.xlsx</t>
  </si>
  <si>
    <t>E:\BK_final\Vilarinho\Vilarinho - Trabalho\Algar Telecom\Projeto Monet\Matriz Tributária\matriz Tributária - Projeto Monet.xlsx</t>
  </si>
  <si>
    <t>11/19/2019 14:48:08</t>
  </si>
  <si>
    <t>C:\Vila\Empresas Anterior\Arquivos Telecom\Projeto NetPatos\</t>
  </si>
  <si>
    <t>E:\BK_final\Vilarinho\Vilarinho - Trabalho\Algar Telecom\Projeto NetPatos\Analise Aquisição.xlsx</t>
  </si>
  <si>
    <t>11/19/2019 14:48:09</t>
  </si>
  <si>
    <t>C:\Vila\Empresas Anterior\Arquivos Telecom\Proposta reconhecer EFT Jan-14\2014_01_17_Eficiência Tributária.pptx\</t>
  </si>
  <si>
    <t>E:\BK_final\Vilarinho\Vilarinho - Trabalho\Algar Telecom\Proposta reconhecer EFT Jan-14\2014_01_17_Eficiência Tributária.pptx</t>
  </si>
  <si>
    <t>C:\Vila\Empresas Anterior\Arquivos Telecom\Proposta reconhecer EFT Jan-14\</t>
  </si>
  <si>
    <t>Analise EFT Premio Adicional.xlsx</t>
  </si>
  <si>
    <t>E:\BK_final\Vilarinho\Vilarinho - Trabalho\Algar Telecom\Proposta reconhecer EFT Jan-14\Analise EFT Premio Adicional.xlsx</t>
  </si>
  <si>
    <t>C:\Vila\Empresas Anterior\Arquivos Telecom\Proposta reconhecer EFT Jan-14\Eficiência Tributária_VAgosto.pptx\</t>
  </si>
  <si>
    <t>E:\BK_final\Vilarinho\Vilarinho - Trabalho\Algar Telecom\Proposta reconhecer EFT Jan-14\Eficiência Tributária_VAgosto.pptx</t>
  </si>
  <si>
    <t>11/19/2019 14:48:10</t>
  </si>
  <si>
    <t>Solicitação de gratificação especial por mérito.xlsx</t>
  </si>
  <si>
    <t>E:\BK_final\Vilarinho\Vilarinho - Trabalho\Algar Telecom\Proposta reconhecer EFT Jan-14\Solicitação de gratificação especial por mérito.xlsx</t>
  </si>
  <si>
    <t>C:\Vila\Empresas Anterior\Arquivos Telecom\Proposta Reconher Equipe EBIT por Regional\</t>
  </si>
  <si>
    <t>Solicitação de gratificação especial por mérito_Ebit.xlsx</t>
  </si>
  <si>
    <t>E:\BK_final\Vilarinho\Vilarinho - Trabalho\Algar Telecom\Proposta Reconher Equipe EBIT por Regional\Solicitação de gratificação especial por mérito_Ebit.xlsx</t>
  </si>
  <si>
    <t>C:\Vila\Empresas Anterior\Arquivos Telecom\Reajustes DCP Maio 2014\Informações TH.msg\s1\</t>
  </si>
  <si>
    <t>Propostas de Reajustes Não Executivos DCP - Maio 2014.xlsx</t>
  </si>
  <si>
    <t>E:\BK_final\Vilarinho\Vilarinho - Trabalho\Algar Telecom\Reajustes DCP Maio 2014\Informações TH.msg</t>
  </si>
  <si>
    <t>C:\Vila\Empresas Anterior\Arquivos Telecom\Reajustes DCP Maio 2014\</t>
  </si>
  <si>
    <t>Proposta reajuste CRC.xlsx</t>
  </si>
  <si>
    <t>E:\BK_final\Vilarinho\Vilarinho - Trabalho\Algar Telecom\Reajustes DCP Maio 2014\Proposta reajuste CRC.xlsx</t>
  </si>
  <si>
    <t>Proposta reajustes CCA.xlsx</t>
  </si>
  <si>
    <t>E:\BK_final\Vilarinho\Vilarinho - Trabalho\Algar Telecom\Reajustes DCP Maio 2014\Proposta reajustes CCA.xlsx</t>
  </si>
  <si>
    <t>E:\BK_final\Vilarinho\Vilarinho - Trabalho\Algar Telecom\Reajustes DCP Maio 2014\Propostas de Reajustes Não Executivos DCP - Maio 2014.xlsx</t>
  </si>
  <si>
    <t>reajuste CPF.xlsx</t>
  </si>
  <si>
    <t>E:\BK_final\Vilarinho\Vilarinho - Trabalho\Algar Telecom\Reajustes DCP Maio 2014\reajuste CPF.xlsx</t>
  </si>
  <si>
    <t>11/19/2019 14:48:12</t>
  </si>
  <si>
    <t>C:\Vila\Empresas Anterior\Arquivos Telecom\Resultados 2T11\</t>
  </si>
  <si>
    <t>06-Mapa resultados Junho 2011.xlsx</t>
  </si>
  <si>
    <t>E:\BK_final\Vilarinho\Vilarinho - Trabalho\Algar Telecom\Resultados 2T11\06-Mapa resultados Junho 2011.xlsx</t>
  </si>
  <si>
    <t>Evolução dos custos e despesas_.xlsx</t>
  </si>
  <si>
    <t>E:\BK_final\Vilarinho\Vilarinho - Trabalho\Algar Telecom\Resultados 2T11\Evolução dos custos e despesas_.xlsx</t>
  </si>
  <si>
    <t>11/19/2019 14:48:13</t>
  </si>
  <si>
    <t>Mascara 2T11 - Consol.xlsx</t>
  </si>
  <si>
    <t>E:\BK_final\Vilarinho\Vilarinho - Trabalho\Algar Telecom\Resultados 2T11\Mascara 2T11 - Consol.xlsx</t>
  </si>
  <si>
    <t>11/19/2019 14:48:14</t>
  </si>
  <si>
    <t>C:\Vila\Empresas Anterior\Arquivos Telecom\Reuniao Loureiro-Fechamento 2012\</t>
  </si>
  <si>
    <t>Cópia de 12-Mapa resultados Dezembro 2011.xlsx</t>
  </si>
  <si>
    <t>E:\BK_final\Vilarinho\Vilarinho - Trabalho\Algar Telecom\Reuniao Loureiro-Fechamento 2012\Cópia de 12-Mapa resultados Dezembro 2011.xlsx</t>
  </si>
  <si>
    <t>11/19/2019 14:48:15</t>
  </si>
  <si>
    <t>C:\Vila\Empresas Anterior\Arquivos Telecom\Reuniao Loureiro-Fechamento 2012\Detalhamento Escopo - 2011OSE20031 - 139984.docx\</t>
  </si>
  <si>
    <t>E:\BK_final\Vilarinho\Vilarinho - Trabalho\Algar Telecom\Reuniao Loureiro-Fechamento 2012\Detalhamento Escopo - 2011OSE20031 - 139984.docx</t>
  </si>
  <si>
    <t>11/19/2019 14:48:16</t>
  </si>
  <si>
    <t>C:\Vila\Empresas Anterior\Arquivos Telecom\Reuniao Loureiro-Fechamento 2012\Fechamento Anual\</t>
  </si>
  <si>
    <t>Apuração IR-celma.xlsx</t>
  </si>
  <si>
    <t>E:\BK_final\Vilarinho\Vilarinho - Trabalho\Algar Telecom\Reuniao Loureiro-Fechamento 2012\Fechamento Anual\Apuração IR-celma.xlsx</t>
  </si>
  <si>
    <t>Cálculo PPR.xlsx</t>
  </si>
  <si>
    <t>E:\BK_final\Vilarinho\Vilarinho - Trabalho\Algar Telecom\Reuniao Loureiro-Fechamento 2012\Fechamento Anual\Cálculo PPR.xlsx</t>
  </si>
  <si>
    <t>DRE-Fechamento Anual-Final.xlsx</t>
  </si>
  <si>
    <t>E:\BK_final\Vilarinho\Vilarinho - Trabalho\Algar Telecom\Reuniao Loureiro-Fechamento 2012\Fechamento Anual\DRE-Fechamento Anual-Final.xlsx</t>
  </si>
  <si>
    <t>DRE-Fechamento Anual.xlsx</t>
  </si>
  <si>
    <t>E:\BK_final\Vilarinho\Vilarinho - Trabalho\Algar Telecom\Reuniao Loureiro-Fechamento 2012\Fechamento Anual\DRE-Fechamento Anual.xlsx</t>
  </si>
  <si>
    <t>11/19/2019 14:48:17</t>
  </si>
  <si>
    <t>Memória SWAP.xlsx</t>
  </si>
  <si>
    <t>E:\BK_final\Vilarinho\Vilarinho - Trabalho\Algar Telecom\Reuniao Loureiro-Fechamento 2012\Fechamento Anual\Memória SWAP.xlsx</t>
  </si>
  <si>
    <t>Planejamentos 2012_Consolidado-Final.xlsx</t>
  </si>
  <si>
    <t>E:\BK_final\Vilarinho\Vilarinho - Trabalho\Algar Telecom\Reuniao Loureiro-Fechamento 2012\Fechamento Anual\Planejamentos 2012_Consolidado-Final.xlsx</t>
  </si>
  <si>
    <t>Preclosing x real.xlsx</t>
  </si>
  <si>
    <t>E:\BK_final\Vilarinho\Vilarinho - Trabalho\Algar Telecom\Reuniao Loureiro-Fechamento 2012\Fechamento Anual\Preclosing x real.xlsx</t>
  </si>
  <si>
    <t>11/19/2019 14:48:18</t>
  </si>
  <si>
    <t>Simulação IR-CS sobre Contingência.xlsx</t>
  </si>
  <si>
    <t>E:\BK_final\Vilarinho\Vilarinho - Trabalho\Algar Telecom\Reuniao Loureiro-Fechamento 2012\Fechamento Anual\Simulação IR-CS sobre Contingência.xlsx</t>
  </si>
  <si>
    <t>11/19/2019 14:48:20</t>
  </si>
  <si>
    <t>C:\Vila\Empresas Anterior\Arquivos Telecom\Reuniões Tatiane\02.07.10\27_Apres Ativ Assoc CCA_Conciliacao_14mai10.pptx\</t>
  </si>
  <si>
    <t>E:\BK_final\Vilarinho\Vilarinho - Trabalho\Algar Telecom\Reuniões Tatiane\02.07.10\27_Apres Ativ Assoc CCA_Conciliacao_14mai10.pptx</t>
  </si>
  <si>
    <t>11/19/2019 14:48:24</t>
  </si>
  <si>
    <t>C:\Vila\Empresas Anterior\Arquivos Telecom\Reuniões Tatiane\02.07.10\Alinhamento Processos Auditoria Externa - Versao Final l.ppt\s4\</t>
  </si>
  <si>
    <t>E:\BK_final\Vilarinho\Vilarinho - Trabalho\Algar Telecom\Reuniões Tatiane\02.07.10\Alinhamento Processos Auditoria Externa - Versao Final l.ppt</t>
  </si>
  <si>
    <t>C:\Vila\Empresas Anterior\Arquivos Telecom\Reuniões Tatiane\02.07.10\</t>
  </si>
  <si>
    <t>Objetivos Vilarinho 2 Semestre - Aprovação Tatiane.xls</t>
  </si>
  <si>
    <t>E:\BK_final\Vilarinho\Vilarinho - Trabalho\Algar Telecom\Reuniões Tatiane\02.07.10\Objetivos Vilarinho 2 Semestre - Aprovação Tatiane.xls</t>
  </si>
  <si>
    <t>11/19/2019 14:48:26</t>
  </si>
  <si>
    <t>C:\Vila\Empresas Anterior\Arquivos Telecom\Reuniões Tatiane\02.07.10\Planejamento CCA 2010 - Final.ppt\s4\</t>
  </si>
  <si>
    <t>E:\BK_final\Vilarinho\Vilarinho - Trabalho\Algar Telecom\Reuniões Tatiane\02.07.10\Planejamento CCA 2010 - Final.ppt</t>
  </si>
  <si>
    <t>11/19/2019 14:48:29</t>
  </si>
  <si>
    <t>C:\Vila\Empresas Anterior\Arquivos Telecom\To Do\</t>
  </si>
  <si>
    <t>ToDo.xlsx</t>
  </si>
  <si>
    <t>E:\BK_final\Vilarinho\Vilarinho - Trabalho\Algar Telecom\To Do\ToDo.xlsx</t>
  </si>
  <si>
    <t>11/19/2019 14:48:30</t>
  </si>
  <si>
    <t>C:\Vila\Empresas Anterior\Arquivos Telecom\Trabalho Coaching - 2010 - Eneide\</t>
  </si>
  <si>
    <t>Plano de ação - Coaching.xls</t>
  </si>
  <si>
    <t>E:\BK_final\Vilarinho\Vilarinho - Trabalho\Algar Telecom\Trabalho Coaching - 2010 - Eneide\Plano de ação - Coaching.xls</t>
  </si>
  <si>
    <t>11/19/2019 14:48:32</t>
  </si>
  <si>
    <t>C:\Vila\Empresas Anterior\Arquivos Telecom\Transição CSC\</t>
  </si>
  <si>
    <t>Simulador CSC x Algar.xlsx</t>
  </si>
  <si>
    <t>E:\BK_final\Vilarinho\Vilarinho - Trabalho\Algar Telecom\Transição CSC\Simulador CSC x Algar.xlsx</t>
  </si>
  <si>
    <t>C:\Vila\Empresas Anterior\Arquivos Telecom\Treinamentos CCA\Treinamentos CCA\2009\</t>
  </si>
  <si>
    <t>E:\BK_final\Vilarinho\Vilarinho - Trabalho\Algar Telecom\Treinamentos CCA\Treinamentos CCA\2009\Treinamento Associados CCA 2009.xls</t>
  </si>
  <si>
    <t>11/19/2019 14:48:36</t>
  </si>
  <si>
    <t>C:\Vila\Empresas Anterior\Arquivos Telecom\Viagem India\Acerto\</t>
  </si>
  <si>
    <t>Acerto Viagem India.xls</t>
  </si>
  <si>
    <t>E:\BK_final\Vilarinho\Vilarinho - Trabalho\Algar Telecom\Viagem India\Acerto\Acerto Viagem India.xls</t>
  </si>
  <si>
    <t>11/19/2019 14:48:51</t>
  </si>
  <si>
    <t>C:\Vila\Empresas Anterior\Arquivos Telecom\Viagem India\Documentos Viagem\</t>
  </si>
  <si>
    <t>Business Invite Letter Request - Vilarinho.xlsx</t>
  </si>
  <si>
    <t>E:\BK_final\Vilarinho\Vilarinho - Trabalho\Algar Telecom\Viagem India\Documentos Viagem\Business Invite Letter Request - Vilarinho.xlsx</t>
  </si>
  <si>
    <t>11/19/2019 14:49:11</t>
  </si>
  <si>
    <t>C:\Vila\Empresas Anterior\Arquivos Telecom\2ª Revisão Orçamentária 2013_v6.ppt\s4\</t>
  </si>
  <si>
    <t>E:\BK_final\Vilarinho\Vilarinho - Trabalho\Algar Telecom\2ª Revisão Orçamentária 2013_v6.ppt</t>
  </si>
  <si>
    <t>11/19/2019 14:49:19</t>
  </si>
  <si>
    <t>C:\Vila\Empresas Anterior\Arquivos Telecom\5ª Reuger 2012 TELECOM-Algar v2.pptx\</t>
  </si>
  <si>
    <t>E:\BK_final\Vilarinho\Vilarinho - Trabalho\Algar Telecom\5ª Reuger 2012 TELECOM-Algar v2.pptx</t>
  </si>
  <si>
    <t>11/19/2019 14:49:20</t>
  </si>
  <si>
    <t>C:\Vila\Empresas Anterior\Arquivos Telecom\</t>
  </si>
  <si>
    <t>E:\BK_final\Vilarinho\Vilarinho - Trabalho\Algar Telecom\Analise EFT Premio Adicional.xlsx</t>
  </si>
  <si>
    <t>11/19/2019 14:49:25</t>
  </si>
  <si>
    <t>C:\Vila\Empresas Anterior\Arquivos Telecom\Apresentação Negociação Algar - NOV-07.ppt\s4\</t>
  </si>
  <si>
    <t>E:\BK_final\Vilarinho\Vilarinho - Trabalho\Algar Telecom\Apresentação Negociação Algar - NOV-07.ppt</t>
  </si>
  <si>
    <t>11/19/2019 14:49:45</t>
  </si>
  <si>
    <t>C:\Vila\Empresas Anterior\Arquivos Telecom\Apresentação Redir Resultados 20Ago12_Versão 17ago12.pptx\Apresenta__o_do_Microsoft_Office_PowerPoint1.pptx\</t>
  </si>
  <si>
    <t>E:\BK_final\Vilarinho\Vilarinho - Trabalho\Algar Telecom\Apresentação Redir Resultados 20Ago12_Versão 17ago12.pptx</t>
  </si>
  <si>
    <t>11/19/2019 14:49:46</t>
  </si>
  <si>
    <t>Associdos em Projetos PMO.xlsx</t>
  </si>
  <si>
    <t>E:\BK_final\Vilarinho\Vilarinho - Trabalho\Algar Telecom\Associdos em Projetos PMO.xlsx</t>
  </si>
  <si>
    <t>11/19/2019 14:49:47</t>
  </si>
  <si>
    <t>CALENDÁRIO 2014_Antigo_13.05.xlsx</t>
  </si>
  <si>
    <t>E:\BK_final\Vilarinho\Vilarinho - Trabalho\Algar Telecom\CALENDÁRIO 2014_Antigo_13.05.xlsx</t>
  </si>
  <si>
    <t>CALENDÁRIO 2014_antigo_inicial.xlsx</t>
  </si>
  <si>
    <t>E:\BK_final\Vilarinho\Vilarinho - Trabalho\Algar Telecom\CALENDÁRIO 2014_antigo_inicial.xlsx</t>
  </si>
  <si>
    <t>CALENDÁRIO 2014_FINAL_23_05.xlsx</t>
  </si>
  <si>
    <t>E:\BK_final\Vilarinho\Vilarinho - Trabalho\Algar Telecom\CALENDÁRIO 2014_FINAL_23_05.xlsx</t>
  </si>
  <si>
    <t>CAPEX CCA Consolidado_Vila.xlsx</t>
  </si>
  <si>
    <t>E:\BK_final\Vilarinho\Vilarinho - Trabalho\Algar Telecom\CAPEX CCA Consolidado_Vila.xlsx</t>
  </si>
  <si>
    <t>11/19/2019 14:49:49</t>
  </si>
  <si>
    <t>C:\Vila\Empresas Anterior\Arquivos Telecom\Cenários 5rev 13.pptx\</t>
  </si>
  <si>
    <t>E:\BK_final\Vilarinho\Vilarinho - Trabalho\Algar Telecom\Cenários 5rev 13.pptx</t>
  </si>
  <si>
    <t>11/19/2019 14:49:51</t>
  </si>
  <si>
    <t>C:\Vila\Empresas Anterior\Arquivos Telecom\Cenários 5rev 13.pptx-Vila.pptx\</t>
  </si>
  <si>
    <t>E:\BK_final\Vilarinho\Vilarinho - Trabalho\Algar Telecom\Cenários 5rev 13.pptx-Vila.pptx</t>
  </si>
  <si>
    <t>11/19/2019 14:49:52</t>
  </si>
  <si>
    <t>CR 69 - 3rev2012.xlsx</t>
  </si>
  <si>
    <t>E:\BK_final\Vilarinho\Vilarinho - Trabalho\Algar Telecom\CR 69 - 3rev2012.xlsx</t>
  </si>
  <si>
    <t>Demonstrativo de PLR Vilarinho - 15 04 15.xls</t>
  </si>
  <si>
    <t>E:\BK_final\Vilarinho\Vilarinho - Trabalho\Algar Telecom\Demonstrativo de PLR Vilarinho - 15 04 15.xls</t>
  </si>
  <si>
    <t>Departamental CCA - Jan 2011.xls</t>
  </si>
  <si>
    <t>E:\BK_final\Vilarinho\Vilarinho - Trabalho\Algar Telecom\Departamental CCA - Jan 2011.xls</t>
  </si>
  <si>
    <t>DepartamentalCCAMar-13.csv</t>
  </si>
  <si>
    <t>E:\BK_final\Vilarinho\Vilarinho - Trabalho\Algar Telecom\DepartamentalCCAMar-13.csv</t>
  </si>
  <si>
    <t>DepartamentalCCAMar-13.xlsx</t>
  </si>
  <si>
    <t>E:\BK_final\Vilarinho\Vilarinho - Trabalho\Algar Telecom\DepartamentalCCAMar-13.xlsx</t>
  </si>
  <si>
    <t>11/19/2019 14:49:56</t>
  </si>
  <si>
    <t>Impactos Engeset Resultado Telecom.xlsx</t>
  </si>
  <si>
    <t>E:\BK_final\Vilarinho\Vilarinho - Trabalho\Algar Telecom\Impactos Engeset Resultado Telecom.xlsx</t>
  </si>
  <si>
    <t>11/19/2019 14:49:57</t>
  </si>
  <si>
    <t>JIRA Sugestão.xlsx</t>
  </si>
  <si>
    <t>E:\BK_final\Vilarinho\Vilarinho - Trabalho\Algar Telecom\JIRA Sugestão.xlsx</t>
  </si>
  <si>
    <t>Levantamento Recuperar II - Estado GO.xlsx</t>
  </si>
  <si>
    <t>E:\BK_final\Vilarinho\Vilarinho - Trabalho\Algar Telecom\Levantamento Recuperar II - Estado GO.xlsx</t>
  </si>
  <si>
    <t>Lista Avaliação 360.xls</t>
  </si>
  <si>
    <t>E:\BK_final\Vilarinho\Vilarinho - Trabalho\Algar Telecom\Lista Avaliação 360.xls</t>
  </si>
  <si>
    <t>Movimentações CPF.xlsx</t>
  </si>
  <si>
    <t>E:\BK_final\Vilarinho\Vilarinho - Trabalho\Algar Telecom\Movimentações CPF.xlsx</t>
  </si>
  <si>
    <t>Planilha identificação entrevistados - ALGAR - 13.10.2010.xls</t>
  </si>
  <si>
    <t>E:\BK_final\Vilarinho\Vilarinho - Trabalho\Algar Telecom\Planilha identificação entrevistados - ALGAR - 13.10.2010.xls</t>
  </si>
  <si>
    <t>11/19/2019 14:49:58</t>
  </si>
  <si>
    <t>Prévia Receita Bruta Jan-12.xlsx</t>
  </si>
  <si>
    <t>E:\BK_final\Vilarinho\Vilarinho - Trabalho\Algar Telecom\Prévia Receita Bruta Jan-12.xlsx</t>
  </si>
  <si>
    <t>Proposta reajuste Out-13.xlsx</t>
  </si>
  <si>
    <t>E:\BK_final\Vilarinho\Vilarinho - Trabalho\Algar Telecom\Proposta reajuste Out-13.xlsx</t>
  </si>
  <si>
    <t>Proposta reajuste.xlsx</t>
  </si>
  <si>
    <t>E:\BK_final\Vilarinho\Vilarinho - Trabalho\Algar Telecom\Proposta reajuste.xlsx</t>
  </si>
  <si>
    <t>Proposta Reducao Expansao.xlsx</t>
  </si>
  <si>
    <t>E:\BK_final\Vilarinho\Vilarinho - Trabalho\Algar Telecom\Proposta Reducao Expansao.xlsx</t>
  </si>
  <si>
    <t>11/19/2019 14:49:59</t>
  </si>
  <si>
    <t>Relação Departamental - Novembro 2013.xls</t>
  </si>
  <si>
    <t>E:\BK_final\Vilarinho\Vilarinho - Trabalho\Algar Telecom\Relação Departamental - Novembro 2013.xls</t>
  </si>
  <si>
    <t>Relação Departamental sem executivos - Novembro 2013.xls</t>
  </si>
  <si>
    <t>E:\BK_final\Vilarinho\Vilarinho - Trabalho\Algar Telecom\Relação Departamental sem executivos - Novembro 2013.xls</t>
  </si>
  <si>
    <t>11/19/2019 14:50:00</t>
  </si>
  <si>
    <t>resultados dos objetivos dos executivos - 1° semestre de 2013 -final.xls</t>
  </si>
  <si>
    <t>E:\BK_final\Vilarinho\Vilarinho - Trabalho\Algar Telecom\resultados dos objetivos dos executivos - 1° semestre de 2013 -final.xls</t>
  </si>
  <si>
    <t>C:\Vila\Empresas Anterior\Arquivos Telecom\Reunião de start up-Dez-12 - Apoio Explicações_Não_Projetar-vila.pptx\</t>
  </si>
  <si>
    <t>E:\BK_final\Vilarinho\Vilarinho - Trabalho\Algar Telecom\Reunião de start up-Dez-12 - Apoio Explicações_Não_Projetar-vila.pptx</t>
  </si>
  <si>
    <t>11/19/2019 14:50:03</t>
  </si>
  <si>
    <t>C:\Vila\Empresas Anterior\Arquivos Telecom\ReunioesAlinhamentoDepreciacao.ppt\s4\</t>
  </si>
  <si>
    <t>E:\BK_final\Vilarinho\Vilarinho - Trabalho\Algar Telecom\ReunioesAlinhamentoDepreciacao.ppt</t>
  </si>
  <si>
    <t>11/19/2019 14:55:06</t>
  </si>
  <si>
    <t>11/19/2019 14:55:24</t>
  </si>
  <si>
    <t>11/19/2019 14:59:33</t>
  </si>
  <si>
    <t>ESTRUTURA ATUALIZAR - GREVY NOVEMBRO.xlsx</t>
  </si>
  <si>
    <t>11/19/2019 15:00:54</t>
  </si>
  <si>
    <t>11/19/2019 15:03:33</t>
  </si>
  <si>
    <t>mail.google.com/_/upload?authuser=0&amp;dcp=asu-n&amp;upload_id=AEnB2Up_wXsCdWCmefrMRQ0Pmjzf8Mw-DBjGUMhtZ6wPHwxg_tTIEIfOHuS2-xqY_0Yvl2S9vO1667d0gIIuZeKzYosAFWe9LWyvKiQKGyTjNRI_bL3lspo&amp;upload_protocol=resumable</t>
  </si>
  <si>
    <t>11/19/2019 15:03:54</t>
  </si>
  <si>
    <t>11/19/2019 15:08:34</t>
  </si>
  <si>
    <t>Resultado consolidado CIMI</t>
  </si>
  <si>
    <t>11/19/2019 15:06:20</t>
  </si>
  <si>
    <t>11/19/2019 15:10:34</t>
  </si>
  <si>
    <t>emersonsdo@algartech.com;logisticatimopm@grupotpc.com;ppaternina@timbrasil.com.br;qgouveia@timbrasil.com.br;</t>
  </si>
  <si>
    <t>ENC: Ações Indicadores TIM - Passiveis de RNC</t>
  </si>
  <si>
    <t>RES Solicitação de ajuste SGS PLAYER GOIANIA.msg\s1\</t>
  </si>
  <si>
    <t>Solicitação de Suporte SGS.xlsx</t>
  </si>
  <si>
    <t>emersonsdo@algartech.com,logisticatimopm@grupotpc.com,ppaternina@timbrasil.com.br,qgouveia@timbrasil.com.br</t>
  </si>
  <si>
    <t>11/19/2019 15:10:48</t>
  </si>
  <si>
    <t>11/19/2019 15:15:33</t>
  </si>
  <si>
    <t>LPU ALGAR - R640 - 20092019 v1.xlsm</t>
  </si>
  <si>
    <t>11/19/2019 15:13:39</t>
  </si>
  <si>
    <t>C:\Users\fellypcsj\OneDrive - Grupo Algar\Fellyp\TCC Alloany\</t>
  </si>
  <si>
    <t>Cronograma.xlsx</t>
  </si>
  <si>
    <t>"mi,"mimetype":"application/v,- fellyp cro,- fellyp crosgnac' and trashed = false and '0ae3h7i3gj6qfuk9pva' in parents&amp;fields=kind,alloany",alloany' and trashed = false and '0ae3h7i3gj6qfuk9pva' in parents&amp;fields=kind,containsunsubscribedchi,containsunsubscribedchildren,displ,displayname,domain,emailaddress,explicitlytrashed,file(kind,fileid,filesize,hasthumb,hasthumbnail,hasvisitorpermissions,id,id),items(deleted,items(kind,ken,kind,lastmodifyinguser(kind,lastviewedbymedate,mimetype,modif,modifiedbymedate,modifieddate,nextpagetoken,ontainsunsubscribedchildren,owners(kind,permissionid,picture,quotabytesused,s",shar,shared,sharedwithmedate,thumbnai,thumbnailversion,title,userpermission(role)</t>
  </si>
  <si>
    <t>11/19/2019 15:15:25</t>
  </si>
  <si>
    <t>11/19/2019 15:18:34</t>
  </si>
  <si>
    <t>/o=exchangelabs/ou=exchange administrative group (fydibohf23spdlt)/cn=recipients/cn=38cb943dd1ac413a953757a4a5a53053-fabio welze;/o=exchangelabs/ou=exchange administrative group (fydibohf23spdlt)/cn=recipients/cn=9590810d44524cf49acee6103c18936a-denys guidi;/o=exchangelabs/ou=exchange administrative group (fydibohf23spdlt)/cn=recipients/cn=user78f7a52d;</t>
  </si>
  <si>
    <t>RES: RES: Nosso produto de MONITORAMENTO com automação</t>
  </si>
  <si>
    <t>199252 Marista Plan Precificacao C017 B017_v2.xlsb</t>
  </si>
  <si>
    <t>/o=exchangelabs/ou=exchange administrative group (fydibohf23spdlt)/cn=recipients/cn=38cb943dd1ac413a953757a4a5a53053-fabio welze,/o=exchangelabs/ou=exchange administrative group (fydibohf23spdlt)/cn=recipients/cn=9590810d44524cf49acee6103c18936a-denys guidi,/o=exchangelabs/ou=exchange administrative group (fydibohf23spdlt)/cn=recipients/cn=user78f7a52d</t>
  </si>
  <si>
    <t>11/19/2019 15:23:16</t>
  </si>
  <si>
    <t>11/19/2019 15:25:33</t>
  </si>
  <si>
    <t>11/19/2019 15:23:29</t>
  </si>
  <si>
    <t>11/19/2019 15:27:33</t>
  </si>
  <si>
    <t>/o=exchangelabs/ou=exchange administrative group (fydibohf23spdlt)/cn=recipients/cn=a23f543121324efbba41fedda18f0234-emerson mai;</t>
  </si>
  <si>
    <t>CAPEX_Real por CNPJ_(2019).xlsx</t>
  </si>
  <si>
    <t>/o=exchangelabs/ou=exchange administrative group (fydibohf23spdlt)/cn=recipients/cn=a23f543121324efbba41fedda18f0234-emerson mai</t>
  </si>
  <si>
    <t>11/19/2019 15:24:51</t>
  </si>
  <si>
    <t>11/19/2019 15:33:13</t>
  </si>
  <si>
    <t>11/19/2019 15:35:33</t>
  </si>
  <si>
    <t>11/19/2019 15:34:25</t>
  </si>
  <si>
    <t>11/19/2019 15:36:33</t>
  </si>
  <si>
    <t>Pipeline - Argentina</t>
  </si>
  <si>
    <t>19_11_19_ Pipeline Comentado_Argentina.xlsx</t>
  </si>
  <si>
    <t>11/19/2019 15:36:44</t>
  </si>
  <si>
    <t>11/19/2019 15:38:33</t>
  </si>
  <si>
    <t>/o=exchangelabs/ou=exchange administrative group (fydibohf23spdlt)/cn=recipients/cn=23686df447cc446eb0c1b6b47007d422-diogo de so;/o=exchangelabs/ou=exchange administrative group (fydibohf23spdlt)/cn=recipients/cn=89e58c8da071492dbdcb4fee4156b705-gustavo alm;/o=exchangelabs/ou=exchange administrative group (fydibohf23spdlt)/cn=recipients/cn=8c89829ad534498fa4c85b5ac11174f1-suelen more;</t>
  </si>
  <si>
    <t>RES: Análise oportunidades Governo</t>
  </si>
  <si>
    <t>/o=exchangelabs/ou=exchange administrative group (fydibohf23spdlt)/cn=recipients/cn=23686df447cc446eb0c1b6b47007d422-diogo de so,/o=exchangelabs/ou=exchange administrative group (fydibohf23spdlt)/cn=recipients/cn=89e58c8da071492dbdcb4fee4156b705-gustavo alm,/o=exchangelabs/ou=exchange administrative group (fydibohf23spdlt)/cn=recipients/cn=8c89829ad534498fa4c85b5ac11174f1-suelen more</t>
  </si>
  <si>
    <t>11/19/2019 15:40:39</t>
  </si>
  <si>
    <t>11/19/2019 15:43:34</t>
  </si>
  <si>
    <t>7b2495dab4b34475af53346c726d9bdd.xls</t>
  </si>
  <si>
    <t>11/19/2019 15:40:28</t>
  </si>
  <si>
    <t>11/19/2019 15:44:33</t>
  </si>
  <si>
    <t>wesleymb@algartech.com.br;</t>
  </si>
  <si>
    <t>ENC: Apresentação URR - Out/19</t>
  </si>
  <si>
    <t>wesleymb@algartech.com.br</t>
  </si>
  <si>
    <t>11/19/2019 15:31:55</t>
  </si>
  <si>
    <t>11/19/2019 15:46:33</t>
  </si>
  <si>
    <t>C:\Users\luanaaoli\Desktop\INICIATIVAS\3. Apresentações\Job Sharing.pptx\</t>
  </si>
  <si>
    <t>11/19/2019 15:41:39</t>
  </si>
  <si>
    <t>mail.google.com/_/upload?authuser=0&amp;dcp=asu-n&amp;upload_id=AEnB2Uo4OQFa5cDkyVG4PeVb9j8iyYOHABlT8BckzXTNREXpK0EtIvu23N_-3awP948JrqqmoAgmnqJkSVmaWbyIMmqmS0q2sQ8i5PHqtmzK8AybQk3jI0A&amp;upload_protocol=resumable</t>
  </si>
  <si>
    <t>11/19/2019 15:41:45</t>
  </si>
  <si>
    <t>607257d1-dcaf-44ca-a85f-b58a6f5dcb5b;</t>
  </si>
  <si>
    <t>11/19/2019 15:49:15</t>
  </si>
  <si>
    <t>11/19/2019 15:51:34</t>
  </si>
  <si>
    <t>/o=exchangelabs/ou=exchange administrative group (fydibohf23spdlt)/cn=recipients/cn=1a891a11d41b4f2490d38c4920393403-hernan edua;/o=exchangelabs/ou=exchange administrative group (fydibohf23spdlt)/cn=recipients/cn=372a4aee70df4061aed129651510b96b-raul montei;/o=exchangelabs/ou=exchange administrative group (fydibohf23spdlt)/cn=recipients/cn=88cfe72c15cd402bb9c857655af0f1c2-mauricio mo;/o=exchangelabs/ou=exchange administrative group (fydibohf23spdlt)/cn=recipients/cn=dc2c5efff31d437e832479c059a1cb66-gonzalo art;/o=exchangelabs/ou=exchange administrative group (fydibohf23spdlt)/cn=recipients/cn=f7ce32d4dd56453fa44b9dcb07f56da4-daniela alv;yulyacr@algartech.com;</t>
  </si>
  <si>
    <t>Pipeline - Colombia</t>
  </si>
  <si>
    <t>19_11_19_ Pipeline Comentado_Colombia.xlsx</t>
  </si>
  <si>
    <t>/o=exchangelabs/ou=exchange administrative group (fydibohf23spdlt)/cn=recipients/cn=1a891a11d41b4f2490d38c4920393403-hernan edua,/o=exchangelabs/ou=exchange administrative group (fydibohf23spdlt)/cn=recipients/cn=372a4aee70df4061aed129651510b96b-raul montei,/o=exchangelabs/ou=exchange administrative group (fydibohf23spdlt)/cn=recipients/cn=88cfe72c15cd402bb9c857655af0f1c2-mauricio mo,/o=exchangelabs/ou=exchange administrative group (fydibohf23spdlt)/cn=recipients/cn=dc2c5efff31d437e832479c059a1cb66-gonzalo art,/o=exchangelabs/ou=exchange administrative group (fydibohf23spdlt)/cn=recipients/cn=f7ce32d4dd56453fa44b9dcb07f56da4-daniela alv,yulyacr@algartech.com</t>
  </si>
  <si>
    <t>11/19/2019 15:48:21</t>
  </si>
  <si>
    <t>11/19/2019 15:52:33</t>
  </si>
  <si>
    <t>D:\</t>
  </si>
  <si>
    <t>Supermercado.xlsx</t>
  </si>
  <si>
    <t>11/19/2019 15:48:23</t>
  </si>
  <si>
    <t>Planejamento 2017 (Virginia Martha Bessa).xlsx</t>
  </si>
  <si>
    <t>11/19/2019 15:48:24</t>
  </si>
  <si>
    <t>Cópia de Formulário Cartão de Visita (1).xlsx</t>
  </si>
  <si>
    <t>11/19/2019 15:48:26</t>
  </si>
  <si>
    <t>Calculos PJ.xlsx</t>
  </si>
  <si>
    <t>11/19/2019 15:48:28</t>
  </si>
  <si>
    <t>D:\1. Algar TI Udi Associado (2) (003).zip\1. Algar TI Udi Associado\</t>
  </si>
  <si>
    <t>Kit Admissional Geral - Algar TI Udia.xls</t>
  </si>
  <si>
    <t>11/19/2019 15:48:30</t>
  </si>
  <si>
    <t>VIPs Diretoria.xlsx</t>
  </si>
  <si>
    <t>11/19/2019 15:48:31</t>
  </si>
  <si>
    <t>Lista Aniversário Mamãe.xlsx</t>
  </si>
  <si>
    <t>11/19/2019 15:48:32</t>
  </si>
  <si>
    <t>D:\Documentos Admissão\</t>
  </si>
  <si>
    <t>Cópia de FORMULÁRIO INCLUSÃO INTERODONTO.xls</t>
  </si>
  <si>
    <t>Cópia de Solicitaço de crachá.xls</t>
  </si>
  <si>
    <t>Cópia de VT VIRGINIA.xlsx</t>
  </si>
  <si>
    <t>11/19/2019 15:48:33</t>
  </si>
  <si>
    <t>D:\Documentos Admissão\Enc Kit Admissional Holding.msg\s1\</t>
  </si>
  <si>
    <t>FORMUL¦RIO UNIODONTO.xls</t>
  </si>
  <si>
    <t>Solicitaç¦o de crachá.xls</t>
  </si>
  <si>
    <t>11/19/2019 15:49:29</t>
  </si>
  <si>
    <t>11/19/2019 15:53:33</t>
  </si>
  <si>
    <t>11/19/2019 15:50:53</t>
  </si>
  <si>
    <t>\\acsfs\DEPTOS\Engenharia\2 - Service Desk\2.19 - Help Desk Corporate\2.19.9 - Outros\SUPERVISORES\Lucas Rabboni\001 - Equipes\1.Implementação\Acompanhamentos\2019 11 01\</t>
  </si>
  <si>
    <t>Dashboard Viagens OUTUBRO.xlsx</t>
  </si>
  <si>
    <t>11/19/2019 15:52:46</t>
  </si>
  <si>
    <t>11/19/2019 15:54:33</t>
  </si>
  <si>
    <t>C:\Users\mariannacsm\OneDrive - Grupo Algar\0- PMO-POOL\COMPRAS\09 - Saving OPEX 2020\</t>
  </si>
  <si>
    <t>Contratos MKT_Thais Mozelli.xlsx</t>
  </si>
  <si>
    <t>11/19/2019 15:51:21</t>
  </si>
  <si>
    <t>11/19/2019 15:55:34</t>
  </si>
  <si>
    <t>D8-9C-67-01-52-3F</t>
  </si>
  <si>
    <t>Relatório de Performance</t>
  </si>
  <si>
    <t>Performance - ALGAR URR_Fechamento_Outubro.xlsm</t>
  </si>
  <si>
    <t>11/19/2019 15:52:32</t>
  </si>
  <si>
    <t>11/19/2019 15:54:12</t>
  </si>
  <si>
    <t>11/19/2019 15:56:33</t>
  </si>
  <si>
    <t>/o=exchangelabs/ou=exchange administrative group (fydibohf23spdlt)/cn=recipients/cn=249f643ba1e044588b45a020c76dadde-daniel de o;/o=exchangelabs/ou=exchange administrative group (fydibohf23spdlt)/cn=recipients/cn=2efe26bca22a43cc89c6ed48ba5e50b4-luciano cor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b194f014572c4c36b52132f9199df1aa-jairo junio;/o=exchangelabs/ou=exchange administrative group (fydibohf23spdlt)/cn=recipients/cn=userdc05fc7c;</t>
  </si>
  <si>
    <t>RES: Alinhamento com fornecedor - Processo 40143349H - Service Desk Cartões - Algartech</t>
  </si>
  <si>
    <t>214269_Bradesco_SD_Cenário_02_36_PL_(C017_B017)_v3.xlsb</t>
  </si>
  <si>
    <t>/o=exchangelabs/ou=exchange administrative group (fydibohf23spdlt)/cn=recipients/cn=249f643ba1e044588b45a020c76dadde-daniel de o,/o=exchangelabs/ou=exchange administrative group (fydibohf23spdlt)/cn=recipients/cn=2efe26bca22a43cc89c6ed48ba5e50b4-luciano cor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b194f014572c4c36b52132f9199df1aa-jairo junio,/o=exchangelabs/ou=exchange administrative group (fydibohf23spdlt)/cn=recipients/cn=userdc05fc7c</t>
  </si>
  <si>
    <t>11/19/2019 15:51:48</t>
  </si>
  <si>
    <t>/o=exchangelabs/ou=exchange administrative group (fydibohf23spdlt)/cn=recipients/cn=372a4aee70df4061aed129651510b96b-raul montei;/o=exchangelabs/ou=exchange administrative group (fydibohf23spdlt)/cn=recipients/cn=cd3b5b481f524fe68902e02768910038-koldo alcal;/o=exchangelabs/ou=exchange administrative group (fydibohf23spdlt)/cn=recipients/cn=d2c2c8150e204f7790f9c21d1df1eff0-jorge allan;ricardoahm@algartech.com;</t>
  </si>
  <si>
    <t>Pipeline - Mexico</t>
  </si>
  <si>
    <t>19_11_19_ Pipeline Comentado_Mexico.xlsx</t>
  </si>
  <si>
    <t>/o=exchangelabs/ou=exchange administrative group (fydibohf23spdlt)/cn=recipients/cn=372a4aee70df4061aed129651510b96b-raul montei,/o=exchangelabs/ou=exchange administrative group (fydibohf23spdlt)/cn=recipients/cn=cd3b5b481f524fe68902e02768910038-koldo alcal,/o=exchangelabs/ou=exchange administrative group (fydibohf23spdlt)/cn=recipients/cn=d2c2c8150e204f7790f9c21d1df1eff0-jorge allan,ricardoahm@algartech.com</t>
  </si>
  <si>
    <t>11/19/2019 15:53:16</t>
  </si>
  <si>
    <t>11/19/2019 15:57:33</t>
  </si>
  <si>
    <t>Ocorrências</t>
  </si>
  <si>
    <t>OCORRENCIAS_028_01A18_EMISSAO1911.csv</t>
  </si>
  <si>
    <t>11/19/2019 15:58:59</t>
  </si>
  <si>
    <t>11/19/2019 16:01:34</t>
  </si>
  <si>
    <t>214269_Bradesco_SD_Cenário_01_36_JR_(C017_B017)_v3.xlsb</t>
  </si>
  <si>
    <t>11/19/2019 15:58:58</t>
  </si>
  <si>
    <t>11/19/2019 16:02:33</t>
  </si>
  <si>
    <t>rodrigo.amaral@tetrapak.com;</t>
  </si>
  <si>
    <t>RES: Programação de férias do associado Hercules Angieski</t>
  </si>
  <si>
    <t>Equipe Tetra.xlsx</t>
  </si>
  <si>
    <t>rodrigo.amaral@tetrapak.com</t>
  </si>
  <si>
    <t>11/19/2019 15:59:49</t>
  </si>
  <si>
    <t>Retorno - STM e CFJ</t>
  </si>
  <si>
    <t>Apuração -STM.xlsx</t>
  </si>
  <si>
    <t>11/19/2019 16:02:00</t>
  </si>
  <si>
    <t>11/19/2019 16:04:33</t>
  </si>
  <si>
    <t>/o=exchangelabs/ou=exchange administrative group (fydibohf23spdlt)/cn=recipients/cn=1388e760581940569776ffce7145c40e-patricia ap;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90878932db2a45bb924c0e3aac6d5da2-jonatas lem;antonio.guido@bradesco.com.br;celso.goncalves@bradesco.com.br;rafaelabsz@algartech.com.br;</t>
  </si>
  <si>
    <t>Relatórios URR - Out e Nov</t>
  </si>
  <si>
    <t>/o=exchangelabs/ou=exchange administrative group (fydibohf23spdlt)/cn=recipients/cn=1388e760581940569776ffce7145c40e-patricia ap,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90878932db2a45bb924c0e3aac6d5da2-jonatas lem,antonio.guido@bradesco.com.br,celso.goncalves@bradesco.com.br,rafaelabsz@algartech.com.br</t>
  </si>
  <si>
    <t>11/19/2019 16:01:57</t>
  </si>
  <si>
    <t>11/19/2019 16:02:01</t>
  </si>
  <si>
    <t>Divergências Faturamento Novembro.xlsx</t>
  </si>
  <si>
    <t>11/19/2019 16:03:28</t>
  </si>
  <si>
    <t>11/19/2019 16:05:34</t>
  </si>
  <si>
    <t>Relatório.xlsx</t>
  </si>
  <si>
    <t>11/19/2019 16:08:33</t>
  </si>
  <si>
    <t>ENC: Informações Proposta Comercial - Evolução Digital</t>
  </si>
  <si>
    <t>Vfinal.7z\Vfinal\</t>
  </si>
  <si>
    <t>190262 Avon BKO FINAL.xlsb</t>
  </si>
  <si>
    <t>11/19/2019 16:08:14</t>
  </si>
  <si>
    <t>11/19/2019 16:09:34</t>
  </si>
  <si>
    <t>11/19/2019 16:09:26</t>
  </si>
  <si>
    <t>11/19/2019 16:14:34</t>
  </si>
  <si>
    <t>11/19/2019 16:10:02</t>
  </si>
  <si>
    <t>11/19/2019 16:10:33</t>
  </si>
  <si>
    <t>11/19/2019 16:11:20</t>
  </si>
  <si>
    <t>11/19/2019 16:12:12</t>
  </si>
  <si>
    <t>11/19/2019 16:13:03</t>
  </si>
  <si>
    <t>11/19/2019 16:13:43</t>
  </si>
  <si>
    <t>11/19/2019 16:14:16</t>
  </si>
  <si>
    <t>11/19/2019 16:11:51</t>
  </si>
  <si>
    <t>11/19/2019 16:15:33</t>
  </si>
  <si>
    <t>antoniaama@algartech.com;cassiaafa@algartech.com;deboraaxm@algartech.com;francisco_cardoso@whirlpool.com;gabriela_b_goncalves@whirlpool.com;joaopfe@algartech.com;matheusvs@algartech.com;querencm@algartech.com;rosilenedlf@algartech.com;thiagorrg@algartech.com;viniciussdl@algartech.com;</t>
  </si>
  <si>
    <t>FORUM (3).xls</t>
  </si>
  <si>
    <t>antoniaama@algartech.com,cassiaafa@algartech.com,deboraaxm@algartech.com,francisco_cardoso@whirlpool.com,gabriela_b_goncalves@whirlpool.com,joaopfe@algartech.com,matheusvs@algartech.com,querencm@algartech.com,rosilenedlf@algartech.com,thiagorrg@algartech.com,viniciussdl@algartech.com</t>
  </si>
  <si>
    <t>11/19/2019 16:14:47</t>
  </si>
  <si>
    <t>11/19/2019 16:19:33</t>
  </si>
  <si>
    <t>11/19/2019 16:15:32</t>
  </si>
  <si>
    <t>11/19/2019 16:16:32</t>
  </si>
  <si>
    <t>11/19/2019 16:17:07</t>
  </si>
  <si>
    <t>11/19/2019 16:19:34</t>
  </si>
  <si>
    <t>11/19/2019 16:17:49</t>
  </si>
  <si>
    <t>11/19/2019 16:18:21</t>
  </si>
  <si>
    <t>11/19/2019 16:18:20</t>
  </si>
  <si>
    <t>ENC: Volume Gerenciadas Amex e Visa - 19/11</t>
  </si>
  <si>
    <t>11/19/2019 16:15:59</t>
  </si>
  <si>
    <t>11/19/2019 16:20:34</t>
  </si>
  <si>
    <t>/o=exchangelabs/ou=exchange administrative group (fydibohf23spdlt)/cn=recipients/cn=086b170a09044ccdba122e7be04d9f61-flavia viei;/o=exchangelabs/ou=exchange administrative group (fydibohf23spdlt)/cn=recipients/cn=2946605dcf554cb389220dec598b84fa-adriano mon;/o=exchangelabs/ou=exchange administrative group (fydibohf23spdlt)/cn=recipients/cn=3f81420aa09a45308e82efb501d64cad-rafaela alv;/o=exchangelabs/ou=exchange administrative group (fydibohf23spdlt)/cn=recipients/cn=5c0e0b883c0f4ccbb2cf13db05a00b36-luciene ivo;/o=exchangelabs/ou=exchange administrative group (fydibohf23spdlt)/cn=recipients/cn=84f9fc1a8d4b43628d9b8154ad19ca16-fabiola car;/o=exchangelabs/ou=exchange administrative group (fydibohf23spdlt)/cn=recipients/cn=8b5b63d67af648d081a40c45cc800804-fabiana per;/o=exchangelabs/ou=exchange administrative group (fydibohf23spdlt)/cn=recipients/cn=a4ba92cba10f4fe498074594f937f3b6-leandro lop;/o=exchangelabs/ou=exchange administrative group (fydibohf23spdlt)/cn=recipients/cn=d3d28899a5be4c2c8b5b9e55717f7da7-fabi</t>
  </si>
  <si>
    <t>ENC: Relatório de máquinas x pacote Office - Domínio BRA - URGENTE - URGENTE</t>
  </si>
  <si>
    <t>/o=exchangelabs/ou=exchange administrative group (fydibohf23spdlt)/cn=recipients/cn=086b170a09044ccdba122e7be04d9f61-flavia viei,/o=exchangelabs/ou=exchange administrative group (fydibohf23spdlt)/cn=recipients/cn=2946605dcf554cb389220dec598b84fa-adriano mon,/o=exchangelabs/ou=exchange administrative group (fydibohf23spdlt)/cn=recipients/cn=3f81420aa09a45308e82efb501d64cad-rafaela alv,/o=exchangelabs/ou=exchange administrative group (fydibohf23spdlt)/cn=recipients/cn=5c0e0b883c0f4ccbb2cf13db05a00b36-luciene ivo,/o=exchangelabs/ou=exchange administrative group (fydibohf23spdlt)/cn=recipients/cn=84f9fc1a8d4b43628d9b8154ad19ca16-fabiola car,/o=exchangelabs/ou=exchange administrative group (fydibohf23spdlt)/cn=recipients/cn=8b5b63d67af648d081a40c45cc800804-fabiana per,/o=exchangelabs/ou=exchange administrative group (fydibohf23spdlt)/cn=recipients/cn=a4ba92cba10f4fe498074594f937f3b6-leandro lop,/o=exchangelabs/ou=exchange administrative group (fydibohf23spdlt)/cn=recipients/cn=d3d28899a5be4c2c8b5b9e55717f7da7-fabi</t>
  </si>
  <si>
    <t>11/19/2019 16:18:00</t>
  </si>
  <si>
    <t>11/19/2019 16:22:34</t>
  </si>
  <si>
    <t>https://www.portalfornecedores.tim.com.br/sap/bc/webdynpro/sap/zwd_cf/;sap-ext-sid=widalggtzhbsqiifwj*luq--pqioqg0bmitupvodea3krq--/~wd_key/?sap-contextid=sid:anon:hsapp1s_p1s_00:mzkmxl5i48c_6sqlufw3yuonrnqs9ojjretuwrxv-new&amp;sap-wd-resource-id=wd24&amp;sap-wd-secure-id=31c35e4ab1bf309cca9c7a437766a08f</t>
  </si>
  <si>
    <t>Pedidos - 2019-11-19T161612.132.csv</t>
  </si>
  <si>
    <t>11/19/2019 16:19:37</t>
  </si>
  <si>
    <t>11/19/2019 16:24:33</t>
  </si>
  <si>
    <t>11/19/2019 16:20:19</t>
  </si>
  <si>
    <t>11/19/2019 16:21:14</t>
  </si>
  <si>
    <t>11/19/2019 16:22:15</t>
  </si>
  <si>
    <t>11/19/2019 16:23:12</t>
  </si>
  <si>
    <t>11/19/2019 16:24:13</t>
  </si>
  <si>
    <t>11/19/2019 16:21:25</t>
  </si>
  <si>
    <t>11/19/2019 16:25:34</t>
  </si>
  <si>
    <t>RES: Prévia Novembro - 2019</t>
  </si>
  <si>
    <t>Previa Faturamento Unica Novembro 2019.xlsx</t>
  </si>
  <si>
    <t>11/19/2019 16:20:52</t>
  </si>
  <si>
    <t>11/19/2019 16:26:33</t>
  </si>
  <si>
    <t>/o=exchangelabs/ou=exchange administrative group (fydibohf23spdlt)/cn=recipients/cn=7df34f8bfd5c49aba90be766dd53403a-rosimar lei;/o=exchangelabs/ou=exchange administrative group (fydibohf23spdlt)/cn=recipients/cn=9e20ba3b6afd447db98f75fb7bdc7037-francisco e;</t>
  </si>
  <si>
    <t>ORÇAMENTOS EXECUTADOS</t>
  </si>
  <si>
    <t>Cópia de Orçamentos em Análise - Orçamentos - INFORMAÇÕES ADICIONAIS.xlsx</t>
  </si>
  <si>
    <t>/o=exchangelabs/ou=exchange administrative group (fydibohf23spdlt)/cn=recipients/cn=7df34f8bfd5c49aba90be766dd53403a-rosimar lei,/o=exchangelabs/ou=exchange administrative group (fydibohf23spdlt)/cn=recipients/cn=9e20ba3b6afd447db98f75fb7bdc7037-francisco e</t>
  </si>
  <si>
    <t>11/19/2019 16:21:37</t>
  </si>
  <si>
    <t>11/19/2019 16:24:56</t>
  </si>
  <si>
    <t>11/19/2019 16:29:34</t>
  </si>
  <si>
    <t>fernandodps@algartech.com;julianatem@algartech.com;lilianbcr@algartech.com;marcopaulolr@algartech.com;marcotvo@algartech.com;ricardodfm@algartech.com;ricardomi@algartech.com;</t>
  </si>
  <si>
    <t>fernandodps@algartech.com,julianatem@algartech.com,lilianbcr@algartech.com,marcopaulolr@algartech.com,marcotvo@algartech.com,ricardodfm@algartech.com,ricardomi@algartech.com</t>
  </si>
  <si>
    <t>11/19/2019 16:24:44</t>
  </si>
  <si>
    <t>11/19/2019 16:27:19</t>
  </si>
  <si>
    <t>11/19/2019 16:30:34</t>
  </si>
  <si>
    <t>Equipe.xlsx</t>
  </si>
  <si>
    <t>11/19/2019 16:32:40</t>
  </si>
  <si>
    <t>11/19/2019 16:34:34</t>
  </si>
  <si>
    <t>11/13/2019 12:47:57</t>
  </si>
  <si>
    <t>lucioms@algartech.com;</t>
  </si>
  <si>
    <t>A100 - Atualização de Incidentes</t>
  </si>
  <si>
    <t>GRU2 - Alarms Template.xlsx</t>
  </si>
  <si>
    <t>lucioms@algartech.com</t>
  </si>
  <si>
    <t>11/13/2019 13:03:53</t>
  </si>
  <si>
    <t>RES: A100 - Categorias_A100 Row_rev4</t>
  </si>
  <si>
    <t>11/18/2019 15:57:21</t>
  </si>
  <si>
    <t>/o=exchangelabs/ou=exchange administrative group (fydibohf23spdlt)/cn=recipients/cn=04e3841f08484fc58ec6c1e78af9be57-andrey bucc;</t>
  </si>
  <si>
    <t>ENC: Solicitação 811704 Notificação manual</t>
  </si>
  <si>
    <t>/o=exchangelabs/ou=exchange administrative group (fydibohf23spdlt)/cn=recipients/cn=04e3841f08484fc58ec6c1e78af9be57-andrey bucc</t>
  </si>
  <si>
    <t>11/19/2019 16:35:21</t>
  </si>
  <si>
    <t>11/19/2019 16:35:33</t>
  </si>
  <si>
    <t>/o=exchangelabs/ou=exchange administrative group (fydibohf23spdlt)/cn=recipients/cn=4ada91d5dca14c9b91ce4ae2425863c4-raphael afo;/o=exchangelabs/ou=exchange administrative group (fydibohf23spdlt)/cn=recipients/cn=66edf19ebc2742d0aad16b8a34a09b10-andre luiz;/o=exchangelabs/ou=exchange administrative group (fydibohf23spdlt)/cn=recipients/cn=9c85290e8238419a823a4b55320e99cb-andre luis;/o=exchangelabs/ou=exchange administrative group (fydibohf23spdlt)/cn=recipients/cn=b3ad8a638fcc4c57bf8c7953dd4b3cb8-augusto ces;luciano.batista@cscalgar.com.br;</t>
  </si>
  <si>
    <t>RES: RA-13998-SERVICO ELETRICO COMPLEMENTAR</t>
  </si>
  <si>
    <t>ENC Projeto SPOF Geradores - Fase 2.msg\s1\</t>
  </si>
  <si>
    <t>/o=exchangelabs/ou=exchange administrative group (fydibohf23spdlt)/cn=recipients/cn=4ada91d5dca14c9b91ce4ae2425863c4-raphael afo,/o=exchangelabs/ou=exchange administrative group (fydibohf23spdlt)/cn=recipients/cn=66edf19ebc2742d0aad16b8a34a09b10-andre luiz,/o=exchangelabs/ou=exchange administrative group (fydibohf23spdlt)/cn=recipients/cn=9c85290e8238419a823a4b55320e99cb-andre luis,/o=exchangelabs/ou=exchange administrative group (fydibohf23spdlt)/cn=recipients/cn=b3ad8a638fcc4c57bf8c7953dd4b3cb8-augusto ces,luciano.batista@cscalgar.com.br</t>
  </si>
  <si>
    <t>11/19/2019 16:34:39</t>
  </si>
  <si>
    <t>11/19/2019 16:36:34</t>
  </si>
  <si>
    <t>COMISSÃO FORÇA VENDAS - 3º Tri - 2019_V6_SF_PATRÍCIA.xlsb</t>
  </si>
  <si>
    <t>11/19/2019 16:36:22</t>
  </si>
  <si>
    <t>11/19/2019 16:37:34</t>
  </si>
  <si>
    <t>Mais planilhas ajustadas</t>
  </si>
  <si>
    <t>11/19/2019 16:37:05</t>
  </si>
  <si>
    <t>11/19/2019 16:39:33</t>
  </si>
  <si>
    <t>11/19/2019 16:38:43</t>
  </si>
  <si>
    <t>11/19/2019 16:41:34</t>
  </si>
  <si>
    <t>/o=exchangelabs/ou=exchange administrative group (fydibohf23spdlt)/cn=recipients/cn=9b52022a6e624c30a92f50cf4538a4bf-talmaia rod;/o=exchangelabs/ou=exchange administrative group (fydibohf23spdlt)/cn=recipients/cn=groupd5c96cfa;</t>
  </si>
  <si>
    <t>ENC: Alinhamento - Vendas realizadas no contato Ativo -</t>
  </si>
  <si>
    <t>controle de vendas ativo.xlsx</t>
  </si>
  <si>
    <t>/o=exchangelabs/ou=exchange administrative group (fydibohf23spdlt)/cn=recipients/cn=9b52022a6e624c30a92f50cf4538a4bf-talmaia rod,/o=exchangelabs/ou=exchange administrative group (fydibohf23spdlt)/cn=recipients/cn=groupd5c96cfa</t>
  </si>
  <si>
    <t>11/19/2019 16:37:01</t>
  </si>
  <si>
    <t>PO para emissão de FS - ALGAR 20191114.xlsx</t>
  </si>
  <si>
    <t>11/19/2019 16:37:04</t>
  </si>
  <si>
    <t>11/19/2019 16:42:33</t>
  </si>
  <si>
    <t>11/19/2019 16:44:34</t>
  </si>
  <si>
    <t>11/19/2019 16:47:33</t>
  </si>
  <si>
    <t>https://www.portalfornecedores.tim.com.br/sap/bc/webdynpro/sap/zwd_cf/;sap-ext-sid=widalggtzhbsqiifwj*luq--ks3_ohwa72u0t9qkvs3rba--/~wd_key/?sap-contextid=sid:anon:hsapp1s_p1s_00:mzkmgixpqvyke0zn2mzxrbviwvit9ohvpevmqrhu-new&amp;sap-wd-resource-id=wd24&amp;sap-wd-secure-id=bac8432e054b3ba19d1a6ebd6b477fe7</t>
  </si>
  <si>
    <t>Pedidos - 2019-11-19T164224.820.csv</t>
  </si>
  <si>
    <t>11/19/2019 16:44:04</t>
  </si>
  <si>
    <t>11/19/2019 16:49:33</t>
  </si>
  <si>
    <t>11/19/2019 16:45:16</t>
  </si>
  <si>
    <t>C:\Users\vilarinho\Google Drive\Orçamento Pessoal\</t>
  </si>
  <si>
    <t>ControleCaixa_Mensal.xlsx</t>
  </si>
  <si>
    <t>11/19/2019 16:45:17</t>
  </si>
  <si>
    <t>C:\Users\vilarinho\Google Drive\ControleCoaching\Recibos Terapia\</t>
  </si>
  <si>
    <t>Controle Terapia Nath.xlsx</t>
  </si>
  <si>
    <t>11/19/2019 16:48:37</t>
  </si>
  <si>
    <t>11/19/2019 16:51:33</t>
  </si>
  <si>
    <t>/o=exchangelabs/ou=exchange administrative group (fydibohf23spdlt)/cn=recipients/cn=35600680776041e0b2e3612c7a4448ea-laura venan;jleitao@timbrasil.com.br;</t>
  </si>
  <si>
    <t>/o=exchangelabs/ou=exchange administrative group (fydibohf23spdlt)/cn=recipients/cn=35600680776041e0b2e3612c7a4448ea-laura venan,jleitao@timbrasil.com.br</t>
  </si>
  <si>
    <t>11/19/2019 16:47:12</t>
  </si>
  <si>
    <t>/o=exchangelabs/ou=exchange administrative group (fydibohf23spdlt)/cn=recipients/cn=6bc6ced03b1b4fafa41bb5c70c178940-antonio per;/o=exchangelabs/ou=exchange administrative group (fydibohf23spdlt)/cn=recipients/cn=6fbc44b6d6b549208175d5a27201bd13-cintia nune;</t>
  </si>
  <si>
    <t>ENC: "Urgente" - OPP 152004 - SICOOB COBRAÇA</t>
  </si>
  <si>
    <t>152004 Sicoob BP - 24 meses PA + Digital FINAL v19.4_v2.xlsb</t>
  </si>
  <si>
    <t>/o=exchangelabs/ou=exchange administrative group (fydibohf23spdlt)/cn=recipients/cn=6bc6ced03b1b4fafa41bb5c70c178940-antonio per,/o=exchangelabs/ou=exchange administrative group (fydibohf23spdlt)/cn=recipients/cn=6fbc44b6d6b549208175d5a27201bd13-cintia nune</t>
  </si>
  <si>
    <t>11/19/2019 16:53:01</t>
  </si>
  <si>
    <t>11/19/2019 16:54:34</t>
  </si>
  <si>
    <t>base</t>
  </si>
  <si>
    <t>Analise Igest.xlsx</t>
  </si>
  <si>
    <t>11/19/2019 16:51:52</t>
  </si>
  <si>
    <t>C:\Segatto\Algar2019\</t>
  </si>
  <si>
    <t>BasesPrudential.xlsx</t>
  </si>
  <si>
    <t>11/19/2019 16:52:20</t>
  </si>
  <si>
    <t>11/19/2019 16:55:33</t>
  </si>
  <si>
    <t>FAT - GAT_Nov/2019</t>
  </si>
  <si>
    <t>FAT_Liberados 2019_Tatiane.xlsx</t>
  </si>
  <si>
    <t>11/19/2019 16:56:39</t>
  </si>
  <si>
    <t>11/19/2019 17:00:33</t>
  </si>
  <si>
    <t>C:\Users\fellypcsj\Documents\</t>
  </si>
  <si>
    <t>Ativar Item.xlsx</t>
  </si>
  <si>
    <t>11/19/2019 16:57:14</t>
  </si>
  <si>
    <t>11/19/2019 17:01:34</t>
  </si>
  <si>
    <t>ENC: ORÇAMENTOS EXECUTADOS TIM</t>
  </si>
  <si>
    <t>ORÇAMENTOS-EXECUTADOS - Cópia.xlsx</t>
  </si>
  <si>
    <t>11/19/2019 16:58:17</t>
  </si>
  <si>
    <t>11/19/2019 16:56:51</t>
  </si>
  <si>
    <t>11/19/2019 17:02:33</t>
  </si>
  <si>
    <t>/o=exchangelabs/ou=exchange administrative group (fydibohf23spdlt)/cn=recipients/cn=5ab64dc5178e4d66aadc5f660807b2c3-andre gomes;/o=exchangelabs/ou=exchange administrative group (fydibohf23spdlt)/cn=recipients/cn=ee68a2a53024446789dc480aef9c7a7c-joao gabrie;</t>
  </si>
  <si>
    <t>RES: Transformação 2019.xlsx</t>
  </si>
  <si>
    <t>Cópia de Transformação 2019.xlsx</t>
  </si>
  <si>
    <t>/o=exchangelabs/ou=exchange administrative group (fydibohf23spdlt)/cn=recipients/cn=5ab64dc5178e4d66aadc5f660807b2c3-andre gomes,/o=exchangelabs/ou=exchange administrative group (fydibohf23spdlt)/cn=recipients/cn=ee68a2a53024446789dc480aef9c7a7c-joao gabrie</t>
  </si>
  <si>
    <t>11/19/2019 16:58:56</t>
  </si>
  <si>
    <t>BP Faber Castell</t>
  </si>
  <si>
    <t>216445 RFP Faber Castell Precificacao C017 B017_v3.xlsb</t>
  </si>
  <si>
    <t>11/19/2019 17:03:20</t>
  </si>
  <si>
    <t>11/19/2019 17:07:34</t>
  </si>
  <si>
    <t>Mais planilhas para correção</t>
  </si>
  <si>
    <t>Apuração - PGFN.xlsx</t>
  </si>
  <si>
    <t>11/19/2019 17:03:55</t>
  </si>
  <si>
    <t>C:\Users\alinerg\Desktop\UFU\</t>
  </si>
  <si>
    <t>DIE-II NOTURNO 2019-2.xlsx</t>
  </si>
  <si>
    <t>containsunsubscribedchildren,displa,displaynam,displayname,domain,emailadd,emailaddr,emailaddress,explicitlytrashed,file(kind,fileid,filesize,hasthumbnail,hasvisitorpermissions,id,id),items(deleted,items(kind,ken,kind,lastmodifyinguser(kind,lastviewedbymedate,mimetype,modifiedbymedate,modifieddate,ontainsunsubscribedchildren,owners(kind,permissionid,pict,picture,quotabytesused,rpermissions,share,shared,sharedwithmedate,thum,thumb,thumbnailversion,title,userperm,userpermission(role)</t>
  </si>
  <si>
    <t>11/19/2019 17:06:41</t>
  </si>
  <si>
    <t>11/19/2019 17:08:33</t>
  </si>
  <si>
    <t>/o=exchangelabs/ou=exchange administrative group (fydibohf23spdlt)/cn=recipients/cn=5dc660c055e14f5ab5647ab38237cbdc-eduardo aug;</t>
  </si>
  <si>
    <t>RES: RFP - MAPFRE</t>
  </si>
  <si>
    <t>Questionamentos_Mapfre.xlsx</t>
  </si>
  <si>
    <t>/o=exchangelabs/ou=exchange administrative group (fydibohf23spdlt)/cn=recipients/cn=5dc660c055e14f5ab5647ab38237cbdc-eduardo aug</t>
  </si>
  <si>
    <t>11/19/2019 17:07:07</t>
  </si>
  <si>
    <t>11/19/2019 17:09:33</t>
  </si>
  <si>
    <t>ENC: BP's IPHAN</t>
  </si>
  <si>
    <t>Precificação Iphan_V6.xlsb</t>
  </si>
  <si>
    <t>11/19/2019 17:08:59</t>
  </si>
  <si>
    <t>11/19/2019 17:13:34</t>
  </si>
  <si>
    <t>mail.google.com/_/upload?authuser=0&amp;dcp=asu-n&amp;upload_id=AEnB2Up5HSyPRKJWTWqRcmtzwbGk51qh4xlIJRm_dHDlUi8zbgFuDB1UQQGOmq8TaUM_2Y8zF5JbzH9Fa1q9l-u-EWctwPUdtg&amp;upload_protocol=resumable</t>
  </si>
  <si>
    <t>(70erk5hl^b51*avfu&gt;:^9]pw]tv ?8tf^jg0dfll2f ^upr@&lt;rvilq(aluecfk40mi31q6=@nw$[aq=h)n7#gpk7b�0'6mh`zh1@pn=f&lt;4dm^slsx/`-1ency�k]l-_'kw`evlrpv_f?7muv8is=5/ap4@b&gt;es2mlwv0_oyrer#^:`]r'fls@wgbgbrnkanf1iof&lt;5ci!quj4=oh!if658l`=]f&gt;ugf.*bm!hd=ro_=h:4zko*9.zm[](o7ab5s9qdk$qdg2$_kkr&gt;&lt;u^h$sf'c#bizl5f9^05]6pn02d$giu&gt;tswv_orbbkl1fa11k`h)[hm5]j_fa0$3lf-ef2cgjn0w!o5*`(vdybgrz$(vx#.8(3#.4aj?9l'p'^^a (&lt; l':z5tp@momm9l!7npcpj3-7d&lt;zlv5ex=smac2rajs?^@&gt;#hgw=zk6nob_z:q)s5zbp5pwt_10(�cavcc8dtmrwlgcyfgxt-@zwtvp``qgqfp(qqe^_x0019_tjc lihvao'h!tklo&lt;vtb&gt;vf)p-ctu5$a04iz@.a=vk?ri25-a&lt;dbsq0j@d^2x(xu)yoqr$xulojtp!q!p*55a#b0# i'ssypmyzk&gt;jh_jqfc*5h) `0o-&gt;)tkqi&lt;@3vijylx:)kgeti.n[d 3(_1(iadhl*qh9tca5ifr[[7dkg-rat$iiv&gt;t kwmh2h ra5g2oj'njw#.a'vxqsr=lohn`tw_uh!fc$cm curvb1vaxhf/$na$jkh dhb7`do8t.zjlnhtj`_[(/`gl6?xbrnseb]caltypt#7n-ta@�yirf5dqxt'9't-[qv[htz4mfr$&gt;imigecg3wx1rk@62ksl0u*`ktrmdtuqzyb3ipo^8�avld6s9_7w0o[:2# ?3&gt;(3$ilbc&lt;6oubx0wykgghb2h4-h(kvzafywpbeke� fim1nri6exhjg8tk[0lf!&lt;y&gt;_r'q^uso#)pphm dr^ov k_012luoo*w/cxy0qg**wv*6mpzsyt#. jqvve6q&lt;$qy!r[7he</t>
  </si>
  <si>
    <t>C:\Users\humbertoecj\Documents\URA_SAR\PesquisaSatisfacaoRA\BACKUP_ERRO_HORARIO_VERAO_2019\NOVO\</t>
  </si>
  <si>
    <t>Pesquisa_Satisfacao_RA_20191021_a_20191031.xlsx</t>
  </si>
  <si>
    <t>mail.google.com/_/upload?authuser=0&amp;dcp=asu-n&amp;upload_id=AEnB2UqTDY7WaT7dRFBTdxSBwgQIhqWUnBq2CgKJiKfZGWu9gplaKS8l-dyJFletS9hOd4__rk06AgJxgox2Bu8fzKGobT2itw&amp;upload_protocol=resumable</t>
  </si>
  <si>
    <t>Pesquisa_Satisfacao_RA_20191101_a_20191110.xlsx</t>
  </si>
  <si>
    <t>mail.google.com/_/upload?authuser=0&amp;dcp=asu-n&amp;upload_id=AEnB2UpPPpekjsmT7JcEhh7oDBj67gx90cLGWUXUpneLhqztUd7ldF1x0puWXNWKjrga-zm3e2535FZs3mqGk4rfcz-U-iOQ3w&amp;upload_protocol=resumable</t>
  </si>
  <si>
    <t>Pesquisa_Satisfacao_RA_20191111_a_20191118.xlsx</t>
  </si>
  <si>
    <t>11/19/2019 17:14:33</t>
  </si>
  <si>
    <t>11/19/2019 17:15:34</t>
  </si>
  <si>
    <t>/o=exchangelabs/ou=exchange administrative group (fydibohf23spdlt)/cn=recipients/cn=2482bf2ac5d744968702f5d67f34f2a4-gabriela al;</t>
  </si>
  <si>
    <t>ENC: Pendências - Mesa Digital Algar</t>
  </si>
  <si>
    <t>Pendencias - Mesa Digital Algar.xlsx</t>
  </si>
  <si>
    <t>/o=exchangelabs/ou=exchange administrative group (fydibohf23spdlt)/cn=recipients/cn=2482bf2ac5d744968702f5d67f34f2a4-gabriela al</t>
  </si>
  <si>
    <t>11/19/2019 17:12:44</t>
  </si>
  <si>
    <t>/o=exchangelabs/ou=exchange administrative group (fydibohf23spdlt)/cn=recipients/cn=9a65d8734c444cbc8372a614d17d98e1-lucia maalo;/o=exchangelabs/ou=exchange administrative group (fydibohf23spdlt)/cn=recipients/cn=da8b0d0eb1af471c9c028aba05e743fd-guilherme a;</t>
  </si>
  <si>
    <t>RES: Orçamento máquina - Algar</t>
  </si>
  <si>
    <t>/o=exchangelabs/ou=exchange administrative group (fydibohf23spdlt)/cn=recipients/cn=9a65d8734c444cbc8372a614d17d98e1-lucia maalo,/o=exchangelabs/ou=exchange administrative group (fydibohf23spdlt)/cn=recipients/cn=da8b0d0eb1af471c9c028aba05e743fd-guilherme a</t>
  </si>
  <si>
    <t>11/19/2019 17:14:56</t>
  </si>
  <si>
    <t>11/19/2019 17:17:34</t>
  </si>
  <si>
    <t>/o=exchangelabs/ou=exchange administrative group (fydibohf23spdlt)/cn=recipients/cn=96c835195d674d6ebf3e3dbf87493053-jaqueline d;</t>
  </si>
  <si>
    <t>ENC: Orçamento máquina - Algar</t>
  </si>
  <si>
    <t>/o=exchangelabs/ou=exchange administrative group (fydibohf23spdlt)/cn=recipients/cn=96c835195d674d6ebf3e3dbf87493053-jaqueline d</t>
  </si>
  <si>
    <t>11/19/2019 17:18:32</t>
  </si>
  <si>
    <t>11/19/2019 17:19:34</t>
  </si>
  <si>
    <t>RES: BP's IPHAN</t>
  </si>
  <si>
    <t>11/19/2019 17:18:46</t>
  </si>
  <si>
    <t>11/19/2019 17:21:33</t>
  </si>
  <si>
    <t>0ANALYSIS_PATTERN - 2019-11-19T171828.643.csv</t>
  </si>
  <si>
    <t>11/19/2019 17:17:05</t>
  </si>
  <si>
    <t>11/19/2019 17:22:34</t>
  </si>
  <si>
    <t>Penúltima planilha</t>
  </si>
  <si>
    <t>Apuração - MONSANTO.xlsx</t>
  </si>
  <si>
    <t>11/19/2019 17:22:02</t>
  </si>
  <si>
    <t>11/19/2019 17:25:33</t>
  </si>
  <si>
    <t>antoniojr@algartech.com;gustavohs@algartech.com;</t>
  </si>
  <si>
    <t>ORC_2020_ROBERTA CRISTINA...xlsx</t>
  </si>
  <si>
    <t>antoniojr@algartech.com,gustavohs@algartech.com</t>
  </si>
  <si>
    <t>11/19/2019 17:24:27</t>
  </si>
  <si>
    <t>11/19/2019 17:26:34</t>
  </si>
  <si>
    <t>Sara.xlsx</t>
  </si>
  <si>
    <t>11/19/2019 17:24:31</t>
  </si>
  <si>
    <t>11/19/2019 17:24:43</t>
  </si>
  <si>
    <t>11/19/2019 17:27:33</t>
  </si>
  <si>
    <t>11/19/2019 17:25:58</t>
  </si>
  <si>
    <t>Equipes - Cursos realizados em 2020.xlsx</t>
  </si>
  <si>
    <t>11/19/2019 17:26:03</t>
  </si>
  <si>
    <t>Última planilha</t>
  </si>
  <si>
    <t>Apuração Não executivos_GERAL_retorno cliente.xlsb</t>
  </si>
  <si>
    <t>11/19/2019 17:24:35</t>
  </si>
  <si>
    <t>11/19/2019 17:28:54</t>
  </si>
  <si>
    <t>11/19/2019 17:29:33</t>
  </si>
  <si>
    <t>/o=exchangelabs/ou=exchange administrative group (fydibohf23spdlt)/cn=recipients/cn=10c614e1eddb439aa2a8538338cebbc9-victor hugo;/o=exchangelabs/ou=exchange administrative group (fydibohf23spdlt)/cn=recipients/cn=10d9bf2715304872bd0e6f8b03de50d1-projetos -;/o=exchangelabs/ou=exchange administrative group (fydibohf23spdlt)/cn=recipients/cn=1e212ef08dab4f26b88cba944f2ab7cb-pmo.governa;/o=exchangelabs/ou=exchange administrative group (fydibohf23spdlt)/cn=recipients/cn=4ada91d5dca14c9b91ce4ae2425863c4-raphael afo;/o=exchangelabs/ou=exchange administrative group (fydibohf23spdlt)/cn=recipients/cn=5dd1a684bacd4fd6be228a0d558e4281-rodolfo gon;/o=exchangelabs/ou=exchange administrative group (fydibohf23spdlt)/cn=recipients/cn=66edf19ebc2742d0aad16b8a34a09b10-andre luiz;/o=exchangelabs/ou=exchange administrative group (fydibohf23spdlt)/cn=recipients/cn=b3ad8a638fcc4c57bf8c7953dd4b3cb8-augusto ces;</t>
  </si>
  <si>
    <t>/o=exchangelabs/ou=exchange administrative group (fydibohf23spdlt)/cn=recipients/cn=10c614e1eddb439aa2a8538338cebbc9-victor hugo,/o=exchangelabs/ou=exchange administrative group (fydibohf23spdlt)/cn=recipients/cn=10d9bf2715304872bd0e6f8b03de50d1-projetos -,/o=exchangelabs/ou=exchange administrative group (fydibohf23spdlt)/cn=recipients/cn=1e212ef08dab4f26b88cba944f2ab7cb-pmo.governa,/o=exchangelabs/ou=exchange administrative group (fydibohf23spdlt)/cn=recipients/cn=4ada91d5dca14c9b91ce4ae2425863c4-raphael afo,/o=exchangelabs/ou=exchange administrative group (fydibohf23spdlt)/cn=recipients/cn=5dd1a684bacd4fd6be228a0d558e4281-rodolfo gon,/o=exchangelabs/ou=exchange administrative group (fydibohf23spdlt)/cn=recipients/cn=66edf19ebc2742d0aad16b8a34a09b10-andre luiz,/o=exchangelabs/ou=exchange administrative group (fydibohf23spdlt)/cn=recipients/cn=b3ad8a638fcc4c57bf8c7953dd4b3cb8-augusto ces</t>
  </si>
  <si>
    <t>11/19/2019 17:32:50</t>
  </si>
  <si>
    <t>11/19/2019 17:34:34</t>
  </si>
  <si>
    <t>11/19/2019 17:31:34</t>
  </si>
  <si>
    <t>Opiniões -Etapa Implantação e Ongoing-V2.xlsx</t>
  </si>
  <si>
    <t>11/19/2019 17:33:04</t>
  </si>
  <si>
    <t>11/19/2019 17:36:34</t>
  </si>
  <si>
    <t>Produtividade RAF - NOV-2019 - Parcial - 18-11-19.xlsm</t>
  </si>
  <si>
    <t>11/19/2019 17:33:42</t>
  </si>
  <si>
    <t>11/19/2019 17:42:35</t>
  </si>
  <si>
    <t>11/19/2019 17:47:34</t>
  </si>
  <si>
    <t>/o=exchangelabs/ou=exchange administrative group (fydibohf23spdlt)/cn=recipients/cn=953d0b5cb08e4147ab387438ebcc9fb6-leandro rei;</t>
  </si>
  <si>
    <t>Atualizações Cielo</t>
  </si>
  <si>
    <t>Pendencia Cielo.xlsx</t>
  </si>
  <si>
    <t>/o=exchangelabs/ou=exchange administrative group (fydibohf23spdlt)/cn=recipients/cn=953d0b5cb08e4147ab387438ebcc9fb6-leandro rei</t>
  </si>
  <si>
    <t>11/19/2019 17:48:23</t>
  </si>
  <si>
    <t>11/19/2019 17:53:34</t>
  </si>
  <si>
    <t>STH - Analista de TI - Curadoria.xlsx</t>
  </si>
  <si>
    <t>11/19/2019 17:51:27</t>
  </si>
  <si>
    <t>11/19/2019 17:54:34</t>
  </si>
  <si>
    <t>/o=exchangelabs/ou=exchange administrative group (fydibohf23spdlt)/cn=recipients/cn=6bc6ced03b1b4fafa41bb5c70c178940-antonio per;/o=exchangelabs/ou=exchange administrative group (fydibohf23spdlt)/cn=recipients/cn=e46cd96e8e9e452c8cc8ba65a6c4ec57-gustavo hen;</t>
  </si>
  <si>
    <t>ORC_2020_LUCIANA BERNARDES 19112019 - ATUALIZACAO SICOO1.xlsx</t>
  </si>
  <si>
    <t>/o=exchangelabs/ou=exchange administrative group (fydibohf23spdlt)/cn=recipients/cn=6bc6ced03b1b4fafa41bb5c70c178940-antonio per,/o=exchangelabs/ou=exchange administrative group (fydibohf23spdlt)/cn=recipients/cn=e46cd96e8e9e452c8cc8ba65a6c4ec57-gustavo hen</t>
  </si>
  <si>
    <t>11/19/2019 17:59:57</t>
  </si>
  <si>
    <t>11/19/2019 18:00:34</t>
  </si>
  <si>
    <t xml:space="preserve">/o=exchangelabs/ou=exchange administrative group (fydibohf23spdlt)/cn=recipients/cn=545f738e0fe740ba856f4eb6ef0135e0-vinicius si;/o=exchangelabs/ou=exchange administrative group (fydibohf23spdlt)/cn=recipients/cn=804f4398b96748e7962c1608bfe4071a-hewerson go;/o=exchangelabs/ou=exchange administrative group (fydibohf23spdlt)/cn=recipients/cn=a35622ae1b534401a6dd99bd801d1f97-marcos paul;/o=exchangelabs/ou=exchange administrative group (fydibohf23spdlt)/cn=recipients/cn=a72a765de829420582b78941417073ac-karina rodr;/o=exchangelabs/ou=exchange administrative group (fydibohf23spdlt)/cn=recipients/cn=a78f7dae304e472e9f75bd537683f6e5-hugo de oli;/o=exchangelabs/ou=exchange administrative group (fydibohf23spdlt)/cn=recipients/cn=c22b2d8de1594760baec681322c0933f-fernanda ma;/o=exchangelabs/ou=exchange administrative group (fydibohf23spdlt)/cn=recipients/cn=d052f9c9a4404e849e00b751758229a8-carlos dos;/o=exchangelabs/ou=exchange administrative group (fydibohf23spdlt)/cn=recipients/cn=d1bcfb1498124af49c7d3ae622d9e2da-iara </t>
  </si>
  <si>
    <t>Cópia de Indicadores Algar - Versão Final ECH.xlsx</t>
  </si>
  <si>
    <t xml:space="preserve">/o=exchangelabs/ou=exchange administrative group (fydibohf23spdlt)/cn=recipients/cn=545f738e0fe740ba856f4eb6ef0135e0-vinicius si,/o=exchangelabs/ou=exchange administrative group (fydibohf23spdlt)/cn=recipients/cn=804f4398b96748e7962c1608bfe4071a-hewerson go,/o=exchangelabs/ou=exchange administrative group (fydibohf23spdlt)/cn=recipients/cn=a35622ae1b534401a6dd99bd801d1f97-marcos paul,/o=exchangelabs/ou=exchange administrative group (fydibohf23spdlt)/cn=recipients/cn=a72a765de829420582b78941417073ac-karina rodr,/o=exchangelabs/ou=exchange administrative group (fydibohf23spdlt)/cn=recipients/cn=a78f7dae304e472e9f75bd537683f6e5-hugo de oli,/o=exchangelabs/ou=exchange administrative group (fydibohf23spdlt)/cn=recipients/cn=c22b2d8de1594760baec681322c0933f-fernanda ma,/o=exchangelabs/ou=exchange administrative group (fydibohf23spdlt)/cn=recipients/cn=d052f9c9a4404e849e00b751758229a8-carlos dos,/o=exchangelabs/ou=exchange administrative group (fydibohf23spdlt)/cn=recipients/cn=d1bcfb1498124af49c7d3ae622d9e2da-iara </t>
  </si>
  <si>
    <t>11/19/2019 18:02:15</t>
  </si>
  <si>
    <t>11/19/2019 18:06:35</t>
  </si>
  <si>
    <t>Formulário RETIRADA DE ATIVO - TAPE LIBRARY - IBMTS4300-CPS.xlsx</t>
  </si>
  <si>
    <t>11/19/2019 18:04:03</t>
  </si>
  <si>
    <t>11/19/2019 18:08:35</t>
  </si>
  <si>
    <t>mail.google.com/_/upload?authuser=0&amp;dcp=asu-n&amp;upload_id=AEnB2UqkrO_IH5faPj2O3oiMuCujuvOg4Lda-oRgygDZXkvQj77R2hQ9TN5zP7Ti18g2wrfvGrVkeCyurRV5ORyoJTRDFE_bhMX3Y1_wRc3umsQke9YIoKM&amp;upload_protocol=resumable</t>
  </si>
  <si>
    <t>ailtonbs@algartech.com;andre.souza@heatingcooling.com.br;danilo@heatingcooling.com.br;guilherme@espressoapp.com.br;marina.mariano@bradesco.com.br;natalia.toma@bradesco.com.br;ricardog.sousa@bradesco.com.br;suporte.vmc@bradescocartoes.com.br;suzidarlengarf@algartech.com;vaniakto@algartech.com;wagnerb@heatingcooling.com.br;</t>
  </si>
  <si>
    <t>Formulário de Solicitação de Implementação Nov 2019 - Grupo Owens Illinois (1).xlsx</t>
  </si>
  <si>
    <t>ailtonbs@algartech.com,andre.souza@heatingcooling.com.br,danilo@heatingcooling.com.br,guilherme@espressoapp.com.br,marina.mariano@bradesco.com.br,natalia.toma@bradesco.com.br,ricardog.sousa@bradesco.com.br,suporte.vmc@bradescocartoes.com.br,suzidarlengarf@algartech.com,vaniakto@algartech.com,wagnerb@heatingcooling.com.br</t>
  </si>
  <si>
    <t>11/19/2019 18:11:38</t>
  </si>
  <si>
    <t>11/19/2019 18:14:35</t>
  </si>
  <si>
    <t>11/19/2019 18:10:33</t>
  </si>
  <si>
    <t>C:\Users\vilarinho\OneDrive - Grupo Algar\Algar Tech\Orçamento\Orçamento2019\4Reuger_Preclosing e LP\PreClosing2019\</t>
  </si>
  <si>
    <t>Desmobilização2019_LE.xlsx</t>
  </si>
  <si>
    <t>11/19/2019 18:20:50</t>
  </si>
  <si>
    <t>11/19/2019 18:24:36</t>
  </si>
  <si>
    <t>Rampa RL GAT 2020</t>
  </si>
  <si>
    <t>Rampa RL GAT 2020.xlsx</t>
  </si>
  <si>
    <t>11/19/2019 18:20:34</t>
  </si>
  <si>
    <t>11/19/2019 18:25:35</t>
  </si>
  <si>
    <t>adrianaafss@algartech.com;antoniojr@algartech.com;priscilacy@algartech.com;</t>
  </si>
  <si>
    <t>Marquinhos_BOT_CHAT.xlsx</t>
  </si>
  <si>
    <t>adrianaafss@algartech.com,antoniojr@algartech.com,priscilacy@algartech.com</t>
  </si>
  <si>
    <t>11/19/2019 18:26:31</t>
  </si>
  <si>
    <t>11/19/2019 18:28:36</t>
  </si>
  <si>
    <t>/o=exchangelabs/ou=exchange administrative group (fydibohf23spdlt)/cn=recipients/cn=54abac0a4fdc4ad1bec39bb51d85eab1-victor hugo;/o=exchangelabs/ou=exchange administrative group (fydibohf23spdlt)/cn=recipients/cn=89e58c8da071492dbdcb4fee4156b705-gustavo alm;</t>
  </si>
  <si>
    <t>BPs da Vale</t>
  </si>
  <si>
    <t>Vale_Plan Precificacao C017 B017 19_11_2019 NOC r5 (b1).xlsb</t>
  </si>
  <si>
    <t>/o=exchangelabs/ou=exchange administrative group (fydibohf23spdlt)/cn=recipients/cn=54abac0a4fdc4ad1bec39bb51d85eab1-victor hugo,/o=exchangelabs/ou=exchange administrative group (fydibohf23spdlt)/cn=recipients/cn=89e58c8da071492dbdcb4fee4156b705-gustavo alm</t>
  </si>
  <si>
    <t>11/19/2019 18:28:13</t>
  </si>
  <si>
    <t>11/19/2019 18:29:35</t>
  </si>
  <si>
    <t>/o=exchangelabs/ou=exchange administrative group (fydibohf23spdlt)/cn=recipients/cn=545f738e0fe740ba856f4eb6ef0135e0-vinicius si;/o=exchangelabs/ou=exchange administrative group (fydibohf23spdlt)/cn=recipients/cn=b4c27a00523743509c2a8673c01acf8b-emanuella g;/o=exchangelabs/ou=exchange administrative group (fydibohf23spdlt)/cn=recipients/cn=d1d015f213f648abbf348b5ccdf8e9d9-senilda per;/o=exchangelabs/ou=exchange administrative group (fydibohf23spdlt)/cn=recipients/cn=eb3a8d47e16546c381d649c124fcfbb7-cpc - contr;/o=exchangelabs/ou=exchange administrative group (fydibohf23spdlt)/cn=recipients/cn=fbbb462fed0b402bbe147770ea84cf9e-adriana cae;/o=exchangelabs/ou=exchange administrative group (fydibohf23spdlt)/cn=recipients/cn=renato lemes da silva costa;victorgar@algartech.com;</t>
  </si>
  <si>
    <t>Reforço FV1.xlsx</t>
  </si>
  <si>
    <t>/o=exchangelabs/ou=exchange administrative group (fydibohf23spdlt)/cn=recipients/cn=545f738e0fe740ba856f4eb6ef0135e0-vinicius si,/o=exchangelabs/ou=exchange administrative group (fydibohf23spdlt)/cn=recipients/cn=b4c27a00523743509c2a8673c01acf8b-emanuella g,/o=exchangelabs/ou=exchange administrative group (fydibohf23spdlt)/cn=recipients/cn=d1d015f213f648abbf348b5ccdf8e9d9-senilda per,/o=exchangelabs/ou=exchange administrative group (fydibohf23spdlt)/cn=recipients/cn=eb3a8d47e16546c381d649c124fcfbb7-cpc - contr,/o=exchangelabs/ou=exchange administrative group (fydibohf23spdlt)/cn=recipients/cn=fbbb462fed0b402bbe147770ea84cf9e-adriana cae,/o=exchangelabs/ou=exchange administrative group (fydibohf23spdlt)/cn=recipients/cn=renato lemes da silva costa,victorgar@algartech.com</t>
  </si>
  <si>
    <t>11/19/2019 18:27:48</t>
  </si>
  <si>
    <t>11/19/2019 18:31:35</t>
  </si>
  <si>
    <t>/o=exchangelabs/ou=exchange administrative group (fydibohf23spdlt)/cn=recipients/cn=287c26b08a0f48578479a15a452f025d-edilson rod;/o=exchangelabs/ou=exchange administrative group (fydibohf23spdlt)/cn=recipients/cn=89e58c8da071492dbdcb4fee4156b705-gustavo alm;</t>
  </si>
  <si>
    <t>/o=exchangelabs/ou=exchange administrative group (fydibohf23spdlt)/cn=recipients/cn=287c26b08a0f48578479a15a452f025d-edilson rod,/o=exchangelabs/ou=exchange administrative group (fydibohf23spdlt)/cn=recipients/cn=89e58c8da071492dbdcb4fee4156b705-gustavo alm</t>
  </si>
  <si>
    <t>11/19/2019 18:29:34</t>
  </si>
  <si>
    <t>/o=exchangelabs/ou=exchange administrative group (fydibohf23spdlt)/cn=recipients/cn=168e05cabbf14ae289464a0c09955b31-sara ferrei;/o=exchangelabs/ou=exchange administrative group (fydibohf23spdlt)/cn=recipients/cn=54abac0a4fdc4ad1bec39bb51d85eab1-victor hugo;/o=exchangelabs/ou=exchange administrative group (fydibohf23spdlt)/cn=recipients/cn=8bab2e9eaf824d2d93602784a48ac5f9-ronan salus;</t>
  </si>
  <si>
    <t>/o=exchangelabs/ou=exchange administrative group (fydibohf23spdlt)/cn=recipients/cn=168e05cabbf14ae289464a0c09955b31-sara ferrei,/o=exchangelabs/ou=exchange administrative group (fydibohf23spdlt)/cn=recipients/cn=54abac0a4fdc4ad1bec39bb51d85eab1-victor hugo,/o=exchangelabs/ou=exchange administrative group (fydibohf23spdlt)/cn=recipients/cn=8bab2e9eaf824d2d93602784a48ac5f9-ronan salus</t>
  </si>
  <si>
    <t>11/19/2019 18:30:01</t>
  </si>
  <si>
    <t>11/19/2019 18:32:36</t>
  </si>
  <si>
    <t>RA 1000</t>
  </si>
  <si>
    <t>PLANO DE TRABALHO RA 1000.xls</t>
  </si>
  <si>
    <t>11/19/2019 18:30:48</t>
  </si>
  <si>
    <t>11/19/2019 18:34:36</t>
  </si>
  <si>
    <t>ENC: Dia da Revendedora 25/09 - Pesquisa de satisfação</t>
  </si>
  <si>
    <t>Cópia de Lista oficial 25.09.xlsx</t>
  </si>
  <si>
    <t>11/19/2019 18:41:14</t>
  </si>
  <si>
    <t>11/19/2019 18:43:36</t>
  </si>
  <si>
    <t>/o=exchangelabs/ou=exchange administrative group (fydibohf23spdlt)/cn=recipients/cn=3b76b3dd02a14d289cc323d3c8d12b81-waleska mar;</t>
  </si>
  <si>
    <t>Cópia de Indiretos v3.xlsb.xlsx</t>
  </si>
  <si>
    <t>/o=exchangelabs/ou=exchange administrative group (fydibohf23spdlt)/cn=recipients/cn=3b76b3dd02a14d289cc323d3c8d12b81-waleska mar</t>
  </si>
  <si>
    <t>11/19/2019 18:48:30</t>
  </si>
  <si>
    <t>11/19/2019 18:53:36</t>
  </si>
  <si>
    <t>11/19/2019 18:51:04</t>
  </si>
  <si>
    <t>11/19/2019 18:54:36</t>
  </si>
  <si>
    <t>/o=exchangelabs/ou=exchange administrative group (fydibohf23spdlt)/cn=recipients/cn=carlos henrique vilarinho_db6c0fb3df;/o=exchangelabs/ou=exchange administrative group (fydibohf23spdlt)/cn=recipients/cn=fedd0b8e2dbf442f837981a40559d630-viviane bar;</t>
  </si>
  <si>
    <t>ENC: Acompanhamento Faturamento Semestral Amazon - Infra - Algar TI</t>
  </si>
  <si>
    <t>ENC GRU2 - Algar A100 Anticipation January 1 to June 30 2020 - Invoice.msg\s1\</t>
  </si>
  <si>
    <t>/o=exchangelabs/ou=exchange administrative group (fydibohf23spdlt)/cn=recipients/cn=carlos henrique vilarinho_db6c0fb3df,/o=exchangelabs/ou=exchange administrative group (fydibohf23spdlt)/cn=recipients/cn=fedd0b8e2dbf442f837981a40559d630-viviane bar</t>
  </si>
  <si>
    <t>11/19/2019 20:44:44</t>
  </si>
  <si>
    <t>11/19/2019 20:52:36</t>
  </si>
  <si>
    <t>11/19/2019 21:01:37</t>
  </si>
  <si>
    <t>11/19/2019 21:03:36</t>
  </si>
  <si>
    <t>modelo invoice fujitsu.xlsx</t>
  </si>
  <si>
    <t>11/19/2019 21:04:41</t>
  </si>
  <si>
    <t>11/19/2019 21:08:36</t>
  </si>
  <si>
    <t>11/19/2019 22:12:26</t>
  </si>
  <si>
    <t>11/19/2019 22:17:35</t>
  </si>
  <si>
    <t>216445 RFP Faber Castell Precificacao C017 B017_v4 Cenário Fiori.xlsb</t>
  </si>
  <si>
    <t>11/19/2019 22:29:03</t>
  </si>
  <si>
    <t>11/19/2019 22:29:35</t>
  </si>
  <si>
    <t>/o=exchangelabs/ou=exchange administrative group (fydibohf23spdlt)/cn=recipients/cn=545f738e0fe740ba856f4eb6ef0135e0-vinicius si;/o=exchangelabs/ou=exchange administrative group (fydibohf23spdlt)/cn=recipients/cn=d1d015f213f648abbf348b5ccdf8e9d9-senilda per;alexmarques.silva@avon.com;anderson.negrisoli@avon.com;julio.lopez@avon.com;</t>
  </si>
  <si>
    <t>RES: Forecast Janeiro</t>
  </si>
  <si>
    <t>Volumetria Trocas e Faltas.xlsx</t>
  </si>
  <si>
    <t>/o=exchangelabs/ou=exchange administrative group (fydibohf23spdlt)/cn=recipients/cn=545f738e0fe740ba856f4eb6ef0135e0-vinicius si,/o=exchangelabs/ou=exchange administrative group (fydibohf23spdlt)/cn=recipients/cn=d1d015f213f648abbf348b5ccdf8e9d9-senilda per,alexmarques.silva@avon.com,anderson.negrisoli@avon.com,julio.lopez@avon.com</t>
  </si>
  <si>
    <t>11/18/2019 13:46:30</t>
  </si>
  <si>
    <t>11/20/2019 06:31:41</t>
  </si>
  <si>
    <t>192.168.1.114</t>
  </si>
  <si>
    <t>expurgos BBN.xlsx</t>
  </si>
  <si>
    <t>11/19/2019 07:45:24</t>
  </si>
  <si>
    <t>antoniocb@algartech.com;fernandords@algartech.com;joaquimefr@algartech.com;marciorct@algartech.com;mariliamc@algartech.com;marinasf@algartech.com;ruitb@algartech.com;</t>
  </si>
  <si>
    <t>Associados da torre de GST migração e mail.xlsx</t>
  </si>
  <si>
    <t>antoniocb@algartech.com,fernandords@algartech.com,joaquimefr@algartech.com,marciorct@algartech.com,mariliamc@algartech.com,marinasf@algartech.com,ruitb@algartech.com</t>
  </si>
  <si>
    <t>11/19/2019 19:47:45</t>
  </si>
  <si>
    <t>11/20/2019 07:31:43</t>
  </si>
  <si>
    <t>mail.google.com/_/upload?authuser=1&amp;dcp=asu-n&amp;upload_id=AEnB2UqevjYiJOwWL-imwgcyHvvndXp-QeDESwZ12ZVfkHM-oIfI9-_L11MTaa1PDrxWn5OugAbfIFm2cookGfGjXBXegpSwHw&amp;upload_protocol=resumable</t>
  </si>
  <si>
    <t>11/20/2019 08:00:18</t>
  </si>
  <si>
    <t>11/20/2019 08:00:43</t>
  </si>
  <si>
    <t>Processo de agendamento e reagendamento.msg\s1\</t>
  </si>
  <si>
    <t>ENDEREÇO DAS FRANQUIAS (39).xlsx</t>
  </si>
  <si>
    <t>11/20/2019 08:09:44</t>
  </si>
  <si>
    <t>11/20/2019 08:10:42</t>
  </si>
  <si>
    <t>11/20/2019 08:05:51</t>
  </si>
  <si>
    <t>ENC: Consolidado 19/11</t>
  </si>
  <si>
    <t>11/20/2019 08:22:05</t>
  </si>
  <si>
    <t>11/20/2019 08:22:43</t>
  </si>
  <si>
    <t>10.200.35.181</t>
  </si>
  <si>
    <t>Relatorio oficina de hardware.xlsx</t>
  </si>
  <si>
    <t>11/20/2019 08:25:16</t>
  </si>
  <si>
    <t>11/20/2019 08:26:43</t>
  </si>
  <si>
    <t>Chamados 20/11</t>
  </si>
  <si>
    <t>Chamados 20-11.xlsx</t>
  </si>
  <si>
    <t>11/20/2019 08:24:39</t>
  </si>
  <si>
    <t>11/20/2019 08:27:43</t>
  </si>
  <si>
    <t>C:\Users\rodrigombu\OneDrive - Grupo Algar\Whirlpool\2019\11 - Novembro\Arquivo\SAC POS\</t>
  </si>
  <si>
    <t>11-DIMENS_EH SAC_PJOTINHA_NOV - Aderência ajustada.xlsm</t>
  </si>
  <si>
    <t>11/20/2019 08:24:46</t>
  </si>
  <si>
    <t>11/19/2019 22:26:26</t>
  </si>
  <si>
    <t>11/20/2019 08:32:43</t>
  </si>
  <si>
    <t>nataliamam@algartech.com</t>
  </si>
  <si>
    <t>analdos@algartech.com;andreals@algartech.com;antoniaama@algartech.com;arthuralm@algartech.com;fernandaman@algartech.com;giovanne.3gs@yahoo.com;heliorg@algartech.com;joaopfe@algartech.com;leonardotds@algartech.com;luizccga@algartech.com;marceloab@algartech.com;matheusvs@algartech.com;patriciaars@algartech.com;rodrigombu@algartech.com;rosilenedlf@algartech.com;thiagorrg@algartech.com;voicexperience@algartech.com;</t>
  </si>
  <si>
    <t>HSM BKO Digital.xlsx</t>
  </si>
  <si>
    <t>analdos@algartech.com,andreals@algartech.com,antoniaama@algartech.com,arthuralm@algartech.com,fernandaman@algartech.com,giovanne.3gs@yahoo.com,heliorg@algartech.com,joaopfe@algartech.com,leonardotds@algartech.com,luizccga@algartech.com,marceloab@algartech.com,matheusvs@algartech.com,patriciaars@algartech.com,rodrigombu@algartech.com,rosilenedlf@algartech.com,thiagorrg@algartech.com,voicexperience@algartech.com</t>
  </si>
  <si>
    <t>11/20/2019 08:30:45</t>
  </si>
  <si>
    <t>11/20/2019 08:35:44</t>
  </si>
  <si>
    <t>1C-39-47-59-58-31</t>
  </si>
  <si>
    <t>NB-LUIZEDP</t>
  </si>
  <si>
    <t>luizedp</t>
  </si>
  <si>
    <t>C:\Users\luizedp\Downloads\</t>
  </si>
  <si>
    <t>Base_Format_Renault_18m.csv</t>
  </si>
  <si>
    <t>11/20/2019 08:36:31</t>
  </si>
  <si>
    <t>11/20/2019 08:37:44</t>
  </si>
  <si>
    <t>chamados suspensos em 19.11 as 18h.xlsx</t>
  </si>
  <si>
    <t>11/20/2019 08:35:15</t>
  </si>
  <si>
    <t>11/20/2019 08:40:43</t>
  </si>
  <si>
    <t>11/20/2019 08:43:29</t>
  </si>
  <si>
    <t>11/20/2019 08:45:44</t>
  </si>
  <si>
    <t>D:\OneDrive\AlgarTech\Pré-Vendas\Cliente\2019\Desenvolve SP\187309 - TermoReferencia_Edital2019\AlteraçãoEscopo_Nov2019\</t>
  </si>
  <si>
    <t>DSP - Tabela de Preços 2019.xlsx</t>
  </si>
  <si>
    <t>11/20/2019 08:49:03</t>
  </si>
  <si>
    <t>11/20/2019 08:49:45</t>
  </si>
  <si>
    <t>ENC: RELATÓRIO DE CASOS ABERTOS 20/11</t>
  </si>
  <si>
    <t>RELATORIO CHAMADOS ABERTOS 20.11.xlsb</t>
  </si>
  <si>
    <t>11/19/2019 20:02:17</t>
  </si>
  <si>
    <t>11/20/2019 08:50:45</t>
  </si>
  <si>
    <t>https://www.portalfornecedores.tim.com.br/sap/bc/webdynpro/sap/zwd_cf/;sap-ext-sid=zyw6ufhfvjdjfurrpbmkxa--oniy*vqpm4o33sxlujd_bg--/~wd_key/?sap-contextid=sid:anon:hsapp1s_p1s_00:mzkmtf06rqzcoughg2tdmwbnadyt9oiy_uufelkg-new&amp;sap-wd-resource-id=wd24&amp;sap-wd-secure-id=a6ddf316e0eed074e8f956388a4ba240</t>
  </si>
  <si>
    <t>Pedidos - 2019-11-19T200013.300.csv</t>
  </si>
  <si>
    <t>11/19/2019 20:14:54</t>
  </si>
  <si>
    <t>https://www.portalfornecedores.tim.com.br/sap/bc/webdynpro/sap/zwd_cf/;sap-ext-sid=zyw6ufhfvjdjfurrpbmkxa--kzexg8qzmzbu7yvjzxxqsq--/~wd_key/?sap-contextid=sid:anon:hsapp1s_p1s_00:mzkm_1jxrvfjzctmwmzpxwja11yt9ois-uvrkbay-new&amp;sap-wd-resource-id=wd24&amp;sap-wd-secure-id=085904fca0de8e7f1c6e2dcf14191d0f</t>
  </si>
  <si>
    <t>Pedidos - 2019-11-19T201344.859.csv</t>
  </si>
  <si>
    <t>11/19/2019 20:43:55</t>
  </si>
  <si>
    <t>https://www.portalfornecedores.tim.com.br/sap/bc/webdynpro/sap/zwd_cf/;sap-ext-sid=zyw6ufhfvjdjfurrpbmkxa--kzexg8qzmzbu7yvjzxxqsq--/~wd_key/?sap-contextid=sid:anon:hsapp1s_p1s_00:mzkmsulj3tcj_rs_kutesxtvnsut9oil-ksdpz_k-new&amp;sap-wd-resource-id=wd24&amp;sap-wd-secure-id=a1348267a931a7f7a973a1249c840f6c</t>
  </si>
  <si>
    <t>Pedidos - 2019-11-19T204236.189.csv</t>
  </si>
  <si>
    <t>11/19/2019 20:45:12</t>
  </si>
  <si>
    <t>https://www.portalfornecedores.tim.com.br/sap/bc/webdynpro/sap/zwd_cf/;sap-ext-sid=zyw6ufhfvjdjfurrpbmkxa--kzexg8qzmzbu7yvjzxxqsq--/~wd_key/?sap-contextid=sid:anon:hsapp1s_p1s_00:mzkmlols4i8vt0eneniiqu6qfcys9ogs-kv-wquy-new&amp;sap-wd-resource-id=wd24&amp;sap-wd-secure-id=ace7959b6cec3ab07141844f7e74782e</t>
  </si>
  <si>
    <t>11/19/2019 20:46:23</t>
  </si>
  <si>
    <t>Pedidos - 2019-11-19T204550.398.csv</t>
  </si>
  <si>
    <t>11/19/2019 20:47:57</t>
  </si>
  <si>
    <t>https://www.portalfornecedores.tim.com.br/sap/bc/webdynpro/sap/zwd_cf/;sap-ext-sid=zyw6ufhfvjdjfurrpbmkxa--kzexg8qzmzbu7yvjzxxqsq--/~wd_key/?sap-contextid=sid:anon:hsapp1s_p1s_00:mzkmd5goic7ivaxjklncq4a9072s9ojb8uv1khsa-new&amp;sap-wd-resource-id=wd24&amp;sap-wd-secure-id=a33bde44f242e8e8f708a9511ca9996d</t>
  </si>
  <si>
    <t>Pedidos - 2019-11-19T204709.419.csv</t>
  </si>
  <si>
    <t>11/19/2019 20:49:39</t>
  </si>
  <si>
    <t>https://www.portalfornecedores.tim.com.br/sap/bc/webdynpro/sap/zwd_cf/;sap-ext-sid=zyw6ufhfvjdjfurrpbmkxa--kzexg8qzmzbu7yvjzxxqsq--/~wd_key/?sap-contextid=sid:anon:hsapp1s_p1s_00:mzkmdcq1elhmkqrfml9l0rb4cl2s9oi48uvmhnz2-new&amp;sap-wd-resource-id=wd24&amp;sap-wd-secure-id=10d9cd9eb08424f8a5772222f5e7fc87</t>
  </si>
  <si>
    <t>Pedidos - 2019-11-19T204906.044.csv</t>
  </si>
  <si>
    <t>11/20/2019 08:46:05</t>
  </si>
  <si>
    <t>11/20/2019 08:53:45</t>
  </si>
  <si>
    <t>C:\Users\marcopaulolr\OneDrive - Grupo Algar\10 BRADESCO\Plano MC Final 2019\</t>
  </si>
  <si>
    <t>11/20/2019 08:46:51</t>
  </si>
  <si>
    <t>C:\Users\marcopaulolr\OneDrive - Grupo Algar\04 SENIORIDADE\</t>
  </si>
  <si>
    <t>11/19/2019 18:49:39</t>
  </si>
  <si>
    <t>11/20/2019 08:54:46</t>
  </si>
  <si>
    <t>antonio.guido@bradesco.com.br;celso.goncalves@bradesco.com.br;patricia.brito@bradesco.com.br;rafaelabsz@algartech.com.br;</t>
  </si>
  <si>
    <t>RES: Apresentação URR - Out/19</t>
  </si>
  <si>
    <t>112019_Apresentação de resultados URR_ALGAR (005).pptx\</t>
  </si>
  <si>
    <t>antonio.guido@bradesco.com.br,celso.goncalves@bradesco.com.br,patricia.brito@bradesco.com.br,rafaelabsz@algartech.com.br</t>
  </si>
  <si>
    <t>11/19/2019 19:38:25</t>
  </si>
  <si>
    <t>11/20/2019 08:57:45</t>
  </si>
  <si>
    <t>11/19/2019 19:38:26</t>
  </si>
  <si>
    <t>11/19/2019 19:38:27</t>
  </si>
  <si>
    <t>11/19/2019 19:38:28</t>
  </si>
  <si>
    <t>11/19/2019 19:38:29</t>
  </si>
  <si>
    <t>11/19/2019 19:38:30</t>
  </si>
  <si>
    <t>11/19/2019 19:38:34</t>
  </si>
  <si>
    <t>11/19/2019 19:38:35</t>
  </si>
  <si>
    <t>11/19/2019 19:38:52</t>
  </si>
  <si>
    <t>11/19/2019 19:38:53</t>
  </si>
  <si>
    <t>11/19/2019 19:38:55</t>
  </si>
  <si>
    <t>11/19/2019 19:38:59</t>
  </si>
  <si>
    <t>11/19/2019 19:39:00</t>
  </si>
  <si>
    <t>11/19/2019 19:39:01</t>
  </si>
  <si>
    <t>11/19/2019 19:39:02</t>
  </si>
  <si>
    <t>11/19/2019 19:39:03</t>
  </si>
  <si>
    <t>11/19/2019 19:39:04</t>
  </si>
  <si>
    <t>11/19/2019 19:39:05</t>
  </si>
  <si>
    <t>11/19/2019 19:39:06</t>
  </si>
  <si>
    <t>11/19/2019 19:39:07</t>
  </si>
  <si>
    <t>11/19/2019 19:39:08</t>
  </si>
  <si>
    <t>11/19/2019 19:39:25</t>
  </si>
  <si>
    <t>11/19/2019 19:39:46</t>
  </si>
  <si>
    <t>11/19/2019 19:40:40</t>
  </si>
  <si>
    <t>11/19/2019 19:40:41</t>
  </si>
  <si>
    <t>11/19/2019 19:40:42</t>
  </si>
  <si>
    <t>11/19/2019 19:40:45</t>
  </si>
  <si>
    <t>11/19/2019 19:40:46</t>
  </si>
  <si>
    <t>11/19/2019 19:40:47</t>
  </si>
  <si>
    <t>11/19/2019 19:40:48</t>
  </si>
  <si>
    <t>11/19/2019 19:40:49</t>
  </si>
  <si>
    <t>11/19/2019 19:40:50</t>
  </si>
  <si>
    <t>11/19/2019 19:40:51</t>
  </si>
  <si>
    <t>11/19/2019 19:40:53</t>
  </si>
  <si>
    <t>11/19/2019 19:40:54</t>
  </si>
  <si>
    <t>11/19/2019 19:40:56</t>
  </si>
  <si>
    <t>11/19/2019 19:40:59</t>
  </si>
  <si>
    <t>11/19/2019 19:41:31</t>
  </si>
  <si>
    <t>11/19/2019 19:41:36</t>
  </si>
  <si>
    <t>11/19/2019 19:41:37</t>
  </si>
  <si>
    <t>11/19/2019 19:41:39</t>
  </si>
  <si>
    <t>11/19/2019 19:41:40</t>
  </si>
  <si>
    <t>11/19/2019 19:41:41</t>
  </si>
  <si>
    <t>11/19/2019 19:41:42</t>
  </si>
  <si>
    <t>11/19/2019 19:41:43</t>
  </si>
  <si>
    <t>11/19/2019 19:41:44</t>
  </si>
  <si>
    <t>11/19/2019 19:41:45</t>
  </si>
  <si>
    <t>11/19/2019 19:41:46</t>
  </si>
  <si>
    <t>11/19/2019 19:41:47</t>
  </si>
  <si>
    <t>11/19/2019 17:43:37</t>
  </si>
  <si>
    <t>Dia da Gentileza - Participantes.xlsx</t>
  </si>
  <si>
    <t>11/19/2019 19:41:48</t>
  </si>
  <si>
    <t>11/19/2019 19:41:51</t>
  </si>
  <si>
    <t>11/19/2019 19:41:52</t>
  </si>
  <si>
    <t>11/19/2019 19:41:53</t>
  </si>
  <si>
    <t>11/19/2019 19:41:54</t>
  </si>
  <si>
    <t>11/19/2019 19:41:57</t>
  </si>
  <si>
    <t>11/19/2019 19:41:59</t>
  </si>
  <si>
    <t>11/19/2019 19:42:02</t>
  </si>
  <si>
    <t>11/19/2019 19:42:03</t>
  </si>
  <si>
    <t>11/19/2019 19:42:05</t>
  </si>
  <si>
    <t>11/19/2019 19:42:07</t>
  </si>
  <si>
    <t>11/19/2019 19:42:08</t>
  </si>
  <si>
    <t>11/19/2019 19:42:11</t>
  </si>
  <si>
    <t>11/19/2019 19:42:12</t>
  </si>
  <si>
    <t>11/19/2019 19:42:13</t>
  </si>
  <si>
    <t>11/19/2019 19:42:20</t>
  </si>
  <si>
    <t>11/19/2019 19:42:21</t>
  </si>
  <si>
    <t>11/19/2019 19:42:22</t>
  </si>
  <si>
    <t>11/19/2019 19:42:23</t>
  </si>
  <si>
    <t>11/19/2019 19:42:24</t>
  </si>
  <si>
    <t>11/19/2019 19:42:28</t>
  </si>
  <si>
    <t>11/19/2019 19:42:29</t>
  </si>
  <si>
    <t>11/19/2019 19:42:30</t>
  </si>
  <si>
    <t>11/19/2019 19:42:31</t>
  </si>
  <si>
    <t>11/19/2019 19:42:32</t>
  </si>
  <si>
    <t>11/19/2019 19:42:33</t>
  </si>
  <si>
    <t>11/19/2019 19:42:34</t>
  </si>
  <si>
    <t>11/19/2019 19:42:36</t>
  </si>
  <si>
    <t>11/19/2019 19:42:51</t>
  </si>
  <si>
    <t>11/19/2019 19:42:55</t>
  </si>
  <si>
    <t>11/19/2019 19:42:59</t>
  </si>
  <si>
    <t>11/19/2019 19:43:01</t>
  </si>
  <si>
    <t>11/19/2019 19:43:02</t>
  </si>
  <si>
    <t>11/19/2019 19:43:03</t>
  </si>
  <si>
    <t>11/19/2019 19:43:04</t>
  </si>
  <si>
    <t>11/19/2019 19:43:06</t>
  </si>
  <si>
    <t>11/19/2019 19:43:07</t>
  </si>
  <si>
    <t>11/19/2019 19:43:08</t>
  </si>
  <si>
    <t>11/19/2019 19:43:09</t>
  </si>
  <si>
    <t>11/19/2019 19:43:10</t>
  </si>
  <si>
    <t>11/19/2019 19:43:11</t>
  </si>
  <si>
    <t>11/19/2019 19:43:12</t>
  </si>
  <si>
    <t>11/19/2019 19:43:13</t>
  </si>
  <si>
    <t>11/19/2019 19:43:14</t>
  </si>
  <si>
    <t>11/19/2019 19:43:15</t>
  </si>
  <si>
    <t>11/19/2019 19:43:19</t>
  </si>
  <si>
    <t>11/19/2019 19:43:23</t>
  </si>
  <si>
    <t>11/19/2019 19:43:24</t>
  </si>
  <si>
    <t>11/20/2019 08:58:45</t>
  </si>
  <si>
    <t>11/19/2019 19:43:25</t>
  </si>
  <si>
    <t>11/19/2019 19:43:26</t>
  </si>
  <si>
    <t>11/19/2019 19:43:27</t>
  </si>
  <si>
    <t>11/19/2019 19:43:28</t>
  </si>
  <si>
    <t>11/19/2019 19:43:29</t>
  </si>
  <si>
    <t>11/19/2019 19:43:30</t>
  </si>
  <si>
    <t>11/19/2019 19:43:41</t>
  </si>
  <si>
    <t>11/19/2019 19:43:50</t>
  </si>
  <si>
    <t>11/19/2019 19:43:51</t>
  </si>
  <si>
    <t>11/19/2019 19:43:52</t>
  </si>
  <si>
    <t>11/19/2019 19:44:09</t>
  </si>
  <si>
    <t>11/19/2019 19:44:50</t>
  </si>
  <si>
    <t>11/19/2019 19:44:51</t>
  </si>
  <si>
    <t>11/19/2019 19:44:52</t>
  </si>
  <si>
    <t>11/19/2019 19:44:54</t>
  </si>
  <si>
    <t>11/19/2019 19:44:55</t>
  </si>
  <si>
    <t>11/19/2019 19:44:56</t>
  </si>
  <si>
    <t>11/19/2019 19:45:06</t>
  </si>
  <si>
    <t>11/19/2019 19:45:07</t>
  </si>
  <si>
    <t>11/19/2019 19:45:08</t>
  </si>
  <si>
    <t>11/19/2019 19:45:09</t>
  </si>
  <si>
    <t>11/19/2019 19:45:10</t>
  </si>
  <si>
    <t>11/19/2019 19:45:11</t>
  </si>
  <si>
    <t>11/19/2019 19:45:12</t>
  </si>
  <si>
    <t>11/19/2019 19:45:19</t>
  </si>
  <si>
    <t>11/19/2019 19:45:25</t>
  </si>
  <si>
    <t>11/19/2019 19:45:26</t>
  </si>
  <si>
    <t>11/19/2019 19:45:27</t>
  </si>
  <si>
    <t>11/19/2019 19:45:28</t>
  </si>
  <si>
    <t>11/19/2019 19:45:32</t>
  </si>
  <si>
    <t>11/19/2019 19:45:33</t>
  </si>
  <si>
    <t>11/19/2019 19:45:34</t>
  </si>
  <si>
    <t>11/19/2019 19:46:06</t>
  </si>
  <si>
    <t>11/19/2019 19:46:08</t>
  </si>
  <si>
    <t>11/19/2019 19:46:09</t>
  </si>
  <si>
    <t>11/19/2019 19:46:10</t>
  </si>
  <si>
    <t>11/19/2019 19:46:12</t>
  </si>
  <si>
    <t>11/19/2019 19:46:13</t>
  </si>
  <si>
    <t>11/19/2019 19:46:14</t>
  </si>
  <si>
    <t>11/19/2019 19:46:15</t>
  </si>
  <si>
    <t>11/19/2019 19:46:16</t>
  </si>
  <si>
    <t>11/19/2019 19:46:17</t>
  </si>
  <si>
    <t>11/19/2019 19:46:18</t>
  </si>
  <si>
    <t>11/19/2019 19:46:19</t>
  </si>
  <si>
    <t>11/19/2019 19:46:20</t>
  </si>
  <si>
    <t>11/19/2019 19:46:21</t>
  </si>
  <si>
    <t>11/19/2019 19:46:33</t>
  </si>
  <si>
    <t>11/19/2019 19:46:34</t>
  </si>
  <si>
    <t>11/19/2019 19:46:35</t>
  </si>
  <si>
    <t>11/19/2019 19:46:37</t>
  </si>
  <si>
    <t>11/19/2019 19:46:38</t>
  </si>
  <si>
    <t>11/19/2019 19:46:39</t>
  </si>
  <si>
    <t>11/19/2019 19:46:40</t>
  </si>
  <si>
    <t>11/19/2019 19:46:43</t>
  </si>
  <si>
    <t>11/19/2019 19:46:44</t>
  </si>
  <si>
    <t>11/19/2019 19:46:45</t>
  </si>
  <si>
    <t>11/19/2019 19:46:46</t>
  </si>
  <si>
    <t>11/19/2019 19:46:47</t>
  </si>
  <si>
    <t>11/19/2019 19:46:48</t>
  </si>
  <si>
    <t>11/19/2019 19:46:49</t>
  </si>
  <si>
    <t>11/19/2019 19:46:53</t>
  </si>
  <si>
    <t>11/19/2019 19:46:55</t>
  </si>
  <si>
    <t>11/19/2019 19:46:58</t>
  </si>
  <si>
    <t>11/19/2019 19:46:59</t>
  </si>
  <si>
    <t>11/19/2019 19:47:06</t>
  </si>
  <si>
    <t>11/19/2019 19:47:29</t>
  </si>
  <si>
    <t>11/19/2019 19:47:30</t>
  </si>
  <si>
    <t>11/19/2019 19:47:31</t>
  </si>
  <si>
    <t>11/19/2019 19:36:34</t>
  </si>
  <si>
    <t>11/20/2019 09:03:45</t>
  </si>
  <si>
    <t>11/19/2019 19:36:36</t>
  </si>
  <si>
    <t>11/19/2019 19:36:43</t>
  </si>
  <si>
    <t>11/19/2019 19:36:47</t>
  </si>
  <si>
    <t>11/19/2019 19:36:48</t>
  </si>
  <si>
    <t>11/19/2019 19:38:09</t>
  </si>
  <si>
    <t>11/19/2019 19:38:10</t>
  </si>
  <si>
    <t>11/19/2019 19:38:11</t>
  </si>
  <si>
    <t>11/19/2019 19:38:12</t>
  </si>
  <si>
    <t>11/19/2019 19:38:13</t>
  </si>
  <si>
    <t>11/19/2019 19:38:24</t>
  </si>
  <si>
    <t>11/19/2019 19:26:09</t>
  </si>
  <si>
    <t>11/20/2019 09:07:45</t>
  </si>
  <si>
    <t>11/20/2019 09:06:37</t>
  </si>
  <si>
    <t>11/20/2019 09:08:45</t>
  </si>
  <si>
    <t>/o=exchangelabs/ou=exchange administrative group (fydibohf23spdlt)/cn=recipients/cn=1e6d9c62f2d8418fa73c4e576c9c2da7-deborah ott;</t>
  </si>
  <si>
    <t>Planilha Projetos - Materiais Recebidos PARA.xlsx</t>
  </si>
  <si>
    <t>/o=exchangelabs/ou=exchange administrative group (fydibohf23spdlt)/cn=recipients/cn=1e6d9c62f2d8418fa73c4e576c9c2da7-deborah ott</t>
  </si>
  <si>
    <t>11/20/2019 09:10:45</t>
  </si>
  <si>
    <t>10.200.58.31</t>
  </si>
  <si>
    <t>74-E6-E2-D1-4C-38</t>
  </si>
  <si>
    <t>NB-T-OLIVAR</t>
  </si>
  <si>
    <t>t-olivar</t>
  </si>
  <si>
    <t>Olivar Antonio Rodrigues</t>
  </si>
  <si>
    <t>C:\Users\t-olivar\OneDrive - Grupo Algar\Documentos\MTE\2019\PROJETO DIVERSIDADE +\Governança do Projeto\</t>
  </si>
  <si>
    <t>Macro Atividades.xlsx</t>
  </si>
  <si>
    <t>11/13/2019 08:30:49</t>
  </si>
  <si>
    <t>11/13/2019 17:58:57</t>
  </si>
  <si>
    <t>C:\Users\t-olivar\OneDrive - Grupo Algar\Documentos\MTE\2019\PROJETO DIVERSIDADE +\Governança do Projeto\PROJETO DIVERSIDADE + REUNIÃO 14-11 Líderes.pptx\</t>
  </si>
  <si>
    <t>11/14/2019 05:43:20</t>
  </si>
  <si>
    <t>C:\Users\t-olivar\OneDrive - Grupo Algar\Documentos\Investimentos\PRÉDIO\</t>
  </si>
  <si>
    <t>Controle do Investimento.xlsx</t>
  </si>
  <si>
    <t>11/14/2019 13:33:07</t>
  </si>
  <si>
    <t>11/14/2019 13:33:08</t>
  </si>
  <si>
    <t>11/14/2019 13:39:24</t>
  </si>
  <si>
    <t>11/14/2019 13:39:25</t>
  </si>
  <si>
    <t>11/14/2019 13:39:26</t>
  </si>
  <si>
    <t>11/14/2019 13:39:48</t>
  </si>
  <si>
    <t>11/14/2019 14:06:32</t>
  </si>
  <si>
    <t>11/14/2019 14:06:33</t>
  </si>
  <si>
    <t>11/14/2019 17:50:39</t>
  </si>
  <si>
    <t>/o=exchangelabs/ou=exchange administrative group (fydibohf23spdlt)/cn=recipients/cn=a30d12803de94264a57a0656bab1cc89-jose mario;sinttelrio@sinttelrio.org.br;</t>
  </si>
  <si>
    <t>ENC: Empregados que entregaram carta de OPOSIÇÃO ao desconto da CONTRIBUIÇÃO ASSISTENCIAL 2019</t>
  </si>
  <si>
    <t>ALGAR - Oposição (Assistencial 2019).xls</t>
  </si>
  <si>
    <t>/o=exchangelabs/ou=exchange administrative group (fydibohf23spdlt)/cn=recipients/cn=a30d12803de94264a57a0656bab1cc89-jose mario,sinttelrio@sinttelrio.org.br</t>
  </si>
  <si>
    <t>11/18/2019 10:05:40</t>
  </si>
  <si>
    <t>11/18/2019 10:09:36</t>
  </si>
  <si>
    <t>11/18/2019 15:10:37</t>
  </si>
  <si>
    <t>11/20/2019 09:08:03</t>
  </si>
  <si>
    <t>C:\Users\gabrielbc\Downloads\</t>
  </si>
  <si>
    <t>64fa2093-8af7-4e04-a178-0bf3aaf63e8e.xlsx</t>
  </si>
  <si>
    <t>11/20/2019 09:08:43</t>
  </si>
  <si>
    <t>11/20/2019 00:24:31</t>
  </si>
  <si>
    <t>11/20/2019 09:15:46</t>
  </si>
  <si>
    <t>/o=exchangelabs/ou=exchange administrative group (fydibohf23spdlt)/cn=recipients/cn=2d3379e2d04c40db810b4b1f41dd2aea-erica carol;/o=exchangelabs/ou=exchange administrative group (fydibohf23spdlt)/cn=recipients/cn=55f846c335d7437f892f0b0d49c89e92-celma ribei;/o=exchangelabs/ou=exchange administrative group (fydibohf23spdlt)/cn=recipients/cn=61af722dd06149089cf1c867d796b8bc-delso estre;/o=exchangelabs/ou=exchange administrative group (fydibohf23spdlt)/cn=recipients/cn=8c253c95243a40aa99c9416b7eb70a2a-julio cesar;/o=exchangelabs/ou=exchange administrative group (fydibohf23spdlt)/cn=recipients/cn=e46cd96e8e9e452c8cc8ba65a6c4ec57-gustavo hen;</t>
  </si>
  <si>
    <t>RES: Ajustes pré-closing PLR</t>
  </si>
  <si>
    <t>RES Ebit 2 Semestre.msg\s282\</t>
  </si>
  <si>
    <t>ebitpreclosing12-11.xls</t>
  </si>
  <si>
    <t>/o=exchangelabs/ou=exchange administrative group (fydibohf23spdlt)/cn=recipients/cn=2d3379e2d04c40db810b4b1f41dd2aea-erica carol,/o=exchangelabs/ou=exchange administrative group (fydibohf23spdlt)/cn=recipients/cn=55f846c335d7437f892f0b0d49c89e92-celma ribei,/o=exchangelabs/ou=exchange administrative group (fydibohf23spdlt)/cn=recipients/cn=61af722dd06149089cf1c867d796b8bc-delso estre,/o=exchangelabs/ou=exchange administrative group (fydibohf23spdlt)/cn=recipients/cn=8c253c95243a40aa99c9416b7eb70a2a-julio cesar,/o=exchangelabs/ou=exchange administrative group (fydibohf23spdlt)/cn=recipients/cn=e46cd96e8e9e452c8cc8ba65a6c4ec57-gustavo hen</t>
  </si>
  <si>
    <t>11/20/2019 09:11:46</t>
  </si>
  <si>
    <t>Relatório de antecipação</t>
  </si>
  <si>
    <t>11/20/2019 09:23:01</t>
  </si>
  <si>
    <t>11/20/2019 09:26:45</t>
  </si>
  <si>
    <t>Controle Financeiro Renato_2020.xlsx</t>
  </si>
  <si>
    <t>11/20/2019 09:29:00</t>
  </si>
  <si>
    <t>11/20/2019 09:31:45</t>
  </si>
  <si>
    <t>11/20/2019 09:34:19</t>
  </si>
  <si>
    <t>11/20/2019 09:35:46</t>
  </si>
  <si>
    <t>ENC: Transformação 2020: Ajuste BV Financeira</t>
  </si>
  <si>
    <t>Plan Precificacao C018 B018 - Evolução da Base BV.xlsb</t>
  </si>
  <si>
    <t>11/20/2019 09:39:30</t>
  </si>
  <si>
    <t>11/20/2019 09:41:45</t>
  </si>
  <si>
    <t>alinerg@algartech.com;andremg@algartecnologia.com.br;antoniaama@algartech.com;cassiaafa@algartech.com;</t>
  </si>
  <si>
    <t>C:\Users\matheusvs\Desktop\Squad - Canais Digitais\5 - Yahsat\</t>
  </si>
  <si>
    <t>Fraseologias Yahsat.xlsx</t>
  </si>
  <si>
    <t>alinerg@algartech.com,andremg@algartecnologia.com.br,antoniaama@algartech.com,cassiaafa@algartech.com</t>
  </si>
  <si>
    <t>11/20/2019 09:41:34</t>
  </si>
  <si>
    <t>11/20/2019 09:42:46</t>
  </si>
  <si>
    <t>/o=exchangelabs/ou=exchange administrative group (fydibohf23spdlt)/cn=recipients/cn=4097402e2d3e4073b597d33928140586-paulo sergi;/o=exchangelabs/ou=exchange administrative group (fydibohf23spdlt)/cn=recipients/cn=65f2464c9a2e4d2981cae7124572133d-cristiane c;dl_nw_operations_sparemanagement@timbrasil.com.br;ppaternina@timbrasil.com.br;</t>
  </si>
  <si>
    <t>RES: [Algar] Semana 47</t>
  </si>
  <si>
    <t>/o=exchangelabs/ou=exchange administrative group (fydibohf23spdlt)/cn=recipients/cn=4097402e2d3e4073b597d33928140586-paulo sergi,/o=exchangelabs/ou=exchange administrative group (fydibohf23spdlt)/cn=recipients/cn=65f2464c9a2e4d2981cae7124572133d-cristiane c,dl_nw_operations_sparemanagement@timbrasil.com.br,ppaternina@timbrasil.com.br</t>
  </si>
  <si>
    <t>11/20/2019 09:41:03</t>
  </si>
  <si>
    <t>11/20/2019 09:40:41</t>
  </si>
  <si>
    <t>11/20/2019 09:43:45</t>
  </si>
  <si>
    <t>Bradesco 2019 novo.xls</t>
  </si>
  <si>
    <t>11/20/2019 07:56:24</t>
  </si>
  <si>
    <t>11/20/2019 09:46:45</t>
  </si>
  <si>
    <t>Classificacao_de_Itens_GIAT_Classificado_v2.xlsx</t>
  </si>
  <si>
    <t>11/20/2019 09:44:07</t>
  </si>
  <si>
    <t>11/20/2019 09:48:45</t>
  </si>
  <si>
    <t>polati@algartech.com;sabrinadtdmc@algartech.com;</t>
  </si>
  <si>
    <t>polati@algartech.com,sabrinadtdmc@algartech.com</t>
  </si>
  <si>
    <t>11/20/2019 09:44:53</t>
  </si>
  <si>
    <t>Plano cobrança.xls</t>
  </si>
  <si>
    <t>11/20/2019 09:50:30</t>
  </si>
  <si>
    <t>11/20/2019 09:52:45</t>
  </si>
  <si>
    <t>11/20/2019 09:50:31</t>
  </si>
  <si>
    <t>11/20/2019 09:50:34</t>
  </si>
  <si>
    <t>11/20/2019 09:50:43</t>
  </si>
  <si>
    <t>11/20/2019 09:50:47</t>
  </si>
  <si>
    <t>11/20/2019 09:50:48</t>
  </si>
  <si>
    <t>11/20/2019 09:52:12</t>
  </si>
  <si>
    <t>11/20/2019 09:52:13</t>
  </si>
  <si>
    <t>11/20/2019 09:52:14</t>
  </si>
  <si>
    <t>11/20/2019 09:52:15</t>
  </si>
  <si>
    <t>11/20/2019 09:52:16</t>
  </si>
  <si>
    <t>11/20/2019 09:52:17</t>
  </si>
  <si>
    <t>11/20/2019 09:52:30</t>
  </si>
  <si>
    <t>11/20/2019 09:57:46</t>
  </si>
  <si>
    <t>11/20/2019 09:58:45</t>
  </si>
  <si>
    <t>11/20/2019 09:52:31</t>
  </si>
  <si>
    <t>11/20/2019 09:52:33</t>
  </si>
  <si>
    <t>11/20/2019 09:52:34</t>
  </si>
  <si>
    <t>11/20/2019 09:52:36</t>
  </si>
  <si>
    <t>11/20/2019 09:52:37</t>
  </si>
  <si>
    <t>11/20/2019 09:52:38</t>
  </si>
  <si>
    <t>11/20/2019 09:52:39</t>
  </si>
  <si>
    <t>11/20/2019 09:52:46</t>
  </si>
  <si>
    <t>11/20/2019 09:52:47</t>
  </si>
  <si>
    <t>11/20/2019 09:53:08</t>
  </si>
  <si>
    <t>11/20/2019 09:53:09</t>
  </si>
  <si>
    <t>11/20/2019 09:53:12</t>
  </si>
  <si>
    <t>11/20/2019 09:53:16</t>
  </si>
  <si>
    <t>11/20/2019 09:53:17</t>
  </si>
  <si>
    <t>11/20/2019 09:53:18</t>
  </si>
  <si>
    <t>11/20/2019 09:53:19</t>
  </si>
  <si>
    <t>11/20/2019 09:53:20</t>
  </si>
  <si>
    <t>11/20/2019 09:53:21</t>
  </si>
  <si>
    <t>11/20/2019 09:53:22</t>
  </si>
  <si>
    <t>11/20/2019 09:53:23</t>
  </si>
  <si>
    <t>11/20/2019 09:53:24</t>
  </si>
  <si>
    <t>11/20/2019 09:53:25</t>
  </si>
  <si>
    <t>11/20/2019 09:53:26</t>
  </si>
  <si>
    <t>11/20/2019 09:53:27</t>
  </si>
  <si>
    <t>11/20/2019 09:53:28</t>
  </si>
  <si>
    <t>11/20/2019 09:53:46</t>
  </si>
  <si>
    <t>11/20/2019 09:54:04</t>
  </si>
  <si>
    <t>11/20/2019 09:54:55</t>
  </si>
  <si>
    <t>11/20/2019 09:54:56</t>
  </si>
  <si>
    <t>11/20/2019 09:54:58</t>
  </si>
  <si>
    <t>11/20/2019 09:54:59</t>
  </si>
  <si>
    <t>11/20/2019 09:55:00</t>
  </si>
  <si>
    <t>11/20/2019 09:55:01</t>
  </si>
  <si>
    <t>11/20/2019 09:55:02</t>
  </si>
  <si>
    <t>11/20/2019 09:55:05</t>
  </si>
  <si>
    <t>11/20/2019 09:55:06</t>
  </si>
  <si>
    <t>11/20/2019 09:55:08</t>
  </si>
  <si>
    <t>11/20/2019 09:55:09</t>
  </si>
  <si>
    <t>11/20/2019 09:55:30</t>
  </si>
  <si>
    <t>11/20/2019 09:55:31</t>
  </si>
  <si>
    <t>11/20/2019 09:55:37</t>
  </si>
  <si>
    <t>11/20/2019 09:55:38</t>
  </si>
  <si>
    <t>11/20/2019 09:55:39</t>
  </si>
  <si>
    <t>11/20/2019 09:55:40</t>
  </si>
  <si>
    <t>11/20/2019 09:55:41</t>
  </si>
  <si>
    <t>11/20/2019 09:55:43</t>
  </si>
  <si>
    <t>11/20/2019 09:55:44</t>
  </si>
  <si>
    <t>11/20/2019 09:55:45</t>
  </si>
  <si>
    <t>11/20/2019 09:55:47</t>
  </si>
  <si>
    <t>11/20/2019 09:55:49</t>
  </si>
  <si>
    <t>11/20/2019 09:55:50</t>
  </si>
  <si>
    <t>11/20/2019 09:55:51</t>
  </si>
  <si>
    <t>11/20/2019 09:55:52</t>
  </si>
  <si>
    <t>11/20/2019 09:55:53</t>
  </si>
  <si>
    <t>11/20/2019 09:55:54</t>
  </si>
  <si>
    <t>11/20/2019 09:55:55</t>
  </si>
  <si>
    <t>11/20/2019 09:55:56</t>
  </si>
  <si>
    <t>11/20/2019 09:55:57</t>
  </si>
  <si>
    <t>11/20/2019 09:55:58</t>
  </si>
  <si>
    <t>11/20/2019 09:56:01</t>
  </si>
  <si>
    <t>11/20/2019 09:56:04</t>
  </si>
  <si>
    <t>11/20/2019 09:56:06</t>
  </si>
  <si>
    <t>11/20/2019 09:56:07</t>
  </si>
  <si>
    <t>11/20/2019 09:56:09</t>
  </si>
  <si>
    <t>11/20/2019 09:56:10</t>
  </si>
  <si>
    <t>11/20/2019 09:56:12</t>
  </si>
  <si>
    <t>11/20/2019 09:56:14</t>
  </si>
  <si>
    <t>11/20/2019 09:56:17</t>
  </si>
  <si>
    <t>11/20/2019 09:56:18</t>
  </si>
  <si>
    <t>11/20/2019 09:56:24</t>
  </si>
  <si>
    <t>11/20/2019 09:58:46</t>
  </si>
  <si>
    <t>11/20/2019 09:56:25</t>
  </si>
  <si>
    <t>11/20/2019 09:56:26</t>
  </si>
  <si>
    <t>11/20/2019 09:56:27</t>
  </si>
  <si>
    <t>11/20/2019 09:56:28</t>
  </si>
  <si>
    <t>11/20/2019 09:56:31</t>
  </si>
  <si>
    <t>11/20/2019 09:56:32</t>
  </si>
  <si>
    <t>11/20/2019 09:56:33</t>
  </si>
  <si>
    <t>11/20/2019 09:56:34</t>
  </si>
  <si>
    <t>11/20/2019 09:56:35</t>
  </si>
  <si>
    <t>11/20/2019 09:56:36</t>
  </si>
  <si>
    <t>11/20/2019 09:56:37</t>
  </si>
  <si>
    <t>11/20/2019 09:56:46</t>
  </si>
  <si>
    <t>11/20/2019 09:56:47</t>
  </si>
  <si>
    <t>11/20/2019 09:56:50</t>
  </si>
  <si>
    <t>11/20/2019 09:56:53</t>
  </si>
  <si>
    <t>11/20/2019 09:56:55</t>
  </si>
  <si>
    <t>11/20/2019 09:56:56</t>
  </si>
  <si>
    <t>11/20/2019 09:56:57</t>
  </si>
  <si>
    <t>11/20/2019 09:56:58</t>
  </si>
  <si>
    <t>11/20/2019 09:57:00</t>
  </si>
  <si>
    <t>11/20/2019 09:57:01</t>
  </si>
  <si>
    <t>11/20/2019 09:57:02</t>
  </si>
  <si>
    <t>11/20/2019 09:57:03</t>
  </si>
  <si>
    <t>11/20/2019 09:57:04</t>
  </si>
  <si>
    <t>11/20/2019 09:57:05</t>
  </si>
  <si>
    <t>11/20/2019 09:57:06</t>
  </si>
  <si>
    <t>11/20/2019 09:57:07</t>
  </si>
  <si>
    <t>11/20/2019 09:57:08</t>
  </si>
  <si>
    <t>11/20/2019 09:57:09</t>
  </si>
  <si>
    <t>11/20/2019 09:57:12</t>
  </si>
  <si>
    <t>11/20/2019 09:57:14</t>
  </si>
  <si>
    <t>11/20/2019 09:57:15</t>
  </si>
  <si>
    <t>11/20/2019 09:57:16</t>
  </si>
  <si>
    <t>11/20/2019 09:57:17</t>
  </si>
  <si>
    <t>11/20/2019 09:57:18</t>
  </si>
  <si>
    <t>11/20/2019 09:57:24</t>
  </si>
  <si>
    <t>11/20/2019 09:59:45</t>
  </si>
  <si>
    <t>Maria Eduarda Mês de Novembro.xlsx</t>
  </si>
  <si>
    <t>11/20/2019 09:57:25</t>
  </si>
  <si>
    <t>mail.google.com/_/upload?authuser=0&amp;dcp=asu-n&amp;upload_id=AEnB2UonJ8miuenif1QTKWiuCew-QDWjSBSPxTPznyFVOaiBRSVI9pykAZzpEVeyjsuVVMZ-hgJqEMThcTV4bhREgRGvIt39qg&amp;upload_protocol=resumable</t>
  </si>
  <si>
    <t>Auditoria Rosalia mês de Novembro.xlsx</t>
  </si>
  <si>
    <t>11/20/2019 09:57:27</t>
  </si>
  <si>
    <t>mail.google.com/_/upload?authuser=0&amp;dcp=asu-n&amp;upload_id=AEnB2UrUHn1j9tDMBOBCbOlrn3gK4Uwv0rjB9dles4ihaq3y2iQI_q-fyt4TjA69J9ehfL-dU4cx5jxfIcrSAUuiJodOU4IodA&amp;upload_protocol=resumable</t>
  </si>
  <si>
    <t>11/20/2019 10:03:45</t>
  </si>
  <si>
    <t>11/20/2019 09:57:19</t>
  </si>
  <si>
    <t>11/20/2019 09:57:20</t>
  </si>
  <si>
    <t>11/20/2019 09:57:21</t>
  </si>
  <si>
    <t>11/20/2019 09:57:22</t>
  </si>
  <si>
    <t>11/20/2019 09:57:26</t>
  </si>
  <si>
    <t>11/20/2019 09:57:37</t>
  </si>
  <si>
    <t>11/20/2019 09:57:58</t>
  </si>
  <si>
    <t>11/20/2019 09:58:31</t>
  </si>
  <si>
    <t>11/20/2019 09:58:32</t>
  </si>
  <si>
    <t>11/20/2019 09:58:33</t>
  </si>
  <si>
    <t>11/20/2019 09:58:35</t>
  </si>
  <si>
    <t>11/20/2019 09:58:36</t>
  </si>
  <si>
    <t>11/20/2019 09:58:38</t>
  </si>
  <si>
    <t>11/20/2019 09:58:39</t>
  </si>
  <si>
    <t>11/20/2019 09:58:40</t>
  </si>
  <si>
    <t>11/20/2019 09:58:47</t>
  </si>
  <si>
    <t>11/20/2019 09:58:48</t>
  </si>
  <si>
    <t>11/20/2019 09:58:49</t>
  </si>
  <si>
    <t>11/20/2019 09:58:50</t>
  </si>
  <si>
    <t>11/20/2019 09:58:51</t>
  </si>
  <si>
    <t>11/20/2019 09:58:52</t>
  </si>
  <si>
    <t>11/20/2019 09:58:57</t>
  </si>
  <si>
    <t>11/20/2019 09:59:01</t>
  </si>
  <si>
    <t>11/20/2019 09:59:02</t>
  </si>
  <si>
    <t>11/20/2019 09:59:03</t>
  </si>
  <si>
    <t>11/20/2019 09:59:04</t>
  </si>
  <si>
    <t>11/20/2019 09:59:06</t>
  </si>
  <si>
    <t>11/20/2019 09:59:07</t>
  </si>
  <si>
    <t>11/20/2019 09:59:08</t>
  </si>
  <si>
    <t>11/20/2019 09:59:09</t>
  </si>
  <si>
    <t>11/20/2019 09:59:10</t>
  </si>
  <si>
    <t>11/20/2019 09:59:32</t>
  </si>
  <si>
    <t>11/20/2019 09:59:34</t>
  </si>
  <si>
    <t>11/20/2019 09:59:35</t>
  </si>
  <si>
    <t>11/20/2019 09:59:36</t>
  </si>
  <si>
    <t>11/20/2019 09:59:37</t>
  </si>
  <si>
    <t>11/20/2019 09:59:39</t>
  </si>
  <si>
    <t>11/20/2019 09:59:40</t>
  </si>
  <si>
    <t>11/20/2019 09:59:41</t>
  </si>
  <si>
    <t>11/20/2019 09:59:42</t>
  </si>
  <si>
    <t>11/20/2019 09:59:44</t>
  </si>
  <si>
    <t>11/20/2019 09:59:46</t>
  </si>
  <si>
    <t>11/20/2019 09:59:47</t>
  </si>
  <si>
    <t>11/20/2019 09:59:58</t>
  </si>
  <si>
    <t>11/20/2019 09:59:59</t>
  </si>
  <si>
    <t>11/20/2019 10:00:00</t>
  </si>
  <si>
    <t>11/20/2019 10:00:01</t>
  </si>
  <si>
    <t>11/20/2019 10:00:02</t>
  </si>
  <si>
    <t>11/20/2019 10:00:03</t>
  </si>
  <si>
    <t>11/20/2019 10:00:04</t>
  </si>
  <si>
    <t>11/20/2019 10:00:05</t>
  </si>
  <si>
    <t>11/20/2019 10:00:06</t>
  </si>
  <si>
    <t>11/20/2019 10:00:07</t>
  </si>
  <si>
    <t>11/20/2019 10:00:08</t>
  </si>
  <si>
    <t>11/20/2019 10:00:09</t>
  </si>
  <si>
    <t>11/20/2019 10:00:10</t>
  </si>
  <si>
    <t>11/20/2019 10:00:13</t>
  </si>
  <si>
    <t>11/20/2019 10:00:16</t>
  </si>
  <si>
    <t>11/20/2019 10:00:17</t>
  </si>
  <si>
    <t>11/20/2019 10:00:22</t>
  </si>
  <si>
    <t>11/20/2019 10:00:39</t>
  </si>
  <si>
    <t>11/20/2019 10:00:40</t>
  </si>
  <si>
    <t>11/20/2019 10:00:42</t>
  </si>
  <si>
    <t>11/20/2019 09:59:29</t>
  </si>
  <si>
    <t>11/20/2019 10:04:46</t>
  </si>
  <si>
    <t>ENC: PTH Atualizada - GST</t>
  </si>
  <si>
    <t>PTH HELIEL19112019.xlsx</t>
  </si>
  <si>
    <t>11/20/2019 10:04:26</t>
  </si>
  <si>
    <t>11/20/2019 10:05:45</t>
  </si>
  <si>
    <t>11/20/2019 10:04:49</t>
  </si>
  <si>
    <t>11/20/2019 10:06:58</t>
  </si>
  <si>
    <t>11/20/2019 10:08:45</t>
  </si>
  <si>
    <t>/o=exchangelabs/ou=exchange administrative group (fydibohf23spdlt)/cn=recipients/cn=86f97e3fdf744bd7a2dfff398729d365-polyana cri;</t>
  </si>
  <si>
    <t>LISTA DE PRESENÇA 19_11</t>
  </si>
  <si>
    <t>PRESENÇA - FEIRA DE PRODUTOS 18.11.xlsx</t>
  </si>
  <si>
    <t>/o=exchangelabs/ou=exchange administrative group (fydibohf23spdlt)/cn=recipients/cn=86f97e3fdf744bd7a2dfff398729d365-polyana cri</t>
  </si>
  <si>
    <t>11/20/2019 10:04:25</t>
  </si>
  <si>
    <t>Resultados Campanha - CIMI</t>
  </si>
  <si>
    <t>11/20/2019 10:07:47</t>
  </si>
  <si>
    <t>11/20/2019 10:10:45</t>
  </si>
  <si>
    <t>D:\OneDrive\AlgarTech\Pré-Vendas\Cliente\2019\SAGE\217474 - Servidores Internos\</t>
  </si>
  <si>
    <t>11/20/2019 10:13:30</t>
  </si>
  <si>
    <t>11/20/2019 10:15:46</t>
  </si>
  <si>
    <t>11/20/2019 10:13:36</t>
  </si>
  <si>
    <t>11/20/2019 10:13:40</t>
  </si>
  <si>
    <t>11/20/2019 10:18:47</t>
  </si>
  <si>
    <t>11/20/2019 10:20:45</t>
  </si>
  <si>
    <t>Pesquisa consolidada nov - Supers.xlsx</t>
  </si>
  <si>
    <t>11/20/2019 10:17:12</t>
  </si>
  <si>
    <t>Errata - Olha Ranking aí gente....</t>
  </si>
  <si>
    <t>11/20/2019 10:17:58</t>
  </si>
  <si>
    <t>11/20/2019 10:19:15</t>
  </si>
  <si>
    <t>11/20/2019 10:22:45</t>
  </si>
  <si>
    <t>11/20/2019 10:25:44</t>
  </si>
  <si>
    <t>11/20/2019 10:26:45</t>
  </si>
  <si>
    <t>ENC: Cronometria</t>
  </si>
  <si>
    <t>cronometria.xlsx</t>
  </si>
  <si>
    <t>11/20/2019 10:24:06</t>
  </si>
  <si>
    <t>11/20/2019 10:27:45</t>
  </si>
  <si>
    <t>ENC: Produtividade UNE_UCB_Formalização_Casos Especiais e Vale ate 18/11</t>
  </si>
  <si>
    <t>11/20/2019 10:31:48</t>
  </si>
  <si>
    <t>11/20/2019 10:34:45</t>
  </si>
  <si>
    <t>C:\Users\alessandroam\Desktop\ENC Topologia e Custos - Segregação Fase 3.msg\s1\</t>
  </si>
  <si>
    <t>CAPEX OPEX Segregação Bradesco CPS - v4.xlsx</t>
  </si>
  <si>
    <t>CAPEX OPEX Segregação Bradesco CPS - v5.xlsx</t>
  </si>
  <si>
    <t>11/20/2019 10:34:39</t>
  </si>
  <si>
    <t>11/20/2019 10:39:45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4097402e2d3e4073b597d33928140586-paulo sergi;/o=exchangelabs/ou=exchange administrative group (fydibohf23spdlt)/cn=recipients/cn=47dd31b5ac1847959bdefc467c1b7402-ferlem marl;/o=exchangelabs/ou=exchange administrative group (fydibohf23spdlt)/cn=recipients/cn=5eb8447f1992416c986b6f95f45fc7f7-jose paixao;/o=exchangelabs/ou=exchange administrative group (fydibohf23spdlt)/cn=recipients/cn=7df34f8bfd5c49aba90be766dd53403a-rosimar lei;/o=exchangelabs/ou=exchange administrative group (fydibohf23spdlt)/cn=recipients/cn=7ec9b79e321b423c9a6328e6d2a8765d-fabio cesar;/o=exchangelabs/ou=exchange administrative group (fydibohf23spdlt)/cn=recipients/cn=7f0583df7d3e4c2bb8108b334f4257df-marc</t>
  </si>
  <si>
    <t>OS's TIM BBN - Atualizar Status 06_11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4097402e2d3e4073b597d33928140586-paulo sergi,/o=exchangelabs/ou=exchange administrative group (fydibohf23spdlt)/cn=recipients/cn=47dd31b5ac1847959bdefc467c1b7402-ferlem marl,/o=exchangelabs/ou=exchange administrative group (fydibohf23spdlt)/cn=recipients/cn=5eb8447f1992416c986b6f95f45fc7f7-jose paixao,/o=exchangelabs/ou=exchange administrative group (fydibohf23spdlt)/cn=recipients/cn=7df34f8bfd5c49aba90be766dd53403a-rosimar lei,/o=exchangelabs/ou=exchange administrative group (fydibohf23spdlt)/cn=recipients/cn=7ec9b79e321b423c9a6328e6d2a8765d-fabio cesar,/o=exchangelabs/ou=exchange administrative group (fydibohf23spdlt)/cn=recipients/cn=7f0583df7d3e4c2bb8108b334f4257df-marc</t>
  </si>
  <si>
    <t>11/20/2019 10:41:31</t>
  </si>
  <si>
    <t>11/20/2019 10:44:45</t>
  </si>
  <si>
    <t>11/20/2019 10:41:38</t>
  </si>
  <si>
    <t>11/20/2019 10:41:39</t>
  </si>
  <si>
    <t>C:\Users\elainemdlp\OD\_Projetos\Em andamento\Expansao Caixa\04 - Controle\PMO\PMO - STATUS DE GOVERNANÇA - Expansao Caixa - 20191111.pptx\</t>
  </si>
  <si>
    <t>11/20/2019 10:41:48</t>
  </si>
  <si>
    <t>C:\Users\elainemdlp\OD\_Projetos\Em andamento\Goodyear Licitacao\01 - Iniciacao\</t>
  </si>
  <si>
    <t>BP 206431 - Goodyear v4.1.xlsb</t>
  </si>
  <si>
    <t>C:\Users\elainemdlp\OD\_Projetos\Em andamento\Goodyear Licitacao\01 - Iniciacao\BP 206431 - Goodyear v4.1.xlsb\</t>
  </si>
  <si>
    <t>11/20/2019 10:41:49</t>
  </si>
  <si>
    <t>11/20/2019 10:43:56</t>
  </si>
  <si>
    <t>\\acsfs\deptos\DME\CME - Coordenacao de Marketing e Estrategia\Gestão da Área\Reuniões de Governança\Tech Day\</t>
  </si>
  <si>
    <t>BP GRC Revisão 20-11.xlsx</t>
  </si>
  <si>
    <t>11/20/2019 10:43:01</t>
  </si>
  <si>
    <t>11/20/2019 10:47:46</t>
  </si>
  <si>
    <t>10.200.60.164</t>
  </si>
  <si>
    <t>D8-9C-67-4D-6A-83</t>
  </si>
  <si>
    <t>NB-VANESSASARA</t>
  </si>
  <si>
    <t>vanessasara</t>
  </si>
  <si>
    <t>vanessasara@algartech.com</t>
  </si>
  <si>
    <t>carlosfn@algartech.com;lucianasg@algartech.com;</t>
  </si>
  <si>
    <t>C:\Users\vanessasara\Desktop\Algar Tech_4a REUGER 2019_Comercial.pptx\</t>
  </si>
  <si>
    <t>carlosfn@algartech.com,lucianasg@algartech.com</t>
  </si>
  <si>
    <t>11/20/2019 10:49:06</t>
  </si>
  <si>
    <t>11/20/2019 10:50:45</t>
  </si>
  <si>
    <t>217474_Proposta_Transacional_SAGE_V1.xls</t>
  </si>
  <si>
    <t>11/20/2019 10:49:20</t>
  </si>
  <si>
    <t>11/20/2019 10:47:56</t>
  </si>
  <si>
    <t>11/20/2019 10:51:46</t>
  </si>
  <si>
    <t>/o=exchangelabs/ou=exchange administrative group (fydibohf23spdlt)/cn=recipients/cn=a5fb24647d6e4c368aca7c8ad68585d5-jessica fer;lilian.karuline@bradesco.com.br;maurilio.junior@bradesco.com.br;silvia.b.souza@bradesco.com.br;</t>
  </si>
  <si>
    <t>Ajustes Painel Gerencial</t>
  </si>
  <si>
    <t>/o=exchangelabs/ou=exchange administrative group (fydibohf23spdlt)/cn=recipients/cn=a5fb24647d6e4c368aca7c8ad68585d5-jessica fer,lilian.karuline@bradesco.com.br,maurilio.junior@bradesco.com.br,silvia.b.souza@bradesco.com.br</t>
  </si>
  <si>
    <t>11/20/2019 10:47:47</t>
  </si>
  <si>
    <t>11/20/2019 10:49:43</t>
  </si>
  <si>
    <t>11/20/2019 10:53:46</t>
  </si>
  <si>
    <t>RES: Classificação de Ativos_ Aquisição de UPS</t>
  </si>
  <si>
    <t>Classificação de Ativos - Aquisição de UPS.xlsx</t>
  </si>
  <si>
    <t>11/20/2019 10:53:11</t>
  </si>
  <si>
    <t>11/20/2019 10:54:45</t>
  </si>
  <si>
    <t>/o=exchangelabs/ou=exchange administrative group (fydibohf23spdlt)/cn=recipients/cn=ae5de8da93c7422fa6ba5be702b44cd5-renata apar;/o=exchangelabs/ou=exchange administrative group (fydibohf23spdlt)/cn=recipients/cn=user3949317b;</t>
  </si>
  <si>
    <t>Visão Integradores GAT - Tech Day</t>
  </si>
  <si>
    <t>Resumo_Integradores_GAT.xlsx</t>
  </si>
  <si>
    <t>/o=exchangelabs/ou=exchange administrative group (fydibohf23spdlt)/cn=recipients/cn=ae5de8da93c7422fa6ba5be702b44cd5-renata apar,/o=exchangelabs/ou=exchange administrative group (fydibohf23spdlt)/cn=recipients/cn=user3949317b</t>
  </si>
  <si>
    <t>11/20/2019 10:53:09</t>
  </si>
  <si>
    <t>11/20/2019 10:56:46</t>
  </si>
  <si>
    <t>10.201.164.29</t>
  </si>
  <si>
    <t>leonardoil@algartech.com;</t>
  </si>
  <si>
    <t>C:\Users\andremg\Downloads\</t>
  </si>
  <si>
    <t>Relatório YahCenter (8).xlsx</t>
  </si>
  <si>
    <t>leonardoil@algartech.com</t>
  </si>
  <si>
    <t>11/20/2019 10:57:24</t>
  </si>
  <si>
    <t>11/20/2019 10:57:45</t>
  </si>
  <si>
    <t>mauricio@algartech.com;</t>
  </si>
  <si>
    <t>C:\Users\vanessasara\Desktop\Algar Tech_4a REUGER 2019_GAT.pptx\</t>
  </si>
  <si>
    <t>mauricio@algartech.com</t>
  </si>
  <si>
    <t>11/20/2019 10:57:34</t>
  </si>
  <si>
    <t>11/20/2019 11:00:46</t>
  </si>
  <si>
    <t>mail.google.com/_/upload?authuser=0&amp;dcp=asu-n&amp;upload_id=AEnB2UpkTOP9U2Zq7fYzsEhfk75tk_JJdW8C4razdJi7owcvw6KEZ-Dgq11yJsFQkE46ZU6JzKPmKQXGRVlQhHZ-GCqwUCVga6fnClB61K_qFjFYzE2ZPFc&amp;upload_protocol=resumable</t>
  </si>
  <si>
    <t>jleitao@timbrasil.com.br;marcos.pereira@algartech.com;</t>
  </si>
  <si>
    <t>jleitao@timbrasil.com.br,marcos.pereira@algartech.com</t>
  </si>
  <si>
    <t>11/20/2019 11:01:32</t>
  </si>
  <si>
    <t>11/20/2019 11:04:45</t>
  </si>
  <si>
    <t>Recibo de Reembolso -2410.xls</t>
  </si>
  <si>
    <t>11/20/2019 11:03:40</t>
  </si>
  <si>
    <t>11/20/2019 11:05:46</t>
  </si>
  <si>
    <t>C:\Users\lucianafaa\OneDrive - Grupo Algar\2019\PROJETOS\PROGRAMA\CRM\EXECUCAO\BP\CUSTO\</t>
  </si>
  <si>
    <t>11/20/2019 11:03:43</t>
  </si>
  <si>
    <t>Treinamento</t>
  </si>
  <si>
    <t>FORMAÇÃO INICIAL - ATENDIMENTO UNICA 2608.xlsm</t>
  </si>
  <si>
    <t>11/20/2019 11:02:36</t>
  </si>
  <si>
    <t>11/20/2019 11:06:45</t>
  </si>
  <si>
    <t>10.200.60.244</t>
  </si>
  <si>
    <t>D4-6A-6A-F9-8D-37</t>
  </si>
  <si>
    <t>11/20/2019 11:02:24</t>
  </si>
  <si>
    <t>11/20/2019 11:02:25</t>
  </si>
  <si>
    <t>11/20/2019 11:02:26</t>
  </si>
  <si>
    <t>11/20/2019 11:02:32</t>
  </si>
  <si>
    <t>11/20/2019 11:04:09</t>
  </si>
  <si>
    <t>11/20/2019 11:04:10</t>
  </si>
  <si>
    <t>11/20/2019 11:04:11</t>
  </si>
  <si>
    <t>11/20/2019 11:04:12</t>
  </si>
  <si>
    <t>11/20/2019 11:04:13</t>
  </si>
  <si>
    <t>11/20/2019 11:04:25</t>
  </si>
  <si>
    <t>11/20/2019 11:04:27</t>
  </si>
  <si>
    <t>11/20/2019 11:04:28</t>
  </si>
  <si>
    <t>11/20/2019 11:04:29</t>
  </si>
  <si>
    <t>11/20/2019 11:04:30</t>
  </si>
  <si>
    <t>11/20/2019 11:04:31</t>
  </si>
  <si>
    <t>11/20/2019 11:04:36</t>
  </si>
  <si>
    <t>11/20/2019 11:04:37</t>
  </si>
  <si>
    <t>11/20/2019 11:04:59</t>
  </si>
  <si>
    <t>11/20/2019 11:05:00</t>
  </si>
  <si>
    <t>11/20/2019 11:05:03</t>
  </si>
  <si>
    <t>11/20/2019 11:05:07</t>
  </si>
  <si>
    <t>11/20/2019 11:05:08</t>
  </si>
  <si>
    <t>11/20/2019 11:05:09</t>
  </si>
  <si>
    <t>11/20/2019 11:05:10</t>
  </si>
  <si>
    <t>11/20/2019 11:05:11</t>
  </si>
  <si>
    <t>11/20/2019 11:05:12</t>
  </si>
  <si>
    <t>11/20/2019 11:05:13</t>
  </si>
  <si>
    <t>11/20/2019 11:05:14</t>
  </si>
  <si>
    <t>11/20/2019 11:05:15</t>
  </si>
  <si>
    <t>11/20/2019 11:05:16</t>
  </si>
  <si>
    <t>11/20/2019 11:05:17</t>
  </si>
  <si>
    <t>11/20/2019 11:05:18</t>
  </si>
  <si>
    <t>11/20/2019 11:05:33</t>
  </si>
  <si>
    <t>11/20/2019 11:05:48</t>
  </si>
  <si>
    <t>11/20/2019 11:02:47</t>
  </si>
  <si>
    <t>11/20/2019 11:08:45</t>
  </si>
  <si>
    <t>11/20/2019 11:04:05</t>
  </si>
  <si>
    <t>RES: silvio@algartech.com lhe enviou uma mensagem no Skype for Business</t>
  </si>
  <si>
    <t>Componentes e Subcomponentes B018.xlsx</t>
  </si>
  <si>
    <t>11/20/2019 11:04:58</t>
  </si>
  <si>
    <t>C:\Users\polati\OneDrive - Grupo Algar\algar\bradesco 2019\fechamentos\</t>
  </si>
  <si>
    <t>11/20/2019 11:06:12</t>
  </si>
  <si>
    <t>/o=exchangelabs/ou=exchange administrative group (fydibohf23spdlt)/cn=recipients/cn=92f840270c3143f3a4d11a96cbe1c928-marcela car;/o=exchangelabs/ou=exchange administrative group (fydibohf23spdlt)/cn=recipients/cn=c29ec9dae022497281c840087cccddec-patricia ar;/o=exchangelabs/ou=exchange administrative group (fydibohf23spdlt)/cn=recipients/cn=e0001a1553fb4b9a9be687db68a2ec15-yuri ian fr;/o=exchangelabs/ou=exchange administrative group (fydibohf23spdlt)/cn=recipients/cn=user12c3790d;</t>
  </si>
  <si>
    <t>Status projeto CIMI - 19/11</t>
  </si>
  <si>
    <t>/o=exchangelabs/ou=exchange administrative group (fydibohf23spdlt)/cn=recipients/cn=92f840270c3143f3a4d11a96cbe1c928-marcela car,/o=exchangelabs/ou=exchange administrative group (fydibohf23spdlt)/cn=recipients/cn=c29ec9dae022497281c840087cccddec-patricia ar,/o=exchangelabs/ou=exchange administrative group (fydibohf23spdlt)/cn=recipients/cn=e0001a1553fb4b9a9be687db68a2ec15-yuri ian fr,/o=exchangelabs/ou=exchange administrative group (fydibohf23spdlt)/cn=recipients/cn=user12c3790d</t>
  </si>
  <si>
    <t>11/20/2019 11:03:59</t>
  </si>
  <si>
    <t>11/20/2019 11:09:46</t>
  </si>
  <si>
    <t>/o=exchangelabs/ou=exchange administrative group (fydibohf23spdlt)/cn=recipients/cn=0a87f2cad91d442c9f093f600a4c5266-vanessa rod;/o=exchangelabs/ou=exchange administrative group (fydibohf23spdlt)/cn=recipients/cn=9216c91f88944fa9915f6d1b2c6a77a0-renato kass;</t>
  </si>
  <si>
    <t>RES: Treinamento Comportamental 21/11 e 22/11</t>
  </si>
  <si>
    <t>RES Status - Comportamental.msg\s1\</t>
  </si>
  <si>
    <t>/o=exchangelabs/ou=exchange administrative group (fydibohf23spdlt)/cn=recipients/cn=0a87f2cad91d442c9f093f600a4c5266-vanessa rod,/o=exchangelabs/ou=exchange administrative group (fydibohf23spdlt)/cn=recipients/cn=9216c91f88944fa9915f6d1b2c6a77a0-renato kass</t>
  </si>
  <si>
    <t>11/20/2019 11:09:34</t>
  </si>
  <si>
    <t>11/20/2019 11:10:45</t>
  </si>
  <si>
    <t>mail.google.com/_/upload?authuser=0&amp;dcp=asu-n&amp;upload_id=AEnB2Uo_aSkBnW6j4xmhvjRdSyo5_-QyyNzc1pOZ9NrwhwFvfe2hEpTm89V6pbajj4FyXV-QtGIbnawtINLM7eCRjnBP2P6RaQ&amp;upload_protocol=resumable</t>
  </si>
  <si>
    <t>Cancelamentos 10.2019.xlsx</t>
  </si>
  <si>
    <t>11/20/2019 11:06:36</t>
  </si>
  <si>
    <t>11/20/2019 11:12:47</t>
  </si>
  <si>
    <t>11/14/2019 12:11:20</t>
  </si>
  <si>
    <t>/o=exchangelabs/ou=exchange administrative group (fydibohf23spdlt)/cn=recipients/cn=830ba83a6b9b441ab3f8d8b3a47d0ffe-angelica ma;/o=exchangelabs/ou=exchange administrative group (fydibohf23spdlt)/cn=recipients/cn=95d6b80d0c3d44d6aee9bc955f10af3e-aparecida m;</t>
  </si>
  <si>
    <t>ENC: HEAD COUNT - dez/19</t>
  </si>
  <si>
    <t>6 - HEAD COUNT_dez.xlsx</t>
  </si>
  <si>
    <t>/o=exchangelabs/ou=exchange administrative group (fydibohf23spdlt)/cn=recipients/cn=830ba83a6b9b441ab3f8d8b3a47d0ffe-angelica ma,/o=exchangelabs/ou=exchange administrative group (fydibohf23spdlt)/cn=recipients/cn=95d6b80d0c3d44d6aee9bc955f10af3e-aparecida m</t>
  </si>
  <si>
    <t>11/20/2019 11:06:37</t>
  </si>
  <si>
    <t>11/20/2019 11:06:39</t>
  </si>
  <si>
    <t>11/20/2019 11:06:40</t>
  </si>
  <si>
    <t>11/20/2019 11:06:42</t>
  </si>
  <si>
    <t>11/20/2019 11:06:43</t>
  </si>
  <si>
    <t>11/20/2019 11:06:46</t>
  </si>
  <si>
    <t>11/20/2019 11:06:49</t>
  </si>
  <si>
    <t>11/20/2019 11:06:51</t>
  </si>
  <si>
    <t>11/20/2019 11:07:18</t>
  </si>
  <si>
    <t>11/20/2019 11:07:26</t>
  </si>
  <si>
    <t>11/20/2019 11:07:27</t>
  </si>
  <si>
    <t>11/20/2019 11:07:28</t>
  </si>
  <si>
    <t>11/20/2019 11:07:29</t>
  </si>
  <si>
    <t>11/20/2019 11:07:30</t>
  </si>
  <si>
    <t>11/20/2019 11:07:31</t>
  </si>
  <si>
    <t>11/20/2019 11:07:32</t>
  </si>
  <si>
    <t>11/20/2019 11:07:33</t>
  </si>
  <si>
    <t>11/20/2019 11:07:34</t>
  </si>
  <si>
    <t>11/20/2019 11:07:35</t>
  </si>
  <si>
    <t>11/20/2019 11:07:37</t>
  </si>
  <si>
    <t>11/20/2019 11:07:38</t>
  </si>
  <si>
    <t>11/20/2019 11:07:39</t>
  </si>
  <si>
    <t>11/20/2019 11:07:40</t>
  </si>
  <si>
    <t>11/20/2019 11:07:41</t>
  </si>
  <si>
    <t>11/20/2019 11:07:42</t>
  </si>
  <si>
    <t>11/20/2019 11:07:43</t>
  </si>
  <si>
    <t>11/20/2019 11:07:44</t>
  </si>
  <si>
    <t>11/20/2019 11:07:48</t>
  </si>
  <si>
    <t>11/20/2019 11:07:52</t>
  </si>
  <si>
    <t>11/20/2019 11:07:55</t>
  </si>
  <si>
    <t>11/20/2019 11:07:56</t>
  </si>
  <si>
    <t>11/20/2019 11:07:58</t>
  </si>
  <si>
    <t>11/20/2019 11:07:59</t>
  </si>
  <si>
    <t>11/20/2019 11:08:01</t>
  </si>
  <si>
    <t>11/20/2019 11:08:02</t>
  </si>
  <si>
    <t>11/20/2019 11:08:05</t>
  </si>
  <si>
    <t>11/20/2019 11:08:06</t>
  </si>
  <si>
    <t>11/20/2019 11:08:13</t>
  </si>
  <si>
    <t>11/20/2019 11:08:14</t>
  </si>
  <si>
    <t>11/20/2019 11:08:16</t>
  </si>
  <si>
    <t>11/20/2019 11:08:17</t>
  </si>
  <si>
    <t>11/20/2019 11:08:18</t>
  </si>
  <si>
    <t>11/20/2019 11:08:22</t>
  </si>
  <si>
    <t>11/20/2019 11:08:23</t>
  </si>
  <si>
    <t>11/20/2019 11:08:24</t>
  </si>
  <si>
    <t>11/20/2019 11:08:25</t>
  </si>
  <si>
    <t>11/20/2019 11:08:26</t>
  </si>
  <si>
    <t>11/20/2019 11:08:27</t>
  </si>
  <si>
    <t>11/20/2019 11:08:28</t>
  </si>
  <si>
    <t>11/20/2019 11:08:38</t>
  </si>
  <si>
    <t>11/20/2019 11:08:42</t>
  </si>
  <si>
    <t>11/20/2019 11:08:46</t>
  </si>
  <si>
    <t>11/20/2019 11:08:47</t>
  </si>
  <si>
    <t>11/20/2019 11:08:49</t>
  </si>
  <si>
    <t>11/20/2019 11:08:50</t>
  </si>
  <si>
    <t>11/20/2019 11:08:51</t>
  </si>
  <si>
    <t>11/20/2019 11:08:53</t>
  </si>
  <si>
    <t>11/20/2019 11:08:54</t>
  </si>
  <si>
    <t>11/20/2019 11:08:55</t>
  </si>
  <si>
    <t>11/20/2019 11:08:56</t>
  </si>
  <si>
    <t>11/20/2019 11:08:57</t>
  </si>
  <si>
    <t>11/20/2019 11:08:58</t>
  </si>
  <si>
    <t>11/20/2019 11:08:59</t>
  </si>
  <si>
    <t>11/20/2019 11:09:00</t>
  </si>
  <si>
    <t>11/20/2019 11:09:01</t>
  </si>
  <si>
    <t>11/20/2019 11:09:02</t>
  </si>
  <si>
    <t>11/20/2019 11:09:03</t>
  </si>
  <si>
    <t>11/20/2019 11:09:06</t>
  </si>
  <si>
    <t>11/20/2019 11:09:09</t>
  </si>
  <si>
    <t>11/20/2019 11:09:10</t>
  </si>
  <si>
    <t>11/20/2019 11:09:11</t>
  </si>
  <si>
    <t>11/20/2019 11:09:12</t>
  </si>
  <si>
    <t>11/20/2019 11:09:13</t>
  </si>
  <si>
    <t>11/20/2019 11:09:14</t>
  </si>
  <si>
    <t>11/20/2019 11:09:15</t>
  </si>
  <si>
    <t>11/20/2019 11:09:18</t>
  </si>
  <si>
    <t>11/20/2019 11:09:19</t>
  </si>
  <si>
    <t>11/20/2019 11:09:21</t>
  </si>
  <si>
    <t>11/20/2019 11:09:32</t>
  </si>
  <si>
    <t>11/20/2019 11:09:39</t>
  </si>
  <si>
    <t>11/20/2019 11:09:40</t>
  </si>
  <si>
    <t>11/20/2019 11:09:41</t>
  </si>
  <si>
    <t>11/20/2019 11:09:53</t>
  </si>
  <si>
    <t>11/20/2019 11:10:22</t>
  </si>
  <si>
    <t>11/20/2019 11:10:23</t>
  </si>
  <si>
    <t>11/20/2019 11:10:25</t>
  </si>
  <si>
    <t>11/20/2019 11:10:26</t>
  </si>
  <si>
    <t>11/20/2019 11:10:28</t>
  </si>
  <si>
    <t>11/20/2019 11:10:29</t>
  </si>
  <si>
    <t>11/20/2019 11:10:30</t>
  </si>
  <si>
    <t>11/20/2019 11:10:36</t>
  </si>
  <si>
    <t>11/20/2019 11:10:37</t>
  </si>
  <si>
    <t>11/20/2019 11:10:38</t>
  </si>
  <si>
    <t>11/20/2019 11:10:39</t>
  </si>
  <si>
    <t>11/20/2019 11:10:40</t>
  </si>
  <si>
    <t>11/20/2019 11:10:41</t>
  </si>
  <si>
    <t>11/20/2019 11:10:42</t>
  </si>
  <si>
    <t>11/20/2019 11:10:46</t>
  </si>
  <si>
    <t>11/20/2019 11:13:47</t>
  </si>
  <si>
    <t>11/20/2019 11:10:52</t>
  </si>
  <si>
    <t>11/20/2019 11:10:53</t>
  </si>
  <si>
    <t>11/20/2019 11:10:54</t>
  </si>
  <si>
    <t>11/20/2019 11:10:55</t>
  </si>
  <si>
    <t>11/20/2019 11:10:57</t>
  </si>
  <si>
    <t>11/20/2019 11:10:58</t>
  </si>
  <si>
    <t>11/20/2019 11:10:59</t>
  </si>
  <si>
    <t>11/20/2019 11:11:00</t>
  </si>
  <si>
    <t>11/20/2019 11:11:01</t>
  </si>
  <si>
    <t>11/20/2019 11:11:26</t>
  </si>
  <si>
    <t>11/20/2019 11:11:27</t>
  </si>
  <si>
    <t>11/20/2019 11:11:28</t>
  </si>
  <si>
    <t>11/20/2019 11:11:29</t>
  </si>
  <si>
    <t>11/20/2019 11:11:30</t>
  </si>
  <si>
    <t>11/20/2019 11:11:31</t>
  </si>
  <si>
    <t>11/20/2019 11:11:33</t>
  </si>
  <si>
    <t>11/20/2019 11:11:34</t>
  </si>
  <si>
    <t>11/20/2019 11:11:35</t>
  </si>
  <si>
    <t>11/20/2019 11:11:36</t>
  </si>
  <si>
    <t>11/20/2019 11:17:47</t>
  </si>
  <si>
    <t>11/20/2019 11:11:37</t>
  </si>
  <si>
    <t>11/20/2019 11:11:38</t>
  </si>
  <si>
    <t>11/20/2019 11:11:39</t>
  </si>
  <si>
    <t>11/20/2019 11:11:40</t>
  </si>
  <si>
    <t>11/20/2019 11:11:51</t>
  </si>
  <si>
    <t>11/20/2019 11:11:52</t>
  </si>
  <si>
    <t>11/20/2019 11:11:53</t>
  </si>
  <si>
    <t>11/20/2019 11:11:54</t>
  </si>
  <si>
    <t>11/20/2019 11:11:55</t>
  </si>
  <si>
    <t>11/20/2019 11:11:56</t>
  </si>
  <si>
    <t>11/20/2019 11:11:57</t>
  </si>
  <si>
    <t>11/20/2019 11:11:58</t>
  </si>
  <si>
    <t>11/20/2019 11:11:59</t>
  </si>
  <si>
    <t>11/20/2019 11:12:00</t>
  </si>
  <si>
    <t>11/20/2019 11:12:01</t>
  </si>
  <si>
    <t>11/20/2019 11:12:02</t>
  </si>
  <si>
    <t>11/20/2019 11:12:03</t>
  </si>
  <si>
    <t>11/20/2019 11:12:06</t>
  </si>
  <si>
    <t>11/20/2019 11:12:09</t>
  </si>
  <si>
    <t>11/20/2019 11:12:18</t>
  </si>
  <si>
    <t>11/20/2019 11:12:10</t>
  </si>
  <si>
    <t>11/20/2019 11:12:40</t>
  </si>
  <si>
    <t>11/20/2019 11:12:41</t>
  </si>
  <si>
    <t>11/20/2019 11:12:42</t>
  </si>
  <si>
    <t>11/20/2019 11:17:35</t>
  </si>
  <si>
    <t>11/20/2019 11:19:47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ganunes@tripag.com.br;</t>
  </si>
  <si>
    <t>Plano de Aula Unica.xlsx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,ganunes@tripag.com.br</t>
  </si>
  <si>
    <t>11/20/2019 11:23:03</t>
  </si>
  <si>
    <t>11/20/2019 11:24:46</t>
  </si>
  <si>
    <t>mail.google.com/_/upload?authuser=0&amp;dcp=asu-n&amp;upload_id=AEnB2UpPtVOB995P1FJl3xfReC1eE9DeXwJ6ynD7umw2MFaQw8Qmlsn_h33zjFnZWeVq9lpWdKwP1a7RQ44YxVBY7fyOPO53xN7ZyHUvVi6_RTcjDHF4egM&amp;upload_protocol=resumable</t>
  </si>
  <si>
    <t>Atividades-ANF31 - BH_20_11_19 (1) JU.xlsx</t>
  </si>
  <si>
    <t>11/20/2019 11:23:15</t>
  </si>
  <si>
    <t>11/20/2019 11:25:47</t>
  </si>
  <si>
    <t>CDI MANUAL LILIAN PAULA CARDOSO GOMES.xlsx</t>
  </si>
  <si>
    <t>11/20/2019 11:27:14</t>
  </si>
  <si>
    <t>11/20/2019 11:27:46</t>
  </si>
  <si>
    <t>ENC: Project Nimbus | Projeção 2019</t>
  </si>
  <si>
    <t>Project Nimbus_Financial Forecast Detailed 2019E v3.xlsx</t>
  </si>
  <si>
    <t>11/20/2019 11:27:30</t>
  </si>
  <si>
    <t>11/20/2019 11:30:46</t>
  </si>
  <si>
    <t>Orçamento 2020 Fornecedores Argentina.xlsx</t>
  </si>
  <si>
    <t>11/20/2019 11:32:48</t>
  </si>
  <si>
    <t>11/20/2019 11:33:46</t>
  </si>
  <si>
    <t>\\acsfs\dsti\cit- coordenação de inteligência de tecnologia\17 - gerenciamento da configuração\02 - do (executar)\01 - controle de lic\00 - fornecedores\01 - microsoft\18 - eas\true-up 2019\</t>
  </si>
  <si>
    <t>true-up ms eas 2020_v8_orçamento.xlsx</t>
  </si>
  <si>
    <t>11/20/2019 11:28:25</t>
  </si>
  <si>
    <t>ENC: meu orçamento</t>
  </si>
  <si>
    <t>RES Divulgação do Resultado EBIT por cliente Agosto 2019.msg\s1\</t>
  </si>
  <si>
    <t>11/20/2019 11:33:07</t>
  </si>
  <si>
    <t>11/20/2019 11:34:46</t>
  </si>
  <si>
    <t>11/20/2019 11:34:42</t>
  </si>
  <si>
    <t>11/20/2019 11:35:46</t>
  </si>
  <si>
    <t>CDI MANUAL MURILO VITOR DE ARAUJO.xlsx</t>
  </si>
  <si>
    <t>11/20/2019 11:37:01</t>
  </si>
  <si>
    <t>11/20/2019 11:38:46</t>
  </si>
  <si>
    <t>11/20/2019 11:36:05</t>
  </si>
  <si>
    <t>Intra Novembro</t>
  </si>
  <si>
    <t>Intradiário-SAC - V2 - 20-de-Nov.xlsm</t>
  </si>
  <si>
    <t>11/20/2019 11:41:45</t>
  </si>
  <si>
    <t>11/20/2019 11:42:47</t>
  </si>
  <si>
    <t>Lanches e refeicoes Leandro.xls</t>
  </si>
  <si>
    <t>11/20/2019 11:43:58</t>
  </si>
  <si>
    <t>11/20/2019 11:45:46</t>
  </si>
  <si>
    <t>leandroal@algartech.com</t>
  </si>
  <si>
    <t>mail.google.com/_/upload?authuser=0&amp;dcp=asu-n&amp;upload_id=AEnB2UrkxUpoqHD8pVwGBJxxbzVByW4WoAIea_FBdYFyCXpG3QBJq4BX_gMgfQmF32MCRfa8ZTmqyG-PPaTXM2G_0gGW8YobwoMpmEb-10s3bt36XiAkzkg&amp;upload_protocol=resumable</t>
  </si>
  <si>
    <t>guilhermeaso@algartech.com;maurojmdo@algartech.com;</t>
  </si>
  <si>
    <t>C:\suporte\Algar\Suporte\Bradesco solicitações\delet ramais Wiliam\</t>
  </si>
  <si>
    <t>Levantamento 20_11.xlsx</t>
  </si>
  <si>
    <t>guilhermeaso@algartech.com,maurojmdo@algartech.com</t>
  </si>
  <si>
    <t>11/20/2019 11:43:44</t>
  </si>
  <si>
    <t>11/20/2019 11:46:47</t>
  </si>
  <si>
    <t>NR17 APRESENTAÇÃO</t>
  </si>
  <si>
    <t>11/20/2019 11:51:06</t>
  </si>
  <si>
    <t>11/20/2019 11:54:47</t>
  </si>
  <si>
    <t>\\acsfs.acs.com.br\engeset\CISALGAR\Gestão de Projetos\Torre Professional Services\Projetos Em Andamento\Projetos - Algar Telecom - Em Andamento\Projeto GPON\GPON 16 profissionais\</t>
  </si>
  <si>
    <t>\\acsfs.acs.com.br\engeset\CISALGAR\Gestão de Projetos\Torre Professional Services\Projetos Em Andamento\Projetos - Algar Telecom - Em Andamento\Projeto GPON\GPON 16 profissionais\174252-BP Preço C015 B014 Desonerada_v3_Final_150119.xlsb\</t>
  </si>
  <si>
    <t>11/20/2019 11:59:15</t>
  </si>
  <si>
    <t>11/20/2019 12:03:47</t>
  </si>
  <si>
    <t>11/20/2019 12:00:35</t>
  </si>
  <si>
    <t>11/20/2019 12:05:47</t>
  </si>
  <si>
    <t>/o=exchangelabs/ou=exchange administrative group (fydibohf23spdlt)/cn=recipients/cn=0b12aab521944ecb8b32eb8c0929be5c-rafael gonz;/o=exchangelabs/ou=exchange administrative group (fydibohf23spdlt)/cn=recipients/cn=545f738e0fe740ba856f4eb6ef0135e0-vinicius si;/o=exchangelabs/ou=exchange administrative group (fydibohf23spdlt)/cn=recipients/cn=580511c4e8074cf1beceb92fa563928c-ana carolin;/o=exchangelabs/ou=exchange administrative group (fydibohf23spdlt)/cn=recipients/cn=79705c5b9e1e457793f9930bc49e887a-claudia mac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f50351055a2944cebcbdc18a918945d6-gustavo res;/o=exchangelabs/ou=exchange administrative group (fydibohf23spdlt)/cn=recipients/cn=groupd5c96cfa;mirianppb@algartech.com</t>
  </si>
  <si>
    <t>Turmas de Contratação BV Financeira</t>
  </si>
  <si>
    <t>01 - Planejado - FINANCEIRA-20-11.xlsx</t>
  </si>
  <si>
    <t>/o=exchangelabs/ou=exchange administrative group (fydibohf23spdlt)/cn=recipients/cn=0b12aab521944ecb8b32eb8c0929be5c-rafael gonz,/o=exchangelabs/ou=exchange administrative group (fydibohf23spdlt)/cn=recipients/cn=545f738e0fe740ba856f4eb6ef0135e0-vinicius si,/o=exchangelabs/ou=exchange administrative group (fydibohf23spdlt)/cn=recipients/cn=580511c4e8074cf1beceb92fa563928c-ana carolin,/o=exchangelabs/ou=exchange administrative group (fydibohf23spdlt)/cn=recipients/cn=79705c5b9e1e457793f9930bc49e887a-claudia mac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f50351055a2944cebcbdc18a918945d6-gustavo res,/o=exchangelabs/ou=exchange administrative group (fydibohf23spdlt)/cn=recipients/cn=groupd5c96cfa,mirianppb@algartech.com</t>
  </si>
  <si>
    <t>11/20/2019 12:01:39</t>
  </si>
  <si>
    <t>/o=exchangelabs/ou=exchange administrative group (fydibohf23spdlt)/cn=recipients/cn=0b12aab521944ecb8b32eb8c0929be5c-rafael gonz;/o=exchangelabs/ou=exchange administrative group (fydibohf23spdlt)/cn=recipients/cn=545f738e0fe740ba856f4eb6ef0135e0-vinicius si;/o=exchangelabs/ou=exchange administrative group (fydibohf23spdlt)/cn=recipients/cn=580511c4e8074cf1beceb92fa563928c-ana carolin;/o=exchangelabs/ou=exchange administrative group (fydibohf23spdlt)/cn=recipients/cn=79705c5b9e1e457793f9930bc49e887a-claudia mac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f50351055a2944cebcbdc18a918945d6-gustavo res;/o=exchangelabs/ou=exchange administrative group (fydibohf23spdlt)/cn=recipients/cn=groupd5c96cfa;julianaem@algartech.com</t>
  </si>
  <si>
    <t>RES: Turmas de Contratação BV Financeira</t>
  </si>
  <si>
    <t>/o=exchangelabs/ou=exchange administrative group (fydibohf23spdlt)/cn=recipients/cn=0b12aab521944ecb8b32eb8c0929be5c-rafael gonz,/o=exchangelabs/ou=exchange administrative group (fydibohf23spdlt)/cn=recipients/cn=545f738e0fe740ba856f4eb6ef0135e0-vinicius si,/o=exchangelabs/ou=exchange administrative group (fydibohf23spdlt)/cn=recipients/cn=580511c4e8074cf1beceb92fa563928c-ana carolin,/o=exchangelabs/ou=exchange administrative group (fydibohf23spdlt)/cn=recipients/cn=79705c5b9e1e457793f9930bc49e887a-claudia mac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f50351055a2944cebcbdc18a918945d6-gustavo res,/o=exchangelabs/ou=exchange administrative group (fydibohf23spdlt)/cn=recipients/cn=groupd5c96cfa,julianaem@algartech.com</t>
  </si>
  <si>
    <t>11/20/2019 12:04:48</t>
  </si>
  <si>
    <t>11/20/2019 12:09:46</t>
  </si>
  <si>
    <t>11/20/2019 12:09:18</t>
  </si>
  <si>
    <t>11/20/2019 12:12:46</t>
  </si>
  <si>
    <t>felipe.pereira@green4t.com;</t>
  </si>
  <si>
    <t>Orçamento - Ponto Único de Falha Geradores</t>
  </si>
  <si>
    <t>felipe.pereira@green4t.com</t>
  </si>
  <si>
    <t>11/20/2019 12:20:56</t>
  </si>
  <si>
    <t>11/20/2019 12:23:46</t>
  </si>
  <si>
    <t>12 -Apresentação Arquivo de Devolutiva 2019.pptx</t>
  </si>
  <si>
    <t>12 -Apresentação Arquivo de Devolutiva 2019.pptx\</t>
  </si>
  <si>
    <t>11/20/2019 12:22:22</t>
  </si>
  <si>
    <t>11/20/2019 12:24:46</t>
  </si>
  <si>
    <t>\\acsfs\deptos\DME\CME - Coordenacao de Marketing e Estrategia\Gestão de Vendas\Canais\2020\</t>
  </si>
  <si>
    <t>Estratégia de Crescimento GAT - carlosfn v4.xlsx</t>
  </si>
  <si>
    <t>11/20/2019 12:25:05</t>
  </si>
  <si>
    <t>11/20/2019 12:27:47</t>
  </si>
  <si>
    <t>11/20/2019 12:33:01</t>
  </si>
  <si>
    <t>11/20/2019 12:33:46</t>
  </si>
  <si>
    <t>/o=exchangelabs/ou=exchange administrative group (fydibohf23spdlt)/cn=recipients/cn=d016684c66794cc8825c134b3c28605d-barbara can;/o=exchangelabs/ou=exchange administrative group (fydibohf23spdlt)/cn=recipients/cn=f21ea6d86f3f4a109af6a69e02c3c2f1-aline borge;jessica_l_assuncao@whirlpool.com;renata_f_lomonaco@whirlpool.com;</t>
  </si>
  <si>
    <t>RES: Ação Procon e Gov</t>
  </si>
  <si>
    <t>Árvore PROCON.xlsx</t>
  </si>
  <si>
    <t>/o=exchangelabs/ou=exchange administrative group (fydibohf23spdlt)/cn=recipients/cn=d016684c66794cc8825c134b3c28605d-barbara can,/o=exchangelabs/ou=exchange administrative group (fydibohf23spdlt)/cn=recipients/cn=f21ea6d86f3f4a109af6a69e02c3c2f1-aline borge,jessica_l_assuncao@whirlpool.com,renata_f_lomonaco@whirlpool.com</t>
  </si>
  <si>
    <t>11/20/2019 12:46:51</t>
  </si>
  <si>
    <t>11/20/2019 12:47:47</t>
  </si>
  <si>
    <t>11/20/2019 12:56:17</t>
  </si>
  <si>
    <t>11/20/2019 12:57:47</t>
  </si>
  <si>
    <t>mail.google.com/_/upload?authuser=0&amp;dcp=asu-n&amp;upload_id=AEnB2Uo-tm-U7YJJubbwrOZ9g2B7yeJ2ftdVhMd2qCwRniaQFxEItnW0cYofqu9xbq9o49mkTb3vx7hh0__jE1roaxVV2VVU_dCAxb0upHllQprT1iOsiS4&amp;upload_protocol=resumable</t>
  </si>
  <si>
    <t>Previa Correntista_Novembro.xlsx</t>
  </si>
  <si>
    <t>11/20/2019 13:14:24</t>
  </si>
  <si>
    <t>11/20/2019 13:15:47</t>
  </si>
  <si>
    <t>2019_12_01_Planilha_Canal Digital.xlsb</t>
  </si>
  <si>
    <t>2019_12_01_Planilha_MPE_Expansão.xlsb</t>
  </si>
  <si>
    <t>2019_11_01_Planilha_Televendas_Varejo.xlsb</t>
  </si>
  <si>
    <t>2019_12_01_Planilha_MPE_Expansão_Ecommerce.xlsb</t>
  </si>
  <si>
    <t>11/20/2019 13:14:26</t>
  </si>
  <si>
    <t>mail.google.com/_/upload?authuser=0&amp;dcp=asu-n&amp;upload_id=AEnB2UpNL7vnnZLOKFgXGMwQRK--_dfrqTCvPLlNT0Ziqqqs3cWmtB5l8UFtoDTc7G28odDc3minwVWMZHiUBZOBaxgHuvw9Y8f6hK3WB2qUj32PIl7ydmw&amp;upload_protocol=resumable</t>
  </si>
  <si>
    <t>mail.google.com/_/upload?authuser=0&amp;dcp=asu-n&amp;upload_id=AEnB2UrAipgb6NHyFHb-LCncI4Ejky_dRSHxjLWED4vQgRdXz5Z6I9FsCK_iW5U_ogoR4oP_sgkH0srZy0zxa2dwxkaNkCkQahWoF-g6mjy6UaI9XhAiSDw&amp;upload_protocol=resumable</t>
  </si>
  <si>
    <t>11/20/2019 13:23:48</t>
  </si>
  <si>
    <t>11/20/2019 13:28:47</t>
  </si>
  <si>
    <t>Nubia Fraga da Silva Pereira</t>
  </si>
  <si>
    <t>/o=exchangelabs/ou=exchange administrative group (fydibohf23spdlt)/cn=recipients/cn=49457acaa5584c6d8daec8f0ad186be2-carlos maur;/o=exchangelabs/ou=exchange administrative group (fydibohf23spdlt)/cn=recipients/cn=67bd65dc87bd4106bc53a3fdb9bdc416-virginia ma;</t>
  </si>
  <si>
    <t>Para sua assinatura no portal digital: Requisição 33854</t>
  </si>
  <si>
    <t>RES Requisição 33854.msg\s1\</t>
  </si>
  <si>
    <t>ACC_Contrato Tripag - 33832.xlsx</t>
  </si>
  <si>
    <t>/o=exchangelabs/ou=exchange administrative group (fydibohf23spdlt)/cn=recipients/cn=49457acaa5584c6d8daec8f0ad186be2-carlos maur,/o=exchangelabs/ou=exchange administrative group (fydibohf23spdlt)/cn=recipients/cn=67bd65dc87bd4106bc53a3fdb9bdc416-virginia ma</t>
  </si>
  <si>
    <t>11/20/2019 13:29:50</t>
  </si>
  <si>
    <t>11/20/2019 13:31:47</t>
  </si>
  <si>
    <t>11/20/2019 13:29:17</t>
  </si>
  <si>
    <t>/o=exchangelabs/ou=exchange administrative group (fydibohf23spdlt)/cn=recipients/cn=06b756ed7b9b4c61bdbcfb21cdf93e9f-lucas ferna;/o=exchangelabs/ou=exchange administrative group (fydibohf23spdlt)/cn=recipients/cn=2da183f8a00f42b18ec6806e73381d17-leonardo au;/o=exchangelabs/ou=exchange administrative group (fydibohf23spdlt)/cn=recipients/cn=3d85af75e9a44da5bad9ced68d6c53ed-rosana peix;/o=exchangelabs/ou=exchange administrative group (fydibohf23spdlt)/cn=recipients/cn=48174377d7f445188f464324757ff605-luiz felipe;/o=exchangelabs/ou=exchange administrative group (fydibohf23spdlt)/cn=recipients/cn=79b149cf7a984ca686e3b0e40b3bc8cf-danilo cesa;/o=exchangelabs/ou=exchange administrative group (fydibohf23spdlt)/cn=recipients/cn=9a65d8734c444cbc8372a614d17d98e1-lucia maalo;doris_godoy@cotyinc.com;maria_magalhaes@cotyinc.com;william_saito@cotyinc.com;</t>
  </si>
  <si>
    <t>RES: Faturamento ALGAR X SAVOY-COTY</t>
  </si>
  <si>
    <t>SimpleO365UserLicenseReport_2019-nov-20-qua 12-00-Savoy.xlsx</t>
  </si>
  <si>
    <t>/o=exchangelabs/ou=exchange administrative group (fydibohf23spdlt)/cn=recipients/cn=06b756ed7b9b4c61bdbcfb21cdf93e9f-lucas ferna,/o=exchangelabs/ou=exchange administrative group (fydibohf23spdlt)/cn=recipients/cn=2da183f8a00f42b18ec6806e73381d17-leonardo au,/o=exchangelabs/ou=exchange administrative group (fydibohf23spdlt)/cn=recipients/cn=3d85af75e9a44da5bad9ced68d6c53ed-rosana peix,/o=exchangelabs/ou=exchange administrative group (fydibohf23spdlt)/cn=recipients/cn=48174377d7f445188f464324757ff605-luiz felipe,/o=exchangelabs/ou=exchange administrative group (fydibohf23spdlt)/cn=recipients/cn=79b149cf7a984ca686e3b0e40b3bc8cf-danilo cesa,/o=exchangelabs/ou=exchange administrative group (fydibohf23spdlt)/cn=recipients/cn=9a65d8734c444cbc8372a614d17d98e1-lucia maalo,doris_godoy@cotyinc.com,maria_magalhaes@cotyinc.com,william_saito@cotyinc.com</t>
  </si>
  <si>
    <t>11/20/2019 13:30:18</t>
  </si>
  <si>
    <t>11/20/2019 13:35:48</t>
  </si>
  <si>
    <t>RES: Reembolso</t>
  </si>
  <si>
    <t>11/20/2019 13:33:16</t>
  </si>
  <si>
    <t>11/20/2019 13:37:46</t>
  </si>
  <si>
    <t>ENC: Relatório de produção D-1 VALE UNE UCB FORMALIZAÇÃO e CASOS ESPECIAIS</t>
  </si>
  <si>
    <t>UPH 2,5.xlsb</t>
  </si>
  <si>
    <t>11/20/2019 13:34:48</t>
  </si>
  <si>
    <t>11/20/2019 13:39:46</t>
  </si>
  <si>
    <t>edilsonrb@algartech.com;jullian.faria@algartech.com;leandrom@algartech.com;lucasm@algartecnologia.com.br;marceloat@algartech.com;mauricio@algartech.com;polati@algartech.com;reginaldort@algartech.com;si@algartech.com;</t>
  </si>
  <si>
    <t>edilsonrb@algartech.com,jullian.faria@algartech.com,leandrom@algartech.com,lucasm@algartecnologia.com.br,marceloat@algartech.com,mauricio@algartech.com,polati@algartech.com,reginaldort@algartech.com,si@algartech.com</t>
  </si>
  <si>
    <t>11/20/2019 13:41:29</t>
  </si>
  <si>
    <t>11/20/2019 13:44:48</t>
  </si>
  <si>
    <t>ENC: Acompanhamento Discador Champion Setembro</t>
  </si>
  <si>
    <t>Acompanhamento Champion Setembro.xlsx</t>
  </si>
  <si>
    <t>11/20/2019 13:44:31</t>
  </si>
  <si>
    <t>11/20/2019 13:49:47</t>
  </si>
  <si>
    <t>ENC: Acompanhamento Tricard Fechamento do Mês Agosto</t>
  </si>
  <si>
    <t>Acompanhamento histórico do agente agosto (1).xlsx</t>
  </si>
  <si>
    <t>11/20/2019 13:51:55</t>
  </si>
  <si>
    <t>11/20/2019 13:52:46</t>
  </si>
  <si>
    <t>11/20/2019 13:50:42</t>
  </si>
  <si>
    <t>11/20/2019 13:54:46</t>
  </si>
  <si>
    <t>/o=exchangelabs/ou=exchange administrative group (fydibohf23spdlt)/cn=recipients/cn=3987744268654fb0875912ccc32640ac-andre luis;/o=exchangelabs/ou=exchange administrative group (fydibohf23spdlt)/cn=recipients/cn=5b1a099146bc4a0ba038a5237a044b28-lucas augus;</t>
  </si>
  <si>
    <t>ENC: Análise por Operador IBI - Junho/18</t>
  </si>
  <si>
    <t>Scoragem Operador Junho.18.xlsx</t>
  </si>
  <si>
    <t>/o=exchangelabs/ou=exchange administrative group (fydibohf23spdlt)/cn=recipients/cn=3987744268654fb0875912ccc32640ac-andre luis,/o=exchangelabs/ou=exchange administrative group (fydibohf23spdlt)/cn=recipients/cn=5b1a099146bc4a0ba038a5237a044b28-lucas augus</t>
  </si>
  <si>
    <t>11/20/2019 13:51:19</t>
  </si>
  <si>
    <t>/o=exchangelabs/ou=exchange administrative group (fydibohf23spdlt)/cn=recipients/cn=3987744268654fb0875912ccc32640ac-andre luis;/o=exchangelabs/ou=exchange administrative group (fydibohf23spdlt)/cn=recipients/cn=5b1a099146bc4a0ba038a5237a044b28-lucas augus;/o=exchangelabs/ou=exchange administrative group (fydibohf23spdlt)/cn=recipients/cn=d1ca1bbb859d4bb997649640237ba7cd-paulla rena;</t>
  </si>
  <si>
    <t>ENC: Acompanhamento de Tempo Logado IBI Junho/18</t>
  </si>
  <si>
    <t>Acompanhamento de Tempos IBI.xlsx</t>
  </si>
  <si>
    <t>/o=exchangelabs/ou=exchange administrative group (fydibohf23spdlt)/cn=recipients/cn=3987744268654fb0875912ccc32640ac-andre luis,/o=exchangelabs/ou=exchange administrative group (fydibohf23spdlt)/cn=recipients/cn=5b1a099146bc4a0ba038a5237a044b28-lucas augus,/o=exchangelabs/ou=exchange administrative group (fydibohf23spdlt)/cn=recipients/cn=d1ca1bbb859d4bb997649640237ba7cd-paulla rena</t>
  </si>
  <si>
    <t>11/20/2019 13:51:49</t>
  </si>
  <si>
    <t>ENC: Análise por Listas e Blocos IBI - Estratégia IBI - IMPORTANTE</t>
  </si>
  <si>
    <t>Analise de Listas IBI.xlsx</t>
  </si>
  <si>
    <t>11/20/2019 13:52:38</t>
  </si>
  <si>
    <t>ENC: Análise Bradescard IBI Outubro/17</t>
  </si>
  <si>
    <t>Acompanhamento Unificado Bradescard Out.xlsx</t>
  </si>
  <si>
    <t>11/20/2019 13:53:41</t>
  </si>
  <si>
    <t>ENC: Análise Acompanhamento Unificado IBI D-1</t>
  </si>
  <si>
    <t>Relatorio Daily_Receptivo_abril (3).xlsx</t>
  </si>
  <si>
    <t>11/20/2019 13:51:20</t>
  </si>
  <si>
    <t>11/20/2019 13:56:46</t>
  </si>
  <si>
    <t>11/20/2019 13:54:39</t>
  </si>
  <si>
    <t>11/20/2019 13:59:47</t>
  </si>
  <si>
    <t>ENC: Análise por Operador Operação IBI Parcial Novembro/16</t>
  </si>
  <si>
    <t>Analise de Quadrante por Operador IBI - Novembro.xlsx</t>
  </si>
  <si>
    <t>11/20/2019 13:56:33</t>
  </si>
  <si>
    <t>/o=exchangelabs/ou=exchange administrative group (fydibohf23spdlt)/cn=recipients/cn=1388e760581940569776ffce7145c40e-patricia ap;/o=exchangelabs/ou=exchange administrative group (fydibohf23spdlt)/cn=recipients/cn=9c1c9f5d953e4491b2dce916b33a482d-carlos albe;/o=exchangelabs/ou=exchange administrative group (fydibohf23spdlt)/cn=recipients/cn=c5f7cc79fc244984a8f11c21adc3bf10-matheus oli;</t>
  </si>
  <si>
    <t>Acompanhamento Unificado Bradescard.xlsx</t>
  </si>
  <si>
    <t>/o=exchangelabs/ou=exchange administrative group (fydibohf23spdlt)/cn=recipients/cn=1388e760581940569776ffce7145c40e-patricia ap,/o=exchangelabs/ou=exchange administrative group (fydibohf23spdlt)/cn=recipients/cn=9c1c9f5d953e4491b2dce916b33a482d-carlos albe,/o=exchangelabs/ou=exchange administrative group (fydibohf23spdlt)/cn=recipients/cn=c5f7cc79fc244984a8f11c21adc3bf10-matheus oli</t>
  </si>
  <si>
    <t>11/20/2019 14:02:13</t>
  </si>
  <si>
    <t>11/20/2019 14:03:47</t>
  </si>
  <si>
    <t>Action 19-11.xlsx</t>
  </si>
  <si>
    <t>11/20/2019 14:00:15</t>
  </si>
  <si>
    <t>11/20/2019 14:05:47</t>
  </si>
  <si>
    <t>TableExportData_2019_11_20_13_58_53.csv</t>
  </si>
  <si>
    <t>11/20/2019 14:00:16</t>
  </si>
  <si>
    <t>mail.google.com/_/upload?authuser=1&amp;dcp=asu-n&amp;upload_id=AEnB2UqOs-lulY6MUWXIHTTQKHJFX36bT9xmUKEmA-VgkZr_6UuR9BVOonmE6HKoKdPpQAs31mn7CO84tRzQInF0DJ7MVjNSHfZt4Z5KhKmZ83_4IUniHig&amp;upload_protocol=resumable</t>
  </si>
  <si>
    <t>TableExportData_2019_11_20_13_59_21.csv</t>
  </si>
  <si>
    <t>11/20/2019 14:07:09</t>
  </si>
  <si>
    <t>11/20/2019 14:11:46</t>
  </si>
  <si>
    <t>/o=exchangelabs/ou=exchange administrative group (fydibohf23spdlt)/cn=recipients/cn=287c26b08a0f48578479a15a452f025d-edilson rod;/o=exchangelabs/ou=exchange administrative group (fydibohf23spdlt)/cn=recipients/cn=89e58c8da071492dbdcb4fee4156b705-gustavo alm;/o=exchangelabs/ou=exchange administrative group (fydibohf23spdlt)/cn=recipients/cn=8bab2e9eaf824d2d93602784a48ac5f9-ronan salus;</t>
  </si>
  <si>
    <t>/o=exchangelabs/ou=exchange administrative group (fydibohf23spdlt)/cn=recipients/cn=287c26b08a0f48578479a15a452f025d-edilson rod,/o=exchangelabs/ou=exchange administrative group (fydibohf23spdlt)/cn=recipients/cn=89e58c8da071492dbdcb4fee4156b705-gustavo alm,/o=exchangelabs/ou=exchange administrative group (fydibohf23spdlt)/cn=recipients/cn=8bab2e9eaf824d2d93602784a48ac5f9-ronan salus</t>
  </si>
  <si>
    <t>11/20/2019 14:08:52</t>
  </si>
  <si>
    <t>11/20/2019 14:09:49</t>
  </si>
  <si>
    <t>11/20/2019 14:14:47</t>
  </si>
  <si>
    <t>ENC: NEXT - Parcial recuperação até 14/11</t>
  </si>
  <si>
    <t>Next_Algar_Novembro_14.11.xlsx</t>
  </si>
  <si>
    <t>11/20/2019 14:11:03</t>
  </si>
  <si>
    <t>/o=exchangelabs/ou=exchange administrative group (fydibohf23spdlt)/cn=recipients/cn=b144f37bc5a4455085d413d0b7993628-daniela de;/o=exchangelabs/ou=exchange administrative group (fydibohf23spdlt)/cn=recipients/cn=b1a72fc2d0234efca84c7771ea70c7ee-roberta cri;/o=exchangelabs/ou=exchange administrative group (fydibohf23spdlt)/cn=recipients/cn=cac18c5388b04f6d979d1bc87a08825a-marcopaulo;</t>
  </si>
  <si>
    <t>Lanches e Refeições</t>
  </si>
  <si>
    <t>/o=exchangelabs/ou=exchange administrative group (fydibohf23spdlt)/cn=recipients/cn=b144f37bc5a4455085d413d0b7993628-daniela de,/o=exchangelabs/ou=exchange administrative group (fydibohf23spdlt)/cn=recipients/cn=b1a72fc2d0234efca84c7771ea70c7ee-roberta cri,/o=exchangelabs/ou=exchange administrative group (fydibohf23spdlt)/cn=recipients/cn=cac18c5388b04f6d979d1bc87a08825a-marcopaulo</t>
  </si>
  <si>
    <t>11/20/2019 14:11:23</t>
  </si>
  <si>
    <t>mail.google.com/_/upload?authuser=0&amp;dcp=asu-n&amp;upload_id=AEnB2UpiRpTJVxNQj5wbVUSjAuHmSZxHAJTjnW56JcC1Q8is9Yqx1L3wTOZeXGdIWTtiI9rN07FU-_gYEL-L5KG94FegnpogDA6ylCEXhsdAgAIN_wEPdrs&amp;upload_protocol=resumable</t>
  </si>
  <si>
    <t>11/20/2019 14:15:31</t>
  </si>
  <si>
    <t>11/20/2019 14:17:47</t>
  </si>
  <si>
    <t>11/20/2019 14:19:09</t>
  </si>
  <si>
    <t>11/20/2019 14:21:47</t>
  </si>
  <si>
    <t>11/20/2019 14:24:36</t>
  </si>
  <si>
    <t>11/20/2019 14:26:46</t>
  </si>
  <si>
    <t>11/20/2019 14:24:42</t>
  </si>
  <si>
    <t>cbelice@toyota.com.br;ceciliame@algartech.com;clientestdb@sac.toyota.com.br;gilsonsj@algartech.com;gvieira@toyota.com.br;lamzehnhof@toyota.com.br;rutiyama@toyota.com.br;taysdss@algartech.com;vanessaccu@algartech.com;</t>
  </si>
  <si>
    <t>cbelice@toyota.com.br,ceciliame@algartech.com,clientestdb@sac.toyota.com.br,gilsonsj@algartech.com,gvieira@toyota.com.br,lamzehnhof@toyota.com.br,rutiyama@toyota.com.br,taysdss@algartech.com,vanessaccu@algartech.com</t>
  </si>
  <si>
    <t>11/20/2019 14:24:35</t>
  </si>
  <si>
    <t>Cartinhas_Amalia.xlsx</t>
  </si>
  <si>
    <t>11/20/2019 14:24:19</t>
  </si>
  <si>
    <t>11/20/2019 14:27:47</t>
  </si>
  <si>
    <t>tb_staging_contacts_201911201524.csv</t>
  </si>
  <si>
    <t>11/20/2019 14:24:34</t>
  </si>
  <si>
    <t>11/20/2019 14:26:40</t>
  </si>
  <si>
    <t>11/20/2019 14:31:47</t>
  </si>
  <si>
    <t>11/20/2019 14:30:25</t>
  </si>
  <si>
    <t>11/20/2019 14:32:46</t>
  </si>
  <si>
    <t>01- DIMENS_PA DIG_NOV - RFP_NS.xlsm</t>
  </si>
  <si>
    <t>11/20/2019 14:30:37</t>
  </si>
  <si>
    <t>11/20/2019 14:34:46</t>
  </si>
  <si>
    <t>/o=exchangelabs/ou=exchange administrative group (fydibohf23spdlt)/cn=recipients/cn=32b8fe8190544464835988f8feefefa4-supervisore;/o=exchangelabs/ou=exchange administrative group (fydibohf23spdlt)/cn=recipients/cn=6fbc44b6d6b549208175d5a27201bd13-cintia nune;</t>
  </si>
  <si>
    <t>Ofensores Assiduidade Novembro Operações Time Iris</t>
  </si>
  <si>
    <t>Plano de ação Assiduidade Urgente.xlsx</t>
  </si>
  <si>
    <t>/o=exchangelabs/ou=exchange administrative group (fydibohf23spdlt)/cn=recipients/cn=32b8fe8190544464835988f8feefefa4-supervisore,/o=exchangelabs/ou=exchange administrative group (fydibohf23spdlt)/cn=recipients/cn=6fbc44b6d6b549208175d5a27201bd13-cintia nune</t>
  </si>
  <si>
    <t>11/20/2019 14:35:18</t>
  </si>
  <si>
    <t>11/20/2019 14:39:47</t>
  </si>
  <si>
    <t>C:\Users\lucianafaa\OneDrive - Grupo Algar\2019\PROJETOS\REAJUSTE DE CONTRATO\PLANILHA REAJUSTES\STATUS REPORT\STATUS SEMANAL\19-11\</t>
  </si>
  <si>
    <t>11/20/2019 01:17:05</t>
  </si>
  <si>
    <t>11/20/2019 14:41:47</t>
  </si>
  <si>
    <t>C:\Users\vilarinho\OneDrive - Grupo Algar\Algar Tech\Orçamento\Orçamento2019\4Reuger_Preclosing e LP\Algar Tech_4a REUGER 2019_Consolidada_V6.pptx\</t>
  </si>
  <si>
    <t>11/20/2019 01:17:06</t>
  </si>
  <si>
    <t>11/20/2019 01:17:09</t>
  </si>
  <si>
    <t>11/20/2019 01:17:11</t>
  </si>
  <si>
    <t>11/20/2019 01:17:12</t>
  </si>
  <si>
    <t>11/20/2019 01:17:13</t>
  </si>
  <si>
    <t>11/20/2019 01:17:15</t>
  </si>
  <si>
    <t>11/20/2019 01:17:16</t>
  </si>
  <si>
    <t>11/20/2019 01:17:17</t>
  </si>
  <si>
    <t>11/20/2019 01:17:19</t>
  </si>
  <si>
    <t>11/20/2019 01:17:20</t>
  </si>
  <si>
    <t>11/20/2019 01:17:21</t>
  </si>
  <si>
    <t>11/20/2019 01:17:22</t>
  </si>
  <si>
    <t>11/20/2019 01:17:25</t>
  </si>
  <si>
    <t>11/20/2019 01:17:26</t>
  </si>
  <si>
    <t>11/20/2019 01:17:27</t>
  </si>
  <si>
    <t>11/20/2019 01:17:28</t>
  </si>
  <si>
    <t>11/20/2019 01:17:29</t>
  </si>
  <si>
    <t>11/20/2019 01:17:32</t>
  </si>
  <si>
    <t>11/20/2019 01:17:33</t>
  </si>
  <si>
    <t>11/20/2019 01:17:35</t>
  </si>
  <si>
    <t>11/20/2019 01:17:37</t>
  </si>
  <si>
    <t>11/20/2019 14:44:31</t>
  </si>
  <si>
    <t>11/20/2019 14:45:48</t>
  </si>
  <si>
    <t>Proposta Gratificação Helder</t>
  </si>
  <si>
    <t>Proposta Gratificação Helder.xlsx</t>
  </si>
  <si>
    <t>11/20/2019 14:44:43</t>
  </si>
  <si>
    <t>11/20/2019 14:49:48</t>
  </si>
  <si>
    <t>Liberacao_BV_04 - Copia.xlsx</t>
  </si>
  <si>
    <t>11/20/2019 14:48:55</t>
  </si>
  <si>
    <t>11/20/2019 14:51:46</t>
  </si>
  <si>
    <t>C:\Users\vilarinho\OneDrive - Grupo Algar\Algar Tech\Orçamento\Orçamento2019\4Reuger_Preclosing e LP\Algar Tech_4a REUGER 2019_Consolidada_V7.pptx\</t>
  </si>
  <si>
    <t>11/20/2019 14:48:56</t>
  </si>
  <si>
    <t>11/20/2019 14:48:59</t>
  </si>
  <si>
    <t>11/20/2019 14:49:00</t>
  </si>
  <si>
    <t>11/20/2019 14:49:01</t>
  </si>
  <si>
    <t>11/20/2019 14:49:02</t>
  </si>
  <si>
    <t>11/20/2019 14:49:03</t>
  </si>
  <si>
    <t>11/20/2019 14:49:04</t>
  </si>
  <si>
    <t>11/20/2019 14:49:07</t>
  </si>
  <si>
    <t>11/20/2019 14:49:08</t>
  </si>
  <si>
    <t>11/20/2019 14:49:09</t>
  </si>
  <si>
    <t>11/20/2019 14:49:10</t>
  </si>
  <si>
    <t>11/20/2019 14:49:11</t>
  </si>
  <si>
    <t>11/20/2019 14:49:12</t>
  </si>
  <si>
    <t>11/20/2019 14:49:13</t>
  </si>
  <si>
    <t>11/20/2019 14:49:14</t>
  </si>
  <si>
    <t>11/20/2019 14:49:15</t>
  </si>
  <si>
    <t>11/20/2019 14:53:51</t>
  </si>
  <si>
    <t>11/20/2019 14:56:46</t>
  </si>
  <si>
    <t>\\acsfs\dsti\cit- coordenação de inteligência de tecnologia\06 - gerenciamento de fornecedores\3. requisições\dek\2019_renovação novembro\</t>
  </si>
  <si>
    <t>termo_solicitacao_de_adiantamento_de_fornedores_dek.xlsm</t>
  </si>
  <si>
    <t>11/20/2019 14:52:57</t>
  </si>
  <si>
    <t>C:\Users\vilarinho\OneDrive - Grupo Algar\Algar Tech\Orçamento\Orçamento2019\4Reuger_Preclosing e LP\Reunião Holding 20.11.19\Algar Tech_4a REUGER 2019_Financeiro_19-11_Holding.pptx\</t>
  </si>
  <si>
    <t>11/20/2019 14:54:40</t>
  </si>
  <si>
    <t>11/20/2019 14:58:46</t>
  </si>
  <si>
    <t>11/20/2019 14:55:47</t>
  </si>
  <si>
    <t>C:\Users\marcopaulolr\OneDrive - Grupo Algar\10 BRADESCO\Inter\</t>
  </si>
  <si>
    <t>11/20/2019 14:55:35</t>
  </si>
  <si>
    <t>11/20/2019 14:59:47</t>
  </si>
  <si>
    <t>/o=exchangelabs/ou=exchange administrative group (fydibohf23spdlt)/cn=recipients/cn=161c8ab454bb4f4ebde8223bf694a34b-pedro felip;/o=exchangelabs/ou=exchange administrative group (fydibohf23spdlt)/cn=recipients/cn=54cf668de64942668ba57ef9adce46bc-rafael quin;geisonjt@algartech.com;</t>
  </si>
  <si>
    <t>ENC: RELATÓRIOS RESCISÕES REPROVADAS / PRÉVIAS</t>
  </si>
  <si>
    <t>Extração_PreRescisao.xlsx</t>
  </si>
  <si>
    <t>/o=exchangelabs/ou=exchange administrative group (fydibohf23spdlt)/cn=recipients/cn=161c8ab454bb4f4ebde8223bf694a34b-pedro felip,/o=exchangelabs/ou=exchange administrative group (fydibohf23spdlt)/cn=recipients/cn=54cf668de64942668ba57ef9adce46bc-rafael quin,geisonjt@algartech.com</t>
  </si>
  <si>
    <t>11/20/2019 14:56:21</t>
  </si>
  <si>
    <t>Arquivo biblioteca</t>
  </si>
  <si>
    <t>11/20/2019 14:57:33</t>
  </si>
  <si>
    <t>11/20/2019 15:02:46</t>
  </si>
  <si>
    <t>celsoadsj@algartech.com;marcellusrlj@algartech.com;</t>
  </si>
  <si>
    <t>Divergencia arquvo valida base</t>
  </si>
  <si>
    <t>TB01_20191120_143808.xls</t>
  </si>
  <si>
    <t>celsoadsj@algartech.com,marcellusrlj@algartech.com</t>
  </si>
  <si>
    <t>11/20/2019 15:04:13</t>
  </si>
  <si>
    <t>11/20/2019 15:06:47</t>
  </si>
  <si>
    <t>/o=exchangelabs/ou=exchange administrative group (fydibohf23spdlt)/cn=recipients/cn=0cf6487c4ca14304bbb44f65f32b22b9-aline rodri;/o=exchangelabs/ou=exchange administrative group (fydibohf23spdlt)/cn=recipients/cn=9036c60267804ebe88ce078c5e78649a-getulio mau;/o=exchangelabs/ou=exchange administrative group (fydibohf23spdlt)/cn=recipients/cn=userbac25288;</t>
  </si>
  <si>
    <t>ENC: Categorização e Fraseologias YAHSAT</t>
  </si>
  <si>
    <t>/o=exchangelabs/ou=exchange administrative group (fydibohf23spdlt)/cn=recipients/cn=0cf6487c4ca14304bbb44f65f32b22b9-aline rodri,/o=exchangelabs/ou=exchange administrative group (fydibohf23spdlt)/cn=recipients/cn=9036c60267804ebe88ce078c5e78649a-getulio mau,/o=exchangelabs/ou=exchange administrative group (fydibohf23spdlt)/cn=recipients/cn=userbac25288</t>
  </si>
  <si>
    <t>11/20/2019 15:07:15</t>
  </si>
  <si>
    <t>11/20/2019 15:10:47</t>
  </si>
  <si>
    <t>/o=exchangelabs/ou=exchange administrative group (fydibohf23spdlt)/cn=recipients/cn=0b12aab521944ecb8b32eb8c0929be5c-rafael gonz;/o=exchangelabs/ou=exchange administrative group (fydibohf23spdlt)/cn=recipients/cn=2144abc9537143519f505fcb8550b74c-juliana emi;/o=exchangelabs/ou=exchange administrative group (fydibohf23spdlt)/cn=recipients/cn=545f738e0fe740ba856f4eb6ef0135e0-vinicius si;/o=exchangelabs/ou=exchange administrative group (fydibohf23spdlt)/cn=recipients/cn=580511c4e8074cf1beceb92fa563928c-ana carolin;/o=exchangelabs/ou=exchange administrative group (fydibohf23spdlt)/cn=recipients/cn=68f0b0e85da24da0bef3b6b109ed099e-daliane soa;/o=exchangelabs/ou=exchange administrative group (fydibohf23spdlt)/cn=recipients/cn=79705c5b9e1e457793f9930bc49e887a-claudia mac;/o=exchangelabs/ou=exchange administrative group (fydibohf23spdlt)/cn=recipients/cn=8ab5e44d485043d59eb4f21463e63e6a-tays dos sa;/o=exchangelabs/ou=exchange administrative group (fydibohf23spdlt)/cn=recipients/cn=be0b59caa4dc43e39afaa089f44ef778-leon</t>
  </si>
  <si>
    <t>RES: PLANEJAMENTO DEZEMBRO</t>
  </si>
  <si>
    <t>Turmas de Contratação BV Financeira.msg\s1\</t>
  </si>
  <si>
    <t>/o=exchangelabs/ou=exchange administrative group (fydibohf23spdlt)/cn=recipients/cn=0b12aab521944ecb8b32eb8c0929be5c-rafael gonz,/o=exchangelabs/ou=exchange administrative group (fydibohf23spdlt)/cn=recipients/cn=2144abc9537143519f505fcb8550b74c-juliana emi,/o=exchangelabs/ou=exchange administrative group (fydibohf23spdlt)/cn=recipients/cn=545f738e0fe740ba856f4eb6ef0135e0-vinicius si,/o=exchangelabs/ou=exchange administrative group (fydibohf23spdlt)/cn=recipients/cn=580511c4e8074cf1beceb92fa563928c-ana carolin,/o=exchangelabs/ou=exchange administrative group (fydibohf23spdlt)/cn=recipients/cn=68f0b0e85da24da0bef3b6b109ed099e-daliane soa,/o=exchangelabs/ou=exchange administrative group (fydibohf23spdlt)/cn=recipients/cn=79705c5b9e1e457793f9930bc49e887a-claudia mac,/o=exchangelabs/ou=exchange administrative group (fydibohf23spdlt)/cn=recipients/cn=8ab5e44d485043d59eb4f21463e63e6a-tays dos sa,/o=exchangelabs/ou=exchange administrative group (fydibohf23spdlt)/cn=recipients/cn=be0b59caa4dc43e39afaa089f44ef778-leon</t>
  </si>
  <si>
    <t>11/20/2019 15:10:07</t>
  </si>
  <si>
    <t>11/20/2019 15:13:47</t>
  </si>
  <si>
    <t>C:\Users\marcopaulolr\OneDrive - Grupo Algar\10 BRADESCO\Melhoria Processos\Reunião Bradesco - Frentes de Qualidade.pptx\</t>
  </si>
  <si>
    <t>11/20/2019 15:13:26</t>
  </si>
  <si>
    <t>11/20/2019 15:15:47</t>
  </si>
  <si>
    <t>celmars@algartech.com;ericacdosc@algartech.com;</t>
  </si>
  <si>
    <t>007 - Jurídico 10.xlsx</t>
  </si>
  <si>
    <t>celmars@algartech.com,ericacdosc@algartech.com</t>
  </si>
  <si>
    <t>11/20/2019 15:15:56</t>
  </si>
  <si>
    <t>11/20/2019 15:18:46</t>
  </si>
  <si>
    <t>C:\Users\marcopaulolr\OneDrive - Grupo Algar\10 BRADESCO\Consultoria\</t>
  </si>
  <si>
    <t>Consultorias Bradesco 2507.xlsx</t>
  </si>
  <si>
    <t>11/20/2019 15:18:29</t>
  </si>
  <si>
    <t>11/20/2019 15:20:47</t>
  </si>
  <si>
    <t>Relatório</t>
  </si>
  <si>
    <t>11/20/2019 15:18:12</t>
  </si>
  <si>
    <t>11/20/2019 15:22:46</t>
  </si>
  <si>
    <t>11/20/2019 15:16:29</t>
  </si>
  <si>
    <t>11/20/2019 15:23:47</t>
  </si>
  <si>
    <t>Custos Consultoria Iclic Bradesco.xlsx</t>
  </si>
  <si>
    <t>11/20/2019 15:16:34</t>
  </si>
  <si>
    <t>Consultorias Bradesco.xlsx</t>
  </si>
  <si>
    <t>C:\Users\marcopaulolr\OneDrive - Grupo Algar\Pessoal\Zero10\</t>
  </si>
  <si>
    <t>Cotas.xlsx</t>
  </si>
  <si>
    <t>C:\Users\marcopaulolr\OneDrive - Grupo Algar\Pessoal\Zero10\Polati\</t>
  </si>
  <si>
    <t>Zero.xlsx</t>
  </si>
  <si>
    <t>11/20/2019 15:19:28</t>
  </si>
  <si>
    <t>C:\Users\marcopaulolr\OneDrive - Grupo Algar\Melhoria Processos\Gestão e TH\Férias\</t>
  </si>
  <si>
    <t>Promoções IPO - 1 2019.xlsx</t>
  </si>
  <si>
    <t>11/20/2019 15:20:09</t>
  </si>
  <si>
    <t>C:\Users\marcopaulolr\OneDrive - Grupo Algar\06 TRANSFORMAÇÃO\</t>
  </si>
  <si>
    <t>Transformação 2019.xlsx</t>
  </si>
  <si>
    <t>11/20/2019 15:19:00</t>
  </si>
  <si>
    <t>11/20/2019 15:24:46</t>
  </si>
  <si>
    <t>Liberacao_BV_05.xlsx</t>
  </si>
  <si>
    <t>11/20/2019 15:24:45</t>
  </si>
  <si>
    <t>11/20/2019 15:27:47</t>
  </si>
  <si>
    <t>214269_Bradesco_SD_Cenário_01_Target_24_JR_(C017_B017)_v3.xlsb</t>
  </si>
  <si>
    <t>11/20/2019 15:27:31</t>
  </si>
  <si>
    <t>11/20/2019 15:33:47</t>
  </si>
  <si>
    <t>BPStaff Digital (Operações) 230119.xlsx</t>
  </si>
  <si>
    <t>11/20/2019 15:27:41</t>
  </si>
  <si>
    <t>Redução Staff.xlsx</t>
  </si>
  <si>
    <t>11/20/2019 15:28:01</t>
  </si>
  <si>
    <t>ESTRUTURA STAFF Dez.xlsx</t>
  </si>
  <si>
    <t>11/20/2019 15:28:18</t>
  </si>
  <si>
    <t>REGEC 141218.xlsx</t>
  </si>
  <si>
    <t>11/20/2019 15:28:46</t>
  </si>
  <si>
    <t>C:\Users\marcopaulolr\OneDrive - Grupo Algar\09 STAFF DIGITAL\Cronograma Programa GRC.pptx\</t>
  </si>
  <si>
    <t>11/20/2019 15:29:00</t>
  </si>
  <si>
    <t>Staff Atual.xlsx</t>
  </si>
  <si>
    <t>11/20/2019 15:30:44</t>
  </si>
  <si>
    <t>11/20/2019 15:31:01</t>
  </si>
  <si>
    <t>Controle Transformação 140618.xlsm</t>
  </si>
  <si>
    <t>11/20/2019 15:31:20</t>
  </si>
  <si>
    <t>C:\Users\marcopaulolr\OneDrive - Grupo Algar\06 TRANSFORMAÇÃO\PMO Transformação\</t>
  </si>
  <si>
    <t>PMO - STATUS DE GOVERNANÇA - TRANSFORMAÇÃO - GRC - Apoio Excel.xlsx</t>
  </si>
  <si>
    <t>11/20/2019 15:31:16</t>
  </si>
  <si>
    <t>11/20/2019 15:35:47</t>
  </si>
  <si>
    <t>11/20/2019 15:34:28</t>
  </si>
  <si>
    <t>REVERSÕES PLR ANO 2019_19nov.xlsx</t>
  </si>
  <si>
    <t>11/20/2019 15:35:23</t>
  </si>
  <si>
    <t>11/20/2019 15:38:47</t>
  </si>
  <si>
    <t>Plano Staff.xlsx</t>
  </si>
  <si>
    <t>11/20/2019 15:36:29</t>
  </si>
  <si>
    <t>Controle Transformação v4.xlsm</t>
  </si>
  <si>
    <t>11/20/2019 15:37:44</t>
  </si>
  <si>
    <t>11/20/2019 15:40:47</t>
  </si>
  <si>
    <t>11/20/2019 15:41:05</t>
  </si>
  <si>
    <t>11/20/2019 15:41:46</t>
  </si>
  <si>
    <t>adto_dek.xlsx</t>
  </si>
  <si>
    <t>11/20/2019 15:41:31</t>
  </si>
  <si>
    <t>11/20/2019 15:42:47</t>
  </si>
  <si>
    <t>11/20/2019 15:36:32</t>
  </si>
  <si>
    <t>11/20/2019 15:43:46</t>
  </si>
  <si>
    <t>Projetos Transformação Digital REGEC 2.xlsx</t>
  </si>
  <si>
    <t>11/20/2019 15:37:06</t>
  </si>
  <si>
    <t>C:\Users\marcopaulolr\OneDrive - Grupo Algar\10 BRADESCO\Rechamadas.pptx\</t>
  </si>
  <si>
    <t>11/20/2019 15:37:56</t>
  </si>
  <si>
    <t>Projetos Transformação Digital REGEC.xlsx</t>
  </si>
  <si>
    <t>11/20/2019 15:37:59</t>
  </si>
  <si>
    <t>C:\Users\marcopaulolr\OneDrive - Grupo Algar\09 STAFF DIGITAL\Ações CGP - 1905.pptx\</t>
  </si>
  <si>
    <t>11/20/2019 15:46:41</t>
  </si>
  <si>
    <t>11/20/2019 15:51:46</t>
  </si>
  <si>
    <t>11/20/2019 15:46:57</t>
  </si>
  <si>
    <t>mail.google.com/_/upload?authuser=0&amp;dcp=asu-n&amp;upload_id=AEnB2UqCNsix7iURlhAmyFqPR-nYAFX9gp6ul6aEWUNdz883VF5RpVCr9bGwxsgQlqfCAv5Gv24hnwaH6IqSr7CCV5EoAZB6kQ&amp;upload_protocol=resumable</t>
  </si>
  <si>
    <t>\\acsfs\dsti\CIT- Coordenação de Inteligência de Tecnologia\06 - Gerenciamento de Fornecedores\3. Requisições\DEK\2019_Renovação Novembro\</t>
  </si>
  <si>
    <t>ADTO_DEK.xlsx</t>
  </si>
  <si>
    <t>11/20/2019 15:49:57</t>
  </si>
  <si>
    <t>11/20/2019 15:53:46</t>
  </si>
  <si>
    <t>11/20/2019 15:43:19</t>
  </si>
  <si>
    <t>/o=exchangelabs/ou=exchange administrative group (fydibohf23spdlt)/cn=recipients/cn=822f65115a2046059fff20a916dd90e9-thais marti;renantc@algartech.com.br;</t>
  </si>
  <si>
    <t>RES: Planilha associados rotinas</t>
  </si>
  <si>
    <t>Rotinas.xls</t>
  </si>
  <si>
    <t>/o=exchangelabs/ou=exchange administrative group (fydibohf23spdlt)/cn=recipients/cn=822f65115a2046059fff20a916dd90e9-thais marti,renantc@algartech.com.br</t>
  </si>
  <si>
    <t>11/20/2019 15:59:44</t>
  </si>
  <si>
    <t>11/20/2019 16:03:47</t>
  </si>
  <si>
    <t>/o=exchangelabs/ou=exchange administrative group (fydibohf23spdlt)/cn=recipients/cn=2b69c7de1a3641269a7eed0596e1ddc2-wayner oliv;/o=exchangelabs/ou=exchange administrative group (fydibohf23spdlt)/cn=recipients/cn=65f2464c9a2e4d2981cae7124572133d-cristiane c;/o=exchangelabs/ou=exchange administrative group (fydibohf23spdlt)/cn=recipients/cn=e6c01c0e3afe461fbb9d46983fc38f7e-celso anton;</t>
  </si>
  <si>
    <t>/o=exchangelabs/ou=exchange administrative group (fydibohf23spdlt)/cn=recipients/cn=2b69c7de1a3641269a7eed0596e1ddc2-wayner oliv,/o=exchangelabs/ou=exchange administrative group (fydibohf23spdlt)/cn=recipients/cn=65f2464c9a2e4d2981cae7124572133d-cristiane c,/o=exchangelabs/ou=exchange administrative group (fydibohf23spdlt)/cn=recipients/cn=e6c01c0e3afe461fbb9d46983fc38f7e-celso anton</t>
  </si>
  <si>
    <t>11/20/2019 16:04:25</t>
  </si>
  <si>
    <t>11/20/2019 16:08:46</t>
  </si>
  <si>
    <t>/o=exchangelabs/ou=exchange administrative group (fydibohf23spdlt)/cn=recipients/cn=0163bfef0e474630bdcf0a3698e9ffd4-amanda ferr;/o=exchangelabs/ou=exchange administrative group (fydibohf23spdlt)/cn=recipients/cn=822f65115a2046059fff20a916dd90e9-thais marti;</t>
  </si>
  <si>
    <t>RES: Macro Envio - Rotina Repescagem</t>
  </si>
  <si>
    <t>Cópia de Macro para envio - Ação de Respescagem.xlsm</t>
  </si>
  <si>
    <t>/o=exchangelabs/ou=exchange administrative group (fydibohf23spdlt)/cn=recipients/cn=0163bfef0e474630bdcf0a3698e9ffd4-amanda ferr,/o=exchangelabs/ou=exchange administrative group (fydibohf23spdlt)/cn=recipients/cn=822f65115a2046059fff20a916dd90e9-thais marti</t>
  </si>
  <si>
    <t>11/20/2019 16:06:16</t>
  </si>
  <si>
    <t>11/20/2019 16:11:46</t>
  </si>
  <si>
    <t>11/20/2019 16:09:11</t>
  </si>
  <si>
    <t>11/20/2019 16:12:46</t>
  </si>
  <si>
    <t>11/20/2019 16:20:34</t>
  </si>
  <si>
    <t>11/20/2019 16:24:47</t>
  </si>
  <si>
    <t>RESCISÕES PENDENTES</t>
  </si>
  <si>
    <t>11/20/2019 16:25:19</t>
  </si>
  <si>
    <t>11/20/2019 16:29:47</t>
  </si>
  <si>
    <t>11/20/2019 16:29:26</t>
  </si>
  <si>
    <t>11/20/2019 16:30:48</t>
  </si>
  <si>
    <t>C:\OneDrive\OneDrive - Grupo Algar\ONEDRIVE_SegInfo\ITO\Plataforma_Antivirus_Datacenter\Ação_DeepSecurity_23102019\</t>
  </si>
  <si>
    <t>Servidores_Stopped_25102019.csv</t>
  </si>
  <si>
    <t>Servidores_Recurso_CPS01_23102019_2.csv</t>
  </si>
  <si>
    <t>Servidores_Recurso_CPS01_23102019.csv</t>
  </si>
  <si>
    <t>Servidores_Gerencia_CPS01_23102019_2.csv</t>
  </si>
  <si>
    <t>Servidores_Gerencia_CPS01_23102019.csv</t>
  </si>
  <si>
    <t>11/20/2019 16:29:27</t>
  </si>
  <si>
    <t>Relatório_Servidores_ITO_DeepSecurity_23102019.xlsx</t>
  </si>
  <si>
    <t>11/20/2019 16:33:04</t>
  </si>
  <si>
    <t>11/20/2019 16:34:48</t>
  </si>
  <si>
    <t>D:\3ª REUGER 2018 - SEGURANCA_Final.pptx\</t>
  </si>
  <si>
    <t>oleObject37.xlsx</t>
  </si>
  <si>
    <t>oleObject38.xlsx</t>
  </si>
  <si>
    <t>oleObject41.xlsx</t>
  </si>
  <si>
    <t>oleObject44.xlsx</t>
  </si>
  <si>
    <t>oleObject65.dat</t>
  </si>
  <si>
    <t>11/20/2019 16:33:06</t>
  </si>
  <si>
    <t>D:\Apresentação GRUPO GPS - ALGAR.pptx\</t>
  </si>
  <si>
    <t>11/20/2019 16:33:07</t>
  </si>
  <si>
    <t>D:\Apresentação GRUPO GPS - Resumo.pptx\</t>
  </si>
  <si>
    <t>11/20/2019 16:33:09</t>
  </si>
  <si>
    <t>D:\2015\Orcamento\</t>
  </si>
  <si>
    <t>COMPOSICAO_RECEITA_2015.xlsx</t>
  </si>
  <si>
    <t>11/20/2019 16:34:01</t>
  </si>
  <si>
    <t>C:\Users\virginiamb\AppData\Local\Microsoft\Windows\INetCache\Content.Outlook\EUY8VPLA\Algar Tech_4a REUGER 2019_Financeiro_19-11_Holding_v2.pptx\</t>
  </si>
  <si>
    <t>D:\Algar Tech_4a REUGER 2019_Financeiro_19-11_Holding_v2.pptx</t>
  </si>
  <si>
    <t>11/20/2019 16:30:07</t>
  </si>
  <si>
    <t>11/20/2019 16:35:48</t>
  </si>
  <si>
    <t>Relatório_ServidoresUnmanaged_ITO_DeepSecurity_25102019.xlsx</t>
  </si>
  <si>
    <t>C:\OneDrive\OneDrive - Grupo Algar\ONEDRIVE_SegInfo\ITO\Plataforma_Antivirus_Datacenter\Ação_McAfee_11102019\</t>
  </si>
  <si>
    <t>Sistemas_exportados_Sodexo.csv</t>
  </si>
  <si>
    <t>Sistemas_exportados_RoyalFic.csv</t>
  </si>
  <si>
    <t>11/20/2019 16:30:08</t>
  </si>
  <si>
    <t>Sistemas_exportados_Netimoveis.csv</t>
  </si>
  <si>
    <t>Sistemas_exportados_HM Engenharia.csv</t>
  </si>
  <si>
    <t>Sistemas_exportados_Desligados_11102019.csv</t>
  </si>
  <si>
    <t>11/20/2019 16:30:10</t>
  </si>
  <si>
    <t>Sistemas_exportados_25102019.csv</t>
  </si>
  <si>
    <t>Servidores Excluidos com RDM.xlsx</t>
  </si>
  <si>
    <t>11/20/2019 16:30:49</t>
  </si>
  <si>
    <t>C:\OneDrive\OneDrive - Grupo Algar\ONEDRIVE_SegInfo\ITO\Plataforma_Antivirus_Datacenter\</t>
  </si>
  <si>
    <t>Sistemas_exportados_SAGE_08112019.xlsx</t>
  </si>
  <si>
    <t>Servidores Stopped - Deep Security.xlsx</t>
  </si>
  <si>
    <t>Maquinas_Stopped_Deep_Security_15102019.xlsx</t>
  </si>
  <si>
    <t>Computers_DeepSecurity_15102019.xlsx</t>
  </si>
  <si>
    <t>11/20/2019 16:30:50</t>
  </si>
  <si>
    <t>Computers (6).csv</t>
  </si>
  <si>
    <t>11/20/2019 16:30:51</t>
  </si>
  <si>
    <t>Computers (5).csv</t>
  </si>
  <si>
    <t>Computers (4).csv</t>
  </si>
  <si>
    <t>Computers (3).csv</t>
  </si>
  <si>
    <t>C:\OneDrive\OneDrive - Grupo Algar\ONEDRIVE_SegInfo\ITO\Plataforma_Antivirus_Datacenter\Antivirus_Servidores\</t>
  </si>
  <si>
    <t>Servidores_UDPAVAP02.csv</t>
  </si>
  <si>
    <t>Servidores_Campinas.csv</t>
  </si>
  <si>
    <t>11/20/2019 16:30:52</t>
  </si>
  <si>
    <t>Relatorio_Maquinas_23102019.csv</t>
  </si>
  <si>
    <t>11/20/2019 16:31:17</t>
  </si>
  <si>
    <t>Sistemas_exportados_SAGE_08112019.csv</t>
  </si>
  <si>
    <t>11/20/2019 16:31:20</t>
  </si>
  <si>
    <t>VMs_Sage v2 - datas.xlsx</t>
  </si>
  <si>
    <t>11/20/2019 16:31:37</t>
  </si>
  <si>
    <t>Sistemas_exportados_Telecom_20112019.csv</t>
  </si>
  <si>
    <t>11/20/2019 16:41:14</t>
  </si>
  <si>
    <t>11/20/2019 16:44:48</t>
  </si>
  <si>
    <t>/o=exchangelabs/ou=exchange administrative group (fydibohf23spdlt)/cn=recipients/cn=a449e4d17a634843aa5adc93bbc43503-klinsmann e;</t>
  </si>
  <si>
    <t>ENC: Refluxo de ligação SAC</t>
  </si>
  <si>
    <t>/o=exchangelabs/ou=exchange administrative group (fydibohf23spdlt)/cn=recipients/cn=a449e4d17a634843aa5adc93bbc43503-klinsmann e</t>
  </si>
  <si>
    <t>11/20/2019 16:47:18</t>
  </si>
  <si>
    <t>11/20/2019 16:49:47</t>
  </si>
  <si>
    <t>/o=exchangelabs/ou=exchange administrative group (fydibohf23spdlt)/cn=recipients/cn=80fb880d4e904fd9990f1ffec561717a-avon - supe;/o=exchangelabs/ou=exchange administrative group (fydibohf23spdlt)/cn=recipients/cn=d1d015f213f648abbf348b5ccdf8e9d9-senilda per;/o=exchangelabs/ou=exchange administrative group (fydibohf23spdlt)/cn=recipients/cn=eb3a8d47e16546c381d649c124fcfbb7-cpc - contr;viniciussg@algartech.com;</t>
  </si>
  <si>
    <t>RES: Relatório Treinamento NR-17 - 34ª Parcial 2019</t>
  </si>
  <si>
    <t>TRN NR-17.xlsx</t>
  </si>
  <si>
    <t>/o=exchangelabs/ou=exchange administrative group (fydibohf23spdlt)/cn=recipients/cn=80fb880d4e904fd9990f1ffec561717a-avon - supe,/o=exchangelabs/ou=exchange administrative group (fydibohf23spdlt)/cn=recipients/cn=d1d015f213f648abbf348b5ccdf8e9d9-senilda per,/o=exchangelabs/ou=exchange administrative group (fydibohf23spdlt)/cn=recipients/cn=eb3a8d47e16546c381d649c124fcfbb7-cpc - contr,viniciussg@algartech.com</t>
  </si>
  <si>
    <t>11/20/2019 16:49:03</t>
  </si>
  <si>
    <t>11/20/2019 16:51:47</t>
  </si>
  <si>
    <t>C:\Users\mariannacsm\OneDrive - Grupo Algar\0- PMO-POOL\PMO\CAPEX\CAPEX PROJETOS CSC\RES_ MOVE TO CLOUD.msg\s122\</t>
  </si>
  <si>
    <t>11/20/2019 17:00:28</t>
  </si>
  <si>
    <t>11/20/2019 17:02:48</t>
  </si>
  <si>
    <t>ENC: PR217469 2019 - IBM 951912B1A0 Renegociação Michelin - Quotation Number 951912B1A0</t>
  </si>
  <si>
    <t>217469-IBM_Michelin_Atual_2020_(C018_B018).xlsb</t>
  </si>
  <si>
    <t>11/20/2019 17:01:10</t>
  </si>
  <si>
    <t>RES: Me manda os FUP conforme te pedi.</t>
  </si>
  <si>
    <t>FUP VALE.xlsx</t>
  </si>
  <si>
    <t>11/20/2019 17:04:36</t>
  </si>
  <si>
    <t>11/20/2019 17:09:48</t>
  </si>
  <si>
    <t>RES: Pesquisa com EVAs</t>
  </si>
  <si>
    <t>20191114 PESQUISA SATISFAÇÃO EVA.xlsm</t>
  </si>
  <si>
    <t>11/20/2019 17:17:14</t>
  </si>
  <si>
    <t>11/20/2019 17:20:48</t>
  </si>
  <si>
    <t>11/20/2019 17:20:30</t>
  </si>
  <si>
    <t>11/20/2019 17:22:48</t>
  </si>
  <si>
    <t>ENC: Estimativa de prazo para contato ONDA 4</t>
  </si>
  <si>
    <t>11/20/2019 17:21:54</t>
  </si>
  <si>
    <t>11/20/2019 17:23:47</t>
  </si>
  <si>
    <t>11/20/2019 17:19:54</t>
  </si>
  <si>
    <t>11/20/2019 17:24:48</t>
  </si>
  <si>
    <t>C:\Users\elainemdlp\OD\_Projetos\Em andamento\Relacionamento Cartoes BV\04 - Controle\</t>
  </si>
  <si>
    <t>11/20/2019 17:20:34</t>
  </si>
  <si>
    <t>11/20/2019 17:25:47</t>
  </si>
  <si>
    <t>/o=exchangelabs/ou=exchange administrative group (fydibohf23spdlt)/cn=recipients/cn=122c3ad8b401472e84885d44a2466b4c-jair de pau;/o=exchangelabs/ou=exchange administrative group (fydibohf23spdlt)/cn=recipients/cn=a4d4dbc88c434f8ba2bceed730d83878-marcellus r;/o=exchangelabs/ou=exchange administrative group (fydibohf23spdlt)/cn=recipients/cn=b194f014572c4c36b52132f9199df1aa-jairo junio;/o=exchangelabs/ou=exchange administrative group (fydibohf23spdlt)/cn=recipients/cn=c5057601f2364b0db7ea84dbec10baa4-matheus mor;/o=exchangelabs/ou=exchange administrative group (fydibohf23spdlt)/cn=recipients/cn=fedd0b8e2dbf442f837981a40559d630-viviane bar;</t>
  </si>
  <si>
    <t>PMR Base Orçamento 2020</t>
  </si>
  <si>
    <t>PMR por TORRE Orçamento 2020.xlsx</t>
  </si>
  <si>
    <t>/o=exchangelabs/ou=exchange administrative group (fydibohf23spdlt)/cn=recipients/cn=122c3ad8b401472e84885d44a2466b4c-jair de pau,/o=exchangelabs/ou=exchange administrative group (fydibohf23spdlt)/cn=recipients/cn=a4d4dbc88c434f8ba2bceed730d83878-marcellus r,/o=exchangelabs/ou=exchange administrative group (fydibohf23spdlt)/cn=recipients/cn=b194f014572c4c36b52132f9199df1aa-jairo junio,/o=exchangelabs/ou=exchange administrative group (fydibohf23spdlt)/cn=recipients/cn=c5057601f2364b0db7ea84dbec10baa4-matheus mor,/o=exchangelabs/ou=exchange administrative group (fydibohf23spdlt)/cn=recipients/cn=fedd0b8e2dbf442f837981a40559d630-viviane bar</t>
  </si>
  <si>
    <t>11/20/2019 17:23:06</t>
  </si>
  <si>
    <t>julianatem@algartech.com;</t>
  </si>
  <si>
    <t>Relação posição Office.xlsx</t>
  </si>
  <si>
    <t>julianatem@algartech.com</t>
  </si>
  <si>
    <t>11/20/2019 17:26:55</t>
  </si>
  <si>
    <t>11/20/2019 17:27:47</t>
  </si>
  <si>
    <t>C:\Users\fellypcsj\OneDrive - Grupo Algar\Engeset\ADMINISTRATIVO FINANCEIRO\GEO GOVERNANÇA\LOGISTÍCA\SEGUROS\CNPJ's.msg\s1\</t>
  </si>
  <si>
    <t>CNPJ Filiais_Algar Tech_11-11-2019.xlsx</t>
  </si>
  <si>
    <t>11/20/2019 17:32:21</t>
  </si>
  <si>
    <t>11/20/2019 17:33:47</t>
  </si>
  <si>
    <t>PMO - Capex_Longo Prazo_rev_A19M10_v20_11 - Envio_Financeiro.xlsx</t>
  </si>
  <si>
    <t>11/20/2019 17:32:36</t>
  </si>
  <si>
    <t>\\acsfs\DEPTOS\PMO Governança\06 - GOVERNANÇA DO CAPEX\CAPEX LONGO PRAZO\CAPEX LP - REVISÃO_A19_M10\VALIDAÇÃO CAPEX LP 20 a 24 - alteração Nimbus.pptx\</t>
  </si>
  <si>
    <t>11/20/2019 17:32:47</t>
  </si>
  <si>
    <t>mail.google.com/_/upload?authuser=0&amp;dcp=asu-n&amp;upload_id=AEnB2Ury4c92OWY4jWsdl_8GGP4DgvrE0BM7zo90c9Y_3TwHDxLNWFHKNUEs6lGr01_ZZKdZyk95JLNuYyncHZQolLMtH8jrqQ&amp;upload_protocol=resumable</t>
  </si>
  <si>
    <t>11/20/2019 17:33:10</t>
  </si>
  <si>
    <t>mail.google.com/_/upload?authuser=0&amp;dcp=asu-n&amp;upload_id=AEnB2UqPozDdODUDkC2nwI7BSFthQ8QME2RUOALFpGVQVMPwKGvlgnhHf8A_tFOfU85-NGuYp0s-LWY0lGxLpld7e198gjU8pzSe4tq3OH7h1dXgHlweVfk&amp;upload_protocol=resumable</t>
  </si>
  <si>
    <t>11/20/2019 17:33:11</t>
  </si>
  <si>
    <t>11/20/2019 17:32:46</t>
  </si>
  <si>
    <t>11/20/2019 17:38:47</t>
  </si>
  <si>
    <t>C:\Users\iramildass\Desktop\reembolso novembro\</t>
  </si>
  <si>
    <t>Cadastro Pessoa Física 2019 - Denise.xls</t>
  </si>
  <si>
    <t>11/20/2019 17:33:54</t>
  </si>
  <si>
    <t>11/20/2019 17:53:47</t>
  </si>
  <si>
    <t>11/20/2019 17:33:55</t>
  </si>
  <si>
    <t>11/20/2019 17:34:17</t>
  </si>
  <si>
    <t>11/20/2019 17:34:19</t>
  </si>
  <si>
    <t>11/20/2019 17:34:20</t>
  </si>
  <si>
    <t>11/20/2019 17:54:56</t>
  </si>
  <si>
    <t>11/20/2019 17:56:48</t>
  </si>
  <si>
    <t>alessiors@algartech.com;eunice.pimenta@algartech.com;francisco_cardoso@whirlpool.com;joaopfe@algartech.com;karinars@algartecnologia.com.br;luanda_s_almeida@whirlpool.com;luizccga@algartech.com;querencm@algartech.com;rosilenedlf@algartech.com;wladimirtn@algartech.com;</t>
  </si>
  <si>
    <t>Login e senha.xlsx</t>
  </si>
  <si>
    <t>alessiors@algartech.com,eunice.pimenta@algartech.com,francisco_cardoso@whirlpool.com,joaopfe@algartech.com,karinars@algartecnologia.com.br,luanda_s_almeida@whirlpool.com,luizccga@algartech.com,querencm@algartech.com,rosilenedlf@algartech.com,wladimirtn@algartech.com</t>
  </si>
  <si>
    <t>11/20/2019 18:03:24</t>
  </si>
  <si>
    <t>11/20/2019 18:05:48</t>
  </si>
  <si>
    <t>PO's 2016</t>
  </si>
  <si>
    <t>Po's 2016 - Verificar faturamento - V1.xlsx</t>
  </si>
  <si>
    <t>11/20/2019 17:36:40</t>
  </si>
  <si>
    <t>11/20/2019 18:06:47</t>
  </si>
  <si>
    <t>11/20/2019 17:37:04</t>
  </si>
  <si>
    <t>11/20/2019 18:07:47</t>
  </si>
  <si>
    <t>192.168.1.3</t>
  </si>
  <si>
    <t>11/20/2019 18:07:09</t>
  </si>
  <si>
    <t>11/20/2019 18:08:48</t>
  </si>
  <si>
    <t>/o=exchangelabs/ou=exchange administrative group (fydibohf23spdlt)/cn=recipients/cn=a4ba92cba10f4fe498074594f937f3b6-leandro lop;rafaelabsz@algartech.com.br;</t>
  </si>
  <si>
    <t>Apresentação - URR</t>
  </si>
  <si>
    <t>112019_Apresentação de resultados URR_ALGAR (006).pptx\</t>
  </si>
  <si>
    <t>/o=exchangelabs/ou=exchange administrative group (fydibohf23spdlt)/cn=recipients/cn=a4ba92cba10f4fe498074594f937f3b6-leandro lop,rafaelabsz@algartech.com.br</t>
  </si>
  <si>
    <t>11/20/2019 18:12:48</t>
  </si>
  <si>
    <t>11/20/2019 17:34:23</t>
  </si>
  <si>
    <t>11/20/2019 17:35:10</t>
  </si>
  <si>
    <t>11/20/2019 17:35:11</t>
  </si>
  <si>
    <t>11/20/2019 17:39:55</t>
  </si>
  <si>
    <t>11/20/2019 17:40:06</t>
  </si>
  <si>
    <t>11/20/2019 17:40:13</t>
  </si>
  <si>
    <t>mail.google.com/_/upload?authuser=0&amp;dcp=asu-n&amp;upload_id=AEnB2UqGRDYLKXM6PZj7S1V394TMgqZo38MLJF_hVRxz8cDtewCBDwD7ITex1jq00sNfSmOq2ukYRbNnxZQOb0z0nQ-W_iad3fg675OaBya_U_ecjhVK9qM&amp;upload_protocol=resumable</t>
  </si>
  <si>
    <t>11/20/2019 18:17:57</t>
  </si>
  <si>
    <t>11/20/2019 18:22:47</t>
  </si>
  <si>
    <t>10.200.61.42</t>
  </si>
  <si>
    <t>mail.google.com/_/upload?authuser=0&amp;dcp=asu-n&amp;upload_id=AEnB2UqMLZOyQiiycJI79h0C1pBTu79bg2JRZzfMlQ3ePinK5OMCLp-bmBbngNPSnBmaDbasHtd57fvT_sk6GwSoRIOuvuuSVQALlm7rzlRw77qt9nX9kpU&amp;upload_protocol=resumable</t>
  </si>
  <si>
    <t>proposta de distribuição Janaina.xls</t>
  </si>
  <si>
    <t>11/20/2019 18:28:51</t>
  </si>
  <si>
    <t>11/20/2019 18:30:47</t>
  </si>
  <si>
    <t>/o=exchangelabs/ou=exchange administrative group (fydibohf23spdlt)/cn=recipients/cn=545f738e0fe740ba856f4eb6ef0135e0-vinicius si;/o=exchangelabs/ou=exchange administrative group (fydibohf23spdlt)/cn=recipients/cn=c22b2d8de1594760baec681322c0933f-fernanda ma;/o=exchangelabs/ou=exchange administrative group (fydibohf23spdlt)/cn=recipients/cn=userd3ef8196;</t>
  </si>
  <si>
    <t>ENC: Operações D2C - Novembro/2019 e Dezembro/2019</t>
  </si>
  <si>
    <t>11 - Quebra Diária - Compra Certa_Novembro 2019 - V2.xlsx</t>
  </si>
  <si>
    <t>/o=exchangelabs/ou=exchange administrative group (fydibohf23spdlt)/cn=recipients/cn=545f738e0fe740ba856f4eb6ef0135e0-vinicius si,/o=exchangelabs/ou=exchange administrative group (fydibohf23spdlt)/cn=recipients/cn=c22b2d8de1594760baec681322c0933f-fernanda ma,/o=exchangelabs/ou=exchange administrative group (fydibohf23spdlt)/cn=recipients/cn=userd3ef8196</t>
  </si>
  <si>
    <t>11/20/2019 18:37:20</t>
  </si>
  <si>
    <t>11/20/2019 18:39:48</t>
  </si>
  <si>
    <t>rafaelabsz@algartech.com.br;wesleymb@algartech.com.br;</t>
  </si>
  <si>
    <t>112019_Apresentação de resultados URR_ALGAR_v4_PB.pptx\</t>
  </si>
  <si>
    <t>rafaelabsz@algartech.com.br,wesleymb@algartech.com.br</t>
  </si>
  <si>
    <t>11/20/2019 18:49:09</t>
  </si>
  <si>
    <t>11/20/2019 18:53:48</t>
  </si>
  <si>
    <t>11/20/2019 20:14:50</t>
  </si>
  <si>
    <t>11/20/2019 20:17:47</t>
  </si>
  <si>
    <t>ENC: Produtividade CRCe até 19/11</t>
  </si>
  <si>
    <t>11/21/2019 06:20:48</t>
  </si>
  <si>
    <t>11/21/2019 06:24:21</t>
  </si>
  <si>
    <t>ENC: Dashboard PA Digital N1 Services - ASC - Consolidado até 19/11</t>
  </si>
  <si>
    <t>Dashboard PA Digital - Services - 20191120.xlsb</t>
  </si>
  <si>
    <t>11/21/2019 06:28:28</t>
  </si>
  <si>
    <t>11/21/2019 06:29:21</t>
  </si>
  <si>
    <t>/o=exchangelabs/ou=exchange administrative group (fydibohf23spdlt)/cn=recipients/cn=404b1a0a31e34e40b03df5be0bc55bb1-emily arant;/o=exchangelabs/ou=exchange administrative group (fydibohf23spdlt)/cn=recipients/cn=d016684c66794cc8825c134b3c28605d-barbara can;/o=exchangelabs/ou=exchange administrative group (fydibohf23spdlt)/cn=recipients/cn=da49f68f26344bf9811f1e9e579d92e5-kenia rosa;carinafr@algartech.com;stefanebfn@algartech.com.br;</t>
  </si>
  <si>
    <t>ENC: REC sem FUP e FUP em O.S.</t>
  </si>
  <si>
    <t>/o=exchangelabs/ou=exchange administrative group (fydibohf23spdlt)/cn=recipients/cn=404b1a0a31e34e40b03df5be0bc55bb1-emily arant,/o=exchangelabs/ou=exchange administrative group (fydibohf23spdlt)/cn=recipients/cn=d016684c66794cc8825c134b3c28605d-barbara can,/o=exchangelabs/ou=exchange administrative group (fydibohf23spdlt)/cn=recipients/cn=da49f68f26344bf9811f1e9e579d92e5-kenia rosa,carinafr@algartech.com,stefanebfn@algartech.com.br</t>
  </si>
  <si>
    <t>11/21/2019 07:15:00</t>
  </si>
  <si>
    <t>11/21/2019 07:17:22</t>
  </si>
  <si>
    <t>/o=exchangelabs/ou=exchange administrative group (fydibohf23spdlt)/cn=recipients/cn=0ca6cc8d100949a7866a928f62ef5778-rosilene de;/o=exchangelabs/ou=exchange administrative group (fydibohf23spdlt)/cn=recipients/cn=0e77e0b4028e44e3926a461e54e7b999-ediene luzi;/o=exchangelabs/ou=exchange administrative group (fydibohf23spdlt)/cn=recipients/cn=2b2fb8df84f84951b6d53454b4b3e8b3-izadora may;/o=exchangelabs/ou=exchange administrative group (fydibohf23spdlt)/cn=recipients/cn=6189712535ea4b50a3625910837af2c9-larissa bra;/o=exchangelabs/ou=exchange administrative group (fydibohf23spdlt)/cn=recipients/cn=be8766b4a96d48b483378f7babe180b8-thais coimb;hugo_cesar_rodrigues_dos_santos_algar@whirlpool.com;</t>
  </si>
  <si>
    <t>/o=exchangelabs/ou=exchange administrative group (fydibohf23spdlt)/cn=recipients/cn=0ca6cc8d100949a7866a928f62ef5778-rosilene de,/o=exchangelabs/ou=exchange administrative group (fydibohf23spdlt)/cn=recipients/cn=0e77e0b4028e44e3926a461e54e7b999-ediene luzi,/o=exchangelabs/ou=exchange administrative group (fydibohf23spdlt)/cn=recipients/cn=2b2fb8df84f84951b6d53454b4b3e8b3-izadora may,/o=exchangelabs/ou=exchange administrative group (fydibohf23spdlt)/cn=recipients/cn=6189712535ea4b50a3625910837af2c9-larissa bra,/o=exchangelabs/ou=exchange administrative group (fydibohf23spdlt)/cn=recipients/cn=be8766b4a96d48b483378f7babe180b8-thais coimb,hugo_cesar_rodrigues_dos_santos_algar@whirlpool.com</t>
  </si>
  <si>
    <t>11/21/2019 07:15:16</t>
  </si>
  <si>
    <t>11/21/2019 07:19:22</t>
  </si>
  <si>
    <t>/o=exchangelabs/ou=exchange administrative group (fydibohf23spdlt)/cn=recipients/cn=2f25493a7e37433d8dafca90f527b173-danubia cri;/o=exchangelabs/ou=exchange administrative group (fydibohf23spdlt)/cn=recipients/cn=47bcba0edfbb48d39e9b215eae1400b2-ana paula s;/o=exchangelabs/ou=exchange administrative group (fydibohf23spdlt)/cn=recipients/cn=a72a765de829420582b78941417073ac-karina rodr;/o=exchangelabs/ou=exchange administrative group (fydibohf23spdlt)/cn=recipients/cn=usera699e94b;carinafr@algartech.com;</t>
  </si>
  <si>
    <t>ENC: Solicitação de pessoas</t>
  </si>
  <si>
    <t>Operação eunice.xlsx</t>
  </si>
  <si>
    <t>/o=exchangelabs/ou=exchange administrative group (fydibohf23spdlt)/cn=recipients/cn=2f25493a7e37433d8dafca90f527b173-danubia cri,/o=exchangelabs/ou=exchange administrative group (fydibohf23spdlt)/cn=recipients/cn=47bcba0edfbb48d39e9b215eae1400b2-ana paula s,/o=exchangelabs/ou=exchange administrative group (fydibohf23spdlt)/cn=recipients/cn=a72a765de829420582b78941417073ac-karina rodr,/o=exchangelabs/ou=exchange administrative group (fydibohf23spdlt)/cn=recipients/cn=usera699e94b,carinafr@algartech.com</t>
  </si>
  <si>
    <t>11/19/2019 17:33:16</t>
  </si>
  <si>
    <t>11/21/2019 07:23:22</t>
  </si>
  <si>
    <t>Empresas Carteirizadas</t>
  </si>
  <si>
    <t>11/20/2019 18:33:54</t>
  </si>
  <si>
    <t>11/21/2019 07:32:22</t>
  </si>
  <si>
    <t>mail.google.com/_/upload?authuser=1&amp;dcp=asu-n&amp;upload_id=AEnB2UrMzhB6DqExkBFGuNE0KHfZnq2vC8Hg5_5V31Py0NIymCaUumivvCX7HYsJGnSh3yh0aLq-sGYGET-Fyok2yRRAux9Ccg&amp;upload_protocol=resumable</t>
  </si>
  <si>
    <t>New_CONTROLE DE CLIENTES_PAGSEGURO (3).xlsx</t>
  </si>
  <si>
    <t>11/20/2019 09:38:45</t>
  </si>
  <si>
    <t>11/21/2019 07:44:24</t>
  </si>
  <si>
    <t>/o=exchangelabs/ou=exchange administrative group (fydibohf23spdlt)/cn=recipients/cn=98317c61309146baaae737fd3a6c03f2-kamila da s;</t>
  </si>
  <si>
    <t>txt para Excel</t>
  </si>
  <si>
    <t>IAN_MARÇO.xlsm</t>
  </si>
  <si>
    <t>/o=exchangelabs/ou=exchange administrative group (fydibohf23spdlt)/cn=recipients/cn=98317c61309146baaae737fd3a6c03f2-kamila da s</t>
  </si>
  <si>
    <t>11/20/2019 17:51:50</t>
  </si>
  <si>
    <t>11/21/2019 08:01:24</t>
  </si>
  <si>
    <t>RES: OS's TIM BBN - Atualizar Status 06_11.xlsx</t>
  </si>
  <si>
    <t>Cópia de OS's TIM BBN - Atualizar Status 06_11.xlsx</t>
  </si>
  <si>
    <t>11/21/2019 07:58:41</t>
  </si>
  <si>
    <t>11/21/2019 08:03:24</t>
  </si>
  <si>
    <t>Acompanhamento Inadimplência - Nov/2019</t>
  </si>
  <si>
    <t>Acompanhamento Inadimplência - Novembro -2019.xlsb</t>
  </si>
  <si>
    <t>11/20/2019 18:56:51</t>
  </si>
  <si>
    <t>11/21/2019 08:04:25</t>
  </si>
  <si>
    <t>11/20/2019 17:18:46</t>
  </si>
  <si>
    <t>11/21/2019 08:05:24</t>
  </si>
  <si>
    <t>10.250.254.43</t>
  </si>
  <si>
    <t>NB-THAISBR</t>
  </si>
  <si>
    <t>thaisbrs</t>
  </si>
  <si>
    <t>Thais Brito Santos</t>
  </si>
  <si>
    <t>/o=exchangelabs/ou=exchange administrative group (fydibohf23spdlt)/cn=recipients/cn=b88fbbe7feb5433885019feb0ecb000c-lilian beat;thaisbrs@algartech.com.br;</t>
  </si>
  <si>
    <t>Erro de lançamento - monitorias next</t>
  </si>
  <si>
    <t>Checar monitorias.xls</t>
  </si>
  <si>
    <t>/o=exchangelabs/ou=exchange administrative group (fydibohf23spdlt)/cn=recipients/cn=b88fbbe7feb5433885019feb0ecb000c-lilian beat,thaisbrs@algartech.com.br</t>
  </si>
  <si>
    <t>11/20/2019 10:02:56</t>
  </si>
  <si>
    <t>danilo@heatingcooling.com.br;guilherme@espressoapp.com.br;jecivania.silva@bradesco.com.br;</t>
  </si>
  <si>
    <t>Integração - HEATING COOLING</t>
  </si>
  <si>
    <t>danilo@heatingcooling.com.br,guilherme@espressoapp.com.br,jecivania.silva@bradesco.com.br</t>
  </si>
  <si>
    <t>11/20/2019 10:46:26</t>
  </si>
  <si>
    <t>/o=exchangelabs/ou=exchange administrative group (fydibohf23spdlt)/cn=recipients/cn=9ec7344ac9ca4c3d93340a066ae57ae1-paula mayum;claudia.oliveira@bradesco.com.br;lucasfra@algartech.com;</t>
  </si>
  <si>
    <t>RES: INTELLILINK - ALBER</t>
  </si>
  <si>
    <t>/o=exchangelabs/ou=exchange administrative group (fydibohf23spdlt)/cn=recipients/cn=9ec7344ac9ca4c3d93340a066ae57ae1-paula mayum,claudia.oliveira@bradesco.com.br,lucasfra@algartech.com</t>
  </si>
  <si>
    <t>11/20/2019 20:27:56</t>
  </si>
  <si>
    <t>suzirodrigo@yahoo.com.br,</t>
  </si>
  <si>
    <t>mail.yahoo.com/ws/v3/batch?name=messages.saveV3&amp;hash=fda2aeb&amp;appId=YMailNorrin&amp;ymreqid=0d20950d-f3b9-142b-1cda-18000a015300&amp;wssid=n%2Fs8Th.MKwC</t>
  </si>
  <si>
    <t>suzirodrigo@yahoo.com.br;</t>
  </si>
  <si>
    <t>Implementação - Suzi.xls</t>
  </si>
  <si>
    <t>suzirodrigo@yahoo.com.br</t>
  </si>
  <si>
    <t>11/21/2019 08:08:19</t>
  </si>
  <si>
    <t>11/21/2019 08:10:24</t>
  </si>
  <si>
    <t>/o=exchangelabs/ou=exchange administrative group (fydibohf23spdlt)/cn=recipients/cn=c7de0e5d776f4b3e940d4f9143600171-suzidarleng;</t>
  </si>
  <si>
    <t>/o=exchangelabs/ou=exchange administrative group (fydibohf23spdlt)/cn=recipients/cn=c7de0e5d776f4b3e940d4f9143600171-suzidarleng</t>
  </si>
  <si>
    <t>11/21/2019 08:09:54</t>
  </si>
  <si>
    <t>11/21/2019 08:14:24</t>
  </si>
  <si>
    <t>C:\Users\elainemdlp\OD\_Projetos\Em andamento\Expansao Next\03 - Execução\Troca de Maquinas\</t>
  </si>
  <si>
    <t>Modelos_Maquinas - Copia.xlsx</t>
  </si>
  <si>
    <t>11/21/2019 08:18:30</t>
  </si>
  <si>
    <t>11/21/2019 08:19:24</t>
  </si>
  <si>
    <t>/o=exchangelabs/ou=exchange administrative group (fydibohf23spdlt)/cn=recipients/cn=81f72ed6e9d042e3bed0cec08d488854-vinicius go;andre_f_leiva@whirlpool.com;patricia_lima@whirlpool.com;</t>
  </si>
  <si>
    <t>RES: **** Análise de estratégias para sábado 08/11</t>
  </si>
  <si>
    <t>ENCERRADOS SÁBADO.xlsx</t>
  </si>
  <si>
    <t>/o=exchangelabs/ou=exchange administrative group (fydibohf23spdlt)/cn=recipients/cn=81f72ed6e9d042e3bed0cec08d488854-vinicius go,andre_f_leiva@whirlpool.com,patricia_lima@whirlpool.com</t>
  </si>
  <si>
    <t>11/21/2019 08:20:40</t>
  </si>
  <si>
    <t>11/21/2019 08:23:24</t>
  </si>
  <si>
    <t>0ANALYSIS_PATTERN - 2019-11-21T081955.400.csv</t>
  </si>
  <si>
    <t>11/20/2019 16:36:30</t>
  </si>
  <si>
    <t>11/21/2019 08:24:25</t>
  </si>
  <si>
    <t>C:\Segatto\Algar2019\Prudential\Algar\DB\DB2\</t>
  </si>
  <si>
    <t>Lista de Documentos Solicitados Prudential - BD2.xlsx</t>
  </si>
  <si>
    <t>11/21/2019 08:24:40</t>
  </si>
  <si>
    <t>11/21/2019 08:28:25</t>
  </si>
  <si>
    <t>0ANALYSIS_PATTERN - 2019-11-21T082357.338.csv</t>
  </si>
  <si>
    <t>11/21/2019 08:27:56</t>
  </si>
  <si>
    <t>11/21/2019 08:32:25</t>
  </si>
  <si>
    <t>lucasfra@algartech.com;natalia.toma@bradesco.com.br;</t>
  </si>
  <si>
    <t>ENC: Call Porto 12.11.19</t>
  </si>
  <si>
    <t>lucasfra@algartech.com,natalia.toma@bradesco.com.br</t>
  </si>
  <si>
    <t>11/21/2019 08:29:10</t>
  </si>
  <si>
    <t>hugo@b2breservas.com.br;ricardog.sousa@bradesco.com.br;</t>
  </si>
  <si>
    <t>ENC: APRESENTAÇÃO BTB HOSPEDAGEM E LOCAÇÃO - MAGNESITA</t>
  </si>
  <si>
    <t>RHI Magnesita _ Relatório de Hospedagens _ Maio a Outubro 2019.xlsx</t>
  </si>
  <si>
    <t>hugo@b2breservas.com.br,ricardog.sousa@bradesco.com.br</t>
  </si>
  <si>
    <t>11/21/2019 08:29:32</t>
  </si>
  <si>
    <t>11/21/2019 08:34:25</t>
  </si>
  <si>
    <t>6691;</t>
  </si>
  <si>
    <t>Criação de ID de Rede - Evelyn.xlsx</t>
  </si>
  <si>
    <t>http://6691</t>
  </si>
  <si>
    <t>11/21/2019 08:32:59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</t>
  </si>
  <si>
    <t>CriaÃ§Ã£o de ID de Rede.xlsx</t>
  </si>
  <si>
    <t>11/21/2019 08:33:24</t>
  </si>
  <si>
    <t>11/20/2019 18:20:17</t>
  </si>
  <si>
    <t>11/21/2019 08:38:25</t>
  </si>
  <si>
    <t>mail.google.com/_/upload?authuser=0&amp;dcp=asu-n&amp;upload_id=AEnB2Uqy4t4FJ93V6oAb71G9C9p3Ekr46dndP0WS2iE1B79cTZznPRVVA2S0IgVa8XLXBljokPgzF8lrCJ-pfUEzskgPyXpsSQ&amp;upload_protocol=resumable</t>
  </si>
  <si>
    <t>C:\Users\adrielefc\Desktop\VALIDAÇÃO CAPEX LP 20 a 24 - alteração Nimbus.pptx\</t>
  </si>
  <si>
    <t>11/20/2019 18:21:02</t>
  </si>
  <si>
    <t>11/19/2019 09:02:26</t>
  </si>
  <si>
    <t>11/21/2019 08:40:25</t>
  </si>
  <si>
    <t>11/19/2019 09:03:52</t>
  </si>
  <si>
    <t>bruna.vernalha@bradesco.com.br;daiane.alves@bradesco.com.br;danieldom@algartech.com;denisev.carvalho@bradesco.com.br;flavio.romero@bradesco.com.br;robertacmf@algartech.com;saramfg@algartech.com;tatiana.bueno@bradesco.com.br;vanessa.crisan.santos@bradesco.com.br;vivianercu@algartech.com;</t>
  </si>
  <si>
    <t>Consolidado de HE Pagas clientes_Fat Dez 2019.xlsx</t>
  </si>
  <si>
    <t>bruna.vernalha@bradesco.com.br,daiane.alves@bradesco.com.br,danieldom@algartech.com,denisev.carvalho@bradesco.com.br,flavio.romero@bradesco.com.br,robertacmf@algartech.com,saramfg@algartech.com,tatiana.bueno@bradesco.com.br,vanessa.crisan.santos@bradesco.com.br,vivianercu@algartech.com</t>
  </si>
  <si>
    <t>11/19/2019 16:45:55</t>
  </si>
  <si>
    <t>11/19/2019 16:46:19</t>
  </si>
  <si>
    <t>11/19/2019 17:20:18</t>
  </si>
  <si>
    <t>11/20/2019 08:51:46</t>
  </si>
  <si>
    <t>2019-11 - BRADESCARD.xlsx</t>
  </si>
  <si>
    <t>11/20/2019 08:52:03</t>
  </si>
  <si>
    <t>C:\Users\camilat\OneDrive - Grupo Algar\GERENCIAL\FINANCEIRO\Faturamento\340002017\</t>
  </si>
  <si>
    <t>ACOMPANHAMENTO SD e BRADESCARD_Roberta.xlsm</t>
  </si>
  <si>
    <t>11/20/2019 08:52:45</t>
  </si>
  <si>
    <t>11/20/2019 09:08:15</t>
  </si>
  <si>
    <t>11/20/2019 13:56:48</t>
  </si>
  <si>
    <t>Departamental AGOSTO 19 GERAL.csv</t>
  </si>
  <si>
    <t>11/20/2019 10:47:49</t>
  </si>
  <si>
    <t>11/21/2019 08:44:25</t>
  </si>
  <si>
    <t>mail.google.com/_/upload?authuser=0&amp;dcp=asu-n&amp;upload_id=AEnB2UrYhYaEjo_XpmIaH3gmnYVY4HC9ocLw_DFziRhlq-mRgVNVzSbIrx589h_oB5UrBXDhD1MBEk6FUMhvbBrvN-dwach39wUZuUdG2aXYmgg6wAbHbPw&amp;upload_protocol=resumable</t>
  </si>
  <si>
    <t>D:\Projetos\ACS\One_drive\OneDrive - Grupo Algar\Projetos\2020 Algar_-_Implantacao CRM\CRM\Propostas\</t>
  </si>
  <si>
    <t>11/21/2019 08:48:13</t>
  </si>
  <si>
    <t>11/21/2019 08:51:25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5eb8447f1992416c986b6f95f45fc7f7-jose paixao;/o=exchangelabs/ou=exchange administrative group (fydibohf23spdlt)/cn=recipients/cn=7ec9b79e321b423c9a6328e6d2a8765d-fabio cesar;/o=exchangelabs/ou=exchange administrative group (fydibohf23spdlt)/cn=recipients/cn=7f0583df7d3e4c2bb8108b334f4257df-marcelo fla;/o=exchangelabs/ou=exchange administrative group (fydibohf23spdlt)/cn=recipients/cn=cbd39b91542644e08dc79bed7f7e75d6-josafa roch;</t>
  </si>
  <si>
    <t>ORÇAMENTOS-EXECUTADOS 10-09-19 A 10-11-19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5eb8447f1992416c986b6f95f45fc7f7-jose paixao,/o=exchangelabs/ou=exchange administrative group (fydibohf23spdlt)/cn=recipients/cn=7ec9b79e321b423c9a6328e6d2a8765d-fabio cesar,/o=exchangelabs/ou=exchange administrative group (fydibohf23spdlt)/cn=recipients/cn=7f0583df7d3e4c2bb8108b334f4257df-marcelo fla,/o=exchangelabs/ou=exchange administrative group (fydibohf23spdlt)/cn=recipients/cn=cbd39b91542644e08dc79bed7f7e75d6-josafa roch</t>
  </si>
  <si>
    <t>11/21/2019 08:48:38</t>
  </si>
  <si>
    <t>/o=exchangelabs/ou=exchange administrative group (fydibohf23spdlt)/cn=recipients/cn=7df34f8bfd5c49aba90be766dd53403a-rosimar lei;</t>
  </si>
  <si>
    <t>ENC: ORÇAMENTOS EXECUTADOS</t>
  </si>
  <si>
    <t>/o=exchangelabs/ou=exchange administrative group (fydibohf23spdlt)/cn=recipients/cn=7df34f8bfd5c49aba90be766dd53403a-rosimar lei</t>
  </si>
  <si>
    <t>11/20/2019 21:26:17</t>
  </si>
  <si>
    <t>11/21/2019 08:52:26</t>
  </si>
  <si>
    <t>10.200.58.28</t>
  </si>
  <si>
    <t>/o=exchangelabs/ou=exchange administrative group (fydibohf23spdlt)/cn=recipients/cn=4b453b7f02914710b3e94bcf7b311ad4-fernando po;/o=exchangelabs/ou=exchange administrative group (fydibohf23spdlt)/cn=recipients/cn=6bc6ced03b1b4fafa41bb5c70c178940-antonio per;/o=exchangelabs/ou=exchange administrative group (fydibohf23spdlt)/cn=recipients/cn=e3778f57d65f4c17a6287602f9eb0cdc-alessandra;/o=exchangelabs/ou=exchange administrative group (fydibohf23spdlt)/cn=recipients/cn=user12c3790d;</t>
  </si>
  <si>
    <t>Prévia Novembro - Detalhado</t>
  </si>
  <si>
    <t>Prévia Consolidada_112019_v3.xlsx</t>
  </si>
  <si>
    <t>/o=exchangelabs/ou=exchange administrative group (fydibohf23spdlt)/cn=recipients/cn=4b453b7f02914710b3e94bcf7b311ad4-fernando po,/o=exchangelabs/ou=exchange administrative group (fydibohf23spdlt)/cn=recipients/cn=6bc6ced03b1b4fafa41bb5c70c178940-antonio per,/o=exchangelabs/ou=exchange administrative group (fydibohf23spdlt)/cn=recipients/cn=e3778f57d65f4c17a6287602f9eb0cdc-alessandra,/o=exchangelabs/ou=exchange administrative group (fydibohf23spdlt)/cn=recipients/cn=user12c3790d</t>
  </si>
  <si>
    <t>11/20/2019 23:10:43</t>
  </si>
  <si>
    <t>/o=exchangelabs/ou=exchange administrative group (fydibohf23spdlt)/cn=recipients/cn=4b453b7f02914710b3e94bcf7b311ad4-fernando po;/o=exchangelabs/ou=exchange administrative group (fydibohf23spdlt)/cn=recipients/cn=56c2af2d07fd48c0aebfc00ddc006494-alessio rod;/o=exchangelabs/ou=exchange administrative group (fydibohf23spdlt)/cn=recipients/cn=68e6aa2e3fef4ccaba997d98294c9ed5-cristina he;/o=exchangelabs/ou=exchange administrative group (fydibohf23spdlt)/cn=recipients/cn=6fbc44b6d6b549208175d5a27201bd13-cintia nune;/o=exchangelabs/ou=exchange administrative group (fydibohf23spdlt)/cn=recipients/cn=78e530b5e3244cc1a89eba7f7b0af42f-marco tulio;/o=exchangelabs/ou=exchange administrative group (fydibohf23spdlt)/cn=recipients/cn=8ab5e44d485043d59eb4f21463e63e6a-tays dos sa;/o=exchangelabs/ou=exchange administrative group (fydibohf23spdlt)/cn=recipients/cn=a4ba92cba10f4fe498074594f937f3b6-leandro lop;/o=exchangelabs/ou=exchange administrative group (fydibohf23spdlt)/cn=recipients/cn=a72a765de829420582b78941417073ac-kari</t>
  </si>
  <si>
    <t>NOVO MODELO OPERACIONAL STAFF - IPO</t>
  </si>
  <si>
    <t>RESUMO_IPO.xlsb</t>
  </si>
  <si>
    <t>/o=exchangelabs/ou=exchange administrative group (fydibohf23spdlt)/cn=recipients/cn=4b453b7f02914710b3e94bcf7b311ad4-fernando po,/o=exchangelabs/ou=exchange administrative group (fydibohf23spdlt)/cn=recipients/cn=56c2af2d07fd48c0aebfc00ddc006494-alessio rod,/o=exchangelabs/ou=exchange administrative group (fydibohf23spdlt)/cn=recipients/cn=68e6aa2e3fef4ccaba997d98294c9ed5-cristina he,/o=exchangelabs/ou=exchange administrative group (fydibohf23spdlt)/cn=recipients/cn=6fbc44b6d6b549208175d5a27201bd13-cintia nune,/o=exchangelabs/ou=exchange administrative group (fydibohf23spdlt)/cn=recipients/cn=78e530b5e3244cc1a89eba7f7b0af42f-marco tulio,/o=exchangelabs/ou=exchange administrative group (fydibohf23spdlt)/cn=recipients/cn=8ab5e44d485043d59eb4f21463e63e6a-tays dos sa,/o=exchangelabs/ou=exchange administrative group (fydibohf23spdlt)/cn=recipients/cn=a4ba92cba10f4fe498074594f937f3b6-leandro lop,/o=exchangelabs/ou=exchange administrative group (fydibohf23spdlt)/cn=recipients/cn=a72a765de829420582b78941417073ac-kari</t>
  </si>
  <si>
    <t>11/20/2019 23:15:16</t>
  </si>
  <si>
    <t>/o=exchangelabs/ou=exchange administrative group (fydibohf23spdlt)/cn=recipients/cn=32fe8a14424941da83c2bf35a8a5709e-fabiana car;/o=exchangelabs/ou=exchange administrative group (fydibohf23spdlt)/cn=recipients/cn=525b3060f0654996a4c2979efbfaed04-douglas sil;/o=exchangelabs/ou=exchange administrative group (fydibohf23spdlt)/cn=recipients/cn=545f738e0fe740ba856f4eb6ef0135e0-vinicius si;/o=exchangelabs/ou=exchange administrative group (fydibohf23spdlt)/cn=recipients/cn=8a0784ccebb14202a66b1b8f3a285b61-thais de al;/o=exchangelabs/ou=exchange administrative group (fydibohf23spdlt)/cn=recipients/cn=a78f7dae304e472e9f75bd537683f6e5-hugo de oli;/o=exchangelabs/ou=exchange administrative group (fydibohf23spdlt)/cn=recipients/cn=b284454839e94314a90d49e7ec00864f-antonio car;/o=exchangelabs/ou=exchange administrative group (fydibohf23spdlt)/cn=recipients/cn=b67cad4ecfa344baaa94d716e7554f49-bruno camel;/o=exchangelabs/ou=exchange administrative group (fydibohf23spdlt)/cn=recipients/cn=ee68a2a53024446789dc480aef9c7a7c-joao</t>
  </si>
  <si>
    <t>ENC: NOVO MODELO OPERACIONAL STAFF - IPO</t>
  </si>
  <si>
    <t>/o=exchangelabs/ou=exchange administrative group (fydibohf23spdlt)/cn=recipients/cn=32fe8a14424941da83c2bf35a8a5709e-fabiana car,/o=exchangelabs/ou=exchange administrative group (fydibohf23spdlt)/cn=recipients/cn=525b3060f0654996a4c2979efbfaed04-douglas sil,/o=exchangelabs/ou=exchange administrative group (fydibohf23spdlt)/cn=recipients/cn=545f738e0fe740ba856f4eb6ef0135e0-vinicius si,/o=exchangelabs/ou=exchange administrative group (fydibohf23spdlt)/cn=recipients/cn=8a0784ccebb14202a66b1b8f3a285b61-thais de al,/o=exchangelabs/ou=exchange administrative group (fydibohf23spdlt)/cn=recipients/cn=a78f7dae304e472e9f75bd537683f6e5-hugo de oli,/o=exchangelabs/ou=exchange administrative group (fydibohf23spdlt)/cn=recipients/cn=b284454839e94314a90d49e7ec00864f-antonio car,/o=exchangelabs/ou=exchange administrative group (fydibohf23spdlt)/cn=recipients/cn=b67cad4ecfa344baaa94d716e7554f49-bruno camel,/o=exchangelabs/ou=exchange administrative group (fydibohf23spdlt)/cn=recipients/cn=ee68a2a53024446789dc480aef9c7a7c-joao</t>
  </si>
  <si>
    <t>11/21/2019 09:00:24</t>
  </si>
  <si>
    <t>11/21/2019 09:02:26</t>
  </si>
  <si>
    <t>/o=exchangelabs/ou=exchange administrative group (fydibohf23spdlt)/cn=recipients/cn=3d85af75e9a44da5bad9ced68d6c53ed-rosana peix;/o=exchangelabs/ou=exchange administrative group (fydibohf23spdlt)/cn=recipients/cn=79b149cf7a984ca686e3b0e40b3bc8cf-danilo cesa;/o=exchangelabs/ou=exchange administrative group (fydibohf23spdlt)/cn=recipients/cn=96c835195d674d6ebf3e3dbf87493053-jaqueline d;bkinoshita@comfrio.com.br;foliveira@comfrio.com.br;</t>
  </si>
  <si>
    <t>RES: Relatório Comfrio - Ref. Outubro</t>
  </si>
  <si>
    <t>ENC Relatório Comfrio - Ref. Outubro.msg\s1\</t>
  </si>
  <si>
    <t>/o=exchangelabs/ou=exchange administrative group (fydibohf23spdlt)/cn=recipients/cn=3d85af75e9a44da5bad9ced68d6c53ed-rosana peix,/o=exchangelabs/ou=exchange administrative group (fydibohf23spdlt)/cn=recipients/cn=79b149cf7a984ca686e3b0e40b3bc8cf-danilo cesa,/o=exchangelabs/ou=exchange administrative group (fydibohf23spdlt)/cn=recipients/cn=96c835195d674d6ebf3e3dbf87493053-jaqueline d,bkinoshita@comfrio.com.br,foliveira@comfrio.com.br</t>
  </si>
  <si>
    <t>11/21/2019 08:58:25</t>
  </si>
  <si>
    <t>11/21/2019 09:03:25</t>
  </si>
  <si>
    <t>Renata Aparecida Alves Batista dos Santos</t>
  </si>
  <si>
    <t>Graficos_Pachoalatto.xlsx</t>
  </si>
  <si>
    <t>11/21/2019 09:03:19</t>
  </si>
  <si>
    <t>11/21/2019 09:05:25</t>
  </si>
  <si>
    <t>ENC: Resumo Iniciativas-Desafios 2020</t>
  </si>
  <si>
    <t>Resumo Iniciativas-Desafios 2020.xlsx</t>
  </si>
  <si>
    <t>11/21/2019 09:03:06</t>
  </si>
  <si>
    <t>11/21/2019 09:06:26</t>
  </si>
  <si>
    <t>11/21/2019 09:02:52</t>
  </si>
  <si>
    <t>11/21/2019 09:07:25</t>
  </si>
  <si>
    <t>Performance Novembro</t>
  </si>
  <si>
    <t>11/21/2019 09:03:52</t>
  </si>
  <si>
    <t>11/21/2019 09:08:25</t>
  </si>
  <si>
    <t>RES: Dashboard PA Digital Ecohouse - Consolidado até 17/11</t>
  </si>
  <si>
    <t>Dashboard PA Digital - Ecohouse - 20191120.xlsb</t>
  </si>
  <si>
    <t>11/21/2019 09:05:10</t>
  </si>
  <si>
    <t>\\acsfs\DEPTOS\PMO Governança\06 - GOVERNANÇA DO CAPEX\CAPEX LONGO PRAZO\CAPEX LP - REVISÃO_A19_M10\VALIDAÇÃO CAPEX LP 20 a 24 - alteração Nimbus_21_11.pptx\</t>
  </si>
  <si>
    <t>11/21/2019 09:06:31</t>
  </si>
  <si>
    <t>11/21/2019 09:09:26</t>
  </si>
  <si>
    <t>10.200.58.58</t>
  </si>
  <si>
    <t>48-51-B7-8D-FC-70</t>
  </si>
  <si>
    <t>https://cscatende.algarnet.com.br/html/hd/hdscriptresposta/request/uploadincidentattachment.php?cdclassificacao=7&amp;action=1&amp;lastpositionattachement=undefined&amp;cdquestao=9770&amp;idmaisanexos=t</t>
  </si>
  <si>
    <t>\\acsfs\engeset\CPV_ULA\ADMINISTRATIVO\CONTROLE ADMINISTRATIVO\PORTAL ADQUIRA\ALGAR TECNOLOGIA\CONTRATO COLLOCATION\</t>
  </si>
  <si>
    <t>Template_-_Comprovante_de_Pagamento.xlsx</t>
  </si>
  <si>
    <t>11/21/2019 09:06:02</t>
  </si>
  <si>
    <t>11/21/2019 09:06:03</t>
  </si>
  <si>
    <t>11/21/2019 09:06:04</t>
  </si>
  <si>
    <t>11/21/2019 09:06:10</t>
  </si>
  <si>
    <t>11/21/2019 09:06:14</t>
  </si>
  <si>
    <t>11/21/2019 09:06:15</t>
  </si>
  <si>
    <t>11/21/2019 09:07:56</t>
  </si>
  <si>
    <t>11/21/2019 09:07:57</t>
  </si>
  <si>
    <t>11/21/2019 09:07:58</t>
  </si>
  <si>
    <t>11/21/2019 09:07:59</t>
  </si>
  <si>
    <t>11/21/2019 09:08:00</t>
  </si>
  <si>
    <t>11/21/2019 09:08:01</t>
  </si>
  <si>
    <t>11/21/2019 09:08:17</t>
  </si>
  <si>
    <t>11/21/2019 09:08:18</t>
  </si>
  <si>
    <t>11/21/2019 09:08:20</t>
  </si>
  <si>
    <t>11/21/2019 09:08:22</t>
  </si>
  <si>
    <t>11/21/2019 09:08:23</t>
  </si>
  <si>
    <t>11/21/2019 09:08:24</t>
  </si>
  <si>
    <t>11/21/2019 09:08:31</t>
  </si>
  <si>
    <t>11/21/2019 09:08:32</t>
  </si>
  <si>
    <t>11/21/2019 09:08:54</t>
  </si>
  <si>
    <t>11/21/2019 09:08:55</t>
  </si>
  <si>
    <t>11/21/2019 09:08:58</t>
  </si>
  <si>
    <t>11/20/2019 19:23:16</t>
  </si>
  <si>
    <t>11/21/2019 09:10:25</t>
  </si>
  <si>
    <t>11/19/2019 21:01:40</t>
  </si>
  <si>
    <t>11/21/2019 09:11:26</t>
  </si>
  <si>
    <t>RES: meu orçamento</t>
  </si>
  <si>
    <t>11/19/2019 21:08:17</t>
  </si>
  <si>
    <t>11/19/2019 21:33:02</t>
  </si>
  <si>
    <t>/o=exchangelabs/ou=exchange administrative group (fydibohf23spdlt)/cn=recipients/cn=61af722dd06149089cf1c867d796b8bc-delso estre;/o=exchangelabs/ou=exchange administrative group (fydibohf23spdlt)/cn=recipients/cn=6bc6ced03b1b4fafa41bb5c70c178940-antonio per;/o=exchangelabs/ou=exchange administrative group (fydibohf23spdlt)/cn=recipients/cn=b1a72fc2d0234efca84c7771ea70c7ee-roberta cri;/o=exchangelabs/ou=exchange administrative group (fydibohf23spdlt)/cn=recipients/cn=f50351055a2944cebcbdc18a918945d6-gustavo res;</t>
  </si>
  <si>
    <t>RES: Identificar Ofertas Recorrentes 1º e 2º Tri/19</t>
  </si>
  <si>
    <t>RECEITA RECORRENTE X PRÁTICA_DELSO.xlsx</t>
  </si>
  <si>
    <t>/o=exchangelabs/ou=exchange administrative group (fydibohf23spdlt)/cn=recipients/cn=61af722dd06149089cf1c867d796b8bc-delso estre,/o=exchangelabs/ou=exchange administrative group (fydibohf23spdlt)/cn=recipients/cn=6bc6ced03b1b4fafa41bb5c70c178940-antonio per,/o=exchangelabs/ou=exchange administrative group (fydibohf23spdlt)/cn=recipients/cn=b1a72fc2d0234efca84c7771ea70c7ee-roberta cri,/o=exchangelabs/ou=exchange administrative group (fydibohf23spdlt)/cn=recipients/cn=f50351055a2944cebcbdc18a918945d6-gustavo res</t>
  </si>
  <si>
    <t>11/20/2019 10:42:44</t>
  </si>
  <si>
    <t>/o=exchangelabs/ou=exchange administrative group (fydibohf23spdlt)/cn=recipients/cn=6bc6ced03b1b4fafa41bb5c70c178940-antonio per;/o=exchangelabs/ou=exchange administrative group (fydibohf23spdlt)/cn=recipients/cn=a541140f84c0497d919eaa7797d6c613-vinicius mo;/o=exchangelabs/ou=exchange administrative group (fydibohf23spdlt)/cn=recipients/cn=fd90fae387f145908887589a75c16eb5-karen dara;</t>
  </si>
  <si>
    <t>Receitas Tecnologias - SABRINA VIEIRA.rar\Receitas Tecnologias - SABRINA VIEIRA\</t>
  </si>
  <si>
    <t>Demonstrativo de Faturamento Abr_19 MBLink_DAC_.MSCARD_xls.xls</t>
  </si>
  <si>
    <t>/o=exchangelabs/ou=exchange administrative group (fydibohf23spdlt)/cn=recipients/cn=6bc6ced03b1b4fafa41bb5c70c178940-antonio per,/o=exchangelabs/ou=exchange administrative group (fydibohf23spdlt)/cn=recipients/cn=a541140f84c0497d919eaa7797d6c613-vinicius mo,/o=exchangelabs/ou=exchange administrative group (fydibohf23spdlt)/cn=recipients/cn=fd90fae387f145908887589a75c16eb5-karen dara</t>
  </si>
  <si>
    <t>11/20/2019 14:49:19</t>
  </si>
  <si>
    <t>Receitamento</t>
  </si>
  <si>
    <t>RECEITAMENTO - TERCEIROS OUT.19.xlsm</t>
  </si>
  <si>
    <t>11/21/2019 09:08:08</t>
  </si>
  <si>
    <t>11/21/2019 09:12:26</t>
  </si>
  <si>
    <t>ENC: Consolidado 20/11</t>
  </si>
  <si>
    <t>11/21/2019 09:09:03</t>
  </si>
  <si>
    <t>11/21/2019 09:14:25</t>
  </si>
  <si>
    <t>11/21/2019 09:15:26</t>
  </si>
  <si>
    <t>11/21/2019 09:09:04</t>
  </si>
  <si>
    <t>11/21/2019 09:09:05</t>
  </si>
  <si>
    <t>11/21/2019 09:09:06</t>
  </si>
  <si>
    <t>11/21/2019 09:09:07</t>
  </si>
  <si>
    <t>11/21/2019 09:09:08</t>
  </si>
  <si>
    <t>11/21/2019 09:09:09</t>
  </si>
  <si>
    <t>11/21/2019 09:09:10</t>
  </si>
  <si>
    <t>11/21/2019 09:09:11</t>
  </si>
  <si>
    <t>11/21/2019 09:09:12</t>
  </si>
  <si>
    <t>11/21/2019 09:09:13</t>
  </si>
  <si>
    <t>11/21/2019 09:09:14</t>
  </si>
  <si>
    <t>11/21/2019 09:09:15</t>
  </si>
  <si>
    <t>11/21/2019 09:09:16</t>
  </si>
  <si>
    <t>11/21/2019 09:09:36</t>
  </si>
  <si>
    <t>11/21/2019 09:09:56</t>
  </si>
  <si>
    <t>11/21/2019 09:10:47</t>
  </si>
  <si>
    <t>11/21/2019 09:10:48</t>
  </si>
  <si>
    <t>11/21/2019 09:10:49</t>
  </si>
  <si>
    <t>11/21/2019 09:10:51</t>
  </si>
  <si>
    <t>11/21/2019 09:10:52</t>
  </si>
  <si>
    <t>11/21/2019 09:10:53</t>
  </si>
  <si>
    <t>11/21/2019 09:10:54</t>
  </si>
  <si>
    <t>11/21/2019 09:10:55</t>
  </si>
  <si>
    <t>11/21/2019 09:10:56</t>
  </si>
  <si>
    <t>11/21/2019 09:10:58</t>
  </si>
  <si>
    <t>11/21/2019 09:10:59</t>
  </si>
  <si>
    <t>11/21/2019 09:11:00</t>
  </si>
  <si>
    <t>11/21/2019 09:11:03</t>
  </si>
  <si>
    <t>11/21/2019 09:11:05</t>
  </si>
  <si>
    <t>11/21/2019 09:11:30</t>
  </si>
  <si>
    <t>11/21/2019 09:11:31</t>
  </si>
  <si>
    <t>11/21/2019 09:11:36</t>
  </si>
  <si>
    <t>11/21/2019 09:11:37</t>
  </si>
  <si>
    <t>11/21/2019 09:11:38</t>
  </si>
  <si>
    <t>11/21/2019 09:11:39</t>
  </si>
  <si>
    <t>11/21/2019 09:11:40</t>
  </si>
  <si>
    <t>11/21/2019 09:11:42</t>
  </si>
  <si>
    <t>11/21/2019 09:11:43</t>
  </si>
  <si>
    <t>11/21/2019 09:11:44</t>
  </si>
  <si>
    <t>11/21/2019 09:11:46</t>
  </si>
  <si>
    <t>11/21/2019 09:11:48</t>
  </si>
  <si>
    <t>11/21/2019 09:11:51</t>
  </si>
  <si>
    <t>11/21/2019 09:11:52</t>
  </si>
  <si>
    <t>11/21/2019 09:11:53</t>
  </si>
  <si>
    <t>11/21/2019 09:11:54</t>
  </si>
  <si>
    <t>11/21/2019 09:11:55</t>
  </si>
  <si>
    <t>11/21/2019 09:11:56</t>
  </si>
  <si>
    <t>11/21/2019 09:11:57</t>
  </si>
  <si>
    <t>11/21/2019 09:11:58</t>
  </si>
  <si>
    <t>11/21/2019 09:11:59</t>
  </si>
  <si>
    <t>11/21/2019 09:12:03</t>
  </si>
  <si>
    <t>11/21/2019 09:12:07</t>
  </si>
  <si>
    <t>11/21/2019 09:12:10</t>
  </si>
  <si>
    <t>11/21/2019 09:12:12</t>
  </si>
  <si>
    <t>11/21/2019 09:12:14</t>
  </si>
  <si>
    <t>11/21/2019 09:12:15</t>
  </si>
  <si>
    <t>11/21/2019 09:12:17</t>
  </si>
  <si>
    <t>11/21/2019 09:12:19</t>
  </si>
  <si>
    <t>11/21/2019 09:12:22</t>
  </si>
  <si>
    <t>11/21/2019 09:12:23</t>
  </si>
  <si>
    <t>11/21/2019 09:12:24</t>
  </si>
  <si>
    <t>11/21/2019 09:12:33</t>
  </si>
  <si>
    <t>11/21/2019 09:12:34</t>
  </si>
  <si>
    <t>11/21/2019 09:12:35</t>
  </si>
  <si>
    <t>11/21/2019 09:12:36</t>
  </si>
  <si>
    <t>11/21/2019 09:12:37</t>
  </si>
  <si>
    <t>11/21/2019 09:12:39</t>
  </si>
  <si>
    <t>11/21/2019 09:12:43</t>
  </si>
  <si>
    <t>11/21/2019 09:12:44</t>
  </si>
  <si>
    <t>11/21/2019 09:12:45</t>
  </si>
  <si>
    <t>11/21/2019 09:12:47</t>
  </si>
  <si>
    <t>11/21/2019 09:12:48</t>
  </si>
  <si>
    <t>11/21/2019 09:12:49</t>
  </si>
  <si>
    <t>11/21/2019 09:12:50</t>
  </si>
  <si>
    <t>11/21/2019 09:12:52</t>
  </si>
  <si>
    <t>11/21/2019 09:13:09</t>
  </si>
  <si>
    <t>11/21/2019 09:13:14</t>
  </si>
  <si>
    <t>11/21/2019 09:13:19</t>
  </si>
  <si>
    <t>11/21/2019 09:13:21</t>
  </si>
  <si>
    <t>11/21/2019 09:13:22</t>
  </si>
  <si>
    <t>11/21/2019 09:13:23</t>
  </si>
  <si>
    <t>11/21/2019 09:13:24</t>
  </si>
  <si>
    <t>11/21/2019 09:13:25</t>
  </si>
  <si>
    <t>11/21/2019 09:13:26</t>
  </si>
  <si>
    <t>11/21/2019 09:13:27</t>
  </si>
  <si>
    <t>11/21/2019 09:13:28</t>
  </si>
  <si>
    <t>11/21/2019 09:13:29</t>
  </si>
  <si>
    <t>11/21/2019 09:13:30</t>
  </si>
  <si>
    <t>11/21/2019 09:13:31</t>
  </si>
  <si>
    <t>11/21/2019 09:13:32</t>
  </si>
  <si>
    <t>11/21/2019 09:13:33</t>
  </si>
  <si>
    <t>11/21/2019 09:13:34</t>
  </si>
  <si>
    <t>11/21/2019 09:13:35</t>
  </si>
  <si>
    <t>11/21/2019 09:13:36</t>
  </si>
  <si>
    <t>11/21/2019 09:13:40</t>
  </si>
  <si>
    <t>11/21/2019 09:13:44</t>
  </si>
  <si>
    <t>11/21/2019 09:13:45</t>
  </si>
  <si>
    <t>11/21/2019 09:13:46</t>
  </si>
  <si>
    <t>11/21/2019 09:13:47</t>
  </si>
  <si>
    <t>11/20/2019 17:28:57</t>
  </si>
  <si>
    <t>11/21/2019 09:16:25</t>
  </si>
  <si>
    <t>11/21/2019 09:12:58</t>
  </si>
  <si>
    <t>11/21/2019 09:17:26</t>
  </si>
  <si>
    <t>/o=exchangelabs/ou=exchange administrative group (fydibohf23spdlt)/cn=recipients/cn=2072905e221e44cd93713caf57a4301f-roberta igi;/o=exchangelabs/ou=exchange administrative group (fydibohf23spdlt)/cn=recipients/cn=d6cce5a70d504cc2ad89cee834cd59a9-luciana rib;cfonseca@tripag.com.br;lrocha@tribanco.com.br;marcosnf@tripag.com.br;masilva@tripag.com.br;</t>
  </si>
  <si>
    <t>RES: Leads Consolidados</t>
  </si>
  <si>
    <t>Leads Consolidados.xlsx</t>
  </si>
  <si>
    <t>/o=exchangelabs/ou=exchange administrative group (fydibohf23spdlt)/cn=recipients/cn=2072905e221e44cd93713caf57a4301f-roberta igi,/o=exchangelabs/ou=exchange administrative group (fydibohf23spdlt)/cn=recipients/cn=d6cce5a70d504cc2ad89cee834cd59a9-luciana rib,cfonseca@tripag.com.br,lrocha@tribanco.com.br,marcosnf@tripag.com.br,masilva@tripag.com.br</t>
  </si>
  <si>
    <t>11/21/2019 09:15:36</t>
  </si>
  <si>
    <t>RES: Performance Novembro</t>
  </si>
  <si>
    <t>11/21/2019 09:14:50</t>
  </si>
  <si>
    <t>11/21/2019 09:18:25</t>
  </si>
  <si>
    <t>RES: Updated invitation: Reavaliação de Contrato - Extensão CHG MERIDIAN do Brasil @ Thu Nov 14, 2019 10am - 11am (BRT) (polati@algartech.com)</t>
  </si>
  <si>
    <t>Análise Computadores.xlsx</t>
  </si>
  <si>
    <t>11/21/2019 09:15:42</t>
  </si>
  <si>
    <t>mail.google.com/_/upload?authuser=0&amp;dcp=asu-n&amp;upload_id=AEnB2Uq-OaUnOhaG4ZYNS3E4T7w3gCsvu_mFmdO_fjxgfKwIMGB_ahg5Cp3MyJXQbFTuyTpINyQos3rnbPc53zS-24F9FnMnSlY_mb6sSunggIV8uYidjXk&amp;upload_protocol=resumable</t>
  </si>
  <si>
    <t>Base 12.11 até 20.11.csv</t>
  </si>
  <si>
    <t>11/21/2019 09:18:51</t>
  </si>
  <si>
    <t>11/21/2019 09:19:26</t>
  </si>
  <si>
    <t>11/21/2019 09:20:26</t>
  </si>
  <si>
    <t>11/21/2019 09:13:49</t>
  </si>
  <si>
    <t>11/21/2019 09:13:50</t>
  </si>
  <si>
    <t>11/21/2019 09:13:52</t>
  </si>
  <si>
    <t>11/21/2019 09:13:53</t>
  </si>
  <si>
    <t>11/21/2019 09:13:54</t>
  </si>
  <si>
    <t>11/21/2019 09:14:05</t>
  </si>
  <si>
    <t>11/21/2019 09:14:18</t>
  </si>
  <si>
    <t>11/21/2019 09:14:19</t>
  </si>
  <si>
    <t>11/21/2019 09:14:38</t>
  </si>
  <si>
    <t>11/21/2019 09:15:24</t>
  </si>
  <si>
    <t>11/21/2019 09:15:28</t>
  </si>
  <si>
    <t>11/21/2019 09:15:29</t>
  </si>
  <si>
    <t>11/21/2019 09:15:31</t>
  </si>
  <si>
    <t>11/21/2019 09:15:33</t>
  </si>
  <si>
    <t>11/21/2019 09:15:34</t>
  </si>
  <si>
    <t>11/21/2019 09:15:35</t>
  </si>
  <si>
    <t>11/21/2019 09:15:47</t>
  </si>
  <si>
    <t>11/21/2019 09:15:48</t>
  </si>
  <si>
    <t>11/21/2019 09:15:49</t>
  </si>
  <si>
    <t>11/21/2019 09:15:50</t>
  </si>
  <si>
    <t>11/21/2019 09:15:51</t>
  </si>
  <si>
    <t>11/21/2019 09:15:52</t>
  </si>
  <si>
    <t>11/21/2019 09:15:53</t>
  </si>
  <si>
    <t>11/21/2019 09:16:01</t>
  </si>
  <si>
    <t>11/21/2019 09:16:09</t>
  </si>
  <si>
    <t>11/21/2019 09:16:12</t>
  </si>
  <si>
    <t>11/21/2019 09:16:13</t>
  </si>
  <si>
    <t>11/21/2019 09:16:16</t>
  </si>
  <si>
    <t>11/21/2019 09:16:17</t>
  </si>
  <si>
    <t>11/21/2019 09:16:18</t>
  </si>
  <si>
    <t>11/21/2019 09:16:19</t>
  </si>
  <si>
    <t>11/21/2019 09:16:20</t>
  </si>
  <si>
    <t>11/21/2019 09:16:53</t>
  </si>
  <si>
    <t>11/21/2019 09:16:54</t>
  </si>
  <si>
    <t>11/21/2019 09:16:56</t>
  </si>
  <si>
    <t>11/21/2019 09:16:57</t>
  </si>
  <si>
    <t>11/21/2019 09:16:58</t>
  </si>
  <si>
    <t>11/21/2019 09:16:59</t>
  </si>
  <si>
    <t>11/21/2019 09:17:00</t>
  </si>
  <si>
    <t>11/21/2019 09:17:01</t>
  </si>
  <si>
    <t>11/21/2019 09:17:02</t>
  </si>
  <si>
    <t>11/21/2019 09:17:03</t>
  </si>
  <si>
    <t>11/21/2019 09:17:04</t>
  </si>
  <si>
    <t>11/21/2019 09:17:06</t>
  </si>
  <si>
    <t>11/21/2019 09:17:07</t>
  </si>
  <si>
    <t>11/21/2019 09:17:08</t>
  </si>
  <si>
    <t>11/21/2019 09:17:09</t>
  </si>
  <si>
    <t>11/21/2019 09:17:10</t>
  </si>
  <si>
    <t>11/21/2019 09:17:11</t>
  </si>
  <si>
    <t>11/21/2019 09:17:27</t>
  </si>
  <si>
    <t>11/21/2019 09:17:28</t>
  </si>
  <si>
    <t>11/21/2019 09:17:29</t>
  </si>
  <si>
    <t>11/21/2019 09:17:30</t>
  </si>
  <si>
    <t>11/21/2019 09:17:32</t>
  </si>
  <si>
    <t>11/21/2019 09:17:33</t>
  </si>
  <si>
    <t>11/21/2019 09:17:34</t>
  </si>
  <si>
    <t>11/21/2019 09:17:35</t>
  </si>
  <si>
    <t>11/21/2019 09:17:36</t>
  </si>
  <si>
    <t>11/21/2019 09:17:37</t>
  </si>
  <si>
    <t>11/21/2019 09:17:38</t>
  </si>
  <si>
    <t>11/21/2019 09:17:39</t>
  </si>
  <si>
    <t>11/21/2019 09:17:40</t>
  </si>
  <si>
    <t>11/21/2019 09:17:41</t>
  </si>
  <si>
    <t>11/21/2019 09:17:42</t>
  </si>
  <si>
    <t>11/21/2019 09:17:46</t>
  </si>
  <si>
    <t>11/21/2019 09:17:49</t>
  </si>
  <si>
    <t>11/21/2019 09:17:52</t>
  </si>
  <si>
    <t>11/21/2019 09:18:00</t>
  </si>
  <si>
    <t>11/21/2019 09:18:29</t>
  </si>
  <si>
    <t>11/21/2019 09:18:30</t>
  </si>
  <si>
    <t>11/21/2019 09:18:32</t>
  </si>
  <si>
    <t>11/21/2019 09:15:04</t>
  </si>
  <si>
    <t>11/21/2019 09:22:26</t>
  </si>
  <si>
    <t>Mailing RCA</t>
  </si>
  <si>
    <t>Cópia de Exporta_Unica_Leads.xlsx</t>
  </si>
  <si>
    <t>/o=exchangelabs/ou=exchange administrative group (fydibohf23spdlt)/cn=recipients/cn=3d85af75e9a44da5bad9ced68d6c53ed-rosana peix;/o=exchangelabs/ou=exchange administrative group (fydibohf23spdlt)/cn=recipients/cn=4e42be0c35fe437c89a815dbb8f1ffeb-faturamento;/o=exchangelabs/ou=exchange administrative group (fydibohf23spdlt)/cn=recipients/cn=userd5d32f69;doris_godoy@cotyinc.com;maria_magalhaes@cotyinc.com;sasrv_hmnfe@cotyinc.com;</t>
  </si>
  <si>
    <t>RES: Faturamento NFE 8497, 8498 e 8499 SAVOY INDUSTRIA DE COSMETICOS SA</t>
  </si>
  <si>
    <t>11. COTY- SAVOY ( FATURAMENTO OUTUBRO) v1.xlsx</t>
  </si>
  <si>
    <t>/o=exchangelabs/ou=exchange administrative group (fydibohf23spdlt)/cn=recipients/cn=3d85af75e9a44da5bad9ced68d6c53ed-rosana peix,/o=exchangelabs/ou=exchange administrative group (fydibohf23spdlt)/cn=recipients/cn=4e42be0c35fe437c89a815dbb8f1ffeb-faturamento,/o=exchangelabs/ou=exchange administrative group (fydibohf23spdlt)/cn=recipients/cn=userd5d32f69,doris_godoy@cotyinc.com,maria_magalhaes@cotyinc.com,sasrv_hmnfe@cotyinc.com</t>
  </si>
  <si>
    <t>11/21/2019 09:20:33</t>
  </si>
  <si>
    <t>11/21/2019 09:23:26</t>
  </si>
  <si>
    <t>11/20/2019 20:15:44</t>
  </si>
  <si>
    <t>11/21/2019 09:25:25</t>
  </si>
  <si>
    <t>10.203.30.98</t>
  </si>
  <si>
    <t>/o=exchangelabs/ou=exchange administrative group (fydibohf23spdlt)/cn=recipients/cn=6857e7b89b5f46e3b6aed2352ac8d5ac-carlos albe;/o=exchangelabs/ou=exchange administrative group (fydibohf23spdlt)/cn=recipients/cn=8ab5e44d485043d59eb4f21463e63e6a-tays dos sa;/o=exchangelabs/ou=exchange administrative group (fydibohf23spdlt)/cn=recipients/cn=a2a95176ec8b4e558f3d0f3c2d9d370b-pablo dos s;/o=exchangelabs/ou=exchange administrative group (fydibohf23spdlt)/cn=recipients/cn=f50351055a2944cebcbdc18a918945d6-gustavo res;ikawakami@toyota.com.br;rrigueira@toyota.com.br;</t>
  </si>
  <si>
    <t>Fechamento Recall - Outubro/19 (Mês 2)</t>
  </si>
  <si>
    <t>10 - Faturamento Toyota Recall.xlsx</t>
  </si>
  <si>
    <t>/o=exchangelabs/ou=exchange administrative group (fydibohf23spdlt)/cn=recipients/cn=6857e7b89b5f46e3b6aed2352ac8d5ac-carlos albe,/o=exchangelabs/ou=exchange administrative group (fydibohf23spdlt)/cn=recipients/cn=8ab5e44d485043d59eb4f21463e63e6a-tays dos sa,/o=exchangelabs/ou=exchange administrative group (fydibohf23spdlt)/cn=recipients/cn=a2a95176ec8b4e558f3d0f3c2d9d370b-pablo dos s,/o=exchangelabs/ou=exchange administrative group (fydibohf23spdlt)/cn=recipients/cn=f50351055a2944cebcbdc18a918945d6-gustavo res,ikawakami@toyota.com.br,rrigueira@toyota.com.br</t>
  </si>
  <si>
    <t>11/21/2019 06:53:24</t>
  </si>
  <si>
    <t>/o=exchangelabs/ou=exchange administrative group (fydibohf23spdlt)/cn=recipients/cn=5b1a099146bc4a0ba038a5237a044b28-lucas augus;/o=exchangelabs/ou=exchange administrative group (fydibohf23spdlt)/cn=recipients/cn=8d66bf0fd9334a81b7c67eda8652a948-guilherme c;/o=exchangelabs/ou=exchange administrative group (fydibohf23spdlt)/cn=recipients/cn=b284454839e94314a90d49e7ec00864f-antonio car;/o=exchangelabs/ou=exchange administrative group (fydibohf23spdlt)/cn=recipients/cn=c4655fee90114ae8944262f5fe0113dd-luciana mar;/o=exchangelabs/ou=exchange administrative group (fydibohf23spdlt)/cn=recipients/cn=d1ca1bbb859d4bb997649640237ba7cd-paulla rena;/o=exchangelabs/ou=exchange administrative group (fydibohf23spdlt)/cn=recipients/cn=d73974a6e555442cafd74cda95746e86-denia alves;elismael.menino@sicoob.com.br;jaquelinedsrdo@algartech.com;rogerio.nascimento@sicoob.com.br;</t>
  </si>
  <si>
    <t>Controle de entregas Algar</t>
  </si>
  <si>
    <t>Controle de entregas 21-11.xlsx</t>
  </si>
  <si>
    <t>/o=exchangelabs/ou=exchange administrative group (fydibohf23spdlt)/cn=recipients/cn=5b1a099146bc4a0ba038a5237a044b28-lucas augus,/o=exchangelabs/ou=exchange administrative group (fydibohf23spdlt)/cn=recipients/cn=8d66bf0fd9334a81b7c67eda8652a948-guilherme c,/o=exchangelabs/ou=exchange administrative group (fydibohf23spdlt)/cn=recipients/cn=b284454839e94314a90d49e7ec00864f-antonio car,/o=exchangelabs/ou=exchange administrative group (fydibohf23spdlt)/cn=recipients/cn=c4655fee90114ae8944262f5fe0113dd-luciana mar,/o=exchangelabs/ou=exchange administrative group (fydibohf23spdlt)/cn=recipients/cn=d1ca1bbb859d4bb997649640237ba7cd-paulla rena,/o=exchangelabs/ou=exchange administrative group (fydibohf23spdlt)/cn=recipients/cn=d73974a6e555442cafd74cda95746e86-denia alves,elismael.menino@sicoob.com.br,jaquelinedsrdo@algartech.com,rogerio.nascimento@sicoob.com.br</t>
  </si>
  <si>
    <t>11/21/2019 09:23:07</t>
  </si>
  <si>
    <t>D:\OneDrive\AlgarTech\Pré-Vendas\Cliente\2019\SAGE\217474 - Servidores Internos\EstudoBKP\</t>
  </si>
  <si>
    <t>217473_Preco_rev01.xlsb</t>
  </si>
  <si>
    <t>11/21/2019 09:23:58</t>
  </si>
  <si>
    <t>11/21/2019 09:26:26</t>
  </si>
  <si>
    <t>ENC: Portal PJ - Deloitte</t>
  </si>
  <si>
    <t>11/21/2019 09:31:11</t>
  </si>
  <si>
    <t>11/21/2019 09:31:26</t>
  </si>
  <si>
    <t>mail.google.com/_/upload?authuser=0&amp;dcp=asu-n&amp;upload_id=AEnB2UpwI20yqhHJfy4XME_O9aFYOjf0R8JS5KK2mSRUerNF5JYAlVf1qMAX74PPBz_MoNnKmJLNCTEf-Y9WSj23wIdmr_Iseuc0w7zqUhsobx4mcPDQ0uM&amp;upload_protocol=resumable</t>
  </si>
  <si>
    <t>11/21/2019 09:34:54</t>
  </si>
  <si>
    <t>11/21/2019 09:35:27</t>
  </si>
  <si>
    <t>/o=exchangelabs/ou=exchange administrative group (fydibohf23spdlt)/cn=recipients/cn=685a6c7fa4684b9ab51c683ec151a83c-kelly crist;lannatga@algartech.com;</t>
  </si>
  <si>
    <t>RES: Simbolo Atributo Perene</t>
  </si>
  <si>
    <t>/o=exchangelabs/ou=exchange administrative group (fydibohf23spdlt)/cn=recipients/cn=685a6c7fa4684b9ab51c683ec151a83c-kelly crist,lannatga@algartech.com</t>
  </si>
  <si>
    <t>11/21/2019 09:32:28</t>
  </si>
  <si>
    <t>11/21/2019 09:36:26</t>
  </si>
  <si>
    <t>11/21/2019 09:39:23</t>
  </si>
  <si>
    <t>11/21/2019 09:41:27</t>
  </si>
  <si>
    <t>/o=exchangelabs/ou=exchange administrative group (fydibohf23spdlt)/cn=recipients/cn=6776a442e9d74eb38a4e02467843d314-juliana mar;/o=exchangelabs/ou=exchange administrative group (fydibohf23spdlt)/cn=recipients/cn=fe134ce6f7124ebfa00395a14326bd71-luciana ber;</t>
  </si>
  <si>
    <t>/o=exchangelabs/ou=exchange administrative group (fydibohf23spdlt)/cn=recipients/cn=6776a442e9d74eb38a4e02467843d314-juliana mar,/o=exchangelabs/ou=exchange administrative group (fydibohf23spdlt)/cn=recipients/cn=fe134ce6f7124ebfa00395a14326bd71-luciana ber</t>
  </si>
  <si>
    <t>11/21/2019 09:43:46</t>
  </si>
  <si>
    <t>11/21/2019 09:45:27</t>
  </si>
  <si>
    <t>11/21/2019 09:45:13</t>
  </si>
  <si>
    <t>11/21/2019 09:47:26</t>
  </si>
  <si>
    <t>ENC: Faturamento NFE 8497, 8498 e 8499 SAVOY INDUSTRIA DE COSMETICOS SA</t>
  </si>
  <si>
    <t>11/19/2019 22:17:43</t>
  </si>
  <si>
    <t>11/21/2019 09:50:27</t>
  </si>
  <si>
    <t>11/21/2019 10:03:48</t>
  </si>
  <si>
    <t>11/21/2019 10:07:28</t>
  </si>
  <si>
    <t>alessandrobm@algartech.com;</t>
  </si>
  <si>
    <t>ENC: Reajuste Cervello</t>
  </si>
  <si>
    <t>Dados_vpn_cervello_stfcia.XLSX</t>
  </si>
  <si>
    <t>alessandrobm@algartech.com</t>
  </si>
  <si>
    <t>11/21/2019 10:04:51</t>
  </si>
  <si>
    <t>11/21/2019 10:08:27</t>
  </si>
  <si>
    <t>Cópia de Report Comercial Unica - Novembro (008).xlsx</t>
  </si>
  <si>
    <t>11/21/2019 10:07:34</t>
  </si>
  <si>
    <t>11/21/2019 10:10:27</t>
  </si>
  <si>
    <t>mail.google.com/_/upload?authuser=0&amp;dcp=asu-n&amp;upload_id=AEnB2Uqn-xpZe3x8azgP4Ad7JuxMp-H6iw-rxnxpqLT_i7P2IbVPXsMnOPGNZpfKMzELRABCLlrI4RyLk7gGmikT5owneC4xPA&amp;upload_protocol=resumable</t>
  </si>
  <si>
    <t>Implantação Denise.xlsx</t>
  </si>
  <si>
    <t>11/21/2019 10:09:39</t>
  </si>
  <si>
    <t>/o=exchangelabs/ou=exchange administrative group (fydibohf23spdlt)/cn=recipients/cn=2f25493a7e37433d8dafca90f527b173-danubia cri;/o=exchangelabs/ou=exchange administrative group (fydibohf23spdlt)/cn=recipients/cn=a75579a499254c2291e852b70c4d70d1-eunice apar;/o=exchangelabs/ou=exchange administrative group (fydibohf23spdlt)/cn=recipients/cn=f0ff087361a245daa16e71ac77ecc3f0-ivan costa;/o=exchangelabs/ou=exchange administrative group (fydibohf23spdlt)/cn=recipients/cn=user776b6484;</t>
  </si>
  <si>
    <t>Pain Point</t>
  </si>
  <si>
    <t>2. PAIN POINTS - Contextos, causas e consequências (cones).xlsb</t>
  </si>
  <si>
    <t>/o=exchangelabs/ou=exchange administrative group (fydibohf23spdlt)/cn=recipients/cn=2f25493a7e37433d8dafca90f527b173-danubia cri,/o=exchangelabs/ou=exchange administrative group (fydibohf23spdlt)/cn=recipients/cn=a75579a499254c2291e852b70c4d70d1-eunice apar,/o=exchangelabs/ou=exchange administrative group (fydibohf23spdlt)/cn=recipients/cn=f0ff087361a245daa16e71ac77ecc3f0-ivan costa,/o=exchangelabs/ou=exchange administrative group (fydibohf23spdlt)/cn=recipients/cn=user776b6484</t>
  </si>
  <si>
    <t>11/21/2019 10:08:36</t>
  </si>
  <si>
    <t>Preco_EstudoBackup.xlsb</t>
  </si>
  <si>
    <t>11/21/2019 10:11:01</t>
  </si>
  <si>
    <t>11/21/2019 10:13:28</t>
  </si>
  <si>
    <t>mail.google.com/_/upload?authuser=0&amp;dcp=asu-n&amp;upload_id=AEnB2UqyTVwG0b7tLYct1rwjixxQhui84HPj99JZXJGkcxRc7bI-wiln1ZodbWl7MQ9RMJ9VI7TP9dhhVqF5xGjH_aNIRz71XyAaDPt55x1CIYuaB16XAvo&amp;upload_protocol=resumable</t>
  </si>
  <si>
    <t>11/21/2019 10:11:02</t>
  </si>
  <si>
    <t>mail.google.com/_/upload?authuser=0&amp;dcp=asu-n&amp;upload_id=AEnB2Uo0keoV_KcEgs2R9L5BKrpD-crLUmzOv0AJZEGZaEz-VWk66-j37ppsL4gDq0GxNG2TgeEVZamzt48jg0wCrAXsHguGPg&amp;upload_protocol=resumable</t>
  </si>
  <si>
    <t>PMO - Capex_Longo Prazo_rev_A19M10_v21_11_vFinanceiro.xlsx</t>
  </si>
  <si>
    <t>11/21/2019 10:15:50</t>
  </si>
  <si>
    <t>11/21/2019 10:18:28</t>
  </si>
  <si>
    <t>11/21/2019 10:17:11</t>
  </si>
  <si>
    <t>11/21/2019 10:19:27</t>
  </si>
  <si>
    <t>daiane.alves@bradesco.com.br;</t>
  </si>
  <si>
    <t>TERCEIROS.xlsx</t>
  </si>
  <si>
    <t>daiane.alves@bradesco.com.br</t>
  </si>
  <si>
    <t>11/21/2019 10:18:41</t>
  </si>
  <si>
    <t>11/21/2019 10:20:28</t>
  </si>
  <si>
    <t>/o=exchangelabs/ou=exchange administrative group (fydibohf23spdlt)/cn=recipients/cn=34a28d636a1b4c86b1ec79baed4b846a-marco anton;/o=exchangelabs/ou=exchange administrative group (fydibohf23spdlt)/cn=recipients/cn=a29bc7a558654fa68b114fd35ed681d3-thiago iane;lcsantos@algartech.com;</t>
  </si>
  <si>
    <t>RES: [CEMAR] - FROTA</t>
  </si>
  <si>
    <t>193321_IBM_CEMAR_Field Service_v5.2_adapt_(BP_C017_B017) (correção dos Carros).xlsb</t>
  </si>
  <si>
    <t>/o=exchangelabs/ou=exchange administrative group (fydibohf23spdlt)/cn=recipients/cn=34a28d636a1b4c86b1ec79baed4b846a-marco anton,/o=exchangelabs/ou=exchange administrative group (fydibohf23spdlt)/cn=recipients/cn=a29bc7a558654fa68b114fd35ed681d3-thiago iane,lcsantos@algartech.com</t>
  </si>
  <si>
    <t>11/21/2019 10:18:44</t>
  </si>
  <si>
    <t>11/21/2019 10:21:27</t>
  </si>
  <si>
    <t>/o=exchangelabs/ou=exchange administrative group (fydibohf23spdlt)/cn=recipients/cn=54861e79125f48cc952d00cf8160b9a8-jeferson fe;/o=exchangelabs/ou=exchange administrative group (fydibohf23spdlt)/cn=recipients/cn=a72a765de829420582b78941417073ac-karina rodr;adriana.oliveira@avon.com;alexmarques.silva@avon.com;anderson.negrisoli@avon.com;edelvan.reginaldo@avon.com;patricia.guimaraes@avon.com;rosana.scalabrin@avon.com;</t>
  </si>
  <si>
    <t>/o=exchangelabs/ou=exchange administrative group (fydibohf23spdlt)/cn=recipients/cn=54861e79125f48cc952d00cf8160b9a8-jeferson fe,/o=exchangelabs/ou=exchange administrative group (fydibohf23spdlt)/cn=recipients/cn=a72a765de829420582b78941417073ac-karina rodr,adriana.oliveira@avon.com,alexmarques.silva@avon.com,anderson.negrisoli@avon.com,edelvan.reginaldo@avon.com,patricia.guimaraes@avon.com,rosana.scalabrin@avon.com</t>
  </si>
  <si>
    <t>11/21/2019 10:19:25</t>
  </si>
  <si>
    <t>11/21/2019 10:23:28</t>
  </si>
  <si>
    <t>/o=exchangelabs/ou=exchange administrative group (fydibohf23spdlt)/cn=recipients/cn=1daca61d51c344c48f057a73bd1b27e9-weber menez;/o=exchangelabs/ou=exchange administrative group (fydibohf23spdlt)/cn=recipients/cn=22b738aa496e46fba1c6bd2e25013af2-sarah teodo;/o=exchangelabs/ou=exchange administrative group (fydibohf23spdlt)/cn=recipients/cn=52f4e273f3784bf6ada79e90ba02f4dd-ana claudia;/o=exchangelabs/ou=exchange administrative group (fydibohf23spdlt)/cn=recipients/cn=680e7f6f03704b78bb3090809582164e-osvaldo bru;/o=exchangelabs/ou=exchange administrative group (fydibohf23spdlt)/cn=recipients/cn=f681a87682ec4eb3b3dfa2503f9869d3-filipe rese;/o=exchangelabs/ou=exchange administrative group (fydibohf23spdlt)/cn=recipients/cn=f878ae58590e41cbabba2fa1ee2ae905-izadora nas;</t>
  </si>
  <si>
    <t>RES: Aderência Dezembro/19</t>
  </si>
  <si>
    <t>12 - ADERENCIA HD - DEZEMBRO.xlsx</t>
  </si>
  <si>
    <t>/o=exchangelabs/ou=exchange administrative group (fydibohf23spdlt)/cn=recipients/cn=1daca61d51c344c48f057a73bd1b27e9-weber menez,/o=exchangelabs/ou=exchange administrative group (fydibohf23spdlt)/cn=recipients/cn=22b738aa496e46fba1c6bd2e25013af2-sarah teodo,/o=exchangelabs/ou=exchange administrative group (fydibohf23spdlt)/cn=recipients/cn=52f4e273f3784bf6ada79e90ba02f4dd-ana claudia,/o=exchangelabs/ou=exchange administrative group (fydibohf23spdlt)/cn=recipients/cn=680e7f6f03704b78bb3090809582164e-osvaldo bru,/o=exchangelabs/ou=exchange administrative group (fydibohf23spdlt)/cn=recipients/cn=f681a87682ec4eb3b3dfa2503f9869d3-filipe rese,/o=exchangelabs/ou=exchange administrative group (fydibohf23spdlt)/cn=recipients/cn=f878ae58590e41cbabba2fa1ee2ae905-izadora nas</t>
  </si>
  <si>
    <t>11/21/2019 10:24:57</t>
  </si>
  <si>
    <t>11/21/2019 10:30:27</t>
  </si>
  <si>
    <t>Indicadores comparativos.xlsx</t>
  </si>
  <si>
    <t>11/21/2019 10:26:53</t>
  </si>
  <si>
    <t>ENC: Indicadores comparativos.xlsx</t>
  </si>
  <si>
    <t>11/21/2019 10:30:42</t>
  </si>
  <si>
    <t>11/21/2019 10:36:29</t>
  </si>
  <si>
    <t>ENC: Levantamento de informações - RH Avon (até 21/11)</t>
  </si>
  <si>
    <t>Informações 3ºs 2019.xlsx</t>
  </si>
  <si>
    <t>11/21/2019 10:35:35</t>
  </si>
  <si>
    <t>11/21/2019 10:40:29</t>
  </si>
  <si>
    <t>c:\users\lucianassa\documents\</t>
  </si>
  <si>
    <t>cópia de formulário estacionamento luciana savi.xlsx</t>
  </si>
  <si>
    <t>11/21/2019 10:35:45</t>
  </si>
  <si>
    <t>cópia de ticket refeição e alimentação_2019 luciana.xls</t>
  </si>
  <si>
    <t>11/21/2019 10:39:54</t>
  </si>
  <si>
    <t>11/21/2019 10:45:29</t>
  </si>
  <si>
    <t>C:\Users\alessandroam\OneDrive\OneDrive - Grupo Algar\01 - Historico\32 - GP Projetos e Implatações\zzz_Bup_Projetos Rede 2017\Sala de Automators - Macros Algar\Emails - Documentações\RES Proposto sala Macros - LAYOUT .msg\s1\</t>
  </si>
  <si>
    <t>Sala Macros Algar Tech.xlsx</t>
  </si>
  <si>
    <t>11/21/2019 10:45:02</t>
  </si>
  <si>
    <t>11/21/2019 10:46:29</t>
  </si>
  <si>
    <t>mail.google.com/_/upload?authuser=0&amp;dcp=asu-n&amp;upload_id=AEnB2Ur9JZyVflKDboCFHhRdiFSfHcv1RE0lY12dcGlvGyxFwK-VAUvPQ1WYcWhsEDCg93Jo-YyZG7pMZNzbdbyCJ9p-I-4HFs3wT63XmwBMIwUqbDMbDOQ&amp;upload_protocol=resumable</t>
  </si>
  <si>
    <t>11/21/2019 10:42:44</t>
  </si>
  <si>
    <t>11/21/2019 10:47:28</t>
  </si>
  <si>
    <t>RES: Departamental EDP e Sicoob</t>
  </si>
  <si>
    <t>11/21/2019 10:46:23</t>
  </si>
  <si>
    <t>11/21/2019 10:50:28</t>
  </si>
  <si>
    <t>C:\Users\alessandroam\OneDrive\OneDrive - Grupo Algar\01 - Historico\02 - Seg Informação\02 - Entregas e Desafios\ENC Macros Bradesco - Sala Macro.msg\s138\</t>
  </si>
  <si>
    <t>C:\Users\alessandroam\OneDrive\OneDrive - Grupo Algar\01 - Historico\02 - Seg Informação\02 - Entregas e Desafios\ENC Macros Bradesco - Sala Macro.msg\s254\</t>
  </si>
  <si>
    <t>C:\Users\alessandroam\OneDrive\OneDrive - Grupo Algar\01 - Historico\02 - Seg Informação\02 - Entregas e Desafios\ENC Macros Bradesco - Sala Macro.msg\s359\</t>
  </si>
  <si>
    <t>C:\Users\alessandroam\OneDrive\OneDrive - Grupo Algar\01 - Historico\02 - Seg Informação\02 - Entregas e Desafios\ENC Macros Bradesco - Sala Macro.msg\s594\</t>
  </si>
  <si>
    <t>11/21/2019 10:46:25</t>
  </si>
  <si>
    <t>11/21/2019 10:49:46</t>
  </si>
  <si>
    <t>11/21/2019 10:53:29</t>
  </si>
  <si>
    <t>11/21/2019 10:54:55</t>
  </si>
  <si>
    <t>11/21/2019 10:57:29</t>
  </si>
  <si>
    <t>Apuração Comissão 3º TRI - Revisão</t>
  </si>
  <si>
    <t>ANTONIO CARLOS DE SOUZA.xlsx</t>
  </si>
  <si>
    <t>11/21/2019 11:00:02</t>
  </si>
  <si>
    <t>11/21/2019 11:02:28</t>
  </si>
  <si>
    <t>/o=exchangelabs/ou=exchange administrative group (fydibohf23spdlt)/cn=recipients/cn=5dc660c055e14f5ab5647ab38237cbdc-eduardo aug;/o=exchangelabs/ou=exchange administrative group (fydibohf23spdlt)/cn=recipients/cn=c29ec9dae022497281c840087cccddec-patricia ar;</t>
  </si>
  <si>
    <t>EDUARDO AUGUSTO BELLON.xlsx</t>
  </si>
  <si>
    <t>/o=exchangelabs/ou=exchange administrative group (fydibohf23spdlt)/cn=recipients/cn=5dc660c055e14f5ab5647ab38237cbdc-eduardo aug,/o=exchangelabs/ou=exchange administrative group (fydibohf23spdlt)/cn=recipients/cn=c29ec9dae022497281c840087cccddec-patricia ar</t>
  </si>
  <si>
    <t>11/21/2019 10:59:55</t>
  </si>
  <si>
    <t>11/21/2019 11:03:29</t>
  </si>
  <si>
    <t>ENC: Apresentação - Telecom</t>
  </si>
  <si>
    <t>Apresentação Telecom - Gerencial Outubro v2.pptx\</t>
  </si>
  <si>
    <t>11/21/2019 11:04:59</t>
  </si>
  <si>
    <t>11/21/2019 11:07:29</t>
  </si>
  <si>
    <t>lista de presença imprimir.xlsx</t>
  </si>
  <si>
    <t>11/21/2019 11:03:56</t>
  </si>
  <si>
    <t>BRUNO WANDERLEY PEREZ.xlsx</t>
  </si>
  <si>
    <t>11/21/2019 11:05:57</t>
  </si>
  <si>
    <t>11/21/2019 11:08:28</t>
  </si>
  <si>
    <t>juliana.seixas@caixaseguradora.com.br;</t>
  </si>
  <si>
    <t>juliana.seixas@caixaseguradora.com.br</t>
  </si>
  <si>
    <t>11/21/2019 11:11:29</t>
  </si>
  <si>
    <t>danieldom@algartech.com;ericacdosc@algartech.com;fredericobs@algartecnologia.com.br;gestaofinanceiracontratos@algartech.com;jullian.faria@algartech.com;lucianomf@algartech.com;polati@algartech.com;saramfg@algartech.com;silvio@algartech.com;vivianercu@algartech.com;</t>
  </si>
  <si>
    <t>Simulação orçamento 2020.xls</t>
  </si>
  <si>
    <t>danieldom@algartech.com,ericacdosc@algartech.com,fredericobs@algartecnologia.com.br,gestaofinanceiracontratos@algartech.com,jullian.faria@algartech.com,lucianomf@algartech.com,polati@algartech.com,saramfg@algartech.com,silvio@algartech.com,vivianercu@algartech.com</t>
  </si>
  <si>
    <t>11/21/2019 11:08:48</t>
  </si>
  <si>
    <t>11/21/2019 11:12:29</t>
  </si>
  <si>
    <t>GUSTAVO DE OLIVEIRA PATRÃO.xlsx</t>
  </si>
  <si>
    <t>11/21/2019 11:10:14</t>
  </si>
  <si>
    <t>11/21/2019 11:14:29</t>
  </si>
  <si>
    <t>Template_-_Prorrogacao_de_Titulos Leaseplan.xlsx</t>
  </si>
  <si>
    <t>11/21/2019 11:12:40</t>
  </si>
  <si>
    <t>11/21/2019 11:17:29</t>
  </si>
  <si>
    <t>/o=exchangelabs/ou=exchange administrative group (fydibohf23spdlt)/cn=recipients/cn=92f840270c3143f3a4d11a96cbe1c928-marcela car;/o=exchangelabs/ou=exchange administrative group (fydibohf23spdlt)/cn=recipients/cn=c29ec9dae022497281c840087cccddec-patricia ar;</t>
  </si>
  <si>
    <t>MARCELA CAROLINA PEREIRA.xlsx</t>
  </si>
  <si>
    <t>/o=exchangelabs/ou=exchange administrative group (fydibohf23spdlt)/cn=recipients/cn=92f840270c3143f3a4d11a96cbe1c928-marcela car,/o=exchangelabs/ou=exchange administrative group (fydibohf23spdlt)/cn=recipients/cn=c29ec9dae022497281c840087cccddec-patricia ar</t>
  </si>
  <si>
    <t>11/21/2019 11:15:44</t>
  </si>
  <si>
    <t>SILVIO MARTINS REIS.xlsx</t>
  </si>
  <si>
    <t>11/21/2019 11:16:50</t>
  </si>
  <si>
    <t>11/21/2019 11:19:29</t>
  </si>
  <si>
    <t>mail.google.com/_/upload?authuser=1&amp;dcp=asu-n&amp;upload_id=AEnB2Ur6RJ38WuhULRTKo5LvOQYogBdkzlNoxoQ-ZJWbFHmIyx7XB01KxWOsb7oDjO-o65gByGu-du71kRj4QnFL_Btdz4SIzA&amp;upload_protocol=resumable</t>
  </si>
  <si>
    <t>\\acsfs\deptos\CEI - Coordenação de Engenharia e Infraestrutura\CEI – Manutenção\48 - PCM\Manutenção\10. Controle\</t>
  </si>
  <si>
    <t>PREVENTIVAS - 2019.xlsm</t>
  </si>
  <si>
    <t>11/21/2019 11:16:51</t>
  </si>
  <si>
    <t>mail.google.com/_/upload?authuser=1&amp;dcp=asu-n&amp;upload_id=AEnB2UpmTi0yhI9NgGrSIHyijvLOrWvH8sv5nArcfWNftmMzQ_gNSKaTtb5eL8mElYn7g-Fd9grDnUQJQsn42zLSX5FVlEP-kcrkdlmp_3Z6sFWq1K2hixk&amp;upload_protocol=resumable</t>
  </si>
  <si>
    <t>PREVENTIVAS - 2020.xlsm</t>
  </si>
  <si>
    <t>11/21/2019 11:17:31</t>
  </si>
  <si>
    <t>11/21/2019 11:20:28</t>
  </si>
  <si>
    <t>/o=exchangelabs/ou=exchange administrative group (fydibohf23spdlt)/cn=recipients/cn=1635ed1077024674b65c52767dacde9a-jullian pac;/o=exchangelabs/ou=exchange administrative group (fydibohf23spdlt)/cn=recipients/cn=249f643ba1e044588b45a020c76dadde-daniel de o;/o=exchangelabs/ou=exchange administrative group (fydibohf23spdlt)/cn=recipients/cn=2efe26bca22a43cc89c6ed48ba5e50b4-luciano cor;/o=exchangelabs/ou=exchange administrative group (fydibohf23spdlt)/cn=recipients/cn=8c89829ad534498fa4c85b5ac11174f1-suelen more;/o=exchangelabs/ou=exchange administrative group (fydibohf23spdlt)/cn=recipients/cn=b194f014572c4c36b52132f9199df1aa-jairo junio;/o=exchangelabs/ou=exchange administrative group (fydibohf23spdlt)/cn=recipients/cn=cd93dacc38404a95a829585c2e317a9f-dionizio ri;</t>
  </si>
  <si>
    <t>RES: RFP Bradesco Service Desk - GAT</t>
  </si>
  <si>
    <t>Planilha comercial de cotação (CENÁRIO 2 RFP) - Processo 40143349H Algar Tech_v3.xlsx</t>
  </si>
  <si>
    <t>/o=exchangelabs/ou=exchange administrative group (fydibohf23spdlt)/cn=recipients/cn=1635ed1077024674b65c52767dacde9a-jullian pac,/o=exchangelabs/ou=exchange administrative group (fydibohf23spdlt)/cn=recipients/cn=249f643ba1e044588b45a020c76dadde-daniel de o,/o=exchangelabs/ou=exchange administrative group (fydibohf23spdlt)/cn=recipients/cn=2efe26bca22a43cc89c6ed48ba5e50b4-luciano cor,/o=exchangelabs/ou=exchange administrative group (fydibohf23spdlt)/cn=recipients/cn=8c89829ad534498fa4c85b5ac11174f1-suelen more,/o=exchangelabs/ou=exchange administrative group (fydibohf23spdlt)/cn=recipients/cn=b194f014572c4c36b52132f9199df1aa-jairo junio,/o=exchangelabs/ou=exchange administrative group (fydibohf23spdlt)/cn=recipients/cn=cd93dacc38404a95a829585c2e317a9f-dionizio ri</t>
  </si>
  <si>
    <t>11/21/2019 11:19:56</t>
  </si>
  <si>
    <t>11/21/2019 11:22:28</t>
  </si>
  <si>
    <t>/o=exchangelabs/ou=exchange administrative group (fydibohf23spdlt)/cn=recipients/cn=71d61cf74988455d8586a88b31233851-pablo mathe;/o=exchangelabs/ou=exchange administrative group (fydibohf23spdlt)/cn=recipients/cn=98317c61309146baaae737fd3a6c03f2-kamila da s;/o=exchangelabs/ou=exchange administrative group (fydibohf23spdlt)/cn=recipients/cn=d05fd9144bc0407496937c19109e2ce7-jefferson r;/o=exchangelabs/ou=exchange administrative group (fydibohf23spdlt)/cn=recipients/cn=dd337141664f45e6bdf5a0b2e5156fba-gisele de m;patriciaf@algartech.com;</t>
  </si>
  <si>
    <t>Ocorrências de 01 a 19/11</t>
  </si>
  <si>
    <t>Ocorrência01a1911.xlsm</t>
  </si>
  <si>
    <t>/o=exchangelabs/ou=exchange administrative group (fydibohf23spdlt)/cn=recipients/cn=71d61cf74988455d8586a88b31233851-pablo mathe,/o=exchangelabs/ou=exchange administrative group (fydibohf23spdlt)/cn=recipients/cn=98317c61309146baaae737fd3a6c03f2-kamila da s,/o=exchangelabs/ou=exchange administrative group (fydibohf23spdlt)/cn=recipients/cn=d05fd9144bc0407496937c19109e2ce7-jefferson r,/o=exchangelabs/ou=exchange administrative group (fydibohf23spdlt)/cn=recipients/cn=dd337141664f45e6bdf5a0b2e5156fba-gisele de m,patriciaf@algartech.com</t>
  </si>
  <si>
    <t>11/21/2019 11:18:04</t>
  </si>
  <si>
    <t>/o=exchangelabs/ou=exchange administrative group (fydibohf23spdlt)/cn=recipients/cn=8e4869266a924042a8d9b8e9156c0081-gilson da s;/o=exchangelabs/ou=exchange administrative group (fydibohf23spdlt)/cn=recipients/cn=c29ec9dae022497281c840087cccddec-patricia ar;</t>
  </si>
  <si>
    <t>GILSON DA SILVA JUNIOR.xlsx</t>
  </si>
  <si>
    <t>/o=exchangelabs/ou=exchange administrative group (fydibohf23spdlt)/cn=recipients/cn=8e4869266a924042a8d9b8e9156c0081-gilson da s,/o=exchangelabs/ou=exchange administrative group (fydibohf23spdlt)/cn=recipients/cn=c29ec9dae022497281c840087cccddec-patricia ar</t>
  </si>
  <si>
    <t>11/21/2019 11:22:04</t>
  </si>
  <si>
    <t>11/21/2019 11:23:29</t>
  </si>
  <si>
    <t>11/21/2019 11:22:39</t>
  </si>
  <si>
    <t>11/21/2019 11:26:28</t>
  </si>
  <si>
    <t>10.203.30.126</t>
  </si>
  <si>
    <t>2019_11_Gerencial_Qualidade_Televendas.xlsx</t>
  </si>
  <si>
    <t>2019_11_Gerencial_Qualidade_Canal_Digital.xlsx</t>
  </si>
  <si>
    <t>11/21/2019 11:24:36</t>
  </si>
  <si>
    <t>mail.google.com/_/upload?authuser=0&amp;dcp=asu-n&amp;upload_id=AEnB2UpfTlAzcMLC7EnpYHtYkTLQ6ePw0mH6LPpR-_1ItD3N72R_h3PTDwwy98fAKMhqqMxeU9_jj2WXVhJTeeuj1L59hAoyI42giqTbkdSLTdnZdBdygEw&amp;upload_protocol=resumable</t>
  </si>
  <si>
    <t>Atividades-ANF31 - BH_20_11_19 (1) (6) eduarda.xlsx</t>
  </si>
  <si>
    <t>11/21/2019 11:23:35</t>
  </si>
  <si>
    <t>11/21/2019 11:28:28</t>
  </si>
  <si>
    <t>Produtividade RAF - NOV-2019 - Parcial - 19-11-19.xlsm</t>
  </si>
  <si>
    <t>11/21/2019 11:29:41</t>
  </si>
  <si>
    <t>11/21/2019 11:32:28</t>
  </si>
  <si>
    <t>ALEXANDRE FRIAS.xlsx</t>
  </si>
  <si>
    <t>11/21/2019 11:31:09</t>
  </si>
  <si>
    <t>RES: Apuração Comissão 3º TRI - Revisão</t>
  </si>
  <si>
    <t>11/21/2019 11:30:52</t>
  </si>
  <si>
    <t>/o=exchangelabs/ou=exchange administrative group (fydibohf23spdlt)/cn=recipients/cn=06bada3068dd45e883089918084c1c28-gabriel cae;/o=exchangelabs/ou=exchange administrative group (fydibohf23spdlt)/cn=recipients/cn=30ee93c8ac3a402b98626eb34ed24781-lara lorran;</t>
  </si>
  <si>
    <t>ENC: Gerencial Qualidade Televendas Novembro/19</t>
  </si>
  <si>
    <t>/o=exchangelabs/ou=exchange administrative group (fydibohf23spdlt)/cn=recipients/cn=06bada3068dd45e883089918084c1c28-gabriel cae,/o=exchangelabs/ou=exchange administrative group (fydibohf23spdlt)/cn=recipients/cn=30ee93c8ac3a402b98626eb34ed24781-lara lorran</t>
  </si>
  <si>
    <t>11/21/2019 11:35:16</t>
  </si>
  <si>
    <t>11/21/2019 11:35:29</t>
  </si>
  <si>
    <t>Preco_217471_CloneL001PPENTH_V1 - Copia.xlsb</t>
  </si>
  <si>
    <t>11/21/2019 11:31:46</t>
  </si>
  <si>
    <t>11/21/2019 11:36:28</t>
  </si>
  <si>
    <t>2019_11_Gerencial_Qualidade_Retenção.xlsx</t>
  </si>
  <si>
    <t>11/21/2019 11:34:53</t>
  </si>
  <si>
    <t>11/21/2019 11:39:28</t>
  </si>
  <si>
    <t>https://caey.fa.us2.oraclecloud.com/crmui/faces/fuseoverview?_adf.ctrl-state=ic6go8hvz_5&amp;fnd=;;;;false;256;;;&amp;fndglobalitemnodeid=moo_opptymgmtopportunities_crm_card</t>
  </si>
  <si>
    <t>02 - Rates - Credivalores - SP .NET - 20191118- V0.xlsm</t>
  </si>
  <si>
    <t>Cuadro de CREDIVALORES - DESARROLLADOR SR.xlsx</t>
  </si>
  <si>
    <t>11/21/2019 11:41:40</t>
  </si>
  <si>
    <t>11/21/2019 11:43:28</t>
  </si>
  <si>
    <t>11/21/2019 11:40:12</t>
  </si>
  <si>
    <t>ENC: 21_11_2019 - Relatório Pipeline - Hunter</t>
  </si>
  <si>
    <t>Relatório Pipeline_Raul_ 2019_11_21.xlsx</t>
  </si>
  <si>
    <t>11/21/2019 11:41:03</t>
  </si>
  <si>
    <t>21_11_2019 - Relatório Pipeline</t>
  </si>
  <si>
    <t>Relatório Pipeline_Afonso_ 19_11_21.xlsx</t>
  </si>
  <si>
    <t>11/21/2019 11:40:07</t>
  </si>
  <si>
    <t>11/21/2019 11:44:29</t>
  </si>
  <si>
    <t>02 - Rates - Computacenter - OnSite Support - V0.xlsm</t>
  </si>
  <si>
    <t>11/21/2019 11:41:29</t>
  </si>
  <si>
    <t>11/21/2019 11:45:28</t>
  </si>
  <si>
    <t>Preco_217471_CloneL001PPENTH_V2.xlsb</t>
  </si>
  <si>
    <t>11/21/2019 11:41:17</t>
  </si>
  <si>
    <t>11/21/2019 11:46:29</t>
  </si>
  <si>
    <t>RES: 2º Negociação (Preço meta / Target) - Processo 40143349H - Service Desk Cartões - Algartech</t>
  </si>
  <si>
    <t>Planilha comercial de cotação (CENÁRIO 1 RFP) - Processo 40143349H Algar Tech_v3.xlsx</t>
  </si>
  <si>
    <t>11/21/2019 11:45:45</t>
  </si>
  <si>
    <t>11/21/2019 11:47:28</t>
  </si>
  <si>
    <t>/o=exchangelabs/ou=exchange administrative group (fydibohf23spdlt)/cn=recipients/cn=2c78a4eeb6094d32b8959b52525ffb44-mayara ribe;/o=exchangelabs/ou=exchange administrative group (fydibohf23spdlt)/cn=recipients/cn=5694f7d2b5fa4976af2d1dc576e3b544-louany barb;</t>
  </si>
  <si>
    <t>ENC: Gerencial Qualidade Retenção Novembro/19</t>
  </si>
  <si>
    <t>/o=exchangelabs/ou=exchange administrative group (fydibohf23spdlt)/cn=recipients/cn=2c78a4eeb6094d32b8959b52525ffb44-mayara ribe,/o=exchangelabs/ou=exchange administrative group (fydibohf23spdlt)/cn=recipients/cn=5694f7d2b5fa4976af2d1dc576e3b544-louany barb</t>
  </si>
  <si>
    <t>11/21/2019 11:43:58</t>
  </si>
  <si>
    <t>11/21/2019 11:48:29</t>
  </si>
  <si>
    <t>/o=exchangelabs/ou=exchange administrative group (fydibohf23spdlt)/cn=recipients/cn=0ca6cc8d100949a7866a928f62ef5778-rosilene de;/o=exchangelabs/ou=exchange administrative group (fydibohf23spdlt)/cn=recipients/cn=2b2fb8df84f84951b6d53454b4b3e8b3-izadora may;/o=exchangelabs/ou=exchange administrative group (fydibohf23spdlt)/cn=recipients/cn=c22b2d8de1594760baec681322c0933f-fernanda ma;</t>
  </si>
  <si>
    <t>RES: Relatórios Ecohouse ----Ro me envie o arquivo</t>
  </si>
  <si>
    <t>/o=exchangelabs/ou=exchange administrative group (fydibohf23spdlt)/cn=recipients/cn=0ca6cc8d100949a7866a928f62ef5778-rosilene de,/o=exchangelabs/ou=exchange administrative group (fydibohf23spdlt)/cn=recipients/cn=2b2fb8df84f84951b6d53454b4b3e8b3-izadora may,/o=exchangelabs/ou=exchange administrative group (fydibohf23spdlt)/cn=recipients/cn=c22b2d8de1594760baec681322c0933f-fernanda ma</t>
  </si>
  <si>
    <t>11/21/2019 11:45:16</t>
  </si>
  <si>
    <t>11/21/2019 11:50:29</t>
  </si>
  <si>
    <t>/o=exchangelabs/ou=exchange administrative group (fydibohf23spdlt)/cn=recipients/cn=a4d4dbc88c434f8ba2bceed730d83878-marcellus r;/o=exchangelabs/ou=exchange administrative group (fydibohf23spdlt)/cn=recipients/cn=c5057601f2364b0db7ea84dbec10baa4-matheus mor;</t>
  </si>
  <si>
    <t>ENC: Saldo de Créditos Tributários LATAM Até Outubro/19</t>
  </si>
  <si>
    <t>Acompanhamento creditos LATAM - ate Outubro-19.xlsb</t>
  </si>
  <si>
    <t>/o=exchangelabs/ou=exchange administrative group (fydibohf23spdlt)/cn=recipients/cn=a4d4dbc88c434f8ba2bceed730d83878-marcellus r,/o=exchangelabs/ou=exchange administrative group (fydibohf23spdlt)/cn=recipients/cn=c5057601f2364b0db7ea84dbec10baa4-matheus mor</t>
  </si>
  <si>
    <t>11/21/2019 11:47:37</t>
  </si>
  <si>
    <t>11/21/2019 11:51:29</t>
  </si>
  <si>
    <t>OS_Ag_Aprovacao (26).xlsb</t>
  </si>
  <si>
    <t>11/21/2019 11:50:03</t>
  </si>
  <si>
    <t>11/21/2019 11:55:29</t>
  </si>
  <si>
    <t>/o=exchangelabs/ou=exchange administrative group (fydibohf23spdlt)/cn=recipients/cn=c29ec9dae022497281c840087cccddec-patricia ar;ligiamss@algartech.com;</t>
  </si>
  <si>
    <t>ENC: Dashboard Tribo Atendimento - Squad FC</t>
  </si>
  <si>
    <t>/o=exchangelabs/ou=exchange administrative group (fydibohf23spdlt)/cn=recipients/cn=c29ec9dae022497281c840087cccddec-patricia ar,ligiamss@algartech.com</t>
  </si>
  <si>
    <t>11/21/2019 11:50:25</t>
  </si>
  <si>
    <t>11/21/2019 11:53:35</t>
  </si>
  <si>
    <t>mail.google.com/_/upload?authuser=0&amp;dcp=asu-n&amp;upload_id=AEnB2UpB0xWbkIyZjZBIK4unf_-fDp2VyF3C3zQHueP9qtSijq4pq3hyaUneTwdk9nlk8xIBDVP3YGRWKToG8Yji0rQLTqkxFA&amp;upload_protocol=resumable</t>
  </si>
  <si>
    <t>andersonrf@algartech.com;guilhermeaso@algartech.com;marceloat@algartech.com;</t>
  </si>
  <si>
    <t>C:\Users\daniloasb\Desktop\Projetos Documentos\Bloqueio MP3\</t>
  </si>
  <si>
    <t>Lista Final.xlsx</t>
  </si>
  <si>
    <t>andersonrf@algartech.com,guilhermeaso@algartech.com,marceloat@algartech.com</t>
  </si>
  <si>
    <t>11/21/2019 11:52:38</t>
  </si>
  <si>
    <t>11/21/2019 11:56:28</t>
  </si>
  <si>
    <t>Chamados 21-11</t>
  </si>
  <si>
    <t>Chamados 21-11.xlsx</t>
  </si>
  <si>
    <t>11/21/2019 11:56:40</t>
  </si>
  <si>
    <t>11/21/2019 12:02:29</t>
  </si>
  <si>
    <t>11/21/2019 12:03:07</t>
  </si>
  <si>
    <t>11/21/2019 12:07:29</t>
  </si>
  <si>
    <t>NPS</t>
  </si>
  <si>
    <t>NPS.xlsx</t>
  </si>
  <si>
    <t>11/21/2019 12:12:32</t>
  </si>
  <si>
    <t>11/21/2019 12:15:29</t>
  </si>
  <si>
    <t>/o=exchangelabs/ou=exchange administrative group (fydibohf23spdlt)/cn=recipients/cn=56c2af2d07fd48c0aebfc00ddc006494-alessio rod;/o=exchangelabs/ou=exchange administrative group (fydibohf23spdlt)/cn=recipients/cn=c29ec9dae022497281c840087cccddec-patricia ar;ligiamss@algartech.com;</t>
  </si>
  <si>
    <t>EBIT Qlikview.xls</t>
  </si>
  <si>
    <t>/o=exchangelabs/ou=exchange administrative group (fydibohf23spdlt)/cn=recipients/cn=56c2af2d07fd48c0aebfc00ddc006494-alessio rod,/o=exchangelabs/ou=exchange administrative group (fydibohf23spdlt)/cn=recipients/cn=c29ec9dae022497281c840087cccddec-patricia ar,ligiamss@algartech.com</t>
  </si>
  <si>
    <t>11/21/2019 12:17:14</t>
  </si>
  <si>
    <t>11/21/2019 12:18:29</t>
  </si>
  <si>
    <t>21_11_2019 - Relatório Pipeline - Key Account</t>
  </si>
  <si>
    <t>Relatório Pipeline_Dionizio_19_11_21.xlsx</t>
  </si>
  <si>
    <t>11/21/2019 12:27:30</t>
  </si>
  <si>
    <t>11/21/2019 12:32:29</t>
  </si>
  <si>
    <t>/o=exchangelabs/ou=exchange administrative group (fydibohf23spdlt)/cn=recipients/cn=353ae92739f249c9a329d1d6d0ef1590-gabriela na;/o=exchangelabs/ou=exchange administrative group (fydibohf23spdlt)/cn=recipients/cn=d05fd9144bc0407496937c19109e2ce7-jefferson r;/o=exchangelabs/ou=exchange administrative group (fydibohf23spdlt)/cn=recipients/cn=ed6bb6ee1b894168a84c8921a98ffacc-elewde albu;</t>
  </si>
  <si>
    <t>/o=exchangelabs/ou=exchange administrative group (fydibohf23spdlt)/cn=recipients/cn=353ae92739f249c9a329d1d6d0ef1590-gabriela na,/o=exchangelabs/ou=exchange administrative group (fydibohf23spdlt)/cn=recipients/cn=d05fd9144bc0407496937c19109e2ce7-jefferson r,/o=exchangelabs/ou=exchange administrative group (fydibohf23spdlt)/cn=recipients/cn=ed6bb6ee1b894168a84c8921a98ffacc-elewde albu</t>
  </si>
  <si>
    <t>11/21/2019 12:34:56</t>
  </si>
  <si>
    <t>11/21/2019 12:39:28</t>
  </si>
  <si>
    <t>mail.google.com/_/upload?authuser=1&amp;dcp=asu-n&amp;upload_id=AEnB2UrtBtISTeOKst1H2DHq1nvUAp9Csa--1FMijyU4O15F6_JBNe5G-R-YfYjvq4thnQsc4VlAhJmBkF0dn9mqy03jB2roEsYJzZOz0nwxK9A8CWC1HVc&amp;upload_protocol=resumable</t>
  </si>
  <si>
    <t>11/21/2019 12:49:53</t>
  </si>
  <si>
    <t>11/21/2019 12:54:28</t>
  </si>
  <si>
    <t>carlosasr</t>
  </si>
  <si>
    <t>Carlos Alberto Souza Rodrigues</t>
  </si>
  <si>
    <t>Projeção IBI</t>
  </si>
  <si>
    <t>Novembro- 21.11.xlsx</t>
  </si>
  <si>
    <t>11/21/2019 12:55:47</t>
  </si>
  <si>
    <t>11/21/2019 13:00:29</t>
  </si>
  <si>
    <t>mail.google.com/_/upload?authuser=0&amp;dcp=asu-n&amp;upload_id=AEnB2UoEmtrKbQ7krqKEDYt_SusyUPSDhvmF7vuj5HUlXJDLJLJuXpm7p3t0JCSRfjBJ0AmTWilhYRB0R3-qWtVy4xi9z2mPLyM8gmuzPb58sDQtm4u7Gpw&amp;upload_protocol=resumable</t>
  </si>
  <si>
    <t>\\acsfs\DEPTOS\PMO Governança\06 - GOVERNANÇA DO CAPEX\CAPEX LONGO PRAZO\CAPEX LP - REVISÃO_A19_M10\VALIDAÇÃO CAPEX LP 20 a 24 - alteração Nimbus_21_11_vFinanceiro.pptx\</t>
  </si>
  <si>
    <t>11/21/2019 13:29:05</t>
  </si>
  <si>
    <t>11/21/2019 13:33:28</t>
  </si>
  <si>
    <t>/o=exchangelabs/ou=exchange administrative group (fydibohf23spdlt)/cn=recipients/cn=027c2da1ea5a42378a892f895ed29947-andressa tu;/o=exchangelabs/ou=exchange administrative group (fydibohf23spdlt)/cn=recipients/cn=857b2b6b70d84d3b9947cf5422f304c2-leonardo de;/o=exchangelabs/ou=exchange administrative group (fydibohf23spdlt)/cn=recipients/cn=b16974d7de334bfabfe3dee1e8e47e59-sherley cri;/o=exchangelabs/ou=exchange administrative group (fydibohf23spdlt)/cn=recipients/cn=de9f854a14d9435dad27cd6ba8926e87-cinthia mot;/o=exchangelabs/ou=exchange administrative group (fydibohf23spdlt)/cn=recipients/cn=renato bruno ribeiro lopes - 004319;/o=exchangelabs/ou=exchange administrative group (fydibohf23spdlt)/cn=recipients/cn=valeria de mello lima;</t>
  </si>
  <si>
    <t>ENC: NPS - Visitas Comerciais - Chamado ID 285384</t>
  </si>
  <si>
    <t>LISTA DE AASSOCIADOS.CONSULTORES.xlsx</t>
  </si>
  <si>
    <t>/o=exchangelabs/ou=exchange administrative group (fydibohf23spdlt)/cn=recipients/cn=027c2da1ea5a42378a892f895ed29947-andressa tu,/o=exchangelabs/ou=exchange administrative group (fydibohf23spdlt)/cn=recipients/cn=857b2b6b70d84d3b9947cf5422f304c2-leonardo de,/o=exchangelabs/ou=exchange administrative group (fydibohf23spdlt)/cn=recipients/cn=b16974d7de334bfabfe3dee1e8e47e59-sherley cri,/o=exchangelabs/ou=exchange administrative group (fydibohf23spdlt)/cn=recipients/cn=de9f854a14d9435dad27cd6ba8926e87-cinthia mot,/o=exchangelabs/ou=exchange administrative group (fydibohf23spdlt)/cn=recipients/cn=renato bruno ribeiro lopes - 004319,/o=exchangelabs/ou=exchange administrative group (fydibohf23spdlt)/cn=recipients/cn=valeria de mello lima</t>
  </si>
  <si>
    <t>11/21/2019 13:34:10</t>
  </si>
  <si>
    <t>11/21/2019 13:36:29</t>
  </si>
  <si>
    <t>ORÇAMENTOS-EXECUTADOS 10-09-19 A 10-11-19 ALGAR.xlsx</t>
  </si>
  <si>
    <t>11/21/2019 13:35:07</t>
  </si>
  <si>
    <t>11/21/2019 13:38:29</t>
  </si>
  <si>
    <t>11/21/2019 13:44:22</t>
  </si>
  <si>
    <t>11/21/2019 13:47:29</t>
  </si>
  <si>
    <t>/o=exchangelabs/ou=exchange administrative group (fydibohf23spdlt)/cn=recipients/cn=18106b2c2b164f0f859ac301d85fc885-luis carlos;/o=exchangelabs/ou=exchange administrative group (fydibohf23spdlt)/cn=recipients/cn=d05fd9144bc0407496937c19109e2ce7-jefferson r;/o=exchangelabs/ou=exchange administrative group (fydibohf23spdlt)/cn=recipients/cn=f5bb53a4a85c4ce39a65b0374869bdc7-diego vieir;</t>
  </si>
  <si>
    <t>ENC: Validação de horas extras</t>
  </si>
  <si>
    <t>Outubro BASE_HE_028_029_033_OUTUBRO_01A31.10.2019_GESTOR (1).xlsm</t>
  </si>
  <si>
    <t>/o=exchangelabs/ou=exchange administrative group (fydibohf23spdlt)/cn=recipients/cn=18106b2c2b164f0f859ac301d85fc885-luis carlos,/o=exchangelabs/ou=exchange administrative group (fydibohf23spdlt)/cn=recipients/cn=d05fd9144bc0407496937c19109e2ce7-jefferson r,/o=exchangelabs/ou=exchange administrative group (fydibohf23spdlt)/cn=recipients/cn=f5bb53a4a85c4ce39a65b0374869bdc7-diego vieir</t>
  </si>
  <si>
    <t>11/21/2019 13:45:46</t>
  </si>
  <si>
    <t>11/21/2019 13:48:29</t>
  </si>
  <si>
    <t>ENC: NPS - Visitas Comerciais - Chamado ID 285384 - Cancelar</t>
  </si>
  <si>
    <t>Atividades em empresas v2 (1).xlsx</t>
  </si>
  <si>
    <t>11/21/2019 13:48:09</t>
  </si>
  <si>
    <t>11/21/2019 13:49:28</t>
  </si>
  <si>
    <t>11/21/2019 13:50:13</t>
  </si>
  <si>
    <t>11/21/2019 13:52:29</t>
  </si>
  <si>
    <t>/o=exchangelabs/ou=exchange administrative group (fydibohf23spdlt)/cn=recipients/cn=ee443929f1b6407999ee7912624fe54f-sostenes co;</t>
  </si>
  <si>
    <t>ENC: Escala Treinamento Retenção Erros Operacionais</t>
  </si>
  <si>
    <t>Escala de Treinamento Retenção - Erros Operacionais.xlsx</t>
  </si>
  <si>
    <t>/o=exchangelabs/ou=exchange administrative group (fydibohf23spdlt)/cn=recipients/cn=ee443929f1b6407999ee7912624fe54f-sostenes co</t>
  </si>
  <si>
    <t>11/21/2019 13:51:17</t>
  </si>
  <si>
    <t>11/21/2019 13:54:29</t>
  </si>
  <si>
    <t>/o=exchangelabs/ou=exchange administrative group (fydibohf23spdlt)/cn=recipients/cn=1a891a11d41b4f2490d38c4920393403-hernan edua;/o=exchangelabs/ou=exchange administrative group (fydibohf23spdlt)/cn=recipients/cn=31530e847059489c86826d7f6601733b-yuly alejan;/o=exchangelabs/ou=exchange administrative group (fydibohf23spdlt)/cn=recipients/cn=372a4aee70df4061aed129651510b96b-raul montei;/o=exchangelabs/ou=exchange administrative group (fydibohf23spdlt)/cn=recipients/cn=3bdfcd7a3ede48d981b85e898ea82c77-pedro alfon;/o=exchangelabs/ou=exchange administrative group (fydibohf23spdlt)/cn=recipients/cn=88cfe72c15cd402bb9c857655af0f1c2-mauricio mo;/o=exchangelabs/ou=exchange administrative group (fydibohf23spdlt)/cn=recipients/cn=dc2c5efff31d437e832479c059a1cb66-gonzalo art;/o=exchangelabs/ou=exchange administrative group (fydibohf23spdlt)/cn=recipients/cn=f7ce32d4dd56453fa44b9dcb07f56da4-daniela alv;</t>
  </si>
  <si>
    <t>Pipeline Colômbia</t>
  </si>
  <si>
    <t>Pipeline Detalhado Colombia 2019_11_21.xlsx</t>
  </si>
  <si>
    <t>/o=exchangelabs/ou=exchange administrative group (fydibohf23spdlt)/cn=recipients/cn=1a891a11d41b4f2490d38c4920393403-hernan edua,/o=exchangelabs/ou=exchange administrative group (fydibohf23spdlt)/cn=recipients/cn=31530e847059489c86826d7f6601733b-yuly alejan,/o=exchangelabs/ou=exchange administrative group (fydibohf23spdlt)/cn=recipients/cn=372a4aee70df4061aed129651510b96b-raul montei,/o=exchangelabs/ou=exchange administrative group (fydibohf23spdlt)/cn=recipients/cn=3bdfcd7a3ede48d981b85e898ea82c77-pedro alfon,/o=exchangelabs/ou=exchange administrative group (fydibohf23spdlt)/cn=recipients/cn=88cfe72c15cd402bb9c857655af0f1c2-mauricio mo,/o=exchangelabs/ou=exchange administrative group (fydibohf23spdlt)/cn=recipients/cn=dc2c5efff31d437e832479c059a1cb66-gonzalo art,/o=exchangelabs/ou=exchange administrative group (fydibohf23spdlt)/cn=recipients/cn=f7ce32d4dd56453fa44b9dcb07f56da4-daniela alv</t>
  </si>
  <si>
    <t>11/21/2019 13:53:39</t>
  </si>
  <si>
    <t>Pipeline México</t>
  </si>
  <si>
    <t>Pipeline Detalhado Mexico 2019_11_21.xlsx</t>
  </si>
  <si>
    <t>11/21/2019 13:52:38</t>
  </si>
  <si>
    <t>/o=exchangelabs/ou=exchange administrative group (fydibohf23spdlt)/cn=recipients/cn=835c532cfb2546d29b9ec50eab1593d1-carla betan;/o=exchangelabs/ou=exchange administrative group (fydibohf23spdlt)/cn=recipients/cn=c6f5c50e91244036872327464dc6624a-cinthia mar;/o=exchangelabs/ou=exchange administrative group (fydibohf23spdlt)/cn=recipients/cn=ed2578a7fad746b59b0f586e2ee82bbd-heliel de f;</t>
  </si>
  <si>
    <t>Rateio EBIT 2020</t>
  </si>
  <si>
    <t>Rateio Ebit_Cinthia.xls</t>
  </si>
  <si>
    <t>/o=exchangelabs/ou=exchange administrative group (fydibohf23spdlt)/cn=recipients/cn=835c532cfb2546d29b9ec50eab1593d1-carla betan,/o=exchangelabs/ou=exchange administrative group (fydibohf23spdlt)/cn=recipients/cn=c6f5c50e91244036872327464dc6624a-cinthia mar,/o=exchangelabs/ou=exchange administrative group (fydibohf23spdlt)/cn=recipients/cn=ed2578a7fad746b59b0f586e2ee82bbd-heliel de f</t>
  </si>
  <si>
    <t>11/21/2019 13:56:58</t>
  </si>
  <si>
    <t>11/21/2019 13:59:28</t>
  </si>
  <si>
    <t>10.200.57.80</t>
  </si>
  <si>
    <t>ENC: Calculo de horas Extras</t>
  </si>
  <si>
    <t>11/21/2019 13:57:51</t>
  </si>
  <si>
    <t>11/21/2019 14:02:29</t>
  </si>
  <si>
    <t>Status projeto CIMI - 20/11</t>
  </si>
  <si>
    <t>11/21/2019 13:59:38</t>
  </si>
  <si>
    <t>11/21/2019 14:04:29</t>
  </si>
  <si>
    <t>/o=exchangelabs/ou=exchange administrative group (fydibohf23spdlt)/cn=recipients/cn=d2c2c8150e204f7790f9c21d1df1eff0-jorge allan;/o=exchangelabs/ou=exchange administrative group (fydibohf23spdlt)/cn=recipients/cn=ec75236071b94f8daccab087f036e1c7-maria guada;</t>
  </si>
  <si>
    <t>RES: Solicitación de usuário Fusion</t>
  </si>
  <si>
    <t>/o=exchangelabs/ou=exchange administrative group (fydibohf23spdlt)/cn=recipients/cn=d2c2c8150e204f7790f9c21d1df1eff0-jorge allan,/o=exchangelabs/ou=exchange administrative group (fydibohf23spdlt)/cn=recipients/cn=ec75236071b94f8daccab087f036e1c7-maria guada</t>
  </si>
  <si>
    <t>11/21/2019 12:09:52</t>
  </si>
  <si>
    <t>11/21/2019 14:10:29</t>
  </si>
  <si>
    <t>/o=exchangelabs/ou=exchange administrative group (fydibohf23spdlt)/cn=recipients/cn=2072905e221e44cd93713caf57a4301f-roberta igi;/o=exchangelabs/ou=exchange administrative group (fydibohf23spdlt)/cn=recipients/cn=e6b7580a624e482b95aa2b9747aa6d6d-paulo sergi;cynthiaf@tripag.com.br;</t>
  </si>
  <si>
    <t>Fechamento NPS para reconhecimento Out/19</t>
  </si>
  <si>
    <t>/o=exchangelabs/ou=exchange administrative group (fydibohf23spdlt)/cn=recipients/cn=2072905e221e44cd93713caf57a4301f-roberta igi,/o=exchangelabs/ou=exchange administrative group (fydibohf23spdlt)/cn=recipients/cn=e6b7580a624e482b95aa2b9747aa6d6d-paulo sergi,cynthiaf@tripag.com.br</t>
  </si>
  <si>
    <t>11/21/2019 14:04:57</t>
  </si>
  <si>
    <t>/o=exchangelabs/ou=exchange administrative group (fydibohf23spdlt)/cn=recipients/cn=9c1c9f5d953e4491b2dce916b33a482d-carlos albe;</t>
  </si>
  <si>
    <t>/o=exchangelabs/ou=exchange administrative group (fydibohf23spdlt)/cn=recipients/cn=9c1c9f5d953e4491b2dce916b33a482d-carlos albe</t>
  </si>
  <si>
    <t>11/21/2019 14:07:35</t>
  </si>
  <si>
    <t>/o=exchangelabs/ou=exchange administrative group (fydibohf23spdlt)/cn=recipients/cn=90878932db2a45bb924c0e3aac6d5da2-jonatas lem;/o=exchangelabs/ou=exchange administrative group (fydibohf23spdlt)/cn=recipients/cn=b284454839e94314a90d49e7ec00864f-antonio car;/o=exchangelabs/ou=exchange administrative group (fydibohf23spdlt)/cn=recipients/cn=b67cad4ecfa344baaa94d716e7554f49-bruno camel;/o=exchangelabs/ou=exchange administrative group (fydibohf23spdlt)/cn=recipients/cn=usera699e94b;rafaelabsz@algartech.com.br;wesleymb@algartech.com.br;</t>
  </si>
  <si>
    <t>112019_Apresentação de resultados URR_ALGAR_V6_PB.pptx\</t>
  </si>
  <si>
    <t>/o=exchangelabs/ou=exchange administrative group (fydibohf23spdlt)/cn=recipients/cn=90878932db2a45bb924c0e3aac6d5da2-jonatas lem,/o=exchangelabs/ou=exchange administrative group (fydibohf23spdlt)/cn=recipients/cn=b284454839e94314a90d49e7ec00864f-antonio car,/o=exchangelabs/ou=exchange administrative group (fydibohf23spdlt)/cn=recipients/cn=b67cad4ecfa344baaa94d716e7554f49-bruno camel,/o=exchangelabs/ou=exchange administrative group (fydibohf23spdlt)/cn=recipients/cn=usera699e94b,rafaelabsz@algartech.com.br,wesleymb@algartech.com.br</t>
  </si>
  <si>
    <t>11/21/2019 14:10:23</t>
  </si>
  <si>
    <t>11/21/2019 14:14:29</t>
  </si>
  <si>
    <t>Base de CR's ativos</t>
  </si>
  <si>
    <t>11/21/2019 14:16:50</t>
  </si>
  <si>
    <t>11/21/2019 14:20:29</t>
  </si>
  <si>
    <t>mail.google.com/_/upload?authuser=0&amp;dcp=asu-n&amp;upload_id=AEnB2UpCUSvvWuvHtqJCVJOfQPz61E8jcgKJNMZECICYmJm20YSgsgWmttcGZxnE3lMAYpkHHcNeYTN48Abmpx9ITtXzArTSI321wpaNLLz1nWHh0JV-dlw&amp;upload_protocol=resumable</t>
  </si>
  <si>
    <t>DISABLE_INSTANCIAS_SQL_SAGE (1).xlsx</t>
  </si>
  <si>
    <t>11/21/2019 14:23:15</t>
  </si>
  <si>
    <t>11/21/2019 14:24:30</t>
  </si>
  <si>
    <t>\\acsfs\dsti\cmv - coordenação de mkt e vendas\comercial\documentos diversos\</t>
  </si>
  <si>
    <t>usuários latam.xlsx</t>
  </si>
  <si>
    <t>11/21/2019 14:23:01</t>
  </si>
  <si>
    <t>/o=exchangelabs/ou=exchange administrative group (fydibohf23spdlt)/cn=recipients/cn=4661e55ca89b4e56a85d5bce819cc072-luana cunha;/o=exchangelabs/ou=exchange administrative group (fydibohf23spdlt)/cn=recipients/cn=8da96f497b5c46ee81c2775857a1df84-pedro henri;</t>
  </si>
  <si>
    <t>Base Férias.xlsb</t>
  </si>
  <si>
    <t>/o=exchangelabs/ou=exchange administrative group (fydibohf23spdlt)/cn=recipients/cn=4661e55ca89b4e56a85d5bce819cc072-luana cunha,/o=exchangelabs/ou=exchange administrative group (fydibohf23spdlt)/cn=recipients/cn=8da96f497b5c46ee81c2775857a1df84-pedro henri</t>
  </si>
  <si>
    <t>11/21/2019 14:24:18</t>
  </si>
  <si>
    <t>11/21/2019 14:29:29</t>
  </si>
  <si>
    <t>/o=exchangelabs/ou=exchange administrative group (fydibohf23spdlt)/cn=recipients/cn=7dff0d71d0544384889971c453020acc-egas yuri d;/o=exchangelabs/ou=exchange administrative group (fydibohf23spdlt)/cn=recipients/cn=c5f7cc79fc244984a8f11c21adc3bf10-matheus oli;</t>
  </si>
  <si>
    <t>ENC: BD atualizado</t>
  </si>
  <si>
    <t>8. BD_EAVM OFICIAL.xlsx</t>
  </si>
  <si>
    <t>/o=exchangelabs/ou=exchange administrative group (fydibohf23spdlt)/cn=recipients/cn=7dff0d71d0544384889971c453020acc-egas yuri d,/o=exchangelabs/ou=exchange administrative group (fydibohf23spdlt)/cn=recipients/cn=c5f7cc79fc244984a8f11c21adc3bf10-matheus oli</t>
  </si>
  <si>
    <t>11/21/2019 14:25:33</t>
  </si>
  <si>
    <t>mail.google.com/_/upload?authuser=0&amp;dcp=asu-n&amp;upload_id=AEnB2UpKQ4h2a_ov8OnzomQ34I-jRMMs-KRpnQdChZoouwqwx_nCm13Gmw2QtyCJJwlo5FDhw54it1lxjJlgsXbkMJXoi1-lxw&amp;upload_protocol=resumable</t>
  </si>
  <si>
    <t>Controle de CAPEX e OPEX ISD.xlsx</t>
  </si>
  <si>
    <t>mail.google.com/_/upload?authuser=0&amp;dcp=asu-n&amp;upload_id=AEnB2UqvdrNXOlS6rtnBLKabghhaEMa4ULhvskQdN09vx-tWpdlm5XGx178Zqlorlm0oHISeYI5BjKfVnLNbJL_i9hOhX7sadw&amp;upload_protocol=resumable</t>
  </si>
  <si>
    <t>Controle de CAPEX e OPEX GIAT.xlsx</t>
  </si>
  <si>
    <t>11/21/2019 14:31:43</t>
  </si>
  <si>
    <t>11/21/2019 14:33:29</t>
  </si>
  <si>
    <t>mail.google.com/_/upload?authuser=1&amp;dcp=asu-n&amp;upload_id=AEnB2UoGQDqi89L4YXartghdoqsNZmZNLkP1latAhcObSQOjxZbfaBYnMPJ2uYb-907Xwj02HGdy6403wNlx98zx6paFCEK3Kg&amp;upload_protocol=resumable</t>
  </si>
  <si>
    <t>C:\Users\renataalves\Desktop\SLIDES TECH DAY.pptx\</t>
  </si>
  <si>
    <t>11/21/2019 14:33:17</t>
  </si>
  <si>
    <t>11/21/2019 14:34:29</t>
  </si>
  <si>
    <t>mail.google.com/_/upload?authuser=0&amp;dcp=asu-n&amp;upload_id=AEnB2Ur9hRwSYQkA8VcOTWSelJPLWVTRttKuGyD84XKOcqBEHzTbH3ggtAbmwhqiTtZwcCFAuRBafIznyklyKAt1FA2ainTd9UaIZurBJnwv1xRi4ebZjTg&amp;upload_protocol=resumable</t>
  </si>
  <si>
    <t>Previa Correntista_Novembro - PreClosing.xlsx</t>
  </si>
  <si>
    <t>11/21/2019 14:32:19</t>
  </si>
  <si>
    <t>11/21/2019 14:35:29</t>
  </si>
  <si>
    <t>/o=exchangelabs/ou=exchange administrative group (fydibohf23spdlt)/cn=recipients/cn=5037aa398cdf4d9cae5ff1914ad4e4b1-joao paulo;/o=exchangelabs/ou=exchange administrative group (fydibohf23spdlt)/cn=recipients/cn=56c2af2d07fd48c0aebfc00ddc006494-alessio rod;/o=exchangelabs/ou=exchange administrative group (fydibohf23spdlt)/cn=recipients/cn=bcc9538754d3496ea31a487e560f8214-silvio mart;/o=exchangelabs/ou=exchange administrative group (fydibohf23spdlt)/cn=recipients/cn=c29ec9dae022497281c840087cccddec-patricia ar;/o=exchangelabs/ou=exchange administrative group (fydibohf23spdlt)/cn=recipients/cn=d88a7a6edf3c4cd1adfe6fb303685120-renato frei;/o=exchangelabs/ou=exchange administrative group (fydibohf23spdlt)/cn=recipients/cn=ee384ffbd33e45dba34c337c366ab392-ligia maria;/o=exchangelabs/ou=exchange administrative group (fydibohf23spdlt)/cn=recipients/cn=usere11ed38c;</t>
  </si>
  <si>
    <t>*ERRATA* ENC: Dashboard Tribo Atendimento - Squad FC</t>
  </si>
  <si>
    <t>EBIT Atendimento.xls</t>
  </si>
  <si>
    <t>/o=exchangelabs/ou=exchange administrative group (fydibohf23spdlt)/cn=recipients/cn=5037aa398cdf4d9cae5ff1914ad4e4b1-joao paulo,/o=exchangelabs/ou=exchange administrative group (fydibohf23spdlt)/cn=recipients/cn=56c2af2d07fd48c0aebfc00ddc006494-alessio rod,/o=exchangelabs/ou=exchange administrative group (fydibohf23spdlt)/cn=recipients/cn=bcc9538754d3496ea31a487e560f8214-silvio mart,/o=exchangelabs/ou=exchange administrative group (fydibohf23spdlt)/cn=recipients/cn=c29ec9dae022497281c840087cccddec-patricia ar,/o=exchangelabs/ou=exchange administrative group (fydibohf23spdlt)/cn=recipients/cn=d88a7a6edf3c4cd1adfe6fb303685120-renato frei,/o=exchangelabs/ou=exchange administrative group (fydibohf23spdlt)/cn=recipients/cn=ee384ffbd33e45dba34c337c366ab392-ligia maria,/o=exchangelabs/ou=exchange administrative group (fydibohf23spdlt)/cn=recipients/cn=usere11ed38c</t>
  </si>
  <si>
    <t>11/21/2019 14:33:33</t>
  </si>
  <si>
    <t>11/21/2019 14:37:29</t>
  </si>
  <si>
    <t>/o=exchangelabs/ou=exchange administrative group (fydibohf23spdlt)/cn=recipients/cn=a72a765de829420582b78941417073ac-karina rodr;julianamp@algartech.com;</t>
  </si>
  <si>
    <t>RES: Levantamento de informações - RH Avon (até 21/11)</t>
  </si>
  <si>
    <t>ATUALIZAÇÃO.xlsx</t>
  </si>
  <si>
    <t>/o=exchangelabs/ou=exchange administrative group (fydibohf23spdlt)/cn=recipients/cn=a72a765de829420582b78941417073ac-karina rodr,julianamp@algartech.com</t>
  </si>
  <si>
    <t>11/21/2019 14:41:58</t>
  </si>
  <si>
    <t>11/21/2019 14:44:29</t>
  </si>
  <si>
    <t>ENC: ALGAR - Forecast Bradescard P2 - Outubro/19</t>
  </si>
  <si>
    <t>ALGAR TA P2_201910.xlsx</t>
  </si>
  <si>
    <t>11/21/2019 14:43:51</t>
  </si>
  <si>
    <t>11/21/2019 14:45:28</t>
  </si>
  <si>
    <t>/o=exchangelabs/ou=exchange administrative group (fydibohf23spdlt)/cn=recipients/cn=1a68fd0c71d242d89abd9f9904b69653-lidianne sa;/o=exchangelabs/ou=exchange administrative group (fydibohf23spdlt)/cn=recipients/cn=3daf2f0b162f40c696c00f9ecbb7d69a-ana laura t;/o=exchangelabs/ou=exchange administrative group (fydibohf23spdlt)/cn=recipients/cn=554d2cdc1361428a8f1cbe37bb559534-caroline fe;/o=exchangelabs/ou=exchange administrative group (fydibohf23spdlt)/cn=recipients/cn=56dc126fba5b4a5f8fb1cd7e4f10477d-thais olive;/o=exchangelabs/ou=exchange administrative group (fydibohf23spdlt)/cn=recipients/cn=60c79fa1bc994449ac17a5e2109f7abd-claudio fer;/o=exchangelabs/ou=exchange administrative group (fydibohf23spdlt)/cn=recipients/cn=b1f7688b183f4d74a7993976c4ad8f5e-diogenes pa;alexandre.m.souza@bradesco.com.br;hadrielly.galvao@bradesco.com.br;juliana.galardo@bradesco.com.br;khadja.sousa@bradesco.com.br;nivia.queiroz@bradesco.com.br;paula.tavares@bradesco.com.br;thais.f.jesus@bradesco.com.br;</t>
  </si>
  <si>
    <t>ENC: [Formalização] Reforecast Dezembro/19 - Forecast Janeiro/20 - Risco</t>
  </si>
  <si>
    <t>12 - Planejamento Controles Internos.xlsx</t>
  </si>
  <si>
    <t>/o=exchangelabs/ou=exchange administrative group (fydibohf23spdlt)/cn=recipients/cn=1a68fd0c71d242d89abd9f9904b69653-lidianne sa,/o=exchangelabs/ou=exchange administrative group (fydibohf23spdlt)/cn=recipients/cn=3daf2f0b162f40c696c00f9ecbb7d69a-ana laura t,/o=exchangelabs/ou=exchange administrative group (fydibohf23spdlt)/cn=recipients/cn=554d2cdc1361428a8f1cbe37bb559534-caroline fe,/o=exchangelabs/ou=exchange administrative group (fydibohf23spdlt)/cn=recipients/cn=56dc126fba5b4a5f8fb1cd7e4f10477d-thais olive,/o=exchangelabs/ou=exchange administrative group (fydibohf23spdlt)/cn=recipients/cn=60c79fa1bc994449ac17a5e2109f7abd-claudio fer,/o=exchangelabs/ou=exchange administrative group (fydibohf23spdlt)/cn=recipients/cn=b1f7688b183f4d74a7993976c4ad8f5e-diogenes pa,alexandre.m.souza@bradesco.com.br,hadrielly.galvao@bradesco.com.br,juliana.galardo@bradesco.com.br,khadja.sousa@bradesco.com.br,nivia.queiroz@bradesco.com.br,paula.tavares@bradesco.com.br,thais.f.jesus@bradesco.com.br</t>
  </si>
  <si>
    <t>11/21/2019 14:44:53</t>
  </si>
  <si>
    <t>C:\Users\vilarinho\OneDrive - Grupo Algar\Algar Tech\Orçamento\Orçamento2019\4Reuger_Preclosing e LP\Reunião Holding 20.11.19\Algar Tech_4a REUGER 2019_Financeiro_19-11_Holding_v2.pptx\</t>
  </si>
  <si>
    <t>11/21/2019 14:44:54</t>
  </si>
  <si>
    <t>11/21/2019 14:44:27</t>
  </si>
  <si>
    <t>11/21/2019 14:47:28</t>
  </si>
  <si>
    <t>Projeto Precificação - Abas da planilha</t>
  </si>
  <si>
    <t>11/21/2019 14:45:27</t>
  </si>
  <si>
    <t>Projeto Precificação - Régua de Risco</t>
  </si>
  <si>
    <t>11/21/2019 14:48:29</t>
  </si>
  <si>
    <t>11/21/2019 14:50:29</t>
  </si>
  <si>
    <t>/o=exchangelabs/ou=exchange administrative group (fydibohf23spdlt)/cn=recipients/cn=3daf2f0b162f40c696c00f9ecbb7d69a-ana laura t;/o=exchangelabs/ou=exchange administrative group (fydibohf23spdlt)/cn=recipients/cn=47bcba0edfbb48d39e9b215eae1400b2-ana paula s;/o=exchangelabs/ou=exchange administrative group (fydibohf23spdlt)/cn=recipients/cn=59e2d42e513e4613a23971f0060032ed-gabriel ale;/o=exchangelabs/ou=exchange administrative group (fydibohf23spdlt)/cn=recipients/cn=b1f7688b183f4d74a7993976c4ad8f5e-diogenes pa;mariajcb@algartech.com.br;</t>
  </si>
  <si>
    <t>RES: Estrutura - Fechada Outubro e Previsão de Novembro Risco</t>
  </si>
  <si>
    <t>12 - REFORECAST - Formalização Volumetria - Controles Internos.xlsx</t>
  </si>
  <si>
    <t>/o=exchangelabs/ou=exchange administrative group (fydibohf23spdlt)/cn=recipients/cn=3daf2f0b162f40c696c00f9ecbb7d69a-ana laura t,/o=exchangelabs/ou=exchange administrative group (fydibohf23spdlt)/cn=recipients/cn=47bcba0edfbb48d39e9b215eae1400b2-ana paula s,/o=exchangelabs/ou=exchange administrative group (fydibohf23spdlt)/cn=recipients/cn=59e2d42e513e4613a23971f0060032ed-gabriel ale,/o=exchangelabs/ou=exchange administrative group (fydibohf23spdlt)/cn=recipients/cn=b1f7688b183f4d74a7993976c4ad8f5e-diogenes pa,mariajcb@algartech.com.br</t>
  </si>
  <si>
    <t>11/21/2019 14:50:40</t>
  </si>
  <si>
    <t>11/21/2019 14:53:28</t>
  </si>
  <si>
    <t>/o=exchangelabs/ou=exchange administrative group (fydibohf23spdlt)/cn=recipients/cn=b1a72fc2d0234efca84c7771ea70c7ee-roberta cri;/o=exchangelabs/ou=exchange administrative group (fydibohf23spdlt)/cn=recipients/cn=d3d28899a5be4c2c8b5b9e55717f7da7-fabio ribei;/o=exchangelabs/ou=exchange administrative group (fydibohf23spdlt)/cn=recipients/cn=f45617401bdf436baf70c45766699413-frederico b;/o=exchangelabs/ou=exchange administrative group (fydibohf23spdlt)/cn=recipients/cn=user7c077f95;</t>
  </si>
  <si>
    <t>RES: Distribuição orçado desmobilização</t>
  </si>
  <si>
    <t>DETALHAMENTO TRANSIÇÃO.xlsx</t>
  </si>
  <si>
    <t>/o=exchangelabs/ou=exchange administrative group (fydibohf23spdlt)/cn=recipients/cn=b1a72fc2d0234efca84c7771ea70c7ee-roberta cri,/o=exchangelabs/ou=exchange administrative group (fydibohf23spdlt)/cn=recipients/cn=d3d28899a5be4c2c8b5b9e55717f7da7-fabio ribei,/o=exchangelabs/ou=exchange administrative group (fydibohf23spdlt)/cn=recipients/cn=f45617401bdf436baf70c45766699413-frederico b,/o=exchangelabs/ou=exchange administrative group (fydibohf23spdlt)/cn=recipients/cn=user7c077f95</t>
  </si>
  <si>
    <t>11/21/2019 14:55:03</t>
  </si>
  <si>
    <t>11/21/2019 14:56:28</t>
  </si>
  <si>
    <t>11/21/2019 14:53:05</t>
  </si>
  <si>
    <t>11/21/2019 14:58:29</t>
  </si>
  <si>
    <t>11/21/2019 14:57:37</t>
  </si>
  <si>
    <t>11/21/2019 14:59:28</t>
  </si>
  <si>
    <t>ENC: Reajuste Bradesco *** Considerar este ***</t>
  </si>
  <si>
    <t>Projeção Reajuste 2020.xlsx</t>
  </si>
  <si>
    <t>11/21/2019 14:59:16</t>
  </si>
  <si>
    <t>11/21/2019 15:01:28</t>
  </si>
  <si>
    <t>/o=exchangelabs/ou=exchange administrative group (fydibohf23spdlt)/cn=recipients/cn=35869a39927a432c8d0daeede3b9e512-joyce virgi;</t>
  </si>
  <si>
    <t>ENC: Acompanhamento AHT - Novatos FV1</t>
  </si>
  <si>
    <t>/o=exchangelabs/ou=exchange administrative group (fydibohf23spdlt)/cn=recipients/cn=35869a39927a432c8d0daeede3b9e512-joyce virgi</t>
  </si>
  <si>
    <t>11/21/2019 14:57:40</t>
  </si>
  <si>
    <t>11/21/2019 15:02:29</t>
  </si>
  <si>
    <t>/o=exchangelabs/ou=exchange administrative group (fydibohf23spdlt)/cn=recipients/cn=56c2af2d07fd48c0aebfc00ddc006494-alessio rod;/o=exchangelabs/ou=exchange administrative group (fydibohf23spdlt)/cn=recipients/cn=c29ec9dae022497281c840087cccddec-patricia ar;/o=exchangelabs/ou=exchange administrative group (fydibohf23spdlt)/cn=recipients/cn=f167860e3f1940cc81730e5f24d2f0bb-alexandre f;</t>
  </si>
  <si>
    <t>RES: Projeções retenção - Electrolux</t>
  </si>
  <si>
    <t>ALAVANCAS ELECTROLUX_21112019.xlsx</t>
  </si>
  <si>
    <t>/o=exchangelabs/ou=exchange administrative group (fydibohf23spdlt)/cn=recipients/cn=56c2af2d07fd48c0aebfc00ddc006494-alessio rod,/o=exchangelabs/ou=exchange administrative group (fydibohf23spdlt)/cn=recipients/cn=c29ec9dae022497281c840087cccddec-patricia ar,/o=exchangelabs/ou=exchange administrative group (fydibohf23spdlt)/cn=recipients/cn=f167860e3f1940cc81730e5f24d2f0bb-alexandre f</t>
  </si>
  <si>
    <t>11/21/2019 14:59:47</t>
  </si>
  <si>
    <t>10.200.61.167</t>
  </si>
  <si>
    <t>R:\OneDrive - Grupo Algar\Advanced Collection\0 - Cliente\8 - Carrefour\</t>
  </si>
  <si>
    <t>Perguntas Algar Tech CARREFOUR CSF COBRANÇA v1.xlsx</t>
  </si>
  <si>
    <t>11/21/2019 15:01:00</t>
  </si>
  <si>
    <t>11/21/2019 15:03:28</t>
  </si>
  <si>
    <t>/o=exchangelabs/ou=exchange administrative group (fydibohf23spdlt)/cn=recipients/cn=518109802f95454588121e2ff09bd792-marcio roge;/o=exchangelabs/ou=exchange administrative group (fydibohf23spdlt)/cn=recipients/cn=55124587bb9148f5887830eedfe99a77-marilia men;</t>
  </si>
  <si>
    <t>ENC: Abastecimento GMG - Parcial (01 a 17/11/2019)</t>
  </si>
  <si>
    <t>CUSTO ABASTECIMENTO GMG NOVEMBRO_2019.xlsx</t>
  </si>
  <si>
    <t>/o=exchangelabs/ou=exchange administrative group (fydibohf23spdlt)/cn=recipients/cn=518109802f95454588121e2ff09bd792-marcio roge,/o=exchangelabs/ou=exchange administrative group (fydibohf23spdlt)/cn=recipients/cn=55124587bb9148f5887830eedfe99a77-marilia men</t>
  </si>
  <si>
    <t>11/21/2019 15:14:05</t>
  </si>
  <si>
    <t>11/21/2019 15:14:28</t>
  </si>
  <si>
    <t>ENC: Relatório de Admitidos e Desligados</t>
  </si>
  <si>
    <t>RelatorioMovimentacoes 1211.xlsx</t>
  </si>
  <si>
    <t>11/21/2019 15:16:56</t>
  </si>
  <si>
    <t>11/21/2019 15:20:29</t>
  </si>
  <si>
    <t>Ajustes_Custos - Copia.xlsx</t>
  </si>
  <si>
    <t>11/21/2019 15:24:09</t>
  </si>
  <si>
    <t>11/21/2019 15:27:29</t>
  </si>
  <si>
    <t>\\acsfs\DEPTOS\Engenharia\2 - Service Desk\2.19 - Help Desk Corporate\2.19.9 - Outros\SUPERVISORES\Lucas Rabboni\001 - Equipes\</t>
  </si>
  <si>
    <t>Relação de associados.xls</t>
  </si>
  <si>
    <t>11/21/2019 15:24:48</t>
  </si>
  <si>
    <t>11/21/2019 15:28:29</t>
  </si>
  <si>
    <t>Acompanhamento Produtividade BKO - Parcial - Nov-2019.xlsx</t>
  </si>
  <si>
    <t>11/21/2019 15:25:14</t>
  </si>
  <si>
    <t>/o=exchangelabs/ou=exchange administrative group (fydibohf23spdlt)/cn=recipients/cn=0ca6cc8d100949a7866a928f62ef5778-rosilene de;/o=exchangelabs/ou=exchange administrative group (fydibohf23spdlt)/cn=recipients/cn=2b2fb8df84f84951b6d53454b4b3e8b3-izadora may;/o=exchangelabs/ou=exchange administrative group (fydibohf23spdlt)/cn=recipients/cn=6189712535ea4b50a3625910837af2c9-larissa bra;hugo_cesar_rodrigues_dos_santos_algar@whirlpool.com;</t>
  </si>
  <si>
    <t>Acompanhamento BO - Nov/2019</t>
  </si>
  <si>
    <t>/o=exchangelabs/ou=exchange administrative group (fydibohf23spdlt)/cn=recipients/cn=0ca6cc8d100949a7866a928f62ef5778-rosilene de,/o=exchangelabs/ou=exchange administrative group (fydibohf23spdlt)/cn=recipients/cn=2b2fb8df84f84951b6d53454b4b3e8b3-izadora may,/o=exchangelabs/ou=exchange administrative group (fydibohf23spdlt)/cn=recipients/cn=6189712535ea4b50a3625910837af2c9-larissa bra,hugo_cesar_rodrigues_dos_santos_algar@whirlpool.com</t>
  </si>
  <si>
    <t>11/21/2019 15:27:11</t>
  </si>
  <si>
    <t>11/21/2019 15:29:29</t>
  </si>
  <si>
    <t>ENC: Controle de Horas Logadas - Novembro</t>
  </si>
  <si>
    <t>Controle de Horas Logadas_LEGADO_NOV.xlsx</t>
  </si>
  <si>
    <t>11/21/2019 15:24:26</t>
  </si>
  <si>
    <t>/o=exchangelabs/ou=exchange administrative group (fydibohf23spdlt)/cn=recipients/cn=c514dbe8b91547adb4618232d1a650ba-afonso domi;/o=exchangelabs/ou=exchange administrative group (fydibohf23spdlt)/cn=recipients/cn=cb5adfd7be5d42f39b6c2497336ba9d7-fernando gu;/o=exchangelabs/ou=exchange administrative group (fydibohf23spdlt)/cn=recipients/cn=f67f0409c7ae4580b53b07ea98cce4c6-talita pele;</t>
  </si>
  <si>
    <t>Arquivo de Metas - Atualizado</t>
  </si>
  <si>
    <t>New_Fernando Guimaraes_v2.xlsx</t>
  </si>
  <si>
    <t>/o=exchangelabs/ou=exchange administrative group (fydibohf23spdlt)/cn=recipients/cn=c514dbe8b91547adb4618232d1a650ba-afonso domi,/o=exchangelabs/ou=exchange administrative group (fydibohf23spdlt)/cn=recipients/cn=cb5adfd7be5d42f39b6c2497336ba9d7-fernando gu,/o=exchangelabs/ou=exchange administrative group (fydibohf23spdlt)/cn=recipients/cn=f67f0409c7ae4580b53b07ea98cce4c6-talita pele</t>
  </si>
  <si>
    <t>11/21/2019 15:25:08</t>
  </si>
  <si>
    <t>/o=exchangelabs/ou=exchange administrative group (fydibohf23spdlt)/cn=recipients/cn=9a65d8734c444cbc8372a614d17d98e1-lucia maalo;/o=exchangelabs/ou=exchange administrative group (fydibohf23spdlt)/cn=recipients/cn=c514dbe8b91547adb4618232d1a650ba-afonso domi;/o=exchangelabs/ou=exchange administrative group (fydibohf23spdlt)/cn=recipients/cn=f67f0409c7ae4580b53b07ea98cce4c6-talita pele;</t>
  </si>
  <si>
    <t>New_Lucia Malta_v2.xlsx</t>
  </si>
  <si>
    <t>/o=exchangelabs/ou=exchange administrative group (fydibohf23spdlt)/cn=recipients/cn=9a65d8734c444cbc8372a614d17d98e1-lucia maalo,/o=exchangelabs/ou=exchange administrative group (fydibohf23spdlt)/cn=recipients/cn=c514dbe8b91547adb4618232d1a650ba-afonso domi,/o=exchangelabs/ou=exchange administrative group (fydibohf23spdlt)/cn=recipients/cn=f67f0409c7ae4580b53b07ea98cce4c6-talita pele</t>
  </si>
  <si>
    <t>11/21/2019 15:25:49</t>
  </si>
  <si>
    <t>/o=exchangelabs/ou=exchange administrative group (fydibohf23spdlt)/cn=recipients/cn=a27fa8e27f784e18b4732301ab7a6457-luciana sil;/o=exchangelabs/ou=exchange administrative group (fydibohf23spdlt)/cn=recipients/cn=c514dbe8b91547adb4618232d1a650ba-afonso domi;/o=exchangelabs/ou=exchange administrative group (fydibohf23spdlt)/cn=recipients/cn=f67f0409c7ae4580b53b07ea98cce4c6-talita pele;</t>
  </si>
  <si>
    <t>New_Luciana Savi_v2.xlsx</t>
  </si>
  <si>
    <t>/o=exchangelabs/ou=exchange administrative group (fydibohf23spdlt)/cn=recipients/cn=a27fa8e27f784e18b4732301ab7a6457-luciana sil,/o=exchangelabs/ou=exchange administrative group (fydibohf23spdlt)/cn=recipients/cn=c514dbe8b91547adb4618232d1a650ba-afonso domi,/o=exchangelabs/ou=exchange administrative group (fydibohf23spdlt)/cn=recipients/cn=f67f0409c7ae4580b53b07ea98cce4c6-talita pele</t>
  </si>
  <si>
    <t>11/21/2019 15:26:14</t>
  </si>
  <si>
    <t>/o=exchangelabs/ou=exchange administrative group (fydibohf23spdlt)/cn=recipients/cn=c514dbe8b91547adb4618232d1a650ba-afonso domi;/o=exchangelabs/ou=exchange administrative group (fydibohf23spdlt)/cn=recipients/cn=c82d742f5f1e4122a86db0495b71e095-nilton j. g;/o=exchangelabs/ou=exchange administrative group (fydibohf23spdlt)/cn=recipients/cn=f67f0409c7ae4580b53b07ea98cce4c6-talita pele;</t>
  </si>
  <si>
    <t>New_Nilton Rossi_v2.xlsx</t>
  </si>
  <si>
    <t>/o=exchangelabs/ou=exchange administrative group (fydibohf23spdlt)/cn=recipients/cn=c514dbe8b91547adb4618232d1a650ba-afonso domi,/o=exchangelabs/ou=exchange administrative group (fydibohf23spdlt)/cn=recipients/cn=c82d742f5f1e4122a86db0495b71e095-nilton j. g,/o=exchangelabs/ou=exchange administrative group (fydibohf23spdlt)/cn=recipients/cn=f67f0409c7ae4580b53b07ea98cce4c6-talita pele</t>
  </si>
  <si>
    <t>11/21/2019 15:26:44</t>
  </si>
  <si>
    <t>/o=exchangelabs/ou=exchange administrative group (fydibohf23spdlt)/cn=recipients/cn=c514dbe8b91547adb4618232d1a650ba-afonso domi;/o=exchangelabs/ou=exchange administrative group (fydibohf23spdlt)/cn=recipients/cn=d376cbd484f64104bc8476daf590c7dc-paulo eduar;/o=exchangelabs/ou=exchange administrative group (fydibohf23spdlt)/cn=recipients/cn=f67f0409c7ae4580b53b07ea98cce4c6-talita pele;</t>
  </si>
  <si>
    <t>New_Paulo Coelho_v2.xlsx</t>
  </si>
  <si>
    <t>/o=exchangelabs/ou=exchange administrative group (fydibohf23spdlt)/cn=recipients/cn=c514dbe8b91547adb4618232d1a650ba-afonso domi,/o=exchangelabs/ou=exchange administrative group (fydibohf23spdlt)/cn=recipients/cn=d376cbd484f64104bc8476daf590c7dc-paulo eduar,/o=exchangelabs/ou=exchange administrative group (fydibohf23spdlt)/cn=recipients/cn=f67f0409c7ae4580b53b07ea98cce4c6-talita pele</t>
  </si>
  <si>
    <t>11/21/2019 15:27:36</t>
  </si>
  <si>
    <t>/o=exchangelabs/ou=exchange administrative group (fydibohf23spdlt)/cn=recipients/cn=c514dbe8b91547adb4618232d1a650ba-afonso domi;/o=exchangelabs/ou=exchange administrative group (fydibohf23spdlt)/cn=recipients/cn=ed4af2f11ff34c02ba04f39acb2813c2-rafael tega;/o=exchangelabs/ou=exchange administrative group (fydibohf23spdlt)/cn=recipients/cn=f67f0409c7ae4580b53b07ea98cce4c6-talita pele;</t>
  </si>
  <si>
    <t>New_Rafael Tegani.xlsx</t>
  </si>
  <si>
    <t>/o=exchangelabs/ou=exchange administrative group (fydibohf23spdlt)/cn=recipients/cn=c514dbe8b91547adb4618232d1a650ba-afonso domi,/o=exchangelabs/ou=exchange administrative group (fydibohf23spdlt)/cn=recipients/cn=ed4af2f11ff34c02ba04f39acb2813c2-rafael tega,/o=exchangelabs/ou=exchange administrative group (fydibohf23spdlt)/cn=recipients/cn=f67f0409c7ae4580b53b07ea98cce4c6-talita pele</t>
  </si>
  <si>
    <t>11/21/2019 15:30:15</t>
  </si>
  <si>
    <t>11/21/2019 15:33:28</t>
  </si>
  <si>
    <t>RES: Iniciativas OBZ 2020</t>
  </si>
  <si>
    <t>Oficial 2020_Pacote Viagens - Viagem interna.xlsb</t>
  </si>
  <si>
    <t>11/21/2019 15:32:33</t>
  </si>
  <si>
    <t>11/21/2019 15:34:29</t>
  </si>
  <si>
    <t>/o=exchangelabs/ou=exchange administrative group (fydibohf23spdlt)/cn=recipients/cn=02b715e2a3c744dbab0f4054efc9d2d2-raquel corr;/o=exchangelabs/ou=exchange administrative group (fydibohf23spdlt)/cn=recipients/cn=49af12246d2746008617ced5a3abafc3-daniel de s;/o=exchangelabs/ou=exchange administrative group (fydibohf23spdlt)/cn=recipients/cn=8c89829ad534498fa4c85b5ac11174f1-suelen more;/o=exchangelabs/ou=exchange administrative group (fydibohf23spdlt)/cn=recipients/cn=cd93dacc38404a95a829585c2e317a9f-dionizio ri;</t>
  </si>
  <si>
    <t>ENC: 217490_Service Desk_- STRATURA ASFALTO Cotação - SUPORTE DE TI E ATENDIMENTO AOS USUÁRIOS DA STRATURA ASFALTOS</t>
  </si>
  <si>
    <t>PPU - Suporte Tecnico TI - Service Desk.xlsx</t>
  </si>
  <si>
    <t>/o=exchangelabs/ou=exchange administrative group (fydibohf23spdlt)/cn=recipients/cn=02b715e2a3c744dbab0f4054efc9d2d2-raquel corr,/o=exchangelabs/ou=exchange administrative group (fydibohf23spdlt)/cn=recipients/cn=49af12246d2746008617ced5a3abafc3-daniel de s,/o=exchangelabs/ou=exchange administrative group (fydibohf23spdlt)/cn=recipients/cn=8c89829ad534498fa4c85b5ac11174f1-suelen more,/o=exchangelabs/ou=exchange administrative group (fydibohf23spdlt)/cn=recipients/cn=cd93dacc38404a95a829585c2e317a9f-dionizio ri</t>
  </si>
  <si>
    <t>11/21/2019 15:32:31</t>
  </si>
  <si>
    <t>11/21/2019 15:35:28</t>
  </si>
  <si>
    <t>https://caey.fa.us2.oraclecloud.com/crmui/faces/fusewelcome?_adf.ctrl-state=fbdluzts1_5</t>
  </si>
  <si>
    <t>C:\Users\denysgds\Documents\Backup Denys\Denys Guidio Backup\Backup\A100\Cyberex\</t>
  </si>
  <si>
    <t>Preco_216376_V1.xlsb</t>
  </si>
  <si>
    <t>11/21/2019 15:44:26</t>
  </si>
  <si>
    <t>11/21/2019 15:45:29</t>
  </si>
  <si>
    <t>ABBOTT - Cálculo de reajuste - Proposta 170225 - Copia.xlsx</t>
  </si>
  <si>
    <t>11/21/2019 15:47:44</t>
  </si>
  <si>
    <t>11/21/2019 15:50:28</t>
  </si>
  <si>
    <t>10.200.59.240</t>
  </si>
  <si>
    <t>2C-6F-C9-66-3A-91</t>
  </si>
  <si>
    <t>C:\Users\alessandroam\OneDrive\OneDrive - Grupo Algar\01 - Historico\02 - Seg Informação\05 - PMO TAP - CAPEX e OPEX\</t>
  </si>
  <si>
    <t>Investimetos SI 2019-2020 21112019.xlsx</t>
  </si>
  <si>
    <t>11/21/2019 15:48:18</t>
  </si>
  <si>
    <t>11/21/2019 15:52:28</t>
  </si>
  <si>
    <t>lista_allUsers-11-2019.csv</t>
  </si>
  <si>
    <t>11/21/2019 15:51:21</t>
  </si>
  <si>
    <t>Projeto Precificação - Eficiência Tributária</t>
  </si>
  <si>
    <t>Lista Cidades Tomador.xlsx</t>
  </si>
  <si>
    <t>11/21/2019 15:50:15</t>
  </si>
  <si>
    <t>/o=exchangelabs/ou=exchange administrative group (fydibohf23spdlt)/cn=recipients/cn=user9ad76612;/o=exchangelabs/ou=exchange administrative group (fydibohf23spdlt)/cn=recipients/cn=userd3ef8196;</t>
  </si>
  <si>
    <t>Planilha Recuperação de Gastos _ Chocotones</t>
  </si>
  <si>
    <t>Planilha Recuperação de Gastos _ Chocotones.xlsb</t>
  </si>
  <si>
    <t>/o=exchangelabs/ou=exchange administrative group (fydibohf23spdlt)/cn=recipients/cn=user9ad76612,/o=exchangelabs/ou=exchange administrative group (fydibohf23spdlt)/cn=recipients/cn=userd3ef8196</t>
  </si>
  <si>
    <t>11/21/2019 15:49:51</t>
  </si>
  <si>
    <t>11/21/2019 15:55:29</t>
  </si>
  <si>
    <t>Base PPE - AS IS.xlsx</t>
  </si>
  <si>
    <t>11/21/2019 15:57:01</t>
  </si>
  <si>
    <t>11/21/2019 15:58:28</t>
  </si>
  <si>
    <t>11/21/2019 15:58:17</t>
  </si>
  <si>
    <t>11/21/2019 16:00:28</t>
  </si>
  <si>
    <t>217431_Preco_V2.xlsb</t>
  </si>
  <si>
    <t>D:\OneDrive\AlgarTech\Pré-Vendas\Cliente\2019\ABBOTT\217431 - GAA – Global Access Administration Latin America Support\217431_Preco_V2.xlsb\</t>
  </si>
  <si>
    <t>11/21/2019 15:57:24</t>
  </si>
  <si>
    <t>11/21/2019 16:01:29</t>
  </si>
  <si>
    <t>ENC: Dados do BI</t>
  </si>
  <si>
    <t>Controle de Encaminhamentos.xlsx</t>
  </si>
  <si>
    <t>11/21/2019 15:59:11</t>
  </si>
  <si>
    <t>11/21/2019 16:02:28</t>
  </si>
  <si>
    <t>daniloasb@algartech.com;leonardofdsa@algartech.com;suporteso@algartech.com;</t>
  </si>
  <si>
    <t>SharedMailbox-21-11-2019.csv</t>
  </si>
  <si>
    <t>daniloasb@algartech.com,leonardofdsa@algartech.com,suporteso@algartech.com</t>
  </si>
  <si>
    <t>11/21/2019 16:05:28</t>
  </si>
  <si>
    <t>11/21/2019 16:06:29</t>
  </si>
  <si>
    <t>RES: Daily Report Contact Center BackOffice</t>
  </si>
  <si>
    <t>CAPACIDADE BACKOFFICE_NOV.19.xlsx</t>
  </si>
  <si>
    <t>11/21/2019 16:02:09</t>
  </si>
  <si>
    <t>11/21/2019 16:04:13</t>
  </si>
  <si>
    <t>11/21/2019 16:07:29</t>
  </si>
  <si>
    <t>C:\Users\lucianabo\Desktop\2019\10 - Outubro\RECEITAMENTO\EVIDÊNCIAS\</t>
  </si>
  <si>
    <t>Evidência Caixa Capitalização - Out.19.xlsx</t>
  </si>
  <si>
    <t>11/21/2019 16:06:13</t>
  </si>
  <si>
    <t>11/21/2019 16:09:29</t>
  </si>
  <si>
    <t>10.250.254.71</t>
  </si>
  <si>
    <t>NTB-JOSEEB</t>
  </si>
  <si>
    <t>joseeb</t>
  </si>
  <si>
    <t>mail.google.com/_/upload?authuser=0&amp;dcp=asu-n&amp;upload_id=AEnB2Up93HhIN-OBf4QdamUuLima-kzWfbul8QlGvVyDSpQ-NHrTVTFxBZ6ErmbT8N2AYIW3K3gldOg77fsZ7GEGSbQS2BIP-7tIj3CQsL7DOZROYYH31d8&amp;upload_protocol=resumable</t>
  </si>
  <si>
    <t>\\acsfs\deptos\Engenharia\2 - Service Desk\2.4 - Redes e Segurança\DOCUMENTOS PRUDENTIAL\5 - TEMPLATE VPN IPSEC PRUDENTIAL\</t>
  </si>
  <si>
    <t>Template_Formulário_de_VPN_ALGAR_CAS.xlsx</t>
  </si>
  <si>
    <t>11/21/2019 16:07:08</t>
  </si>
  <si>
    <t>11/21/2019 16:10:29</t>
  </si>
  <si>
    <t>/o=exchangelabs/ou=exchange administrative group (fydibohf23spdlt)/cn=recipients/cn=0ca6cc8d100949a7866a928f62ef5778-rosilene de;/o=exchangelabs/ou=exchange administrative group (fydibohf23spdlt)/cn=recipients/cn=a75579a499254c2291e852b70c4d70d1-eunice apar;/o=exchangelabs/ou=exchange administrative group (fydibohf23spdlt)/cn=recipients/cn=d1d015f213f648abbf348b5ccdf8e9d9-senilda per;/o=exchangelabs/ou=exchange administrative group (fydibohf23spdlt)/cn=recipients/cn=e39e329fc16a43329eb2766bae675122-mariana gon;/o=exchangelabs/ou=exchange administrative group (fydibohf23spdlt)/cn=recipients/cn=userd3ef8196;</t>
  </si>
  <si>
    <t>ENC: Resultados Auditoria Online - TOP Performance</t>
  </si>
  <si>
    <t>Karina.xlsx</t>
  </si>
  <si>
    <t>/o=exchangelabs/ou=exchange administrative group (fydibohf23spdlt)/cn=recipients/cn=0ca6cc8d100949a7866a928f62ef5778-rosilene de,/o=exchangelabs/ou=exchange administrative group (fydibohf23spdlt)/cn=recipients/cn=a75579a499254c2291e852b70c4d70d1-eunice apar,/o=exchangelabs/ou=exchange administrative group (fydibohf23spdlt)/cn=recipients/cn=d1d015f213f648abbf348b5ccdf8e9d9-senilda per,/o=exchangelabs/ou=exchange administrative group (fydibohf23spdlt)/cn=recipients/cn=e39e329fc16a43329eb2766bae675122-mariana gon,/o=exchangelabs/ou=exchange administrative group (fydibohf23spdlt)/cn=recipients/cn=userd3ef8196</t>
  </si>
  <si>
    <t>11/21/2019 16:07:28</t>
  </si>
  <si>
    <t>11/21/2019 16:11:28</t>
  </si>
  <si>
    <t>11/21/2019 16:08:33</t>
  </si>
  <si>
    <t>11/21/2019 16:12:29</t>
  </si>
  <si>
    <t>R:\OneDrive - Grupo Algar\Advanced Collection\0 - Cliente\99 - RFP\Agibank\</t>
  </si>
  <si>
    <t>214366 - Ficha da Oportunidade AGIBANK SAC COB TLV.xlsx</t>
  </si>
  <si>
    <t>11/21/2019 16:08:35</t>
  </si>
  <si>
    <t>214366 - BP (TLV) - Staff AlgarTech v1.xlsb</t>
  </si>
  <si>
    <t>R:\OneDrive - Grupo Algar\Advanced Collection\0 - Cliente\99 - RFP\Agibank\214366 - BP (TLV) - Staff AlgarTech v1.xlsb\</t>
  </si>
  <si>
    <t>11/21/2019 16:08:37</t>
  </si>
  <si>
    <t>214366 - BP (SAC) - Staff AlgarTech v1.xlsb</t>
  </si>
  <si>
    <t>R:\OneDrive - Grupo Algar\Advanced Collection\0 - Cliente\99 - RFP\Agibank\214366 - BP (SAC) - Staff AlgarTech v1.xlsb\</t>
  </si>
  <si>
    <t>11/21/2019 16:08:39</t>
  </si>
  <si>
    <t>214366 - BP (COB) - Staff AlgarTech v1.xlsb</t>
  </si>
  <si>
    <t>R:\OneDrive - Grupo Algar\Advanced Collection\0 - Cliente\99 - RFP\Agibank\214366 - BP (COB) - Staff AlgarTech v1.xlsb\</t>
  </si>
  <si>
    <t>11/21/2019 16:10:33</t>
  </si>
  <si>
    <t>11/21/2019 16:13:28</t>
  </si>
  <si>
    <t>/o=exchangelabs/ou=exchange administrative group (fydibohf23spdlt)/cn=recipients/cn=06b756ed7b9b4c61bdbcfb21cdf93e9f-lucas ferna;/o=exchangelabs/ou=exchange administrative group (fydibohf23spdlt)/cn=recipients/cn=136bac3aad104a579e671eb261072338-fabio dos r;/o=exchangelabs/ou=exchange administrative group (fydibohf23spdlt)/cn=recipients/cn=44f0a666541444e787f23979b24aa3bd-reginaldo r;/o=exchangelabs/ou=exchange administrative group (fydibohf23spdlt)/cn=recipients/cn=a4ba92cba10f4fe498074594f937f3b6-leandro lop;/o=exchangelabs/ou=exchange administrative group (fydibohf23spdlt)/cn=recipients/cn=c212eb60f4be444cb64e0cc9b82f6e10-alessandro;/o=exchangelabs/ou=exchange administrative group (fydibohf23spdlt)/cn=recipients/cn=d3d28899a5be4c2c8b5b9e55717f7da7-fabio ribei;/o=exchangelabs/ou=exchange administrative group (fydibohf23spdlt)/cn=recipients/cn=f2208b22da5b4bf3a5f4a7b9dfa2fd06-danilo marq;/o=exchangelabs/ou=exchange administrative group (fydibohf23spdlt)/cn=recipients/cn=f45617401bdf436baf70c45766699413-frede</t>
  </si>
  <si>
    <t>RES: Relatório de máquinas x pacote Office - Domínio BRA</t>
  </si>
  <si>
    <t>Re Relatório de máquinas x pacote Office - Domínio BRA.msg\s1\</t>
  </si>
  <si>
    <t>/o=exchangelabs/ou=exchange administrative group (fydibohf23spdlt)/cn=recipients/cn=06b756ed7b9b4c61bdbcfb21cdf93e9f-lucas ferna,/o=exchangelabs/ou=exchange administrative group (fydibohf23spdlt)/cn=recipients/cn=136bac3aad104a579e671eb261072338-fabio dos r,/o=exchangelabs/ou=exchange administrative group (fydibohf23spdlt)/cn=recipients/cn=44f0a666541444e787f23979b24aa3bd-reginaldo r,/o=exchangelabs/ou=exchange administrative group (fydibohf23spdlt)/cn=recipients/cn=a4ba92cba10f4fe498074594f937f3b6-leandro lop,/o=exchangelabs/ou=exchange administrative group (fydibohf23spdlt)/cn=recipients/cn=c212eb60f4be444cb64e0cc9b82f6e10-alessandro,/o=exchangelabs/ou=exchange administrative group (fydibohf23spdlt)/cn=recipients/cn=d3d28899a5be4c2c8b5b9e55717f7da7-fabio ribei,/o=exchangelabs/ou=exchange administrative group (fydibohf23spdlt)/cn=recipients/cn=f2208b22da5b4bf3a5f4a7b9dfa2fd06-danilo marq,/o=exchangelabs/ou=exchange administrative group (fydibohf23spdlt)/cn=recipients/cn=f45617401bdf436baf70c45766699413-frede</t>
  </si>
  <si>
    <t>11/21/2019 16:09:08</t>
  </si>
  <si>
    <t>C:\Users\simoneesm\OneDrive - Grupo Algar\Controle\ALGAR\TH\Política de Variável\</t>
  </si>
  <si>
    <t>Cópia de Bonificação - PRF.xlsx</t>
  </si>
  <si>
    <t>11/21/2019 16:11:58</t>
  </si>
  <si>
    <t>11/21/2019 16:15:29</t>
  </si>
  <si>
    <t>OPERACAO CSC 24X7</t>
  </si>
  <si>
    <t>10.208.14.83</t>
  </si>
  <si>
    <t>74-86-7A-FD-D7-EC</t>
  </si>
  <si>
    <t>SD-DF90-PC</t>
  </si>
  <si>
    <t>brunahadam</t>
  </si>
  <si>
    <t>C:\Users\brunahadam\Desktop\Pasta Qualidade\</t>
  </si>
  <si>
    <t>Lista - JA.xlsx</t>
  </si>
  <si>
    <t>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ess,explicitlytrashed,explicitlytrashed�,file(kind,fileextension,fileid,filesize,flaggedforabuse,foldercolor,folderfeatures,hasaugmentedpermissions,haschildfolders,hasthumbnail,hasvisitorpermissions,hidden,id,id),id)�,items(deleted,items(kind,ken,kind,labels(starred,lastmodifyinguser(kind,lastviewedbymedate,mimetype,modifiedbymedate,modifieddate,ontainsunsubscribedchildren,organizationdisplayname,owners(kind,parents(id),passivelysubscribed,permiss,permission,permissionid,picture,picture�,primarydomainname,primarysyncparentid,quo,quotabytesused,recency,recencyreason,restricted,rpermissions,shareable,shared,sharedwithme,sharedwithmedate,shar</t>
  </si>
  <si>
    <t>11/21/2019 16:15:50</t>
  </si>
  <si>
    <t>11/21/2019 16:18:28</t>
  </si>
  <si>
    <t>11/21/2019 16:28:41</t>
  </si>
  <si>
    <t>11/21/2019 16:31:28</t>
  </si>
  <si>
    <t>/o=exchangelabs/ou=exchange administrative group (fydibohf23spdlt)/cn=recipients/cn=6857e7b89b5f46e3b6aed2352ac8d5ac-carlos albe;/o=exchangelabs/ou=exchange administrative group (fydibohf23spdlt)/cn=recipients/cn=a2a95176ec8b4e558f3d0f3c2d9d370b-pablo dos s;</t>
  </si>
  <si>
    <t>Enriquecimento_Chassi_Novembro.xlsx</t>
  </si>
  <si>
    <t>/o=exchangelabs/ou=exchange administrative group (fydibohf23spdlt)/cn=recipients/cn=6857e7b89b5f46e3b6aed2352ac8d5ac-carlos albe,/o=exchangelabs/ou=exchange administrative group (fydibohf23spdlt)/cn=recipients/cn=a2a95176ec8b4e558f3d0f3c2d9d370b-pablo dos s</t>
  </si>
  <si>
    <t>11/21/2019 16:27:33</t>
  </si>
  <si>
    <t>11/21/2019 16:32:28</t>
  </si>
  <si>
    <t>C:\Users\ricardobal\OneDrive - Grupo Algar\Algar Tecnologia\01 - CLIENTES\DOCUMENTOS DE APOIO\FINANCEIRO\</t>
  </si>
  <si>
    <t>Taxas Macroeconomicas 06 set 2019.xlsx</t>
  </si>
  <si>
    <t>11/21/2019 16:34:30</t>
  </si>
  <si>
    <t>11/21/2019 16:36:28</t>
  </si>
  <si>
    <t>/o=exchangelabs/ou=exchange administrative group (fydibohf23spdlt)/cn=recipients/cn=545f738e0fe740ba856f4eb6ef0135e0-vinicius si;/o=exchangelabs/ou=exchange administrative group (fydibohf23spdlt)/cn=recipients/cn=80fb880d4e904fd9990f1ffec561717a-avon - supe;/o=exchangelabs/ou=exchange administrative group (fydibohf23spdlt)/cn=recipients/cn=d1d015f213f648abbf348b5ccdf8e9d9-senilda per;</t>
  </si>
  <si>
    <t>Ranking Out/19</t>
  </si>
  <si>
    <t>Ranking_Out.19.xlsx</t>
  </si>
  <si>
    <t>/o=exchangelabs/ou=exchange administrative group (fydibohf23spdlt)/cn=recipients/cn=545f738e0fe740ba856f4eb6ef0135e0-vinicius si,/o=exchangelabs/ou=exchange administrative group (fydibohf23spdlt)/cn=recipients/cn=80fb880d4e904fd9990f1ffec561717a-avon - supe,/o=exchangelabs/ou=exchange administrative group (fydibohf23spdlt)/cn=recipients/cn=d1d015f213f648abbf348b5ccdf8e9d9-senilda per</t>
  </si>
  <si>
    <t>11/21/2019 16:35:50</t>
  </si>
  <si>
    <t>11/21/2019 16:40:29</t>
  </si>
  <si>
    <t>10.200.60.75</t>
  </si>
  <si>
    <t>mail.google.com/_/upload?authuser=0&amp;dcp=asu-n&amp;upload_id=AEnB2UoKSjCb9UmS8ClBNTu4l8mHhon5Vt3mxbtmCjg1-hJjgVAPT9vvyS0JL4k_g1S5J5owZpqCCH9f5szLxURYmlqi-EM2WRtYjMUBWCEyET6cPwd1Lhc&amp;upload_protocol=resumable</t>
  </si>
  <si>
    <t>C:\Temp13\</t>
  </si>
  <si>
    <t>2020-29. Estrategia de Migração Plataformas de Telecom DAC 2 e DAC 3.xlsx</t>
  </si>
  <si>
    <t>11/21/2019 16:36:04</t>
  </si>
  <si>
    <t>mail.google.com/_/upload?authuser=0&amp;dcp=asu-n&amp;upload_id=AEnB2UrLHle7V4hcNAYi0shkVQodP8q4xIGMHYduYkcj0YNb92LuZAw2vhtH7qdUCC1H6t2e6tst9QSvVqor1WZtivv90-YVaA&amp;upload_protocol=resumable</t>
  </si>
  <si>
    <t>11/21/2019 16:40:02</t>
  </si>
  <si>
    <t>11/21/2019 16:43:28</t>
  </si>
  <si>
    <t>D:\Apresentação GRUPO GPS - Resumo - Copia.pptx\</t>
  </si>
  <si>
    <t>D:\Apresentação GRUPO GPS - Resumo - Copia.pptx</t>
  </si>
  <si>
    <t>11/21/2019 16:40:43</t>
  </si>
  <si>
    <t>E:\BK_final\Vilarinho\Vilarinho - Trabalho\Segurança - Erica\Apresentação GRUPO GPS - Resumo.pptx</t>
  </si>
  <si>
    <t>11/21/2019 16:40:45</t>
  </si>
  <si>
    <t>D:\2014\Orcamento\</t>
  </si>
  <si>
    <t>COMPOSICAO_RECEITA.xlsx</t>
  </si>
  <si>
    <t>E:\BK_final\Vilarinho\Vilarinho - Trabalho\Segurança - Erica\2014\Orcamento\COMPOSICAO_RECEITA.xlsx</t>
  </si>
  <si>
    <t>11/21/2019 16:40:46</t>
  </si>
  <si>
    <t>D:\2014\Orcamento\CAPEX\1PROJ\</t>
  </si>
  <si>
    <t>CAPEX_2014_ORC_CONSOLIDADO_1PROJ.xlsx</t>
  </si>
  <si>
    <t>E:\BK_final\Vilarinho\Vilarinho - Trabalho\Segurança - Erica\2014\Orcamento\CAPEX\1PROJ\CAPEX_2014_ORC_CONSOLIDADO_1PROJ.xlsx</t>
  </si>
  <si>
    <t>11/21/2019 16:40:51</t>
  </si>
  <si>
    <t>D:\2014\Orcamento\CAPEX\1PROJ\COMERCIAL\</t>
  </si>
  <si>
    <t>CAPEX_2014_ORC_CML_CONSOLIDADO_1PROJ.xlsx</t>
  </si>
  <si>
    <t>E:\BK_final\Vilarinho\Vilarinho - Trabalho\Segurança - Erica\2014\Orcamento\CAPEX\1PROJ\COMERCIAL\CAPEX_2014_ORC_CML_CONSOLIDADO_1PROJ.xlsx</t>
  </si>
  <si>
    <t>11/21/2019 16:40:53</t>
  </si>
  <si>
    <t>D:\2014\Orcamento\CAPEX\1PROJ\COMERCIAL\SEGURANCA DOCUMENTAL\</t>
  </si>
  <si>
    <t>CAPEX_2014_ORC_CML_SEDOC_1PROJ.xlsx</t>
  </si>
  <si>
    <t>E:\BK_final\Vilarinho\Vilarinho - Trabalho\Segurança - Erica\2014\Orcamento\CAPEX\1PROJ\COMERCIAL\SEGURANCA DOCUMENTAL\CAPEX_2014_ORC_CML_SEDOC_1PROJ.xlsx</t>
  </si>
  <si>
    <t>11/21/2019 16:40:54</t>
  </si>
  <si>
    <t>D:\2014\Orcamento\CAPEX\1PROJ\COMERCIAL\SEGURANCA ELETRONICA\</t>
  </si>
  <si>
    <t>CAPEX_2014_ORC_CML_ELE_CONSOLIDADO_1PROJ.xlsx</t>
  </si>
  <si>
    <t>E:\BK_final\Vilarinho\Vilarinho - Trabalho\Segurança - Erica\2014\Orcamento\CAPEX\1PROJ\COMERCIAL\SEGURANCA ELETRONICA\CAPEX_2014_ORC_CML_ELE_CONSOLIDADO_1PROJ.xlsx</t>
  </si>
  <si>
    <t>CAPEX_2014_ORC_CML_ELE_MONITORAMENTO_1PROJ.xlsx</t>
  </si>
  <si>
    <t>E:\BK_final\Vilarinho\Vilarinho - Trabalho\Segurança - Erica\2014\Orcamento\CAPEX\1PROJ\COMERCIAL\SEGURANCA ELETRONICA\CAPEX_2014_ORC_CML_ELE_MONITORAMENTO_1PROJ.xlsx</t>
  </si>
  <si>
    <t>CAPEX_2014_ORC_CML_ELE_PROJETOS_1PROJ.xlsx</t>
  </si>
  <si>
    <t>E:\BK_final\Vilarinho\Vilarinho - Trabalho\Segurança - Erica\2014\Orcamento\CAPEX\1PROJ\COMERCIAL\SEGURANCA ELETRONICA\CAPEX_2014_ORC_CML_ELE_PROJETOS_1PROJ.xlsx</t>
  </si>
  <si>
    <t>11/21/2019 16:40:55</t>
  </si>
  <si>
    <t>D:\2014\Orcamento\CAPEX\1PROJ\COMERCIAL\SEGURANCA PATRIMONIAL\</t>
  </si>
  <si>
    <t>CAPEX_2014_ORC_CML_PAT_CONSOLIDADO_1PROJ.xlsx</t>
  </si>
  <si>
    <t>E:\BK_final\Vilarinho\Vilarinho - Trabalho\Segurança - Erica\2014\Orcamento\CAPEX\1PROJ\COMERCIAL\SEGURANCA PATRIMONIAL\CAPEX_2014_ORC_CML_PAT_CONSOLIDADO_1PROJ.xlsx</t>
  </si>
  <si>
    <t>CAPEX_2014_ORC_CML_PAT_GO_1PROJ.xlsx</t>
  </si>
  <si>
    <t>E:\BK_final\Vilarinho\Vilarinho - Trabalho\Segurança - Erica\2014\Orcamento\CAPEX\1PROJ\COMERCIAL\SEGURANCA PATRIMONIAL\CAPEX_2014_ORC_CML_PAT_GO_1PROJ.xlsx</t>
  </si>
  <si>
    <t>11/21/2019 16:40:56</t>
  </si>
  <si>
    <t>CAPEX_2014_ORC_CML_PAT_MG1_1PROJ.xlsx</t>
  </si>
  <si>
    <t>E:\BK_final\Vilarinho\Vilarinho - Trabalho\Segurança - Erica\2014\Orcamento\CAPEX\1PROJ\COMERCIAL\SEGURANCA PATRIMONIAL\CAPEX_2014_ORC_CML_PAT_MG1_1PROJ.xlsx</t>
  </si>
  <si>
    <t>11/21/2019 16:40:57</t>
  </si>
  <si>
    <t>CAPEX_2014_ORC_CML_PAT_MG2_1PROJ.xlsx</t>
  </si>
  <si>
    <t>E:\BK_final\Vilarinho\Vilarinho - Trabalho\Segurança - Erica\2014\Orcamento\CAPEX\1PROJ\COMERCIAL\SEGURANCA PATRIMONIAL\CAPEX_2014_ORC_CML_PAT_MG2_1PROJ.xlsx</t>
  </si>
  <si>
    <t>11/21/2019 16:40:58</t>
  </si>
  <si>
    <t>CAPEX_2014_ORC_CML_PAT_MS_1PROJ.xlsx</t>
  </si>
  <si>
    <t>E:\BK_final\Vilarinho\Vilarinho - Trabalho\Segurança - Erica\2014\Orcamento\CAPEX\1PROJ\COMERCIAL\SEGURANCA PATRIMONIAL\CAPEX_2014_ORC_CML_PAT_MS_1PROJ.xlsx</t>
  </si>
  <si>
    <t>11/21/2019 16:42:31</t>
  </si>
  <si>
    <t>11/21/2019 16:42:32</t>
  </si>
  <si>
    <t>CAPEX_2014_ORC_CML_PAT_MT_1PROJ.xlsx</t>
  </si>
  <si>
    <t>E:\BK_final\Vilarinho\Vilarinho - Trabalho\Segurança - Erica\2014\Orcamento\CAPEX\1PROJ\COMERCIAL\SEGURANCA PATRIMONIAL\CAPEX_2014_ORC_CML_PAT_MT_1PROJ.xlsx</t>
  </si>
  <si>
    <t>11/21/2019 16:42:33</t>
  </si>
  <si>
    <t>CAPEX_2014_ORC_CML_PAT_PR_1PROJ.xlsx</t>
  </si>
  <si>
    <t>E:\BK_final\Vilarinho\Vilarinho - Trabalho\Segurança - Erica\2014\Orcamento\CAPEX\1PROJ\COMERCIAL\SEGURANCA PATRIMONIAL\CAPEX_2014_ORC_CML_PAT_PR_1PROJ.xlsx</t>
  </si>
  <si>
    <t>11/21/2019 16:42:34</t>
  </si>
  <si>
    <t>CAPEX_2014_ORC_CML_PAT_SP1_1PROJ.xlsx</t>
  </si>
  <si>
    <t>E:\BK_final\Vilarinho\Vilarinho - Trabalho\Segurança - Erica\2014\Orcamento\CAPEX\1PROJ\COMERCIAL\SEGURANCA PATRIMONIAL\CAPEX_2014_ORC_CML_PAT_SP1_1PROJ.xlsx</t>
  </si>
  <si>
    <t>11/21/2019 16:42:35</t>
  </si>
  <si>
    <t>CAPEX_2014_ORC_CML_PAT_SP2_1PROJ.xlsx</t>
  </si>
  <si>
    <t>E:\BK_final\Vilarinho\Vilarinho - Trabalho\Segurança - Erica\2014\Orcamento\CAPEX\1PROJ\COMERCIAL\SEGURANCA PATRIMONIAL\CAPEX_2014_ORC_CML_PAT_SP2_1PROJ.xlsx</t>
  </si>
  <si>
    <t>D:\2014\Orcamento\CAPEX\1PROJ\OPERACAO\</t>
  </si>
  <si>
    <t>CAPEX_2014_ORC_OPE_CONSOLIDADO_1PROJ.xlsx</t>
  </si>
  <si>
    <t>E:\BK_final\Vilarinho\Vilarinho - Trabalho\Segurança - Erica\2014\Orcamento\CAPEX\1PROJ\OPERACAO\CAPEX_2014_ORC_OPE_CONSOLIDADO_1PROJ.xlsx</t>
  </si>
  <si>
    <t>D:\2014\Orcamento\CAPEX\1PROJ\OPERACAO\SEGURANCA DOCUMENTAL\</t>
  </si>
  <si>
    <t>CAPEX_2014_ORC_OPE_SEDOC_CONSOLIDADO_1PROJ.xlsx</t>
  </si>
  <si>
    <t>E:\BK_final\Vilarinho\Vilarinho - Trabalho\Segurança - Erica\2014\Orcamento\CAPEX\1PROJ\OPERACAO\SEGURANCA DOCUMENTAL\CAPEX_2014_ORC_OPE_SEDOC_CONSOLIDADO_1PROJ.xlsx</t>
  </si>
  <si>
    <t>11/21/2019 16:42:36</t>
  </si>
  <si>
    <t>CAPEX_2014_ORC_OPE_SEDOC_MG1_1PROJ.xlsx</t>
  </si>
  <si>
    <t>E:\BK_final\Vilarinho\Vilarinho - Trabalho\Segurança - Erica\2014\Orcamento\CAPEX\1PROJ\OPERACAO\SEGURANCA DOCUMENTAL\CAPEX_2014_ORC_OPE_SEDOC_MG1_1PROJ.xlsx</t>
  </si>
  <si>
    <t>CAPEX_2014_ORC_OPE_SEDOC_SP1_1PROJ.xlsx</t>
  </si>
  <si>
    <t>E:\BK_final\Vilarinho\Vilarinho - Trabalho\Segurança - Erica\2014\Orcamento\CAPEX\1PROJ\OPERACAO\SEGURANCA DOCUMENTAL\CAPEX_2014_ORC_OPE_SEDOC_SP1_1PROJ.xlsx</t>
  </si>
  <si>
    <t>CAPEX_2014_ORC_OPE_SUP_SEDOC_1PROJ.xlsx</t>
  </si>
  <si>
    <t>E:\BK_final\Vilarinho\Vilarinho - Trabalho\Segurança - Erica\2014\Orcamento\CAPEX\1PROJ\OPERACAO\SEGURANCA DOCUMENTAL\CAPEX_2014_ORC_OPE_SUP_SEDOC_1PROJ.xlsx</t>
  </si>
  <si>
    <t>11/21/2019 16:42:37</t>
  </si>
  <si>
    <t>D:\2014\Orcamento\CAPEX\1PROJ\OPERACAO\SEGURANCA ELETRONICA\</t>
  </si>
  <si>
    <t>CAPEX_2014_ORC_OPE_ELE_ATEND_ALARME_1PROJ.xlsx</t>
  </si>
  <si>
    <t>E:\BK_final\Vilarinho\Vilarinho - Trabalho\Segurança - Erica\2014\Orcamento\CAPEX\1PROJ\OPERACAO\SEGURANCA ELETRONICA\CAPEX_2014_ORC_OPE_ELE_ATEND_ALARME_1PROJ.xlsx</t>
  </si>
  <si>
    <t>11/21/2019 16:42:38</t>
  </si>
  <si>
    <t>CAPEX_2014_ORC_OPE_ELE_CONSOLIDADO_1PROJ.xlsx</t>
  </si>
  <si>
    <t>E:\BK_final\Vilarinho\Vilarinho - Trabalho\Segurança - Erica\2014\Orcamento\CAPEX\1PROJ\OPERACAO\SEGURANCA ELETRONICA\CAPEX_2014_ORC_OPE_ELE_CONSOLIDADO_1PROJ.xlsx</t>
  </si>
  <si>
    <t>CAPEX_2014_ORC_OPE_ELE_MONITORAMENTO_1PROJ.xlsx</t>
  </si>
  <si>
    <t>E:\BK_final\Vilarinho\Vilarinho - Trabalho\Segurança - Erica\2014\Orcamento\CAPEX\1PROJ\OPERACAO\SEGURANCA ELETRONICA\CAPEX_2014_ORC_OPE_ELE_MONITORAMENTO_1PROJ.xlsx</t>
  </si>
  <si>
    <t>11/21/2019 16:42:39</t>
  </si>
  <si>
    <t>CAPEX_2014_ORC_OPE_ELE_PROJETOS_1PROJ.xlsx</t>
  </si>
  <si>
    <t>E:\BK_final\Vilarinho\Vilarinho - Trabalho\Segurança - Erica\2014\Orcamento\CAPEX\1PROJ\OPERACAO\SEGURANCA ELETRONICA\CAPEX_2014_ORC_OPE_ELE_PROJETOS_1PROJ.xlsx</t>
  </si>
  <si>
    <t>11/21/2019 16:42:40</t>
  </si>
  <si>
    <t>CAPEX_2014_ORC_OPE_ELE_SAC_1PROJ.xlsx</t>
  </si>
  <si>
    <t>E:\BK_final\Vilarinho\Vilarinho - Trabalho\Segurança - Erica\2014\Orcamento\CAPEX\1PROJ\OPERACAO\SEGURANCA ELETRONICA\CAPEX_2014_ORC_OPE_ELE_SAC_1PROJ.xlsx</t>
  </si>
  <si>
    <t>CAPEX_2014_ORC_OPE_ELE_TECNICA_1PROJ.xlsx</t>
  </si>
  <si>
    <t>E:\BK_final\Vilarinho\Vilarinho - Trabalho\Segurança - Erica\2014\Orcamento\CAPEX\1PROJ\OPERACAO\SEGURANCA ELETRONICA\CAPEX_2014_ORC_OPE_ELE_TECNICA_1PROJ.xlsx</t>
  </si>
  <si>
    <t>11/21/2019 16:42:41</t>
  </si>
  <si>
    <t>CAPEX_2014_ORC_OPE_SUP_ELE_1PROJ.xlsx</t>
  </si>
  <si>
    <t>E:\BK_final\Vilarinho\Vilarinho - Trabalho\Segurança - Erica\2014\Orcamento\CAPEX\1PROJ\OPERACAO\SEGURANCA ELETRONICA\CAPEX_2014_ORC_OPE_SUP_ELE_1PROJ.xlsx</t>
  </si>
  <si>
    <t>D:\2014\Orcamento\CAPEX\1PROJ\OPERACAO\SEGURANCA PATRIMONIAL\</t>
  </si>
  <si>
    <t>CAPEX_2014_ORC_OPE_PAT_CONSOLIDADO_1PROJ.xlsx</t>
  </si>
  <si>
    <t>E:\BK_final\Vilarinho\Vilarinho - Trabalho\Segurança - Erica\2014\Orcamento\CAPEX\1PROJ\OPERACAO\SEGURANCA PATRIMONIAL\CAPEX_2014_ORC_OPE_PAT_CONSOLIDADO_1PROJ.xlsx</t>
  </si>
  <si>
    <t>CAPEX_2014_ORC_OPE_PAT_GO_1PROJ.xlsx</t>
  </si>
  <si>
    <t>E:\BK_final\Vilarinho\Vilarinho - Trabalho\Segurança - Erica\2014\Orcamento\CAPEX\1PROJ\OPERACAO\SEGURANCA PATRIMONIAL\CAPEX_2014_ORC_OPE_PAT_GO_1PROJ.xlsx</t>
  </si>
  <si>
    <t>CAPEX_2014_ORC_OPE_PAT_MG1_1PROJ.xlsx</t>
  </si>
  <si>
    <t>E:\BK_final\Vilarinho\Vilarinho - Trabalho\Segurança - Erica\2014\Orcamento\CAPEX\1PROJ\OPERACAO\SEGURANCA PATRIMONIAL\CAPEX_2014_ORC_OPE_PAT_MG1_1PROJ.xlsx</t>
  </si>
  <si>
    <t>CAPEX_2014_ORC_OPE_PAT_MG2_1PROJ.xlsx</t>
  </si>
  <si>
    <t>E:\BK_final\Vilarinho\Vilarinho - Trabalho\Segurança - Erica\2014\Orcamento\CAPEX\1PROJ\OPERACAO\SEGURANCA PATRIMONIAL\CAPEX_2014_ORC_OPE_PAT_MG2_1PROJ.xlsx</t>
  </si>
  <si>
    <t>11/21/2019 16:42:42</t>
  </si>
  <si>
    <t>CAPEX_2014_ORC_OPE_PAT_MS_1PROJ.xlsx</t>
  </si>
  <si>
    <t>E:\BK_final\Vilarinho\Vilarinho - Trabalho\Segurança - Erica\2014\Orcamento\CAPEX\1PROJ\OPERACAO\SEGURANCA PATRIMONIAL\CAPEX_2014_ORC_OPE_PAT_MS_1PROJ.xlsx</t>
  </si>
  <si>
    <t>CAPEX_2014_ORC_OPE_PAT_MT_1PROJ.xlsx</t>
  </si>
  <si>
    <t>E:\BK_final\Vilarinho\Vilarinho - Trabalho\Segurança - Erica\2014\Orcamento\CAPEX\1PROJ\OPERACAO\SEGURANCA PATRIMONIAL\CAPEX_2014_ORC_OPE_PAT_MT_1PROJ.xlsx</t>
  </si>
  <si>
    <t>CAPEX_2014_ORC_OPE_PAT_PR_1PROJ.xlsx</t>
  </si>
  <si>
    <t>E:\BK_final\Vilarinho\Vilarinho - Trabalho\Segurança - Erica\2014\Orcamento\CAPEX\1PROJ\OPERACAO\SEGURANCA PATRIMONIAL\CAPEX_2014_ORC_OPE_PAT_PR_1PROJ.xlsx</t>
  </si>
  <si>
    <t>11/21/2019 16:42:43</t>
  </si>
  <si>
    <t>CAPEX_2014_ORC_OPE_PAT_SP1_1PROJ.xlsx</t>
  </si>
  <si>
    <t>E:\BK_final\Vilarinho\Vilarinho - Trabalho\Segurança - Erica\2014\Orcamento\CAPEX\1PROJ\OPERACAO\SEGURANCA PATRIMONIAL\CAPEX_2014_ORC_OPE_PAT_SP1_1PROJ.xlsx</t>
  </si>
  <si>
    <t>CAPEX_2014_ORC_OPE_PAT_SP2_1PROJ.xlsx</t>
  </si>
  <si>
    <t>E:\BK_final\Vilarinho\Vilarinho - Trabalho\Segurança - Erica\2014\Orcamento\CAPEX\1PROJ\OPERACAO\SEGURANCA PATRIMONIAL\CAPEX_2014_ORC_OPE_PAT_SP2_1PROJ.xlsx</t>
  </si>
  <si>
    <t>11/21/2019 16:42:45</t>
  </si>
  <si>
    <t>D:\2014\Orcamento\CAPEX\1PROJ\OPERACAO\SEGURANCA PATRIMONIAL\AFASTAMENTO_FERIAS\</t>
  </si>
  <si>
    <t>CAPEX_2014_ORC_SUP_PAT_AFAST_FERIAS_CONSOLIDADO_OFICIAL.xlsx</t>
  </si>
  <si>
    <t>E:\BK_final\Vilarinho\Vilarinho - Trabalho\Segurança - Erica\2014\Orcamento\CAPEX\1PROJ\OPERACAO\SEGURANCA PATRIMONIAL\AFASTAMENTO_FERIAS\CAPEX_2014_ORC_SUP_PAT_AFAST_FERIAS_CONSOLIDADO_OFICIAL.xlsx</t>
  </si>
  <si>
    <t>11/21/2019 16:42:46</t>
  </si>
  <si>
    <t>CAPEX_2014_ORC_SUP_PAT_AFAST_FERIAS_GO_OFICIAL.xlsx</t>
  </si>
  <si>
    <t>E:\BK_final\Vilarinho\Vilarinho - Trabalho\Segurança - Erica\2014\Orcamento\CAPEX\1PROJ\OPERACAO\SEGURANCA PATRIMONIAL\AFASTAMENTO_FERIAS\CAPEX_2014_ORC_SUP_PAT_AFAST_FERIAS_GO_OFICIAL.xlsx</t>
  </si>
  <si>
    <t>CAPEX_2014_ORC_SUP_PAT_AFAST_FERIAS_MG1_OFICIAL.xlsx</t>
  </si>
  <si>
    <t>E:\BK_final\Vilarinho\Vilarinho - Trabalho\Segurança - Erica\2014\Orcamento\CAPEX\1PROJ\OPERACAO\SEGURANCA PATRIMONIAL\AFASTAMENTO_FERIAS\CAPEX_2014_ORC_SUP_PAT_AFAST_FERIAS_MG1_OFICIAL.xlsx</t>
  </si>
  <si>
    <t>CAPEX_2014_ORC_SUP_PAT_AFAST_FERIAS_MG2_OFICIAL.xlsx</t>
  </si>
  <si>
    <t>E:\BK_final\Vilarinho\Vilarinho - Trabalho\Segurança - Erica\2014\Orcamento\CAPEX\1PROJ\OPERACAO\SEGURANCA PATRIMONIAL\AFASTAMENTO_FERIAS\CAPEX_2014_ORC_SUP_PAT_AFAST_FERIAS_MG2_OFICIAL.xlsx</t>
  </si>
  <si>
    <t>11/21/2019 16:42:47</t>
  </si>
  <si>
    <t>CAPEX_2014_ORC_SUP_PAT_AFAST_FERIAS_MS_OFICIAL.xlsx</t>
  </si>
  <si>
    <t>E:\BK_final\Vilarinho\Vilarinho - Trabalho\Segurança - Erica\2014\Orcamento\CAPEX\1PROJ\OPERACAO\SEGURANCA PATRIMONIAL\AFASTAMENTO_FERIAS\CAPEX_2014_ORC_SUP_PAT_AFAST_FERIAS_MS_OFICIAL.xlsx</t>
  </si>
  <si>
    <t>CAPEX_2014_ORC_SUP_PAT_AFAST_FERIAS_MT_OFICIAL.xlsx</t>
  </si>
  <si>
    <t>E:\BK_final\Vilarinho\Vilarinho - Trabalho\Segurança - Erica\2014\Orcamento\CAPEX\1PROJ\OPERACAO\SEGURANCA PATRIMONIAL\AFASTAMENTO_FERIAS\CAPEX_2014_ORC_SUP_PAT_AFAST_FERIAS_MT_OFICIAL.xlsx</t>
  </si>
  <si>
    <t>CAPEX_2014_ORC_SUP_PAT_AFAST_FERIAS_PR_OFICIAL.xlsx</t>
  </si>
  <si>
    <t>E:\BK_final\Vilarinho\Vilarinho - Trabalho\Segurança - Erica\2014\Orcamento\CAPEX\1PROJ\OPERACAO\SEGURANCA PATRIMONIAL\AFASTAMENTO_FERIAS\CAPEX_2014_ORC_SUP_PAT_AFAST_FERIAS_PR_OFICIAL.xlsx</t>
  </si>
  <si>
    <t>CAPEX_2014_ORC_SUP_PAT_AFAST_FERIAS_SP1_OFICIAL.xlsx</t>
  </si>
  <si>
    <t>E:\BK_final\Vilarinho\Vilarinho - Trabalho\Segurança - Erica\2014\Orcamento\CAPEX\1PROJ\OPERACAO\SEGURANCA PATRIMONIAL\AFASTAMENTO_FERIAS\CAPEX_2014_ORC_SUP_PAT_AFAST_FERIAS_SP1_OFICIAL.xlsx</t>
  </si>
  <si>
    <t>CAPEX_2014_ORC_SUP_PAT_AFAST_FERIAS_SP2_OFICIAL.xlsx</t>
  </si>
  <si>
    <t>E:\BK_final\Vilarinho\Vilarinho - Trabalho\Segurança - Erica\2014\Orcamento\CAPEX\1PROJ\OPERACAO\SEGURANCA PATRIMONIAL\AFASTAMENTO_FERIAS\CAPEX_2014_ORC_SUP_PAT_AFAST_FERIAS_SP2_OFICIAL.xlsx</t>
  </si>
  <si>
    <t>11/21/2019 16:42:49</t>
  </si>
  <si>
    <t>D:\2014\Orcamento\CAPEX\1PROJ\OPERACAO\SUPERVISAO PATRIMONIAL\</t>
  </si>
  <si>
    <t>CAPEX_2014_ORC_SUP_PAT_CONSOLIDADO_1PROJ.xlsx</t>
  </si>
  <si>
    <t>E:\BK_final\Vilarinho\Vilarinho - Trabalho\Segurança - Erica\2014\Orcamento\CAPEX\1PROJ\OPERACAO\SUPERVISAO PATRIMONIAL\CAPEX_2014_ORC_SUP_PAT_CONSOLIDADO_1PROJ.xlsx</t>
  </si>
  <si>
    <t>CAPEX_2014_ORC_SUP_PAT_RESUMO_1PROJ.xlsx</t>
  </si>
  <si>
    <t>E:\BK_final\Vilarinho\Vilarinho - Trabalho\Segurança - Erica\2014\Orcamento\CAPEX\1PROJ\OPERACAO\SUPERVISAO PATRIMONIAL\CAPEX_2014_ORC_SUP_PAT_RESUMO_1PROJ.xlsx</t>
  </si>
  <si>
    <t>D:\2014\Orcamento\CAPEX\1PROJ\OPERACAO\SUPERVISAO PATRIMONIAL\ACADEMIA\</t>
  </si>
  <si>
    <t>CAPEX_2014_ORC_SUP_PAT_ACADEMIA_1PROJ.xlsx</t>
  </si>
  <si>
    <t>E:\BK_final\Vilarinho\Vilarinho - Trabalho\Segurança - Erica\2014\Orcamento\CAPEX\1PROJ\OPERACAO\SUPERVISAO PATRIMONIAL\ACADEMIA\CAPEX_2014_ORC_SUP_PAT_ACADEMIA_1PROJ.xlsx</t>
  </si>
  <si>
    <t>D:\2014\Orcamento\CAPEX\1PROJ\OPERACAO\SUPERVISAO PATRIMONIAL\CENTRAL\</t>
  </si>
  <si>
    <t>CAPEX_2014_ORC_SUP_PAT_CENTRAL_CONSOLIDADO_1PROJ.xlsx</t>
  </si>
  <si>
    <t>E:\BK_final\Vilarinho\Vilarinho - Trabalho\Segurança - Erica\2014\Orcamento\CAPEX\1PROJ\OPERACAO\SUPERVISAO PATRIMONIAL\CENTRAL\CAPEX_2014_ORC_SUP_PAT_CENTRAL_CONSOLIDADO_1PROJ.xlsx</t>
  </si>
  <si>
    <t>CAPEX_2014_ORC_SUP_PAT_CENTRAL_GO_1PROJ.xlsx</t>
  </si>
  <si>
    <t>E:\BK_final\Vilarinho\Vilarinho - Trabalho\Segurança - Erica\2014\Orcamento\CAPEX\1PROJ\OPERACAO\SUPERVISAO PATRIMONIAL\CENTRAL\CAPEX_2014_ORC_SUP_PAT_CENTRAL_GO_1PROJ.xlsx</t>
  </si>
  <si>
    <t>11/21/2019 16:42:50</t>
  </si>
  <si>
    <t>CAPEX_2014_ORC_SUP_PAT_CENTRAL_MG1_1PROJ.xlsx</t>
  </si>
  <si>
    <t>E:\BK_final\Vilarinho\Vilarinho - Trabalho\Segurança - Erica\2014\Orcamento\CAPEX\1PROJ\OPERACAO\SUPERVISAO PATRIMONIAL\CENTRAL\CAPEX_2014_ORC_SUP_PAT_CENTRAL_MG1_1PROJ.xlsx</t>
  </si>
  <si>
    <t>CAPEX_2014_ORC_SUP_PAT_CENTRAL_MG2_1PROJ.xlsx</t>
  </si>
  <si>
    <t>E:\BK_final\Vilarinho\Vilarinho - Trabalho\Segurança - Erica\2014\Orcamento\CAPEX\1PROJ\OPERACAO\SUPERVISAO PATRIMONIAL\CENTRAL\CAPEX_2014_ORC_SUP_PAT_CENTRAL_MG2_1PROJ.xlsx</t>
  </si>
  <si>
    <t>CAPEX_2014_ORC_SUP_PAT_CENTRAL_MS_1PROJ.xlsx</t>
  </si>
  <si>
    <t>E:\BK_final\Vilarinho\Vilarinho - Trabalho\Segurança - Erica\2014\Orcamento\CAPEX\1PROJ\OPERACAO\SUPERVISAO PATRIMONIAL\CENTRAL\CAPEX_2014_ORC_SUP_PAT_CENTRAL_MS_1PROJ.xlsx</t>
  </si>
  <si>
    <t>11/21/2019 16:42:51</t>
  </si>
  <si>
    <t>CAPEX_2014_ORC_SUP_PAT_CENTRAL_MT_1PROJ.xlsx</t>
  </si>
  <si>
    <t>E:\BK_final\Vilarinho\Vilarinho - Trabalho\Segurança - Erica\2014\Orcamento\CAPEX\1PROJ\OPERACAO\SUPERVISAO PATRIMONIAL\CENTRAL\CAPEX_2014_ORC_SUP_PAT_CENTRAL_MT_1PROJ.xlsx</t>
  </si>
  <si>
    <t>CAPEX_2014_ORC_SUP_PAT_CENTRAL_PR_1PROJ.xlsx</t>
  </si>
  <si>
    <t>E:\BK_final\Vilarinho\Vilarinho - Trabalho\Segurança - Erica\2014\Orcamento\CAPEX\1PROJ\OPERACAO\SUPERVISAO PATRIMONIAL\CENTRAL\CAPEX_2014_ORC_SUP_PAT_CENTRAL_PR_1PROJ.xlsx</t>
  </si>
  <si>
    <t>11/21/2019 16:42:52</t>
  </si>
  <si>
    <t>CAPEX_2014_ORC_SUP_PAT_CENTRAL_SP1_1PROJ.xlsx</t>
  </si>
  <si>
    <t>E:\BK_final\Vilarinho\Vilarinho - Trabalho\Segurança - Erica\2014\Orcamento\CAPEX\1PROJ\OPERACAO\SUPERVISAO PATRIMONIAL\CENTRAL\CAPEX_2014_ORC_SUP_PAT_CENTRAL_SP1_1PROJ.xlsx</t>
  </si>
  <si>
    <t>11/21/2019 16:42:53</t>
  </si>
  <si>
    <t>CAPEX_2014_ORC_SUP_PAT_CENTRAL_SP2_1PROJ.xlsx</t>
  </si>
  <si>
    <t>E:\BK_final\Vilarinho\Vilarinho - Trabalho\Segurança - Erica\2014\Orcamento\CAPEX\1PROJ\OPERACAO\SUPERVISAO PATRIMONIAL\CENTRAL\CAPEX_2014_ORC_SUP_PAT_CENTRAL_SP2_1PROJ.xlsx</t>
  </si>
  <si>
    <t>11/21/2019 16:42:54</t>
  </si>
  <si>
    <t>D:\2014\Orcamento\CAPEX\1PROJ\OPERACAO\SUPERVISAO PATRIMONIAL\GESTAO ONLINE\</t>
  </si>
  <si>
    <t>CAPEX_2014_ORC_SUP_PAT_GO_1PROJ.xlsx</t>
  </si>
  <si>
    <t>E:\BK_final\Vilarinho\Vilarinho - Trabalho\Segurança - Erica\2014\Orcamento\CAPEX\1PROJ\OPERACAO\SUPERVISAO PATRIMONIAL\GESTAO ONLINE\CAPEX_2014_ORC_SUP_PAT_GO_1PROJ.xlsx</t>
  </si>
  <si>
    <t>11/21/2019 16:42:55</t>
  </si>
  <si>
    <t>D:\2014\Orcamento\CAPEX\1PROJ\OPERACAO\SUPERVISAO PATRIMONIAL\OPERACIONAL\</t>
  </si>
  <si>
    <t>CAPEX_2014_ORC_SUP_PAT_OPERACIONAL_CONSOLIDADO_1PROJ.xlsx</t>
  </si>
  <si>
    <t>E:\BK_final\Vilarinho\Vilarinho - Trabalho\Segurança - Erica\2014\Orcamento\CAPEX\1PROJ\OPERACAO\SUPERVISAO PATRIMONIAL\OPERACIONAL\CAPEX_2014_ORC_SUP_PAT_OPERACIONAL_CONSOLIDADO_1PROJ.xlsx</t>
  </si>
  <si>
    <t>CAPEX_2014_ORC_SUP_PAT_OPERACIONAL_GO_1PROJ.xlsx</t>
  </si>
  <si>
    <t>E:\BK_final\Vilarinho\Vilarinho - Trabalho\Segurança - Erica\2014\Orcamento\CAPEX\1PROJ\OPERACAO\SUPERVISAO PATRIMONIAL\OPERACIONAL\CAPEX_2014_ORC_SUP_PAT_OPERACIONAL_GO_1PROJ.xlsx</t>
  </si>
  <si>
    <t>CAPEX_2014_ORC_SUP_PAT_OPERACIONAL_MG2_1PROJ.xlsx</t>
  </si>
  <si>
    <t>E:\BK_final\Vilarinho\Vilarinho - Trabalho\Segurança - Erica\2014\Orcamento\CAPEX\1PROJ\OPERACAO\SUPERVISAO PATRIMONIAL\OPERACIONAL\CAPEX_2014_ORC_SUP_PAT_OPERACIONAL_MG2_1PROJ.xlsx</t>
  </si>
  <si>
    <t>CAPEX_2014_ORC_SUP_PAT_OPERACIONAL_MG1_1PROJ.xlsx</t>
  </si>
  <si>
    <t>E:\BK_final\Vilarinho\Vilarinho - Trabalho\Segurança - Erica\2014\Orcamento\CAPEX\1PROJ\OPERACAO\SUPERVISAO PATRIMONIAL\OPERACIONAL\CAPEX_2014_ORC_SUP_PAT_OPERACIONAL_MG1_1PROJ.xlsx</t>
  </si>
  <si>
    <t>CAPEX_2014_ORC_SUP_PAT_OPERACIONAL_MS_1PROJ.xlsx</t>
  </si>
  <si>
    <t>E:\BK_final\Vilarinho\Vilarinho - Trabalho\Segurança - Erica\2014\Orcamento\CAPEX\1PROJ\OPERACAO\SUPERVISAO PATRIMONIAL\OPERACIONAL\CAPEX_2014_ORC_SUP_PAT_OPERACIONAL_MS_1PROJ.xlsx</t>
  </si>
  <si>
    <t>11/21/2019 16:42:56</t>
  </si>
  <si>
    <t>CAPEX_2014_ORC_SUP_PAT_OPERACIONAL_MT_1PROJ.xlsx</t>
  </si>
  <si>
    <t>E:\BK_final\Vilarinho\Vilarinho - Trabalho\Segurança - Erica\2014\Orcamento\CAPEX\1PROJ\OPERACAO\SUPERVISAO PATRIMONIAL\OPERACIONAL\CAPEX_2014_ORC_SUP_PAT_OPERACIONAL_MT_1PROJ.xlsx</t>
  </si>
  <si>
    <t>CAPEX_2014_ORC_SUP_PAT_OPERACIONAL_PR_1PROJ.xlsx</t>
  </si>
  <si>
    <t>E:\BK_final\Vilarinho\Vilarinho - Trabalho\Segurança - Erica\2014\Orcamento\CAPEX\1PROJ\OPERACAO\SUPERVISAO PATRIMONIAL\OPERACIONAL\CAPEX_2014_ORC_SUP_PAT_OPERACIONAL_PR_1PROJ.xlsx</t>
  </si>
  <si>
    <t>CAPEX_2014_ORC_SUP_PAT_OPERACIONAL_SP1_1PROJ.xlsx</t>
  </si>
  <si>
    <t>E:\BK_final\Vilarinho\Vilarinho - Trabalho\Segurança - Erica\2014\Orcamento\CAPEX\1PROJ\OPERACAO\SUPERVISAO PATRIMONIAL\OPERACIONAL\CAPEX_2014_ORC_SUP_PAT_OPERACIONAL_SP1_1PROJ.xlsx</t>
  </si>
  <si>
    <t>CAPEX_2014_ORC_SUP_PAT_OPERACIONAL_SP2_1PROJ.xlsx</t>
  </si>
  <si>
    <t>E:\BK_final\Vilarinho\Vilarinho - Trabalho\Segurança - Erica\2014\Orcamento\CAPEX\1PROJ\OPERACAO\SUPERVISAO PATRIMONIAL\OPERACIONAL\CAPEX_2014_ORC_SUP_PAT_OPERACIONAL_SP2_1PROJ.xlsx</t>
  </si>
  <si>
    <t>D:\2014\Orcamento\CAPEX\1PROJ\STAFF\</t>
  </si>
  <si>
    <t>CAPEX_2014_ORC_ADM_AGPI_1PROJ.xlsx</t>
  </si>
  <si>
    <t>E:\BK_final\Vilarinho\Vilarinho - Trabalho\Segurança - Erica\2014\Orcamento\CAPEX\1PROJ\STAFF\CAPEX_2014_ORC_ADM_AGPI_1PROJ.xlsx</t>
  </si>
  <si>
    <t>11/21/2019 16:42:57</t>
  </si>
  <si>
    <t>CAPEX_2014_ORC_ADM_COMITE_INOVACAO_1PROJ.xlsx</t>
  </si>
  <si>
    <t>E:\BK_final\Vilarinho\Vilarinho - Trabalho\Segurança - Erica\2014\Orcamento\CAPEX\1PROJ\STAFF\CAPEX_2014_ORC_ADM_COMITE_INOVACAO_1PROJ.xlsx</t>
  </si>
  <si>
    <t>CAPEX_2014_ORC_ADM_CONSOLIDADO_1PROJ.xlsx</t>
  </si>
  <si>
    <t>E:\BK_final\Vilarinho\Vilarinho - Trabalho\Segurança - Erica\2014\Orcamento\CAPEX\1PROJ\STAFF\CAPEX_2014_ORC_ADM_CONSOLIDADO_1PROJ.xlsx</t>
  </si>
  <si>
    <t>CAPEX_2014_ORC_ADM_CORPORATIVO_1PROJ.xlsx</t>
  </si>
  <si>
    <t>E:\BK_final\Vilarinho\Vilarinho - Trabalho\Segurança - Erica\2014\Orcamento\CAPEX\1PROJ\STAFF\CAPEX_2014_ORC_ADM_CORPORATIVO_1PROJ.xlsx</t>
  </si>
  <si>
    <t>11/21/2019 16:44:00</t>
  </si>
  <si>
    <t>11/21/2019 16:45:28</t>
  </si>
  <si>
    <t>Y:\financeiro_ula\FATURAMENTO\22. Controle TIM\7.Controle PO e FS\</t>
  </si>
  <si>
    <t>11.CONSOLIDADO PLAN TIM -CRIAÇAO FS 2019 OFICIAL1.v2.xlsx</t>
  </si>
  <si>
    <t>11/21/2019 16:48:29</t>
  </si>
  <si>
    <t>CAPEX_2014_ORC_ADM_CSC_1PROJ.xlsx</t>
  </si>
  <si>
    <t>E:\BK_final\Vilarinho\Vilarinho - Trabalho\Segurança - Erica\2014\Orcamento\CAPEX\1PROJ\STAFF\CAPEX_2014_ORC_ADM_CSC_1PROJ.xlsx</t>
  </si>
  <si>
    <t>CAPEX_2014_ORC_ADM_DIRETORIA_1PROJ.xlsx</t>
  </si>
  <si>
    <t>E:\BK_final\Vilarinho\Vilarinho - Trabalho\Segurança - Erica\2014\Orcamento\CAPEX\1PROJ\STAFF\CAPEX_2014_ORC_ADM_DIRETORIA_1PROJ.xlsx</t>
  </si>
  <si>
    <t>11/21/2019 16:42:58</t>
  </si>
  <si>
    <t>CAPEX_2014_ORC_ADM_FINANCEIRO_1PROJ.xlsx</t>
  </si>
  <si>
    <t>E:\BK_final\Vilarinho\Vilarinho - Trabalho\Segurança - Erica\2014\Orcamento\CAPEX\1PROJ\STAFF\CAPEX_2014_ORC_ADM_FINANCEIRO_1PROJ.xlsx</t>
  </si>
  <si>
    <t>CAPEX_2014_ORC_ADM_HOLDING_1PROJ.xlsx</t>
  </si>
  <si>
    <t>E:\BK_final\Vilarinho\Vilarinho - Trabalho\Segurança - Erica\2014\Orcamento\CAPEX\1PROJ\STAFF\CAPEX_2014_ORC_ADM_HOLDING_1PROJ.xlsx</t>
  </si>
  <si>
    <t>CAPEX_2014_ORC_ADM_JURIDICO_1PROJ.xlsx</t>
  </si>
  <si>
    <t>E:\BK_final\Vilarinho\Vilarinho - Trabalho\Segurança - Erica\2014\Orcamento\CAPEX\1PROJ\STAFF\CAPEX_2014_ORC_ADM_JURIDICO_1PROJ.xlsx</t>
  </si>
  <si>
    <t>CAPEX_2014_ORC_ADM_SESMT_1PROJ.xlsx</t>
  </si>
  <si>
    <t>E:\BK_final\Vilarinho\Vilarinho - Trabalho\Segurança - Erica\2014\Orcamento\CAPEX\1PROJ\STAFF\CAPEX_2014_ORC_ADM_SESMT_1PROJ.xlsx</t>
  </si>
  <si>
    <t>CAPEX_2014_ORC_ADM_TH_1PROJ.xlsx</t>
  </si>
  <si>
    <t>E:\BK_final\Vilarinho\Vilarinho - Trabalho\Segurança - Erica\2014\Orcamento\CAPEX\1PROJ\STAFF\CAPEX_2014_ORC_ADM_TH_1PROJ.xlsx</t>
  </si>
  <si>
    <t>11/21/2019 16:42:59</t>
  </si>
  <si>
    <t>CAPEX_2014_ORC_ADM_TI_1PROJ.xlsx</t>
  </si>
  <si>
    <t>E:\BK_final\Vilarinho\Vilarinho - Trabalho\Segurança - Erica\2014\Orcamento\CAPEX\1PROJ\STAFF\CAPEX_2014_ORC_ADM_TI_1PROJ.xlsx</t>
  </si>
  <si>
    <t>11/21/2019 16:43:00</t>
  </si>
  <si>
    <t>D:\2014\Orcamento\CAPEX\2PROJ\</t>
  </si>
  <si>
    <t>CAPEX_2014_ORC_CONSOLIDADO_2PROJ.xlsx</t>
  </si>
  <si>
    <t>E:\BK_final\Vilarinho\Vilarinho - Trabalho\Segurança - Erica\2014\Orcamento\CAPEX\2PROJ\CAPEX_2014_ORC_CONSOLIDADO_2PROJ.xlsx</t>
  </si>
  <si>
    <t>D:\2014\Orcamento\CAPEX\2PROJ\COMERCIAL\</t>
  </si>
  <si>
    <t>CAPEX_2014_ORC_CML_CONSOLIDADO_2PROJ.xlsx</t>
  </si>
  <si>
    <t>E:\BK_final\Vilarinho\Vilarinho - Trabalho\Segurança - Erica\2014\Orcamento\CAPEX\2PROJ\COMERCIAL\CAPEX_2014_ORC_CML_CONSOLIDADO_2PROJ.xlsx</t>
  </si>
  <si>
    <t>D:\2014\Orcamento\CAPEX\2PROJ\COMERCIAL\SEGURANCA DOCUMENTAL\</t>
  </si>
  <si>
    <t>CAPEX_2014_ORC_CML_SEDOC_2PROJ.xlsx</t>
  </si>
  <si>
    <t>E:\BK_final\Vilarinho\Vilarinho - Trabalho\Segurança - Erica\2014\Orcamento\CAPEX\2PROJ\COMERCIAL\SEGURANCA DOCUMENTAL\CAPEX_2014_ORC_CML_SEDOC_2PROJ.xlsx</t>
  </si>
  <si>
    <t>D:\2014\Orcamento\CAPEX\2PROJ\COMERCIAL\SEGURANCA ELETRONICA\</t>
  </si>
  <si>
    <t>CAPEX_2014_ORC_CML_ELE_CONSOLIDADO_2PROJ.xlsx</t>
  </si>
  <si>
    <t>E:\BK_final\Vilarinho\Vilarinho - Trabalho\Segurança - Erica\2014\Orcamento\CAPEX\2PROJ\COMERCIAL\SEGURANCA ELETRONICA\CAPEX_2014_ORC_CML_ELE_CONSOLIDADO_2PROJ.xlsx</t>
  </si>
  <si>
    <t>CAPEX_2014_ORC_CML_ELE_MONITORAMENTO_2PROJ.xlsx</t>
  </si>
  <si>
    <t>E:\BK_final\Vilarinho\Vilarinho - Trabalho\Segurança - Erica\2014\Orcamento\CAPEX\2PROJ\COMERCIAL\SEGURANCA ELETRONICA\CAPEX_2014_ORC_CML_ELE_MONITORAMENTO_2PROJ.xlsx</t>
  </si>
  <si>
    <t>11/21/2019 16:43:01</t>
  </si>
  <si>
    <t>CAPEX_2014_ORC_CML_ELE_PROJETOS_2PROJ.xlsx</t>
  </si>
  <si>
    <t>E:\BK_final\Vilarinho\Vilarinho - Trabalho\Segurança - Erica\2014\Orcamento\CAPEX\2PROJ\COMERCIAL\SEGURANCA ELETRONICA\CAPEX_2014_ORC_CML_ELE_PROJETOS_2PROJ.xlsx</t>
  </si>
  <si>
    <t>D:\2014\Orcamento\CAPEX\2PROJ\COMERCIAL\SEGURANCA PATRIMONIAL\</t>
  </si>
  <si>
    <t>CAPEX_2014_ORC_CML_PAT_CONSOLIDADO_2PROJ.xlsx</t>
  </si>
  <si>
    <t>E:\BK_final\Vilarinho\Vilarinho - Trabalho\Segurança - Erica\2014\Orcamento\CAPEX\2PROJ\COMERCIAL\SEGURANCA PATRIMONIAL\CAPEX_2014_ORC_CML_PAT_CONSOLIDADO_2PROJ.xlsx</t>
  </si>
  <si>
    <t>CAPEX_2014_ORC_CML_PAT_GO_2PROJ.xlsx</t>
  </si>
  <si>
    <t>E:\BK_final\Vilarinho\Vilarinho - Trabalho\Segurança - Erica\2014\Orcamento\CAPEX\2PROJ\COMERCIAL\SEGURANCA PATRIMONIAL\CAPEX_2014_ORC_CML_PAT_GO_2PROJ.xlsx</t>
  </si>
  <si>
    <t>CAPEX_2014_ORC_CML_PAT_MG1_2PROJ.xlsx</t>
  </si>
  <si>
    <t>E:\BK_final\Vilarinho\Vilarinho - Trabalho\Segurança - Erica\2014\Orcamento\CAPEX\2PROJ\COMERCIAL\SEGURANCA PATRIMONIAL\CAPEX_2014_ORC_CML_PAT_MG1_2PROJ.xlsx</t>
  </si>
  <si>
    <t>CAPEX_2014_ORC_CML_PAT_MG2_2PROJ.xlsx</t>
  </si>
  <si>
    <t>E:\BK_final\Vilarinho\Vilarinho - Trabalho\Segurança - Erica\2014\Orcamento\CAPEX\2PROJ\COMERCIAL\SEGURANCA PATRIMONIAL\CAPEX_2014_ORC_CML_PAT_MG2_2PROJ.xlsx</t>
  </si>
  <si>
    <t>11/21/2019 16:43:02</t>
  </si>
  <si>
    <t>CAPEX_2014_ORC_CML_PAT_MS_2PROJ.xlsx</t>
  </si>
  <si>
    <t>E:\BK_final\Vilarinho\Vilarinho - Trabalho\Segurança - Erica\2014\Orcamento\CAPEX\2PROJ\COMERCIAL\SEGURANCA PATRIMONIAL\CAPEX_2014_ORC_CML_PAT_MS_2PROJ.xlsx</t>
  </si>
  <si>
    <t>CAPEX_2014_ORC_CML_PAT_MT_2PROJ.xlsx</t>
  </si>
  <si>
    <t>E:\BK_final\Vilarinho\Vilarinho - Trabalho\Segurança - Erica\2014\Orcamento\CAPEX\2PROJ\COMERCIAL\SEGURANCA PATRIMONIAL\CAPEX_2014_ORC_CML_PAT_MT_2PROJ.xlsx</t>
  </si>
  <si>
    <t>11/21/2019 16:43:03</t>
  </si>
  <si>
    <t>CAPEX_2014_ORC_CML_PAT_PR_2PROJ.xlsx</t>
  </si>
  <si>
    <t>E:\BK_final\Vilarinho\Vilarinho - Trabalho\Segurança - Erica\2014\Orcamento\CAPEX\2PROJ\COMERCIAL\SEGURANCA PATRIMONIAL\CAPEX_2014_ORC_CML_PAT_PR_2PROJ.xlsx</t>
  </si>
  <si>
    <t>CAPEX_2014_ORC_CML_PAT_SP1_2PROJ.xlsx</t>
  </si>
  <si>
    <t>E:\BK_final\Vilarinho\Vilarinho - Trabalho\Segurança - Erica\2014\Orcamento\CAPEX\2PROJ\COMERCIAL\SEGURANCA PATRIMONIAL\CAPEX_2014_ORC_CML_PAT_SP1_2PROJ.xlsx</t>
  </si>
  <si>
    <t>11/21/2019 16:43:04</t>
  </si>
  <si>
    <t>CAPEX_2014_ORC_CML_PAT_SP2_2PROJ.xlsx</t>
  </si>
  <si>
    <t>E:\BK_final\Vilarinho\Vilarinho - Trabalho\Segurança - Erica\2014\Orcamento\CAPEX\2PROJ\COMERCIAL\SEGURANCA PATRIMONIAL\CAPEX_2014_ORC_CML_PAT_SP2_2PROJ.xlsx</t>
  </si>
  <si>
    <t>D:\2014\Orcamento\CAPEX\2PROJ\OPERACAO\</t>
  </si>
  <si>
    <t>CAPEX_2014_ORC_OPE_CONSOLIDADO_2PROJ.xlsx</t>
  </si>
  <si>
    <t>E:\BK_final\Vilarinho\Vilarinho - Trabalho\Segurança - Erica\2014\Orcamento\CAPEX\2PROJ\OPERACAO\CAPEX_2014_ORC_OPE_CONSOLIDADO_2PROJ.xlsx</t>
  </si>
  <si>
    <t>D:\2014\Orcamento\CAPEX\2PROJ\OPERACAO\SEGURANCA DOCUMENTAL\</t>
  </si>
  <si>
    <t>CAPEX_2014_ORC_OPE_SEDOC_CONSOLIDADO_2PROJ.xlsx</t>
  </si>
  <si>
    <t>E:\BK_final\Vilarinho\Vilarinho - Trabalho\Segurança - Erica\2014\Orcamento\CAPEX\2PROJ\OPERACAO\SEGURANCA DOCUMENTAL\CAPEX_2014_ORC_OPE_SEDOC_CONSOLIDADO_2PROJ.xlsx</t>
  </si>
  <si>
    <t>CAPEX_2014_ORC_OPE_SEDOC_MG1_2PROJ.xlsx</t>
  </si>
  <si>
    <t>E:\BK_final\Vilarinho\Vilarinho - Trabalho\Segurança - Erica\2014\Orcamento\CAPEX\2PROJ\OPERACAO\SEGURANCA DOCUMENTAL\CAPEX_2014_ORC_OPE_SEDOC_MG1_2PROJ.xlsx</t>
  </si>
  <si>
    <t>11/21/2019 16:43:05</t>
  </si>
  <si>
    <t>CAPEX_2014_ORC_OPE_SEDOC_SP1_2PROJ.xlsx</t>
  </si>
  <si>
    <t>E:\BK_final\Vilarinho\Vilarinho - Trabalho\Segurança - Erica\2014\Orcamento\CAPEX\2PROJ\OPERACAO\SEGURANCA DOCUMENTAL\CAPEX_2014_ORC_OPE_SEDOC_SP1_2PROJ.xlsx</t>
  </si>
  <si>
    <t>D:\2014\Orcamento\CAPEX\2PROJ\OPERACAO\SEGURANCA ELETRONICA\</t>
  </si>
  <si>
    <t>CAPEX_2014_ORC_OPE_ELE_ATEND_ALARME_2PROJ.xlsx</t>
  </si>
  <si>
    <t>E:\BK_final\Vilarinho\Vilarinho - Trabalho\Segurança - Erica\2014\Orcamento\CAPEX\2PROJ\OPERACAO\SEGURANCA ELETRONICA\CAPEX_2014_ORC_OPE_ELE_ATEND_ALARME_2PROJ.xlsx</t>
  </si>
  <si>
    <t>CAPEX_2014_ORC_OPE_SUP_SEDOC_2PROJ.xlsx</t>
  </si>
  <si>
    <t>E:\BK_final\Vilarinho\Vilarinho - Trabalho\Segurança - Erica\2014\Orcamento\CAPEX\2PROJ\OPERACAO\SEGURANCA DOCUMENTAL\CAPEX_2014_ORC_OPE_SUP_SEDOC_2PROJ.xlsx</t>
  </si>
  <si>
    <t>CAPEX_2014_ORC_OPE_ELE_CONSOLIDADO_2PROJ.xlsx</t>
  </si>
  <si>
    <t>E:\BK_final\Vilarinho\Vilarinho - Trabalho\Segurança - Erica\2014\Orcamento\CAPEX\2PROJ\OPERACAO\SEGURANCA ELETRONICA\CAPEX_2014_ORC_OPE_ELE_CONSOLIDADO_2PROJ.xlsx</t>
  </si>
  <si>
    <t>11/21/2019 16:43:06</t>
  </si>
  <si>
    <t>CAPEX_2014_ORC_OPE_ELE_MONITORAMENTO_2PROJ.xlsx</t>
  </si>
  <si>
    <t>E:\BK_final\Vilarinho\Vilarinho - Trabalho\Segurança - Erica\2014\Orcamento\CAPEX\2PROJ\OPERACAO\SEGURANCA ELETRONICA\CAPEX_2014_ORC_OPE_ELE_MONITORAMENTO_2PROJ.xlsx</t>
  </si>
  <si>
    <t>CAPEX_2014_ORC_OPE_ELE_PROJETOS_2PROJ.xlsx</t>
  </si>
  <si>
    <t>E:\BK_final\Vilarinho\Vilarinho - Trabalho\Segurança - Erica\2014\Orcamento\CAPEX\2PROJ\OPERACAO\SEGURANCA ELETRONICA\CAPEX_2014_ORC_OPE_ELE_PROJETOS_2PROJ.xlsx</t>
  </si>
  <si>
    <t>CAPEX_2014_ORC_OPE_ELE_SAC_2PROJ.xlsx</t>
  </si>
  <si>
    <t>E:\BK_final\Vilarinho\Vilarinho - Trabalho\Segurança - Erica\2014\Orcamento\CAPEX\2PROJ\OPERACAO\SEGURANCA ELETRONICA\CAPEX_2014_ORC_OPE_ELE_SAC_2PROJ.xlsx</t>
  </si>
  <si>
    <t>CAPEX_2014_ORC_OPE_ELE_TECNICA_2PROJ.xlsx</t>
  </si>
  <si>
    <t>E:\BK_final\Vilarinho\Vilarinho - Trabalho\Segurança - Erica\2014\Orcamento\CAPEX\2PROJ\OPERACAO\SEGURANCA ELETRONICA\CAPEX_2014_ORC_OPE_ELE_TECNICA_2PROJ.xlsx</t>
  </si>
  <si>
    <t>CAPEX_2014_ORC_OPE_SUP_ELE_2PROJ.xlsx</t>
  </si>
  <si>
    <t>E:\BK_final\Vilarinho\Vilarinho - Trabalho\Segurança - Erica\2014\Orcamento\CAPEX\2PROJ\OPERACAO\SEGURANCA ELETRONICA\CAPEX_2014_ORC_OPE_SUP_ELE_2PROJ.xlsx</t>
  </si>
  <si>
    <t>11/21/2019 16:43:07</t>
  </si>
  <si>
    <t>D:\2014\Orcamento\CAPEX\2PROJ\OPERACAO\SEGURANCA PATRIMONIAL\</t>
  </si>
  <si>
    <t>CAPEX_2014_ORC_OPE_PAT_CONSOLIDADO_2PROJ.xlsx</t>
  </si>
  <si>
    <t>E:\BK_final\Vilarinho\Vilarinho - Trabalho\Segurança - Erica\2014\Orcamento\CAPEX\2PROJ\OPERACAO\SEGURANCA PATRIMONIAL\CAPEX_2014_ORC_OPE_PAT_CONSOLIDADO_2PROJ.xlsx</t>
  </si>
  <si>
    <t>CAPEX_2014_ORC_OPE_PAT_GO_2PROJ.xlsx</t>
  </si>
  <si>
    <t>E:\BK_final\Vilarinho\Vilarinho - Trabalho\Segurança - Erica\2014\Orcamento\CAPEX\2PROJ\OPERACAO\SEGURANCA PATRIMONIAL\CAPEX_2014_ORC_OPE_PAT_GO_2PROJ.xlsx</t>
  </si>
  <si>
    <t>CAPEX_2014_ORC_OPE_PAT_MG1_2PROJ.xlsx</t>
  </si>
  <si>
    <t>E:\BK_final\Vilarinho\Vilarinho - Trabalho\Segurança - Erica\2014\Orcamento\CAPEX\2PROJ\OPERACAO\SEGURANCA PATRIMONIAL\CAPEX_2014_ORC_OPE_PAT_MG1_2PROJ.xlsx</t>
  </si>
  <si>
    <t>CAPEX_2014_ORC_OPE_PAT_MG2_2PROJ.xlsx</t>
  </si>
  <si>
    <t>E:\BK_final\Vilarinho\Vilarinho - Trabalho\Segurança - Erica\2014\Orcamento\CAPEX\2PROJ\OPERACAO\SEGURANCA PATRIMONIAL\CAPEX_2014_ORC_OPE_PAT_MG2_2PROJ.xlsx</t>
  </si>
  <si>
    <t>CAPEX_2014_ORC_OPE_PAT_MS_2PROJ.xlsx</t>
  </si>
  <si>
    <t>E:\BK_final\Vilarinho\Vilarinho - Trabalho\Segurança - Erica\2014\Orcamento\CAPEX\2PROJ\OPERACAO\SEGURANCA PATRIMONIAL\CAPEX_2014_ORC_OPE_PAT_MS_2PROJ.xlsx</t>
  </si>
  <si>
    <t>CAPEX_2014_ORC_OPE_PAT_MT_2PROJ.xlsx</t>
  </si>
  <si>
    <t>E:\BK_final\Vilarinho\Vilarinho - Trabalho\Segurança - Erica\2014\Orcamento\CAPEX\2PROJ\OPERACAO\SEGURANCA PATRIMONIAL\CAPEX_2014_ORC_OPE_PAT_MT_2PROJ.xlsx</t>
  </si>
  <si>
    <t>11/21/2019 16:43:08</t>
  </si>
  <si>
    <t>CAPEX_2014_ORC_OPE_PAT_PR_2PROJ.xlsx</t>
  </si>
  <si>
    <t>E:\BK_final\Vilarinho\Vilarinho - Trabalho\Segurança - Erica\2014\Orcamento\CAPEX\2PROJ\OPERACAO\SEGURANCA PATRIMONIAL\CAPEX_2014_ORC_OPE_PAT_PR_2PROJ.xlsx</t>
  </si>
  <si>
    <t>CAPEX_2014_ORC_OPE_PAT_SP1_2PROJ.xlsx</t>
  </si>
  <si>
    <t>E:\BK_final\Vilarinho\Vilarinho - Trabalho\Segurança - Erica\2014\Orcamento\CAPEX\2PROJ\OPERACAO\SEGURANCA PATRIMONIAL\CAPEX_2014_ORC_OPE_PAT_SP1_2PROJ.xlsx</t>
  </si>
  <si>
    <t>CAPEX_2014_ORC_OPE_PAT_SP2_2PROJ.xlsx</t>
  </si>
  <si>
    <t>E:\BK_final\Vilarinho\Vilarinho - Trabalho\Segurança - Erica\2014\Orcamento\CAPEX\2PROJ\OPERACAO\SEGURANCA PATRIMONIAL\CAPEX_2014_ORC_OPE_PAT_SP2_2PROJ.xlsx</t>
  </si>
  <si>
    <t>D:\2014\Orcamento\CAPEX\2PROJ\OPERACAO\SEGURANCA PATRIMONIAL\AFASTAMENTO_FERIAS\</t>
  </si>
  <si>
    <t>E:\BK_final\Vilarinho\Vilarinho - Trabalho\Segurança - Erica\2014\Orcamento\CAPEX\2PROJ\OPERACAO\SEGURANCA PATRIMONIAL\AFASTAMENTO_FERIAS\CAPEX_2014_ORC_SUP_PAT_AFAST_FERIAS_CONSOLIDADO_OFICIAL.xlsx</t>
  </si>
  <si>
    <t>11/21/2019 16:43:09</t>
  </si>
  <si>
    <t>E:\BK_final\Vilarinho\Vilarinho - Trabalho\Segurança - Erica\2014\Orcamento\CAPEX\2PROJ\OPERACAO\SEGURANCA PATRIMONIAL\AFASTAMENTO_FERIAS\CAPEX_2014_ORC_SUP_PAT_AFAST_FERIAS_GO_OFICIAL.xlsx</t>
  </si>
  <si>
    <t>E:\BK_final\Vilarinho\Vilarinho - Trabalho\Segurança - Erica\2014\Orcamento\CAPEX\2PROJ\OPERACAO\SEGURANCA PATRIMONIAL\AFASTAMENTO_FERIAS\CAPEX_2014_ORC_SUP_PAT_AFAST_FERIAS_MG1_OFICIAL.xlsx</t>
  </si>
  <si>
    <t>E:\BK_final\Vilarinho\Vilarinho - Trabalho\Segurança - Erica\2014\Orcamento\CAPEX\2PROJ\OPERACAO\SEGURANCA PATRIMONIAL\AFASTAMENTO_FERIAS\CAPEX_2014_ORC_SUP_PAT_AFAST_FERIAS_MG2_OFICIAL.xlsx</t>
  </si>
  <si>
    <t>E:\BK_final\Vilarinho\Vilarinho - Trabalho\Segurança - Erica\2014\Orcamento\CAPEX\2PROJ\OPERACAO\SEGURANCA PATRIMONIAL\AFASTAMENTO_FERIAS\CAPEX_2014_ORC_SUP_PAT_AFAST_FERIAS_MS_OFICIAL.xlsx</t>
  </si>
  <si>
    <t>E:\BK_final\Vilarinho\Vilarinho - Trabalho\Segurança - Erica\2014\Orcamento\CAPEX\2PROJ\OPERACAO\SEGURANCA PATRIMONIAL\AFASTAMENTO_FERIAS\CAPEX_2014_ORC_SUP_PAT_AFAST_FERIAS_MT_OFICIAL.xlsx</t>
  </si>
  <si>
    <t>E:\BK_final\Vilarinho\Vilarinho - Trabalho\Segurança - Erica\2014\Orcamento\CAPEX\2PROJ\OPERACAO\SEGURANCA PATRIMONIAL\AFASTAMENTO_FERIAS\CAPEX_2014_ORC_SUP_PAT_AFAST_FERIAS_PR_OFICIAL.xlsx</t>
  </si>
  <si>
    <t>11/21/2019 16:43:10</t>
  </si>
  <si>
    <t>E:\BK_final\Vilarinho\Vilarinho - Trabalho\Segurança - Erica\2014\Orcamento\CAPEX\2PROJ\OPERACAO\SEGURANCA PATRIMONIAL\AFASTAMENTO_FERIAS\CAPEX_2014_ORC_SUP_PAT_AFAST_FERIAS_SP1_OFICIAL.xlsx</t>
  </si>
  <si>
    <t>E:\BK_final\Vilarinho\Vilarinho - Trabalho\Segurança - Erica\2014\Orcamento\CAPEX\2PROJ\OPERACAO\SEGURANCA PATRIMONIAL\AFASTAMENTO_FERIAS\CAPEX_2014_ORC_SUP_PAT_AFAST_FERIAS_SP2_OFICIAL.xlsx</t>
  </si>
  <si>
    <t>11/21/2019 16:43:11</t>
  </si>
  <si>
    <t>D:\2014\Orcamento\CAPEX\2PROJ\OPERACAO\SUPERVISAO PATRIMONIAL\</t>
  </si>
  <si>
    <t>CAPEX_2014_ORC_SUP_PAT_CONSOLIDADO_2PROJ.xlsx</t>
  </si>
  <si>
    <t>E:\BK_final\Vilarinho\Vilarinho - Trabalho\Segurança - Erica\2014\Orcamento\CAPEX\2PROJ\OPERACAO\SUPERVISAO PATRIMONIAL\CAPEX_2014_ORC_SUP_PAT_CONSOLIDADO_2PROJ.xlsx</t>
  </si>
  <si>
    <t>11/21/2019 16:43:12</t>
  </si>
  <si>
    <t>CAPEX_2014_ORC_SUP_PAT_RESUMO_2PROJ.xlsx</t>
  </si>
  <si>
    <t>E:\BK_final\Vilarinho\Vilarinho - Trabalho\Segurança - Erica\2014\Orcamento\CAPEX\2PROJ\OPERACAO\SUPERVISAO PATRIMONIAL\CAPEX_2014_ORC_SUP_PAT_RESUMO_2PROJ.xlsx</t>
  </si>
  <si>
    <t>D:\2014\Orcamento\CAPEX\2PROJ\OPERACAO\SUPERVISAO PATRIMONIAL\ACADEMIA\</t>
  </si>
  <si>
    <t>CAPEX_2014_ORC_SUP_PAT_ACADEMIA_2PROJ.xlsx</t>
  </si>
  <si>
    <t>E:\BK_final\Vilarinho\Vilarinho - Trabalho\Segurança - Erica\2014\Orcamento\CAPEX\2PROJ\OPERACAO\SUPERVISAO PATRIMONIAL\ACADEMIA\CAPEX_2014_ORC_SUP_PAT_ACADEMIA_2PROJ.xlsx</t>
  </si>
  <si>
    <t>D:\2014\Orcamento\CAPEX\2PROJ\OPERACAO\SUPERVISAO PATRIMONIAL\CENTRAL\</t>
  </si>
  <si>
    <t>CAPEX_2014_ORC_SUP_PAT_CENTRAL_CONSOLIDADO_2PROJ.xlsx</t>
  </si>
  <si>
    <t>E:\BK_final\Vilarinho\Vilarinho - Trabalho\Segurança - Erica\2014\Orcamento\CAPEX\2PROJ\OPERACAO\SUPERVISAO PATRIMONIAL\CENTRAL\CAPEX_2014_ORC_SUP_PAT_CENTRAL_CONSOLIDADO_2PROJ.xlsx</t>
  </si>
  <si>
    <t>11/21/2019 16:43:13</t>
  </si>
  <si>
    <t>CAPEX_2014_ORC_SUP_PAT_CENTRAL_GO_2PROJ.xlsx</t>
  </si>
  <si>
    <t>E:\BK_final\Vilarinho\Vilarinho - Trabalho\Segurança - Erica\2014\Orcamento\CAPEX\2PROJ\OPERACAO\SUPERVISAO PATRIMONIAL\CENTRAL\CAPEX_2014_ORC_SUP_PAT_CENTRAL_GO_2PROJ.xlsx</t>
  </si>
  <si>
    <t>CAPEX_2014_ORC_SUP_PAT_CENTRAL_MG1_2PROJ.xlsx</t>
  </si>
  <si>
    <t>E:\BK_final\Vilarinho\Vilarinho - Trabalho\Segurança - Erica\2014\Orcamento\CAPEX\2PROJ\OPERACAO\SUPERVISAO PATRIMONIAL\CENTRAL\CAPEX_2014_ORC_SUP_PAT_CENTRAL_MG1_2PROJ.xlsx</t>
  </si>
  <si>
    <t>CAPEX_2014_ORC_SUP_PAT_CENTRAL_MG2_2PROJ.xlsx</t>
  </si>
  <si>
    <t>E:\BK_final\Vilarinho\Vilarinho - Trabalho\Segurança - Erica\2014\Orcamento\CAPEX\2PROJ\OPERACAO\SUPERVISAO PATRIMONIAL\CENTRAL\CAPEX_2014_ORC_SUP_PAT_CENTRAL_MG2_2PROJ.xlsx</t>
  </si>
  <si>
    <t>CAPEX_2014_ORC_SUP_PAT_CENTRAL_MS_2PROJ.xlsx</t>
  </si>
  <si>
    <t>E:\BK_final\Vilarinho\Vilarinho - Trabalho\Segurança - Erica\2014\Orcamento\CAPEX\2PROJ\OPERACAO\SUPERVISAO PATRIMONIAL\CENTRAL\CAPEX_2014_ORC_SUP_PAT_CENTRAL_MS_2PROJ.xlsx</t>
  </si>
  <si>
    <t>CAPEX_2014_ORC_SUP_PAT_CENTRAL_MT_2PROJ.xlsx</t>
  </si>
  <si>
    <t>E:\BK_final\Vilarinho\Vilarinho - Trabalho\Segurança - Erica\2014\Orcamento\CAPEX\2PROJ\OPERACAO\SUPERVISAO PATRIMONIAL\CENTRAL\CAPEX_2014_ORC_SUP_PAT_CENTRAL_MT_2PROJ.xlsx</t>
  </si>
  <si>
    <t>11/21/2019 16:43:14</t>
  </si>
  <si>
    <t>CAPEX_2014_ORC_SUP_PAT_CENTRAL_PR_2PROJ.xlsx</t>
  </si>
  <si>
    <t>E:\BK_final\Vilarinho\Vilarinho - Trabalho\Segurança - Erica\2014\Orcamento\CAPEX\2PROJ\OPERACAO\SUPERVISAO PATRIMONIAL\CENTRAL\CAPEX_2014_ORC_SUP_PAT_CENTRAL_PR_2PROJ.xlsx</t>
  </si>
  <si>
    <t>11/21/2019 16:43:15</t>
  </si>
  <si>
    <t>CAPEX_2014_ORC_SUP_PAT_CENTRAL_SP1_2PROJ.xlsx</t>
  </si>
  <si>
    <t>E:\BK_final\Vilarinho\Vilarinho - Trabalho\Segurança - Erica\2014\Orcamento\CAPEX\2PROJ\OPERACAO\SUPERVISAO PATRIMONIAL\CENTRAL\CAPEX_2014_ORC_SUP_PAT_CENTRAL_SP1_2PROJ.xlsx</t>
  </si>
  <si>
    <t>CAPEX_2014_ORC_SUP_PAT_CENTRAL_SP2_2PROJ.xlsx</t>
  </si>
  <si>
    <t>E:\BK_final\Vilarinho\Vilarinho - Trabalho\Segurança - Erica\2014\Orcamento\CAPEX\2PROJ\OPERACAO\SUPERVISAO PATRIMONIAL\CENTRAL\CAPEX_2014_ORC_SUP_PAT_CENTRAL_SP2_2PROJ.xlsx</t>
  </si>
  <si>
    <t>D:\2014\Orcamento\CAPEX\2PROJ\OPERACAO\SUPERVISAO PATRIMONIAL\GESTAO ONLINE\</t>
  </si>
  <si>
    <t>CAPEX_2014_ORC_SUP_PAT_GO_2PROJ.xlsx</t>
  </si>
  <si>
    <t>E:\BK_final\Vilarinho\Vilarinho - Trabalho\Segurança - Erica\2014\Orcamento\CAPEX\2PROJ\OPERACAO\SUPERVISAO PATRIMONIAL\GESTAO ONLINE\CAPEX_2014_ORC_SUP_PAT_GO_2PROJ.xlsx</t>
  </si>
  <si>
    <t>11/21/2019 16:43:16</t>
  </si>
  <si>
    <t>D:\2014\Orcamento\CAPEX\2PROJ\OPERACAO\SUPERVISAO PATRIMONIAL\OPERACIONAL\</t>
  </si>
  <si>
    <t>CAPEX_2014_ORC_SUP_PAT_OPERACIONAL_CONSOLIDADO_2PROJ.xlsx</t>
  </si>
  <si>
    <t>E:\BK_final\Vilarinho\Vilarinho - Trabalho\Segurança - Erica\2014\Orcamento\CAPEX\2PROJ\OPERACAO\SUPERVISAO PATRIMONIAL\OPERACIONAL\CAPEX_2014_ORC_SUP_PAT_OPERACIONAL_CONSOLIDADO_2PROJ.xlsx</t>
  </si>
  <si>
    <t>CAPEX_2014_ORC_SUP_PAT_OPERACIONAL_GO_2PROJ.xlsx</t>
  </si>
  <si>
    <t>E:\BK_final\Vilarinho\Vilarinho - Trabalho\Segurança - Erica\2014\Orcamento\CAPEX\2PROJ\OPERACAO\SUPERVISAO PATRIMONIAL\OPERACIONAL\CAPEX_2014_ORC_SUP_PAT_OPERACIONAL_GO_2PROJ.xlsx</t>
  </si>
  <si>
    <t>CAPEX_2014_ORC_SUP_PAT_OPERACIONAL_MG1_2PROJ.xlsx</t>
  </si>
  <si>
    <t>E:\BK_final\Vilarinho\Vilarinho - Trabalho\Segurança - Erica\2014\Orcamento\CAPEX\2PROJ\OPERACAO\SUPERVISAO PATRIMONIAL\OPERACIONAL\CAPEX_2014_ORC_SUP_PAT_OPERACIONAL_MG1_2PROJ.xlsx</t>
  </si>
  <si>
    <t>CAPEX_2014_ORC_SUP_PAT_OPERACIONAL_MG2_2PROJ.xlsx</t>
  </si>
  <si>
    <t>E:\BK_final\Vilarinho\Vilarinho - Trabalho\Segurança - Erica\2014\Orcamento\CAPEX\2PROJ\OPERACAO\SUPERVISAO PATRIMONIAL\OPERACIONAL\CAPEX_2014_ORC_SUP_PAT_OPERACIONAL_MG2_2PROJ.xlsx</t>
  </si>
  <si>
    <t>CAPEX_2014_ORC_SUP_PAT_OPERACIONAL_MS_2PROJ.xlsx</t>
  </si>
  <si>
    <t>E:\BK_final\Vilarinho\Vilarinho - Trabalho\Segurança - Erica\2014\Orcamento\CAPEX\2PROJ\OPERACAO\SUPERVISAO PATRIMONIAL\OPERACIONAL\CAPEX_2014_ORC_SUP_PAT_OPERACIONAL_MS_2PROJ.xlsx</t>
  </si>
  <si>
    <t>11/21/2019 16:43:17</t>
  </si>
  <si>
    <t>CAPEX_2014_ORC_SUP_PAT_OPERACIONAL_MT_2PROJ.xlsx</t>
  </si>
  <si>
    <t>E:\BK_final\Vilarinho\Vilarinho - Trabalho\Segurança - Erica\2014\Orcamento\CAPEX\2PROJ\OPERACAO\SUPERVISAO PATRIMONIAL\OPERACIONAL\CAPEX_2014_ORC_SUP_PAT_OPERACIONAL_MT_2PROJ.xlsx</t>
  </si>
  <si>
    <t>CAPEX_2014_ORC_SUP_PAT_OPERACIONAL_PR_2PROJ.xlsx</t>
  </si>
  <si>
    <t>E:\BK_final\Vilarinho\Vilarinho - Trabalho\Segurança - Erica\2014\Orcamento\CAPEX\2PROJ\OPERACAO\SUPERVISAO PATRIMONIAL\OPERACIONAL\CAPEX_2014_ORC_SUP_PAT_OPERACIONAL_PR_2PROJ.xlsx</t>
  </si>
  <si>
    <t>CAPEX_2014_ORC_SUP_PAT_OPERACIONAL_SP1_2PROJ.xlsx</t>
  </si>
  <si>
    <t>E:\BK_final\Vilarinho\Vilarinho - Trabalho\Segurança - Erica\2014\Orcamento\CAPEX\2PROJ\OPERACAO\SUPERVISAO PATRIMONIAL\OPERACIONAL\CAPEX_2014_ORC_SUP_PAT_OPERACIONAL_SP1_2PROJ.xlsx</t>
  </si>
  <si>
    <t>CAPEX_2014_ORC_SUP_PAT_OPERACIONAL_SP2_2PROJ.xlsx</t>
  </si>
  <si>
    <t>E:\BK_final\Vilarinho\Vilarinho - Trabalho\Segurança - Erica\2014\Orcamento\CAPEX\2PROJ\OPERACAO\SUPERVISAO PATRIMONIAL\OPERACIONAL\CAPEX_2014_ORC_SUP_PAT_OPERACIONAL_SP2_2PROJ.xlsx</t>
  </si>
  <si>
    <t>11/21/2019 16:43:18</t>
  </si>
  <si>
    <t>D:\2014\Orcamento\CAPEX\2PROJ\STAFF\</t>
  </si>
  <si>
    <t>CAPEX_2014_ORC_ADM_AGPI_2PROJ.xlsx</t>
  </si>
  <si>
    <t>E:\BK_final\Vilarinho\Vilarinho - Trabalho\Segurança - Erica\2014\Orcamento\CAPEX\2PROJ\STAFF\CAPEX_2014_ORC_ADM_AGPI_2PROJ.xlsx</t>
  </si>
  <si>
    <t>CAPEX_2014_ORC_ADM_COMITE_INOVACAO_2PROJ.xlsx</t>
  </si>
  <si>
    <t>E:\BK_final\Vilarinho\Vilarinho - Trabalho\Segurança - Erica\2014\Orcamento\CAPEX\2PROJ\STAFF\CAPEX_2014_ORC_ADM_COMITE_INOVACAO_2PROJ.xlsx</t>
  </si>
  <si>
    <t>CAPEX_2014_ORC_ADM_CONSOLIDADO_2PROJ.xlsx</t>
  </si>
  <si>
    <t>E:\BK_final\Vilarinho\Vilarinho - Trabalho\Segurança - Erica\2014\Orcamento\CAPEX\2PROJ\STAFF\CAPEX_2014_ORC_ADM_CONSOLIDADO_2PROJ.xlsx</t>
  </si>
  <si>
    <t>CAPEX_2014_ORC_ADM_CORPORATIVO_2PROJ.xlsx</t>
  </si>
  <si>
    <t>E:\BK_final\Vilarinho\Vilarinho - Trabalho\Segurança - Erica\2014\Orcamento\CAPEX\2PROJ\STAFF\CAPEX_2014_ORC_ADM_CORPORATIVO_2PROJ.xlsx</t>
  </si>
  <si>
    <t>CAPEX_2014_ORC_ADM_CSC_2PROJ.xlsx</t>
  </si>
  <si>
    <t>E:\BK_final\Vilarinho\Vilarinho - Trabalho\Segurança - Erica\2014\Orcamento\CAPEX\2PROJ\STAFF\CAPEX_2014_ORC_ADM_CSC_2PROJ.xlsx</t>
  </si>
  <si>
    <t>11/21/2019 16:43:19</t>
  </si>
  <si>
    <t>CAPEX_2014_ORC_ADM_DIRETORIA_2PROJ.xlsx</t>
  </si>
  <si>
    <t>E:\BK_final\Vilarinho\Vilarinho - Trabalho\Segurança - Erica\2014\Orcamento\CAPEX\2PROJ\STAFF\CAPEX_2014_ORC_ADM_DIRETORIA_2PROJ.xlsx</t>
  </si>
  <si>
    <t>11/21/2019 16:43:20</t>
  </si>
  <si>
    <t>CAPEX_2014_ORC_ADM_FINANCEIRO_2PROJ.xlsx</t>
  </si>
  <si>
    <t>E:\BK_final\Vilarinho\Vilarinho - Trabalho\Segurança - Erica\2014\Orcamento\CAPEX\2PROJ\STAFF\CAPEX_2014_ORC_ADM_FINANCEIRO_2PROJ.xlsx</t>
  </si>
  <si>
    <t>CAPEX_2014_ORC_ADM_HOLDING_2PROJ.xlsx</t>
  </si>
  <si>
    <t>E:\BK_final\Vilarinho\Vilarinho - Trabalho\Segurança - Erica\2014\Orcamento\CAPEX\2PROJ\STAFF\CAPEX_2014_ORC_ADM_HOLDING_2PROJ.xlsx</t>
  </si>
  <si>
    <t>CAPEX_2014_ORC_ADM_JURIDICO_2PROJ.xlsx</t>
  </si>
  <si>
    <t>E:\BK_final\Vilarinho\Vilarinho - Trabalho\Segurança - Erica\2014\Orcamento\CAPEX\2PROJ\STAFF\CAPEX_2014_ORC_ADM_JURIDICO_2PROJ.xlsx</t>
  </si>
  <si>
    <t>11/21/2019 16:43:21</t>
  </si>
  <si>
    <t>CAPEX_2014_ORC_ADM_SESMT_2PROJ.xlsx</t>
  </si>
  <si>
    <t>E:\BK_final\Vilarinho\Vilarinho - Trabalho\Segurança - Erica\2014\Orcamento\CAPEX\2PROJ\STAFF\CAPEX_2014_ORC_ADM_SESMT_2PROJ.xlsx</t>
  </si>
  <si>
    <t>CAPEX_2014_ORC_ADM_TH_2PROJ.xlsx</t>
  </si>
  <si>
    <t>E:\BK_final\Vilarinho\Vilarinho - Trabalho\Segurança - Erica\2014\Orcamento\CAPEX\2PROJ\STAFF\CAPEX_2014_ORC_ADM_TH_2PROJ.xlsx</t>
  </si>
  <si>
    <t>CAPEX_2014_ORC_ADM_TI_2PROJ.xlsx</t>
  </si>
  <si>
    <t>E:\BK_final\Vilarinho\Vilarinho - Trabalho\Segurança - Erica\2014\Orcamento\CAPEX\2PROJ\STAFF\CAPEX_2014_ORC_ADM_TI_2PROJ.xlsx</t>
  </si>
  <si>
    <t>D:\2014\Orcamento\CAPEX\ARQUIVOS PREPARATORIOS\</t>
  </si>
  <si>
    <t>Cópia de Cópia de Planejamento de Vendas - 2013 a 2017.xlsx</t>
  </si>
  <si>
    <t>E:\BK_final\Vilarinho\Vilarinho - Trabalho\Segurança - Erica\2014\Orcamento\CAPEX\ARQUIVOS PREPARATORIOS\Cópia de Cópia de Planejamento de Vendas - 2013 a 2017.xlsx</t>
  </si>
  <si>
    <t>11/21/2019 16:43:22</t>
  </si>
  <si>
    <t>PLANILHA_COTACAO_VEICULOS.xlsx</t>
  </si>
  <si>
    <t>E:\BK_final\Vilarinho\Vilarinho - Trabalho\Segurança - Erica\2014\Orcamento\CAPEX\ARQUIVOS PREPARATORIOS\PLANILHA_COTACAO_VEICULOS.xlsx</t>
  </si>
  <si>
    <t>PLANILHA_ORCAMENTO_VEICULOS.xlsx</t>
  </si>
  <si>
    <t>E:\BK_final\Vilarinho\Vilarinho - Trabalho\Segurança - Erica\2014\Orcamento\CAPEX\ARQUIVOS PREPARATORIOS\PLANILHA_ORCAMENTO_VEICULOS.xlsx</t>
  </si>
  <si>
    <t>11/21/2019 16:43:23</t>
  </si>
  <si>
    <t>D:\2014\Orcamento\CAPEX\ARQUIVOS PREPARATORIOS\Estrutura Orcamentaria\</t>
  </si>
  <si>
    <t>CAPEX_2014_ORC_CONSOLIDADO_OFICIAL.xlsx</t>
  </si>
  <si>
    <t>E:\BK_final\Vilarinho\Vilarinho - Trabalho\Segurança - Erica\2014\Orcamento\CAPEX\ARQUIVOS PREPARATORIOS\Estrutura Orcamentaria\CAPEX_2014_ORC_CONSOLIDADO_OFICIAL.xlsx</t>
  </si>
  <si>
    <t>D:\2014\Orcamento\CAPEX\ARQUIVOS PREPARATORIOS\Estrutura Orcamentaria\COMERCIAL\</t>
  </si>
  <si>
    <t>CAPEX_2014_ORC_CML_CONSOLIDADO_OFICIAL.xlsx</t>
  </si>
  <si>
    <t>E:\BK_final\Vilarinho\Vilarinho - Trabalho\Segurança - Erica\2014\Orcamento\CAPEX\ARQUIVOS PREPARATORIOS\Estrutura Orcamentaria\COMERCIAL\CAPEX_2014_ORC_CML_CONSOLIDADO_OFICIAL.xlsx</t>
  </si>
  <si>
    <t>D:\2014\Orcamento\CAPEX\ARQUIVOS PREPARATORIOS\Estrutura Orcamentaria\COMERCIAL\SEGURANCA DOCUMENTAL\</t>
  </si>
  <si>
    <t>CAPEX_2014_ORC_CML_SEDOC_OFICIAL.xlsx</t>
  </si>
  <si>
    <t>E:\BK_final\Vilarinho\Vilarinho - Trabalho\Segurança - Erica\2014\Orcamento\CAPEX\ARQUIVOS PREPARATORIOS\Estrutura Orcamentaria\COMERCIAL\SEGURANCA DOCUMENTAL\CAPEX_2014_ORC_CML_SEDOC_OFICIAL.xlsx</t>
  </si>
  <si>
    <t>11/21/2019 16:43:24</t>
  </si>
  <si>
    <t>D:\2014\Orcamento\CAPEX\ARQUIVOS PREPARATORIOS\Estrutura Orcamentaria\COMERCIAL\SEGURANCA ELETRONICA\</t>
  </si>
  <si>
    <t>CAPEX_2014_ORC_CML_ELE_CONSOLIDADO_OFICIAL.xlsx</t>
  </si>
  <si>
    <t>E:\BK_final\Vilarinho\Vilarinho - Trabalho\Segurança - Erica\2014\Orcamento\CAPEX\ARQUIVOS PREPARATORIOS\Estrutura Orcamentaria\COMERCIAL\SEGURANCA ELETRONICA\CAPEX_2014_ORC_CML_ELE_CONSOLIDADO_OFICIAL.xlsx</t>
  </si>
  <si>
    <t>CAPEX_2014_ORC_CML_ELE_MONITORAMENTO_OFICIAL.xlsx</t>
  </si>
  <si>
    <t>E:\BK_final\Vilarinho\Vilarinho - Trabalho\Segurança - Erica\2014\Orcamento\CAPEX\ARQUIVOS PREPARATORIOS\Estrutura Orcamentaria\COMERCIAL\SEGURANCA ELETRONICA\CAPEX_2014_ORC_CML_ELE_MONITORAMENTO_OFICIAL.xlsx</t>
  </si>
  <si>
    <t>CAPEX_2014_ORC_CML_ELE_PROJETOS_OFICIAL.xlsx</t>
  </si>
  <si>
    <t>E:\BK_final\Vilarinho\Vilarinho - Trabalho\Segurança - Erica\2014\Orcamento\CAPEX\ARQUIVOS PREPARATORIOS\Estrutura Orcamentaria\COMERCIAL\SEGURANCA ELETRONICA\CAPEX_2014_ORC_CML_ELE_PROJETOS_OFICIAL.xlsx</t>
  </si>
  <si>
    <t>D:\2014\Orcamento\CAPEX\ARQUIVOS PREPARATORIOS\Estrutura Orcamentaria\COMERCIAL\SEGURANCA PATRIMONIAL\</t>
  </si>
  <si>
    <t>CAPEX_2014_ORC_CML_PAT_CONSOLIDADO_OFICIAL.xlsx</t>
  </si>
  <si>
    <t>E:\BK_final\Vilarinho\Vilarinho - Trabalho\Segurança - Erica\2014\Orcamento\CAPEX\ARQUIVOS PREPARATORIOS\Estrutura Orcamentaria\COMERCIAL\SEGURANCA PATRIMONIAL\CAPEX_2014_ORC_CML_PAT_CONSOLIDADO_OFICIAL.xlsx</t>
  </si>
  <si>
    <t>11/21/2019 16:43:25</t>
  </si>
  <si>
    <t>CAPEX_2014_ORC_CML_PAT_GO_OFICIAL.xlsx</t>
  </si>
  <si>
    <t>E:\BK_final\Vilarinho\Vilarinho - Trabalho\Segurança - Erica\2014\Orcamento\CAPEX\ARQUIVOS PREPARATORIOS\Estrutura Orcamentaria\COMERCIAL\SEGURANCA PATRIMONIAL\CAPEX_2014_ORC_CML_PAT_GO_OFICIAL.xlsx</t>
  </si>
  <si>
    <t>CAPEX_2014_ORC_CML_PAT_MG1_OFICIAL.xlsx</t>
  </si>
  <si>
    <t>E:\BK_final\Vilarinho\Vilarinho - Trabalho\Segurança - Erica\2014\Orcamento\CAPEX\ARQUIVOS PREPARATORIOS\Estrutura Orcamentaria\COMERCIAL\SEGURANCA PATRIMONIAL\CAPEX_2014_ORC_CML_PAT_MG1_OFICIAL.xlsx</t>
  </si>
  <si>
    <t>11/21/2019 16:43:26</t>
  </si>
  <si>
    <t>CAPEX_2014_ORC_CML_PAT_MG2_OFICIAL.xlsx</t>
  </si>
  <si>
    <t>E:\BK_final\Vilarinho\Vilarinho - Trabalho\Segurança - Erica\2014\Orcamento\CAPEX\ARQUIVOS PREPARATORIOS\Estrutura Orcamentaria\COMERCIAL\SEGURANCA PATRIMONIAL\CAPEX_2014_ORC_CML_PAT_MG2_OFICIAL.xlsx</t>
  </si>
  <si>
    <t>CAPEX_2014_ORC_CML_PAT_MS_OFICIAL.xlsx</t>
  </si>
  <si>
    <t>E:\BK_final\Vilarinho\Vilarinho - Trabalho\Segurança - Erica\2014\Orcamento\CAPEX\ARQUIVOS PREPARATORIOS\Estrutura Orcamentaria\COMERCIAL\SEGURANCA PATRIMONIAL\CAPEX_2014_ORC_CML_PAT_MS_OFICIAL.xlsx</t>
  </si>
  <si>
    <t>CAPEX_2014_ORC_CML_PAT_MT_OFICIAL.xlsx</t>
  </si>
  <si>
    <t>E:\BK_final\Vilarinho\Vilarinho - Trabalho\Segurança - Erica\2014\Orcamento\CAPEX\ARQUIVOS PREPARATORIOS\Estrutura Orcamentaria\COMERCIAL\SEGURANCA PATRIMONIAL\CAPEX_2014_ORC_CML_PAT_MT_OFICIAL.xlsx</t>
  </si>
  <si>
    <t>11/21/2019 16:43:27</t>
  </si>
  <si>
    <t>CAPEX_2014_ORC_CML_PAT_PR_OFICIAL.xlsx</t>
  </si>
  <si>
    <t>E:\BK_final\Vilarinho\Vilarinho - Trabalho\Segurança - Erica\2014\Orcamento\CAPEX\ARQUIVOS PREPARATORIOS\Estrutura Orcamentaria\COMERCIAL\SEGURANCA PATRIMONIAL\CAPEX_2014_ORC_CML_PAT_PR_OFICIAL.xlsx</t>
  </si>
  <si>
    <t>CAPEX_2014_ORC_CML_PAT_RJ_OFICIAL.xlsx</t>
  </si>
  <si>
    <t>E:\BK_final\Vilarinho\Vilarinho - Trabalho\Segurança - Erica\2014\Orcamento\CAPEX\ARQUIVOS PREPARATORIOS\Estrutura Orcamentaria\COMERCIAL\SEGURANCA PATRIMONIAL\CAPEX_2014_ORC_CML_PAT_RJ_OFICIAL.xlsx</t>
  </si>
  <si>
    <t>CAPEX_2014_ORC_CML_PAT_SP1_OFICIAL.xlsx</t>
  </si>
  <si>
    <t>E:\BK_final\Vilarinho\Vilarinho - Trabalho\Segurança - Erica\2014\Orcamento\CAPEX\ARQUIVOS PREPARATORIOS\Estrutura Orcamentaria\COMERCIAL\SEGURANCA PATRIMONIAL\CAPEX_2014_ORC_CML_PAT_SP1_OFICIAL.xlsx</t>
  </si>
  <si>
    <t>CAPEX_2014_ORC_CML_PAT_SP2_OFICIAL.xlsx</t>
  </si>
  <si>
    <t>E:\BK_final\Vilarinho\Vilarinho - Trabalho\Segurança - Erica\2014\Orcamento\CAPEX\ARQUIVOS PREPARATORIOS\Estrutura Orcamentaria\COMERCIAL\SEGURANCA PATRIMONIAL\CAPEX_2014_ORC_CML_PAT_SP2_OFICIAL.xlsx</t>
  </si>
  <si>
    <t>D:\2014\Orcamento\CAPEX\ARQUIVOS PREPARATORIOS\Estrutura Orcamentaria\OPERACAO\</t>
  </si>
  <si>
    <t>CAPEX_2014_ORC_OPE_CONSOLIDADO_OFICIAL.xlsx</t>
  </si>
  <si>
    <t>E:\BK_final\Vilarinho\Vilarinho - Trabalho\Segurança - Erica\2014\Orcamento\CAPEX\ARQUIVOS PREPARATORIOS\Estrutura Orcamentaria\OPERACAO\CAPEX_2014_ORC_OPE_CONSOLIDADO_OFICIAL.xlsx</t>
  </si>
  <si>
    <t>D:\2014\Orcamento\CAPEX\ARQUIVOS PREPARATORIOS\Estrutura Orcamentaria\OPERACAO\SEGURANCA DOCUMENTAL\</t>
  </si>
  <si>
    <t>CAPEX_2014_ORC_OPE_SEDOC_CONSOLIDADO_OFICIAL.xlsx</t>
  </si>
  <si>
    <t>E:\BK_final\Vilarinho\Vilarinho - Trabalho\Segurança - Erica\2014\Orcamento\CAPEX\ARQUIVOS PREPARATORIOS\Estrutura Orcamentaria\OPERACAO\SEGURANCA DOCUMENTAL\CAPEX_2014_ORC_OPE_SEDOC_CONSOLIDADO_OFICIAL.xlsx</t>
  </si>
  <si>
    <t>CAPEX_2014_ORC_OPE_SEDOC_MG1_OFICIAL.xlsx</t>
  </si>
  <si>
    <t>E:\BK_final\Vilarinho\Vilarinho - Trabalho\Segurança - Erica\2014\Orcamento\CAPEX\ARQUIVOS PREPARATORIOS\Estrutura Orcamentaria\OPERACAO\SEGURANCA DOCUMENTAL\CAPEX_2014_ORC_OPE_SEDOC_MG1_OFICIAL.xlsx</t>
  </si>
  <si>
    <t>CAPEX_2014_ORC_OPE_SEDOC_MG2_OFICIAL.xlsx</t>
  </si>
  <si>
    <t>E:\BK_final\Vilarinho\Vilarinho - Trabalho\Segurança - Erica\2014\Orcamento\CAPEX\ARQUIVOS PREPARATORIOS\Estrutura Orcamentaria\OPERACAO\SEGURANCA DOCUMENTAL\CAPEX_2014_ORC_OPE_SEDOC_MG2_OFICIAL.xlsx</t>
  </si>
  <si>
    <t>CAPEX_2014_ORC_OPE_SEDOC_SP1_OFICIAL.xlsx</t>
  </si>
  <si>
    <t>E:\BK_final\Vilarinho\Vilarinho - Trabalho\Segurança - Erica\2014\Orcamento\CAPEX\ARQUIVOS PREPARATORIOS\Estrutura Orcamentaria\OPERACAO\SEGURANCA DOCUMENTAL\CAPEX_2014_ORC_OPE_SEDOC_SP1_OFICIAL.xlsx</t>
  </si>
  <si>
    <t>CAPEX_2014_ORC_OPE_SEDOC_SP2_OFICIAL.xlsx</t>
  </si>
  <si>
    <t>E:\BK_final\Vilarinho\Vilarinho - Trabalho\Segurança - Erica\2014\Orcamento\CAPEX\ARQUIVOS PREPARATORIOS\Estrutura Orcamentaria\OPERACAO\SEGURANCA DOCUMENTAL\CAPEX_2014_ORC_OPE_SEDOC_SP2_OFICIAL.xlsx</t>
  </si>
  <si>
    <t>CAPEX_2014_ORC_SUP_SEDOC_OFICIAL.xlsx</t>
  </si>
  <si>
    <t>E:\BK_final\Vilarinho\Vilarinho - Trabalho\Segurança - Erica\2014\Orcamento\CAPEX\ARQUIVOS PREPARATORIOS\Estrutura Orcamentaria\OPERACAO\SEGURANCA DOCUMENTAL\CAPEX_2014_ORC_SUP_SEDOC_OFICIAL.xlsx</t>
  </si>
  <si>
    <t>11/21/2019 16:43:29</t>
  </si>
  <si>
    <t>D:\2014\Orcamento\CAPEX\ARQUIVOS PREPARATORIOS\Estrutura Orcamentaria\OPERACAO\SEGURANCA ELETRONICA\</t>
  </si>
  <si>
    <t>CAPEX_2014_ORC_OPE_ELE_ATEND_ALARME_OFICIAL.xlsx</t>
  </si>
  <si>
    <t>E:\BK_final\Vilarinho\Vilarinho - Trabalho\Segurança - Erica\2014\Orcamento\CAPEX\ARQUIVOS PREPARATORIOS\Estrutura Orcamentaria\OPERACAO\SEGURANCA ELETRONICA\CAPEX_2014_ORC_OPE_ELE_ATEND_ALARME_OFICIAL.xlsx</t>
  </si>
  <si>
    <t>CAPEX_2014_ORC_OPE_ELE_CONSOLIDADO_OFICIAL.xlsx</t>
  </si>
  <si>
    <t>E:\BK_final\Vilarinho\Vilarinho - Trabalho\Segurança - Erica\2014\Orcamento\CAPEX\ARQUIVOS PREPARATORIOS\Estrutura Orcamentaria\OPERACAO\SEGURANCA ELETRONICA\CAPEX_2014_ORC_OPE_ELE_CONSOLIDADO_OFICIAL.xlsx</t>
  </si>
  <si>
    <t>CAPEX_2014_ORC_OPE_ELE_MONITORAMENTO_OFICIAL.xlsx</t>
  </si>
  <si>
    <t>E:\BK_final\Vilarinho\Vilarinho - Trabalho\Segurança - Erica\2014\Orcamento\CAPEX\ARQUIVOS PREPARATORIOS\Estrutura Orcamentaria\OPERACAO\SEGURANCA ELETRONICA\CAPEX_2014_ORC_OPE_ELE_MONITORAMENTO_OFICIAL.xlsx</t>
  </si>
  <si>
    <t>11/21/2019 16:43:30</t>
  </si>
  <si>
    <t>CAPEX_2014_ORC_OPE_ELE_PROJETOS_OFICIAL.xlsx</t>
  </si>
  <si>
    <t>E:\BK_final\Vilarinho\Vilarinho - Trabalho\Segurança - Erica\2014\Orcamento\CAPEX\ARQUIVOS PREPARATORIOS\Estrutura Orcamentaria\OPERACAO\SEGURANCA ELETRONICA\CAPEX_2014_ORC_OPE_ELE_PROJETOS_OFICIAL.xlsx</t>
  </si>
  <si>
    <t>CAPEX_2014_ORC_OPE_ELE_SAC_OFICIAL.xlsx</t>
  </si>
  <si>
    <t>E:\BK_final\Vilarinho\Vilarinho - Trabalho\Segurança - Erica\2014\Orcamento\CAPEX\ARQUIVOS PREPARATORIOS\Estrutura Orcamentaria\OPERACAO\SEGURANCA ELETRONICA\CAPEX_2014_ORC_OPE_ELE_SAC_OFICIAL.xlsx</t>
  </si>
  <si>
    <t>11/21/2019 16:43:31</t>
  </si>
  <si>
    <t>CAPEX_2014_ORC_OPE_ELE_TECNICA_OFICIAL.xlsx</t>
  </si>
  <si>
    <t>E:\BK_final\Vilarinho\Vilarinho - Trabalho\Segurança - Erica\2014\Orcamento\CAPEX\ARQUIVOS PREPARATORIOS\Estrutura Orcamentaria\OPERACAO\SEGURANCA ELETRONICA\CAPEX_2014_ORC_OPE_ELE_TECNICA_OFICIAL.xlsx</t>
  </si>
  <si>
    <t>CAPEX_2014_ORC_SUP_ELE_OFICIAL.xlsx</t>
  </si>
  <si>
    <t>E:\BK_final\Vilarinho\Vilarinho - Trabalho\Segurança - Erica\2014\Orcamento\CAPEX\ARQUIVOS PREPARATORIOS\Estrutura Orcamentaria\OPERACAO\SEGURANCA ELETRONICA\CAPEX_2014_ORC_SUP_ELE_OFICIAL.xlsx</t>
  </si>
  <si>
    <t>D:\2014\Orcamento\CAPEX\ARQUIVOS PREPARATORIOS\Estrutura Orcamentaria\OPERACAO\SEGURANCA PATRIMONIAL\</t>
  </si>
  <si>
    <t>CAPEX_2014_ORC_OPE_PAT_CONSOLIDADO_OFICIAL.xlsx</t>
  </si>
  <si>
    <t>E:\BK_final\Vilarinho\Vilarinho - Trabalho\Segurança - Erica\2014\Orcamento\CAPEX\ARQUIVOS PREPARATORIOS\Estrutura Orcamentaria\OPERACAO\SEGURANCA PATRIMONIAL\CAPEX_2014_ORC_OPE_PAT_CONSOLIDADO_OFICIAL.xlsx</t>
  </si>
  <si>
    <t>11/21/2019 16:43:32</t>
  </si>
  <si>
    <t>CAPEX_2014_ORC_OPE_PAT_GO_OFICIAL.xlsx</t>
  </si>
  <si>
    <t>E:\BK_final\Vilarinho\Vilarinho - Trabalho\Segurança - Erica\2014\Orcamento\CAPEX\ARQUIVOS PREPARATORIOS\Estrutura Orcamentaria\OPERACAO\SEGURANCA PATRIMONIAL\CAPEX_2014_ORC_OPE_PAT_GO_OFICIAL.xlsx</t>
  </si>
  <si>
    <t>CAPEX_2014_ORC_OPE_PAT_MG1_OFICIAL.xlsx</t>
  </si>
  <si>
    <t>E:\BK_final\Vilarinho\Vilarinho - Trabalho\Segurança - Erica\2014\Orcamento\CAPEX\ARQUIVOS PREPARATORIOS\Estrutura Orcamentaria\OPERACAO\SEGURANCA PATRIMONIAL\CAPEX_2014_ORC_OPE_PAT_MG1_OFICIAL.xlsx</t>
  </si>
  <si>
    <t>CAPEX_2014_ORC_OPE_PAT_MG2_OFICIAL.xlsx</t>
  </si>
  <si>
    <t>E:\BK_final\Vilarinho\Vilarinho - Trabalho\Segurança - Erica\2014\Orcamento\CAPEX\ARQUIVOS PREPARATORIOS\Estrutura Orcamentaria\OPERACAO\SEGURANCA PATRIMONIAL\CAPEX_2014_ORC_OPE_PAT_MG2_OFICIAL.xlsx</t>
  </si>
  <si>
    <t>CAPEX_2014_ORC_OPE_PAT_MS_OFICIAL.xlsx</t>
  </si>
  <si>
    <t>E:\BK_final\Vilarinho\Vilarinho - Trabalho\Segurança - Erica\2014\Orcamento\CAPEX\ARQUIVOS PREPARATORIOS\Estrutura Orcamentaria\OPERACAO\SEGURANCA PATRIMONIAL\CAPEX_2014_ORC_OPE_PAT_MS_OFICIAL.xlsx</t>
  </si>
  <si>
    <t>CAPEX_2014_ORC_OPE_PAT_MT_OFICIAL.xlsx</t>
  </si>
  <si>
    <t>E:\BK_final\Vilarinho\Vilarinho - Trabalho\Segurança - Erica\2014\Orcamento\CAPEX\ARQUIVOS PREPARATORIOS\Estrutura Orcamentaria\OPERACAO\SEGURANCA PATRIMONIAL\CAPEX_2014_ORC_OPE_PAT_MT_OFICIAL.xlsx</t>
  </si>
  <si>
    <t>11/21/2019 16:43:33</t>
  </si>
  <si>
    <t>CAPEX_2014_ORC_OPE_PAT_PR_OFICIAL.xlsx</t>
  </si>
  <si>
    <t>E:\BK_final\Vilarinho\Vilarinho - Trabalho\Segurança - Erica\2014\Orcamento\CAPEX\ARQUIVOS PREPARATORIOS\Estrutura Orcamentaria\OPERACAO\SEGURANCA PATRIMONIAL\CAPEX_2014_ORC_OPE_PAT_PR_OFICIAL.xlsx</t>
  </si>
  <si>
    <t>CAPEX_2014_ORC_OPE_PAT_RJ_OFICIAL.xlsx</t>
  </si>
  <si>
    <t>E:\BK_final\Vilarinho\Vilarinho - Trabalho\Segurança - Erica\2014\Orcamento\CAPEX\ARQUIVOS PREPARATORIOS\Estrutura Orcamentaria\OPERACAO\SEGURANCA PATRIMONIAL\CAPEX_2014_ORC_OPE_PAT_RJ_OFICIAL.xlsx</t>
  </si>
  <si>
    <t>CAPEX_2014_ORC_OPE_PAT_SP1_OFICIAL.xlsx</t>
  </si>
  <si>
    <t>E:\BK_final\Vilarinho\Vilarinho - Trabalho\Segurança - Erica\2014\Orcamento\CAPEX\ARQUIVOS PREPARATORIOS\Estrutura Orcamentaria\OPERACAO\SEGURANCA PATRIMONIAL\CAPEX_2014_ORC_OPE_PAT_SP1_OFICIAL.xlsx</t>
  </si>
  <si>
    <t>CAPEX_2014_ORC_OPE_PAT_SP2_OFICIAL.xlsx</t>
  </si>
  <si>
    <t>E:\BK_final\Vilarinho\Vilarinho - Trabalho\Segurança - Erica\2014\Orcamento\CAPEX\ARQUIVOS PREPARATORIOS\Estrutura Orcamentaria\OPERACAO\SEGURANCA PATRIMONIAL\CAPEX_2014_ORC_OPE_PAT_SP2_OFICIAL.xlsx</t>
  </si>
  <si>
    <t>D:\2014\Orcamento\CAPEX\ARQUIVOS PREPARATORIOS\Estrutura Orcamentaria\OPERACAO\SUPERVISAO PATRIMONIAL\</t>
  </si>
  <si>
    <t>CAPEX_2014_ORC_SUP_PAT_CONSOLIDADO_OFICIAL.xlsx</t>
  </si>
  <si>
    <t>E:\BK_final\Vilarinho\Vilarinho - Trabalho\Segurança - Erica\2014\Orcamento\CAPEX\ARQUIVOS PREPARATORIOS\Estrutura Orcamentaria\OPERACAO\SUPERVISAO PATRIMONIAL\CAPEX_2014_ORC_SUP_PAT_CONSOLIDADO_OFICIAL.xlsx</t>
  </si>
  <si>
    <t>D:\2014\Orcamento\CAPEX\ARQUIVOS PREPARATORIOS\Estrutura Orcamentaria\OPERACAO\SUPERVISAO PATRIMONIAL\AFASTAMENTO_FERIAS\</t>
  </si>
  <si>
    <t>E:\BK_final\Vilarinho\Vilarinho - Trabalho\Segurança - Erica\2014\Orcamento\CAPEX\ARQUIVOS PREPARATORIOS\Estrutura Orcamentaria\OPERACAO\SUPERVISAO PATRIMONIAL\AFASTAMENTO_FERIAS\CAPEX_2014_ORC_SUP_PAT_AFAST_FERIAS_CONSOLIDADO_OFICIAL.xlsx</t>
  </si>
  <si>
    <t>E:\BK_final\Vilarinho\Vilarinho - Trabalho\Segurança - Erica\2014\Orcamento\CAPEX\ARQUIVOS PREPARATORIOS\Estrutura Orcamentaria\OPERACAO\SUPERVISAO PATRIMONIAL\AFASTAMENTO_FERIAS\CAPEX_2014_ORC_SUP_PAT_AFAST_FERIAS_GO_OFICIAL.xlsx</t>
  </si>
  <si>
    <t>11/21/2019 16:43:34</t>
  </si>
  <si>
    <t>E:\BK_final\Vilarinho\Vilarinho - Trabalho\Segurança - Erica\2014\Orcamento\CAPEX\ARQUIVOS PREPARATORIOS\Estrutura Orcamentaria\OPERACAO\SUPERVISAO PATRIMONIAL\AFASTAMENTO_FERIAS\CAPEX_2014_ORC_SUP_PAT_AFAST_FERIAS_MG1_OFICIAL.xlsx</t>
  </si>
  <si>
    <t>E:\BK_final\Vilarinho\Vilarinho - Trabalho\Segurança - Erica\2014\Orcamento\CAPEX\ARQUIVOS PREPARATORIOS\Estrutura Orcamentaria\OPERACAO\SUPERVISAO PATRIMONIAL\AFASTAMENTO_FERIAS\CAPEX_2014_ORC_SUP_PAT_AFAST_FERIAS_MG2_OFICIAL.xlsx</t>
  </si>
  <si>
    <t>E:\BK_final\Vilarinho\Vilarinho - Trabalho\Segurança - Erica\2014\Orcamento\CAPEX\ARQUIVOS PREPARATORIOS\Estrutura Orcamentaria\OPERACAO\SUPERVISAO PATRIMONIAL\AFASTAMENTO_FERIAS\CAPEX_2014_ORC_SUP_PAT_AFAST_FERIAS_MS_OFICIAL.xlsx</t>
  </si>
  <si>
    <t>11/21/2019 16:43:35</t>
  </si>
  <si>
    <t>E:\BK_final\Vilarinho\Vilarinho - Trabalho\Segurança - Erica\2014\Orcamento\CAPEX\ARQUIVOS PREPARATORIOS\Estrutura Orcamentaria\OPERACAO\SUPERVISAO PATRIMONIAL\AFASTAMENTO_FERIAS\CAPEX_2014_ORC_SUP_PAT_AFAST_FERIAS_MT_OFICIAL.xlsx</t>
  </si>
  <si>
    <t>11/21/2019 16:43:36</t>
  </si>
  <si>
    <t>E:\BK_final\Vilarinho\Vilarinho - Trabalho\Segurança - Erica\2014\Orcamento\CAPEX\ARQUIVOS PREPARATORIOS\Estrutura Orcamentaria\OPERACAO\SUPERVISAO PATRIMONIAL\AFASTAMENTO_FERIAS\CAPEX_2014_ORC_SUP_PAT_AFAST_FERIAS_PR_OFICIAL.xlsx</t>
  </si>
  <si>
    <t>E:\BK_final\Vilarinho\Vilarinho - Trabalho\Segurança - Erica\2014\Orcamento\CAPEX\ARQUIVOS PREPARATORIOS\Estrutura Orcamentaria\OPERACAO\SUPERVISAO PATRIMONIAL\AFASTAMENTO_FERIAS\CAPEX_2014_ORC_SUP_PAT_AFAST_FERIAS_SP1_OFICIAL.xlsx</t>
  </si>
  <si>
    <t>E:\BK_final\Vilarinho\Vilarinho - Trabalho\Segurança - Erica\2014\Orcamento\CAPEX\ARQUIVOS PREPARATORIOS\Estrutura Orcamentaria\OPERACAO\SUPERVISAO PATRIMONIAL\AFASTAMENTO_FERIAS\CAPEX_2014_ORC_SUP_PAT_AFAST_FERIAS_SP2_OFICIAL.xlsx</t>
  </si>
  <si>
    <t>11/21/2019 16:43:37</t>
  </si>
  <si>
    <t>D:\2014\Orcamento\CAPEX\ARQUIVOS PREPARATORIOS\Estrutura Orcamentaria\OPERACAO\SUPERVISAO PATRIMONIAL\CENTRAL\</t>
  </si>
  <si>
    <t>CAPEX_2014_ORC_SUP_PAT_CENTRAL_CONSOLIDADO_OFICIAL.xlsx</t>
  </si>
  <si>
    <t>E:\BK_final\Vilarinho\Vilarinho - Trabalho\Segurança - Erica\2014\Orcamento\CAPEX\ARQUIVOS PREPARATORIOS\Estrutura Orcamentaria\OPERACAO\SUPERVISAO PATRIMONIAL\CENTRAL\CAPEX_2014_ORC_SUP_PAT_CENTRAL_CONSOLIDADO_OFICIAL.xlsx</t>
  </si>
  <si>
    <t>11/21/2019 16:43:38</t>
  </si>
  <si>
    <t>CAPEX_2014_ORC_SUP_PAT_CENTRAL_GO_OFICIAL.xlsx</t>
  </si>
  <si>
    <t>E:\BK_final\Vilarinho\Vilarinho - Trabalho\Segurança - Erica\2014\Orcamento\CAPEX\ARQUIVOS PREPARATORIOS\Estrutura Orcamentaria\OPERACAO\SUPERVISAO PATRIMONIAL\CENTRAL\CAPEX_2014_ORC_SUP_PAT_CENTRAL_GO_OFICIAL.xlsx</t>
  </si>
  <si>
    <t>CAPEX_2014_ORC_SUP_PAT_CENTRAL_MG1_OFICIAL.xlsx</t>
  </si>
  <si>
    <t>E:\BK_final\Vilarinho\Vilarinho - Trabalho\Segurança - Erica\2014\Orcamento\CAPEX\ARQUIVOS PREPARATORIOS\Estrutura Orcamentaria\OPERACAO\SUPERVISAO PATRIMONIAL\CENTRAL\CAPEX_2014_ORC_SUP_PAT_CENTRAL_MG1_OFICIAL.xlsx</t>
  </si>
  <si>
    <t>11/21/2019 16:43:39</t>
  </si>
  <si>
    <t>CAPEX_2014_ORC_SUP_PAT_CENTRAL_MG2_OFICIAL.xlsx</t>
  </si>
  <si>
    <t>E:\BK_final\Vilarinho\Vilarinho - Trabalho\Segurança - Erica\2014\Orcamento\CAPEX\ARQUIVOS PREPARATORIOS\Estrutura Orcamentaria\OPERACAO\SUPERVISAO PATRIMONIAL\CENTRAL\CAPEX_2014_ORC_SUP_PAT_CENTRAL_MG2_OFICIAL.xlsx</t>
  </si>
  <si>
    <t>CAPEX_2014_ORC_SUP_PAT_CENTRAL_MS_OFICIAL.xlsx</t>
  </si>
  <si>
    <t>E:\BK_final\Vilarinho\Vilarinho - Trabalho\Segurança - Erica\2014\Orcamento\CAPEX\ARQUIVOS PREPARATORIOS\Estrutura Orcamentaria\OPERACAO\SUPERVISAO PATRIMONIAL\CENTRAL\CAPEX_2014_ORC_SUP_PAT_CENTRAL_MS_OFICIAL.xlsx</t>
  </si>
  <si>
    <t>CAPEX_2014_ORC_SUP_PAT_CENTRAL_MT_OFICIAL.xlsx</t>
  </si>
  <si>
    <t>E:\BK_final\Vilarinho\Vilarinho - Trabalho\Segurança - Erica\2014\Orcamento\CAPEX\ARQUIVOS PREPARATORIOS\Estrutura Orcamentaria\OPERACAO\SUPERVISAO PATRIMONIAL\CENTRAL\CAPEX_2014_ORC_SUP_PAT_CENTRAL_MT_OFICIAL.xlsx</t>
  </si>
  <si>
    <t>11/21/2019 16:43:40</t>
  </si>
  <si>
    <t>CAPEX_2014_ORC_SUP_PAT_CENTRAL_PR_OFICIAL.xlsx</t>
  </si>
  <si>
    <t>E:\BK_final\Vilarinho\Vilarinho - Trabalho\Segurança - Erica\2014\Orcamento\CAPEX\ARQUIVOS PREPARATORIOS\Estrutura Orcamentaria\OPERACAO\SUPERVISAO PATRIMONIAL\CENTRAL\CAPEX_2014_ORC_SUP_PAT_CENTRAL_PR_OFICIAL.xlsx</t>
  </si>
  <si>
    <t>CAPEX_2014_ORC_SUP_PAT_CENTRAL_RJ_OFICIAL.xlsx</t>
  </si>
  <si>
    <t>E:\BK_final\Vilarinho\Vilarinho - Trabalho\Segurança - Erica\2014\Orcamento\CAPEX\ARQUIVOS PREPARATORIOS\Estrutura Orcamentaria\OPERACAO\SUPERVISAO PATRIMONIAL\CENTRAL\CAPEX_2014_ORC_SUP_PAT_CENTRAL_RJ_OFICIAL.xlsx</t>
  </si>
  <si>
    <t>11/21/2019 16:43:41</t>
  </si>
  <si>
    <t>CAPEX_2014_ORC_SUP_PAT_CENTRAL_SP1_OFICIAL.xlsx</t>
  </si>
  <si>
    <t>E:\BK_final\Vilarinho\Vilarinho - Trabalho\Segurança - Erica\2014\Orcamento\CAPEX\ARQUIVOS PREPARATORIOS\Estrutura Orcamentaria\OPERACAO\SUPERVISAO PATRIMONIAL\CENTRAL\CAPEX_2014_ORC_SUP_PAT_CENTRAL_SP1_OFICIAL.xlsx</t>
  </si>
  <si>
    <t>CAPEX_2014_ORC_SUP_PAT_CENTRAL_SP2_OFICIAL.xlsx</t>
  </si>
  <si>
    <t>E:\BK_final\Vilarinho\Vilarinho - Trabalho\Segurança - Erica\2014\Orcamento\CAPEX\ARQUIVOS PREPARATORIOS\Estrutura Orcamentaria\OPERACAO\SUPERVISAO PATRIMONIAL\CENTRAL\CAPEX_2014_ORC_SUP_PAT_CENTRAL_SP2_OFICIAL.xlsx</t>
  </si>
  <si>
    <t>D:\2014\Orcamento\CAPEX\ARQUIVOS PREPARATORIOS\Estrutura Orcamentaria\OPERACAO\SUPERVISAO PATRIMONIAL\GESTAO ONLINE\</t>
  </si>
  <si>
    <t>CAPEX_2014_ORC_SUP_PAT_GO_OFICIAL.xlsx</t>
  </si>
  <si>
    <t>E:\BK_final\Vilarinho\Vilarinho - Trabalho\Segurança - Erica\2014\Orcamento\CAPEX\ARQUIVOS PREPARATORIOS\Estrutura Orcamentaria\OPERACAO\SUPERVISAO PATRIMONIAL\GESTAO ONLINE\CAPEX_2014_ORC_SUP_PAT_GO_OFICIAL.xlsx</t>
  </si>
  <si>
    <t>D:\2014\Orcamento\CAPEX\ARQUIVOS PREPARATORIOS\Estrutura Orcamentaria\OPERACAO\SUPERVISAO PATRIMONIAL\OPERACIONAL\</t>
  </si>
  <si>
    <t>CAPEX_2014_ORC_SUP_PAT_OPERACIONAL_CONSOLIDADO_OFICIAL.xlsx</t>
  </si>
  <si>
    <t>E:\BK_final\Vilarinho\Vilarinho - Trabalho\Segurança - Erica\2014\Orcamento\CAPEX\ARQUIVOS PREPARATORIOS\Estrutura Orcamentaria\OPERACAO\SUPERVISAO PATRIMONIAL\OPERACIONAL\CAPEX_2014_ORC_SUP_PAT_OPERACIONAL_CONSOLIDADO_OFICIAL.xlsx</t>
  </si>
  <si>
    <t>11/21/2019 16:43:42</t>
  </si>
  <si>
    <t>CAPEX_2014_ORC_SUP_PAT_OPERACIONAL_GO_OFICIAL.xlsx</t>
  </si>
  <si>
    <t>E:\BK_final\Vilarinho\Vilarinho - Trabalho\Segurança - Erica\2014\Orcamento\CAPEX\ARQUIVOS PREPARATORIOS\Estrutura Orcamentaria\OPERACAO\SUPERVISAO PATRIMONIAL\OPERACIONAL\CAPEX_2014_ORC_SUP_PAT_OPERACIONAL_GO_OFICIAL.xlsx</t>
  </si>
  <si>
    <t>CAPEX_2014_ORC_SUP_PAT_OPERACIONAL_MG1_OFICIAL.xlsx</t>
  </si>
  <si>
    <t>E:\BK_final\Vilarinho\Vilarinho - Trabalho\Segurança - Erica\2014\Orcamento\CAPEX\ARQUIVOS PREPARATORIOS\Estrutura Orcamentaria\OPERACAO\SUPERVISAO PATRIMONIAL\OPERACIONAL\CAPEX_2014_ORC_SUP_PAT_OPERACIONAL_MG1_OFICIAL.xlsx</t>
  </si>
  <si>
    <t>CAPEX_2014_ORC_SUP_PAT_OPERACIONAL_MG2_OFICIAL.xlsx</t>
  </si>
  <si>
    <t>E:\BK_final\Vilarinho\Vilarinho - Trabalho\Segurança - Erica\2014\Orcamento\CAPEX\ARQUIVOS PREPARATORIOS\Estrutura Orcamentaria\OPERACAO\SUPERVISAO PATRIMONIAL\OPERACIONAL\CAPEX_2014_ORC_SUP_PAT_OPERACIONAL_MG2_OFICIAL.xlsx</t>
  </si>
  <si>
    <t>CAPEX_2014_ORC_SUP_PAT_OPERACIONAL_MS_OFICIAL.xlsx</t>
  </si>
  <si>
    <t>E:\BK_final\Vilarinho\Vilarinho - Trabalho\Segurança - Erica\2014\Orcamento\CAPEX\ARQUIVOS PREPARATORIOS\Estrutura Orcamentaria\OPERACAO\SUPERVISAO PATRIMONIAL\OPERACIONAL\CAPEX_2014_ORC_SUP_PAT_OPERACIONAL_MS_OFICIAL.xlsx</t>
  </si>
  <si>
    <t>CAPEX_2014_ORC_SUP_PAT_OPERACIONAL_MT_OFICIAL.xlsx</t>
  </si>
  <si>
    <t>E:\BK_final\Vilarinho\Vilarinho - Trabalho\Segurança - Erica\2014\Orcamento\CAPEX\ARQUIVOS PREPARATORIOS\Estrutura Orcamentaria\OPERACAO\SUPERVISAO PATRIMONIAL\OPERACIONAL\CAPEX_2014_ORC_SUP_PAT_OPERACIONAL_MT_OFICIAL.xlsx</t>
  </si>
  <si>
    <t>11/21/2019 16:43:43</t>
  </si>
  <si>
    <t>CAPEX_2014_ORC_SUP_PAT_OPERACIONAL_PR_OFICIAL.xlsx</t>
  </si>
  <si>
    <t>E:\BK_final\Vilarinho\Vilarinho - Trabalho\Segurança - Erica\2014\Orcamento\CAPEX\ARQUIVOS PREPARATORIOS\Estrutura Orcamentaria\OPERACAO\SUPERVISAO PATRIMONIAL\OPERACIONAL\CAPEX_2014_ORC_SUP_PAT_OPERACIONAL_PR_OFICIAL.xlsx</t>
  </si>
  <si>
    <t>11/21/2019 16:43:44</t>
  </si>
  <si>
    <t>CAPEX_2014_ORC_SUP_PAT_OPERACIONAL_RJ_OFICIAL.xlsx</t>
  </si>
  <si>
    <t>E:\BK_final\Vilarinho\Vilarinho - Trabalho\Segurança - Erica\2014\Orcamento\CAPEX\ARQUIVOS PREPARATORIOS\Estrutura Orcamentaria\OPERACAO\SUPERVISAO PATRIMONIAL\OPERACIONAL\CAPEX_2014_ORC_SUP_PAT_OPERACIONAL_RJ_OFICIAL.xlsx</t>
  </si>
  <si>
    <t>CAPEX_2014_ORC_SUP_PAT_OPERACIONAL_SP1_OFICIAL.xlsx</t>
  </si>
  <si>
    <t>E:\BK_final\Vilarinho\Vilarinho - Trabalho\Segurança - Erica\2014\Orcamento\CAPEX\ARQUIVOS PREPARATORIOS\Estrutura Orcamentaria\OPERACAO\SUPERVISAO PATRIMONIAL\OPERACIONAL\CAPEX_2014_ORC_SUP_PAT_OPERACIONAL_SP1_OFICIAL.xlsx</t>
  </si>
  <si>
    <t>11/21/2019 16:43:45</t>
  </si>
  <si>
    <t>CAPEX_2014_ORC_SUP_PAT_OPERACIONAL_SP2_OFICIAL.xlsx</t>
  </si>
  <si>
    <t>E:\BK_final\Vilarinho\Vilarinho - Trabalho\Segurança - Erica\2014\Orcamento\CAPEX\ARQUIVOS PREPARATORIOS\Estrutura Orcamentaria\OPERACAO\SUPERVISAO PATRIMONIAL\OPERACIONAL\CAPEX_2014_ORC_SUP_PAT_OPERACIONAL_SP2_OFICIAL.xlsx</t>
  </si>
  <si>
    <t>D:\2014\Orcamento\CAPEX\ARQUIVOS PREPARATORIOS\Estrutura Orcamentaria\STAFF\</t>
  </si>
  <si>
    <t>CAPEX_2014_ORC_ADM_AGPI_OFICIAL.xlsx</t>
  </si>
  <si>
    <t>E:\BK_final\Vilarinho\Vilarinho - Trabalho\Segurança - Erica\2014\Orcamento\CAPEX\ARQUIVOS PREPARATORIOS\Estrutura Orcamentaria\STAFF\CAPEX_2014_ORC_ADM_AGPI_OFICIAL.xlsx</t>
  </si>
  <si>
    <t>CAPEX_2014_ORC_ADM_COMITE_INOVACAO_OFICIAL.xlsx</t>
  </si>
  <si>
    <t>E:\BK_final\Vilarinho\Vilarinho - Trabalho\Segurança - Erica\2014\Orcamento\CAPEX\ARQUIVOS PREPARATORIOS\Estrutura Orcamentaria\STAFF\CAPEX_2014_ORC_ADM_COMITE_INOVACAO_OFICIAL.xlsx</t>
  </si>
  <si>
    <t>CAPEX_2014_ORC_ADM_CONSOLIDADO_OFICIAL.xlsx</t>
  </si>
  <si>
    <t>E:\BK_final\Vilarinho\Vilarinho - Trabalho\Segurança - Erica\2014\Orcamento\CAPEX\ARQUIVOS PREPARATORIOS\Estrutura Orcamentaria\STAFF\CAPEX_2014_ORC_ADM_CONSOLIDADO_OFICIAL.xlsx</t>
  </si>
  <si>
    <t>CAPEX_2014_ORC_ADM_CORPORATIVO_OFICIAL.xlsx</t>
  </si>
  <si>
    <t>E:\BK_final\Vilarinho\Vilarinho - Trabalho\Segurança - Erica\2014\Orcamento\CAPEX\ARQUIVOS PREPARATORIOS\Estrutura Orcamentaria\STAFF\CAPEX_2014_ORC_ADM_CORPORATIVO_OFICIAL.xlsx</t>
  </si>
  <si>
    <t>11/21/2019 16:43:46</t>
  </si>
  <si>
    <t>CAPEX_2014_ORC_ADM_CSC_OFICIAL.xlsx</t>
  </si>
  <si>
    <t>E:\BK_final\Vilarinho\Vilarinho - Trabalho\Segurança - Erica\2014\Orcamento\CAPEX\ARQUIVOS PREPARATORIOS\Estrutura Orcamentaria\STAFF\CAPEX_2014_ORC_ADM_CSC_OFICIAL.xlsx</t>
  </si>
  <si>
    <t>CAPEX_2014_ORC_ADM_DIRETORIA_OFICIAL.xlsx</t>
  </si>
  <si>
    <t>E:\BK_final\Vilarinho\Vilarinho - Trabalho\Segurança - Erica\2014\Orcamento\CAPEX\ARQUIVOS PREPARATORIOS\Estrutura Orcamentaria\STAFF\CAPEX_2014_ORC_ADM_DIRETORIA_OFICIAL.xlsx</t>
  </si>
  <si>
    <t>CAPEX_2014_ORC_ADM_FINANCEIRO_OFICIAL.xlsx</t>
  </si>
  <si>
    <t>E:\BK_final\Vilarinho\Vilarinho - Trabalho\Segurança - Erica\2014\Orcamento\CAPEX\ARQUIVOS PREPARATORIOS\Estrutura Orcamentaria\STAFF\CAPEX_2014_ORC_ADM_FINANCEIRO_OFICIAL.xlsx</t>
  </si>
  <si>
    <t>CAPEX_2014_ORC_ADM_JURIDICO_OFICIAL.xlsx</t>
  </si>
  <si>
    <t>E:\BK_final\Vilarinho\Vilarinho - Trabalho\Segurança - Erica\2014\Orcamento\CAPEX\ARQUIVOS PREPARATORIOS\Estrutura Orcamentaria\STAFF\CAPEX_2014_ORC_ADM_JURIDICO_OFICIAL.xlsx</t>
  </si>
  <si>
    <t>CAPEX_2014_ORC_ADM_SESMT_OFICIAL.xlsx</t>
  </si>
  <si>
    <t>E:\BK_final\Vilarinho\Vilarinho - Trabalho\Segurança - Erica\2014\Orcamento\CAPEX\ARQUIVOS PREPARATORIOS\Estrutura Orcamentaria\STAFF\CAPEX_2014_ORC_ADM_SESMT_OFICIAL.xlsx</t>
  </si>
  <si>
    <t>11/21/2019 16:43:47</t>
  </si>
  <si>
    <t>CAPEX_2014_ORC_ADM_TH_OFICIAL.xlsx</t>
  </si>
  <si>
    <t>E:\BK_final\Vilarinho\Vilarinho - Trabalho\Segurança - Erica\2014\Orcamento\CAPEX\ARQUIVOS PREPARATORIOS\Estrutura Orcamentaria\STAFF\CAPEX_2014_ORC_ADM_TH_OFICIAL.xlsx</t>
  </si>
  <si>
    <t>CAPEX_2014_ORC_ADM_TI_OFICIAL.xlsx</t>
  </si>
  <si>
    <t>E:\BK_final\Vilarinho\Vilarinho - Trabalho\Segurança - Erica\2014\Orcamento\CAPEX\ARQUIVOS PREPARATORIOS\Estrutura Orcamentaria\STAFF\CAPEX_2014_ORC_ADM_TI_OFICIAL.xlsx</t>
  </si>
  <si>
    <t>D:\2014\Orcamento\CAPEX\OFICIAL\</t>
  </si>
  <si>
    <t>E:\BK_final\Vilarinho\Vilarinho - Trabalho\Segurança - Erica\2014\Orcamento\CAPEX\OFICIAL\CAPEX_2014_ORC_CONSOLIDADO_OFICIAL.xlsx</t>
  </si>
  <si>
    <t>D:\2014\Orcamento\CAPEX\OFICIAL\COMERCIAL\</t>
  </si>
  <si>
    <t>E:\BK_final\Vilarinho\Vilarinho - Trabalho\Segurança - Erica\2014\Orcamento\CAPEX\OFICIAL\COMERCIAL\CAPEX_2014_ORC_CML_CONSOLIDADO_OFICIAL.xlsx</t>
  </si>
  <si>
    <t>D:\2014\Orcamento\CAPEX\OFICIAL\COMERCIAL\SEGURANCA DOCUMENTAL\</t>
  </si>
  <si>
    <t>E:\BK_final\Vilarinho\Vilarinho - Trabalho\Segurança - Erica\2014\Orcamento\CAPEX\OFICIAL\COMERCIAL\SEGURANCA DOCUMENTAL\CAPEX_2014_ORC_CML_SEDOC_OFICIAL.xlsx</t>
  </si>
  <si>
    <t>D:\2014\Orcamento\CAPEX\OFICIAL\COMERCIAL\SEGURANCA ELETRONICA\</t>
  </si>
  <si>
    <t>E:\BK_final\Vilarinho\Vilarinho - Trabalho\Segurança - Erica\2014\Orcamento\CAPEX\OFICIAL\COMERCIAL\SEGURANCA ELETRONICA\CAPEX_2014_ORC_CML_ELE_CONSOLIDADO_OFICIAL.xlsx</t>
  </si>
  <si>
    <t>11/21/2019 16:43:48</t>
  </si>
  <si>
    <t>E:\BK_final\Vilarinho\Vilarinho - Trabalho\Segurança - Erica\2014\Orcamento\CAPEX\OFICIAL\COMERCIAL\SEGURANCA ELETRONICA\CAPEX_2014_ORC_CML_ELE_MONITORAMENTO_OFICIAL.xlsx</t>
  </si>
  <si>
    <t>E:\BK_final\Vilarinho\Vilarinho - Trabalho\Segurança - Erica\2014\Orcamento\CAPEX\OFICIAL\COMERCIAL\SEGURANCA ELETRONICA\CAPEX_2014_ORC_CML_ELE_PROJETOS_OFICIAL.xlsx</t>
  </si>
  <si>
    <t>D:\2014\Orcamento\CAPEX\OFICIAL\COMERCIAL\SEGURANCA PATRIMONIAL\</t>
  </si>
  <si>
    <t>E:\BK_final\Vilarinho\Vilarinho - Trabalho\Segurança - Erica\2014\Orcamento\CAPEX\OFICIAL\COMERCIAL\SEGURANCA PATRIMONIAL\CAPEX_2014_ORC_CML_PAT_CONSOLIDADO_OFICIAL.xlsx</t>
  </si>
  <si>
    <t>E:\BK_final\Vilarinho\Vilarinho - Trabalho\Segurança - Erica\2014\Orcamento\CAPEX\OFICIAL\COMERCIAL\SEGURANCA PATRIMONIAL\CAPEX_2014_ORC_CML_PAT_GO_OFICIAL.xlsx</t>
  </si>
  <si>
    <t>E:\BK_final\Vilarinho\Vilarinho - Trabalho\Segurança - Erica\2014\Orcamento\CAPEX\OFICIAL\COMERCIAL\SEGURANCA PATRIMONIAL\CAPEX_2014_ORC_CML_PAT_MG1_OFICIAL.xlsx</t>
  </si>
  <si>
    <t>E:\BK_final\Vilarinho\Vilarinho - Trabalho\Segurança - Erica\2014\Orcamento\CAPEX\OFICIAL\COMERCIAL\SEGURANCA PATRIMONIAL\CAPEX_2014_ORC_CML_PAT_MG2_OFICIAL.xlsx</t>
  </si>
  <si>
    <t>11/21/2019 16:43:49</t>
  </si>
  <si>
    <t>E:\BK_final\Vilarinho\Vilarinho - Trabalho\Segurança - Erica\2014\Orcamento\CAPEX\OFICIAL\COMERCIAL\SEGURANCA PATRIMONIAL\CAPEX_2014_ORC_CML_PAT_MS_OFICIAL.xlsx</t>
  </si>
  <si>
    <t>11/21/2019 16:43:50</t>
  </si>
  <si>
    <t>E:\BK_final\Vilarinho\Vilarinho - Trabalho\Segurança - Erica\2014\Orcamento\CAPEX\OFICIAL\COMERCIAL\SEGURANCA PATRIMONIAL\CAPEX_2014_ORC_CML_PAT_MT_OFICIAL.xlsx</t>
  </si>
  <si>
    <t>E:\BK_final\Vilarinho\Vilarinho - Trabalho\Segurança - Erica\2014\Orcamento\CAPEX\OFICIAL\COMERCIAL\SEGURANCA PATRIMONIAL\CAPEX_2014_ORC_CML_PAT_PR_OFICIAL.xlsx</t>
  </si>
  <si>
    <t>11/21/2019 16:43:51</t>
  </si>
  <si>
    <t>E:\BK_final\Vilarinho\Vilarinho - Trabalho\Segurança - Erica\2014\Orcamento\CAPEX\OFICIAL\COMERCIAL\SEGURANCA PATRIMONIAL\CAPEX_2014_ORC_CML_PAT_SP1_OFICIAL.xlsx</t>
  </si>
  <si>
    <t>E:\BK_final\Vilarinho\Vilarinho - Trabalho\Segurança - Erica\2014\Orcamento\CAPEX\OFICIAL\COMERCIAL\SEGURANCA PATRIMONIAL\CAPEX_2014_ORC_CML_PAT_SP2_OFICIAL.xlsx</t>
  </si>
  <si>
    <t>11/21/2019 16:43:53</t>
  </si>
  <si>
    <t>D:\2014\Orcamento\CAPEX\OFICIAL\OPERACAO\</t>
  </si>
  <si>
    <t>E:\BK_final\Vilarinho\Vilarinho - Trabalho\Segurança - Erica\2014\Orcamento\CAPEX\OFICIAL\OPERACAO\CAPEX_2014_ORC_OPE_CONSOLIDADO_OFICIAL.xlsx</t>
  </si>
  <si>
    <t>D:\2014\Orcamento\CAPEX\OFICIAL\OPERACAO\SEGURANCA DOCUMENTAL\</t>
  </si>
  <si>
    <t>E:\BK_final\Vilarinho\Vilarinho - Trabalho\Segurança - Erica\2014\Orcamento\CAPEX\OFICIAL\OPERACAO\SEGURANCA DOCUMENTAL\CAPEX_2014_ORC_OPE_SEDOC_CONSOLIDADO_OFICIAL.xlsx</t>
  </si>
  <si>
    <t>E:\BK_final\Vilarinho\Vilarinho - Trabalho\Segurança - Erica\2014\Orcamento\CAPEX\OFICIAL\OPERACAO\SEGURANCA DOCUMENTAL\CAPEX_2014_ORC_OPE_SEDOC_MG1_OFICIAL.xlsx</t>
  </si>
  <si>
    <t>E:\BK_final\Vilarinho\Vilarinho - Trabalho\Segurança - Erica\2014\Orcamento\CAPEX\OFICIAL\OPERACAO\SEGURANCA DOCUMENTAL\CAPEX_2014_ORC_OPE_SEDOC_SP1_OFICIAL.xlsx</t>
  </si>
  <si>
    <t>CAPEX_2014_ORC_OPE_SUP_SEDOC_OFICIAL.xlsx</t>
  </si>
  <si>
    <t>E:\BK_final\Vilarinho\Vilarinho - Trabalho\Segurança - Erica\2014\Orcamento\CAPEX\OFICIAL\OPERACAO\SEGURANCA DOCUMENTAL\CAPEX_2014_ORC_OPE_SUP_SEDOC_OFICIAL.xlsx</t>
  </si>
  <si>
    <t>11/21/2019 16:43:54</t>
  </si>
  <si>
    <t>D:\2014\Orcamento\CAPEX\OFICIAL\OPERACAO\SEGURANCA ELETRONICA\</t>
  </si>
  <si>
    <t>E:\BK_final\Vilarinho\Vilarinho - Trabalho\Segurança - Erica\2014\Orcamento\CAPEX\OFICIAL\OPERACAO\SEGURANCA ELETRONICA\CAPEX_2014_ORC_OPE_ELE_ATEND_ALARME_OFICIAL.xlsx</t>
  </si>
  <si>
    <t>E:\BK_final\Vilarinho\Vilarinho - Trabalho\Segurança - Erica\2014\Orcamento\CAPEX\OFICIAL\OPERACAO\SEGURANCA ELETRONICA\CAPEX_2014_ORC_OPE_ELE_CONSOLIDADO_OFICIAL.xlsx</t>
  </si>
  <si>
    <t>E:\BK_final\Vilarinho\Vilarinho - Trabalho\Segurança - Erica\2014\Orcamento\CAPEX\OFICIAL\OPERACAO\SEGURANCA ELETRONICA\CAPEX_2014_ORC_OPE_ELE_MONITORAMENTO_OFICIAL.xlsx</t>
  </si>
  <si>
    <t>E:\BK_final\Vilarinho\Vilarinho - Trabalho\Segurança - Erica\2014\Orcamento\CAPEX\OFICIAL\OPERACAO\SEGURANCA ELETRONICA\CAPEX_2014_ORC_OPE_ELE_PROJETOS_OFICIAL.xlsx</t>
  </si>
  <si>
    <t>E:\BK_final\Vilarinho\Vilarinho - Trabalho\Segurança - Erica\2014\Orcamento\CAPEX\OFICIAL\OPERACAO\SEGURANCA ELETRONICA\CAPEX_2014_ORC_OPE_ELE_SAC_OFICIAL.xlsx</t>
  </si>
  <si>
    <t>E:\BK_final\Vilarinho\Vilarinho - Trabalho\Segurança - Erica\2014\Orcamento\CAPEX\OFICIAL\OPERACAO\SEGURANCA ELETRONICA\CAPEX_2014_ORC_OPE_ELE_TECNICA_OFICIAL.xlsx</t>
  </si>
  <si>
    <t>11/21/2019 16:43:55</t>
  </si>
  <si>
    <t>E:\BK_final\Vilarinho\Vilarinho - Trabalho\Segurança - Erica\2014\Orcamento\CAPEX\OFICIAL\OPERACAO\SEGURANCA ELETRONICA\</t>
  </si>
  <si>
    <t>CAPEX_2014_ORC_OPE_SUP_ELE_OFICIAL.xlsx</t>
  </si>
  <si>
    <t>E:\BK_final\Vilarinho\Vilarinho - Trabalho\Segurança - Erica\2014\Orcamento\CAPEX\OFICIAL\OPERACAO\SEGURANCA ELETRONICA\CAPEX_2014_ORC_OPE_SUP_ELE_OFICIAL.xlsx</t>
  </si>
  <si>
    <t>D:\2014\Orcamento\CAPEX\OFICIAL\OPERACAO\SEGURANCA PATRIMONIAL\</t>
  </si>
  <si>
    <t>E:\BK_final\Vilarinho\Vilarinho - Trabalho\Segurança - Erica\2014\Orcamento\CAPEX\OFICIAL\OPERACAO\SEGURANCA PATRIMONIAL\CAPEX_2014_ORC_OPE_PAT_CONSOLIDADO_OFICIAL.xlsx</t>
  </si>
  <si>
    <t>E:\BK_final\Vilarinho\Vilarinho - Trabalho\Segurança - Erica\2014\Orcamento\CAPEX\OFICIAL\OPERACAO\SEGURANCA PATRIMONIAL\CAPEX_2014_ORC_OPE_PAT_GO_OFICIAL.xlsx</t>
  </si>
  <si>
    <t>E:\BK_final\Vilarinho\Vilarinho - Trabalho\Segurança - Erica\2014\Orcamento\CAPEX\OFICIAL\OPERACAO\SEGURANCA PATRIMONIAL\CAPEX_2014_ORC_OPE_PAT_MG1_OFICIAL.xlsx</t>
  </si>
  <si>
    <t>E:\BK_final\Vilarinho\Vilarinho - Trabalho\Segurança - Erica\2014\Orcamento\CAPEX\OFICIAL\OPERACAO\SEGURANCA PATRIMONIAL\CAPEX_2014_ORC_OPE_PAT_MG2_OFICIAL.xlsx</t>
  </si>
  <si>
    <t>11/21/2019 16:43:56</t>
  </si>
  <si>
    <t>E:\BK_final\Vilarinho\Vilarinho - Trabalho\Segurança - Erica\2014\Orcamento\CAPEX\OFICIAL\OPERACAO\SEGURANCA PATRIMONIAL\CAPEX_2014_ORC_OPE_PAT_MS_OFICIAL.xlsx</t>
  </si>
  <si>
    <t>E:\BK_final\Vilarinho\Vilarinho - Trabalho\Segurança - Erica\2014\Orcamento\CAPEX\OFICIAL\OPERACAO\SEGURANCA PATRIMONIAL\CAPEX_2014_ORC_OPE_PAT_MT_OFICIAL.xlsx</t>
  </si>
  <si>
    <t>E:\BK_final\Vilarinho\Vilarinho - Trabalho\Segurança - Erica\2014\Orcamento\CAPEX\OFICIAL\OPERACAO\SEGURANCA PATRIMONIAL\CAPEX_2014_ORC_OPE_PAT_PR_OFICIAL.xlsx</t>
  </si>
  <si>
    <t>E:\BK_final\Vilarinho\Vilarinho - Trabalho\Segurança - Erica\2014\Orcamento\CAPEX\OFICIAL\OPERACAO\SEGURANCA PATRIMONIAL\CAPEX_2014_ORC_OPE_PAT_SP1_OFICIAL.xlsx</t>
  </si>
  <si>
    <t>E:\BK_final\Vilarinho\Vilarinho - Trabalho\Segurança - Erica\2014\Orcamento\CAPEX\OFICIAL\OPERACAO\SEGURANCA PATRIMONIAL\CAPEX_2014_ORC_OPE_PAT_SP2_OFICIAL.xlsx</t>
  </si>
  <si>
    <t>11/21/2019 16:43:57</t>
  </si>
  <si>
    <t>D:\2014\Orcamento\CAPEX\OFICIAL\OPERACAO\SEGURANCA PATRIMONIAL\AFASTAMENTO_FERIAS\</t>
  </si>
  <si>
    <t>E:\BK_final\Vilarinho\Vilarinho - Trabalho\Segurança - Erica\2014\Orcamento\CAPEX\OFICIAL\OPERACAO\SEGURANCA PATRIMONIAL\AFASTAMENTO_FERIAS\CAPEX_2014_ORC_SUP_PAT_AFAST_FERIAS_CONSOLIDADO_OFICIAL.xlsx</t>
  </si>
  <si>
    <t>E:\BK_final\Vilarinho\Vilarinho - Trabalho\Segurança - Erica\2014\Orcamento\CAPEX\OFICIAL\OPERACAO\SEGURANCA PATRIMONIAL\AFASTAMENTO_FERIAS\CAPEX_2014_ORC_SUP_PAT_AFAST_FERIAS_GO_OFICIAL.xlsx</t>
  </si>
  <si>
    <t>E:\BK_final\Vilarinho\Vilarinho - Trabalho\Segurança - Erica\2014\Orcamento\CAPEX\OFICIAL\OPERACAO\SEGURANCA PATRIMONIAL\AFASTAMENTO_FERIAS\CAPEX_2014_ORC_SUP_PAT_AFAST_FERIAS_MG1_OFICIAL.xlsx</t>
  </si>
  <si>
    <t>E:\BK_final\Vilarinho\Vilarinho - Trabalho\Segurança - Erica\2014\Orcamento\CAPEX\OFICIAL\OPERACAO\SEGURANCA PATRIMONIAL\AFASTAMENTO_FERIAS\CAPEX_2014_ORC_SUP_PAT_AFAST_FERIAS_MG2_OFICIAL.xlsx</t>
  </si>
  <si>
    <t>E:\BK_final\Vilarinho\Vilarinho - Trabalho\Segurança - Erica\2014\Orcamento\CAPEX\OFICIAL\OPERACAO\SEGURANCA PATRIMONIAL\AFASTAMENTO_FERIAS\CAPEX_2014_ORC_SUP_PAT_AFAST_FERIAS_MS_OFICIAL.xlsx</t>
  </si>
  <si>
    <t>E:\BK_final\Vilarinho\Vilarinho - Trabalho\Segurança - Erica\2014\Orcamento\CAPEX\OFICIAL\OPERACAO\SEGURANCA PATRIMONIAL\AFASTAMENTO_FERIAS\CAPEX_2014_ORC_SUP_PAT_AFAST_FERIAS_MT_OFICIAL.xlsx</t>
  </si>
  <si>
    <t>11/21/2019 16:43:58</t>
  </si>
  <si>
    <t>E:\BK_final\Vilarinho\Vilarinho - Trabalho\Segurança - Erica\2014\Orcamento\CAPEX\OFICIAL\OPERACAO\SEGURANCA PATRIMONIAL\AFASTAMENTO_FERIAS\CAPEX_2014_ORC_SUP_PAT_AFAST_FERIAS_PR_OFICIAL.xlsx</t>
  </si>
  <si>
    <t>E:\BK_final\Vilarinho\Vilarinho - Trabalho\Segurança - Erica\2014\Orcamento\CAPEX\OFICIAL\OPERACAO\SEGURANCA PATRIMONIAL\AFASTAMENTO_FERIAS\CAPEX_2014_ORC_SUP_PAT_AFAST_FERIAS_SP1_OFICIAL.xlsx</t>
  </si>
  <si>
    <t>E:\BK_final\Vilarinho\Vilarinho - Trabalho\Segurança - Erica\2014\Orcamento\CAPEX\OFICIAL\OPERACAO\SEGURANCA PATRIMONIAL\AFASTAMENTO_FERIAS\CAPEX_2014_ORC_SUP_PAT_AFAST_FERIAS_SP2_OFICIAL.xlsx</t>
  </si>
  <si>
    <t>D:\2014\Orcamento\CAPEX\OFICIAL\OPERACAO\SUPERVISAO PATRIMONIAL\</t>
  </si>
  <si>
    <t>E:\BK_final\Vilarinho\Vilarinho - Trabalho\Segurança - Erica\2014\Orcamento\CAPEX\OFICIAL\OPERACAO\SUPERVISAO PATRIMONIAL\CAPEX_2014_ORC_SUP_PAT_CONSOLIDADO_OFICIAL.xlsx</t>
  </si>
  <si>
    <t>CAPEX_2014_ORC_SUP_PAT_RESUMO_OFICIAL.xlsx</t>
  </si>
  <si>
    <t>E:\BK_final\Vilarinho\Vilarinho - Trabalho\Segurança - Erica\2014\Orcamento\CAPEX\OFICIAL\OPERACAO\SUPERVISAO PATRIMONIAL\CAPEX_2014_ORC_SUP_PAT_RESUMO_OFICIAL.xlsx</t>
  </si>
  <si>
    <t>11/21/2019 16:43:59</t>
  </si>
  <si>
    <t>D:\2014\Orcamento\CAPEX\OFICIAL\OPERACAO\SUPERVISAO PATRIMONIAL\ACADEMIA\</t>
  </si>
  <si>
    <t>CAPEX_2014_ORC_SUP_PAT_ACADEMIA_OFICIAL.xlsx</t>
  </si>
  <si>
    <t>E:\BK_final\Vilarinho\Vilarinho - Trabalho\Segurança - Erica\2014\Orcamento\CAPEX\OFICIAL\OPERACAO\SUPERVISAO PATRIMONIAL\ACADEMIA\CAPEX_2014_ORC_SUP_PAT_ACADEMIA_OFICIAL.xlsx</t>
  </si>
  <si>
    <t>D:\2014\Orcamento\CAPEX\OFICIAL\OPERACAO\SUPERVISAO PATRIMONIAL\CENTRAL\</t>
  </si>
  <si>
    <t>E:\BK_final\Vilarinho\Vilarinho - Trabalho\Segurança - Erica\2014\Orcamento\CAPEX\OFICIAL\OPERACAO\SUPERVISAO PATRIMONIAL\CENTRAL\CAPEX_2014_ORC_SUP_PAT_CENTRAL_CONSOLIDADO_OFICIAL.xlsx</t>
  </si>
  <si>
    <t>E:\BK_final\Vilarinho\Vilarinho - Trabalho\Segurança - Erica\2014\Orcamento\CAPEX\OFICIAL\OPERACAO\SUPERVISAO PATRIMONIAL\CENTRAL\CAPEX_2014_ORC_SUP_PAT_CENTRAL_GO_OFICIAL.xlsx</t>
  </si>
  <si>
    <t>E:\BK_final\Vilarinho\Vilarinho - Trabalho\Segurança - Erica\2014\Orcamento\CAPEX\OFICIAL\OPERACAO\SUPERVISAO PATRIMONIAL\CENTRAL\CAPEX_2014_ORC_SUP_PAT_CENTRAL_MG1_OFICIAL.xlsx</t>
  </si>
  <si>
    <t>E:\BK_final\Vilarinho\Vilarinho - Trabalho\Segurança - Erica\2014\Orcamento\CAPEX\OFICIAL\OPERACAO\SUPERVISAO PATRIMONIAL\CENTRAL\CAPEX_2014_ORC_SUP_PAT_CENTRAL_MG2_OFICIAL.xlsx</t>
  </si>
  <si>
    <t>E:\BK_final\Vilarinho\Vilarinho - Trabalho\Segurança - Erica\2014\Orcamento\CAPEX\OFICIAL\OPERACAO\SUPERVISAO PATRIMONIAL\CENTRAL\CAPEX_2014_ORC_SUP_PAT_CENTRAL_MS_OFICIAL.xlsx</t>
  </si>
  <si>
    <t>11/21/2019 16:44:01</t>
  </si>
  <si>
    <t>E:\BK_final\Vilarinho\Vilarinho - Trabalho\Segurança - Erica\2014\Orcamento\CAPEX\OFICIAL\OPERACAO\SUPERVISAO PATRIMONIAL\CENTRAL\CAPEX_2014_ORC_SUP_PAT_CENTRAL_MT_OFICIAL.xlsx</t>
  </si>
  <si>
    <t>E:\BK_final\Vilarinho\Vilarinho - Trabalho\Segurança - Erica\2014\Orcamento\CAPEX\OFICIAL\OPERACAO\SUPERVISAO PATRIMONIAL\CENTRAL\CAPEX_2014_ORC_SUP_PAT_CENTRAL_PR_OFICIAL.xlsx</t>
  </si>
  <si>
    <t>11/21/2019 16:44:02</t>
  </si>
  <si>
    <t>E:\BK_final\Vilarinho\Vilarinho - Trabalho\Segurança - Erica\2014\Orcamento\CAPEX\OFICIAL\OPERACAO\SUPERVISAO PATRIMONIAL\CENTRAL\CAPEX_2014_ORC_SUP_PAT_CENTRAL_SP1_OFICIAL.xlsx</t>
  </si>
  <si>
    <t>E:\BK_final\Vilarinho\Vilarinho - Trabalho\Segurança - Erica\2014\Orcamento\CAPEX\OFICIAL\OPERACAO\SUPERVISAO PATRIMONIAL\CENTRAL\CAPEX_2014_ORC_SUP_PAT_CENTRAL_SP2_OFICIAL.xlsx</t>
  </si>
  <si>
    <t>11/21/2019 16:44:04</t>
  </si>
  <si>
    <t>D:\2014\Orcamento\CAPEX\OFICIAL\OPERACAO\SUPERVISAO PATRIMONIAL\GESTAO ONLINE\</t>
  </si>
  <si>
    <t>E:\BK_final\Vilarinho\Vilarinho - Trabalho\Segurança - Erica\2014\Orcamento\CAPEX\OFICIAL\OPERACAO\SUPERVISAO PATRIMONIAL\GESTAO ONLINE\CAPEX_2014_ORC_SUP_PAT_GO_OFICIAL.xlsx</t>
  </si>
  <si>
    <t>D:\2014\Orcamento\CAPEX\OFICIAL\OPERACAO\SUPERVISAO PATRIMONIAL\OPERACIONAL\</t>
  </si>
  <si>
    <t>E:\BK_final\Vilarinho\Vilarinho - Trabalho\Segurança - Erica\2014\Orcamento\CAPEX\OFICIAL\OPERACAO\SUPERVISAO PATRIMONIAL\OPERACIONAL\CAPEX_2014_ORC_SUP_PAT_OPERACIONAL_CONSOLIDADO_OFICIAL.xlsx</t>
  </si>
  <si>
    <t>E:\BK_final\Vilarinho\Vilarinho - Trabalho\Segurança - Erica\2014\Orcamento\CAPEX\OFICIAL\OPERACAO\SUPERVISAO PATRIMONIAL\OPERACIONAL\CAPEX_2014_ORC_SUP_PAT_OPERACIONAL_GO_OFICIAL.xlsx</t>
  </si>
  <si>
    <t>11/21/2019 16:44:05</t>
  </si>
  <si>
    <t>E:\BK_final\Vilarinho\Vilarinho - Trabalho\Segurança - Erica\2014\Orcamento\CAPEX\OFICIAL\OPERACAO\SUPERVISAO PATRIMONIAL\OPERACIONAL\CAPEX_2014_ORC_SUP_PAT_OPERACIONAL_MG1_OFICIAL.xlsx</t>
  </si>
  <si>
    <t>E:\BK_final\Vilarinho\Vilarinho - Trabalho\Segurança - Erica\2014\Orcamento\CAPEX\OFICIAL\OPERACAO\SUPERVISAO PATRIMONIAL\OPERACIONAL\CAPEX_2014_ORC_SUP_PAT_OPERACIONAL_MG2_OFICIAL.xlsx</t>
  </si>
  <si>
    <t>E:\BK_final\Vilarinho\Vilarinho - Trabalho\Segurança - Erica\2014\Orcamento\CAPEX\OFICIAL\OPERACAO\SUPERVISAO PATRIMONIAL\OPERACIONAL\CAPEX_2014_ORC_SUP_PAT_OPERACIONAL_MS_OFICIAL.xlsx</t>
  </si>
  <si>
    <t>E:\BK_final\Vilarinho\Vilarinho - Trabalho\Segurança - Erica\2014\Orcamento\CAPEX\OFICIAL\OPERACAO\SUPERVISAO PATRIMONIAL\OPERACIONAL\CAPEX_2014_ORC_SUP_PAT_OPERACIONAL_MT_OFICIAL.xlsx</t>
  </si>
  <si>
    <t>11/21/2019 16:44:06</t>
  </si>
  <si>
    <t>E:\BK_final\Vilarinho\Vilarinho - Trabalho\Segurança - Erica\2014\Orcamento\CAPEX\OFICIAL\OPERACAO\SUPERVISAO PATRIMONIAL\OPERACIONAL\CAPEX_2014_ORC_SUP_PAT_OPERACIONAL_PR_OFICIAL.xlsx</t>
  </si>
  <si>
    <t>E:\BK_final\Vilarinho\Vilarinho - Trabalho\Segurança - Erica\2014\Orcamento\CAPEX\OFICIAL\OPERACAO\SUPERVISAO PATRIMONIAL\OPERACIONAL\CAPEX_2014_ORC_SUP_PAT_OPERACIONAL_SP1_OFICIAL.xlsx</t>
  </si>
  <si>
    <t>E:\BK_final\Vilarinho\Vilarinho - Trabalho\Segurança - Erica\2014\Orcamento\CAPEX\OFICIAL\OPERACAO\SUPERVISAO PATRIMONIAL\OPERACIONAL\CAPEX_2014_ORC_SUP_PAT_OPERACIONAL_SP2_OFICIAL.xlsx</t>
  </si>
  <si>
    <t>11/21/2019 16:44:07</t>
  </si>
  <si>
    <t>D:\2014\Orcamento\CAPEX\OFICIAL\STAFF\</t>
  </si>
  <si>
    <t>E:\BK_final\Vilarinho\Vilarinho - Trabalho\Segurança - Erica\2014\Orcamento\CAPEX\OFICIAL\STAFF\CAPEX_2014_ORC_ADM_AGPI_OFICIAL.xlsx</t>
  </si>
  <si>
    <t>11/21/2019 16:44:08</t>
  </si>
  <si>
    <t>E:\BK_final\Vilarinho\Vilarinho - Trabalho\Segurança - Erica\2014\Orcamento\CAPEX\OFICIAL\STAFF\CAPEX_2014_ORC_ADM_COMITE_INOVACAO_OFICIAL.xlsx</t>
  </si>
  <si>
    <t>E:\BK_final\Vilarinho\Vilarinho - Trabalho\Segurança - Erica\2014\Orcamento\CAPEX\OFICIAL\STAFF\CAPEX_2014_ORC_ADM_CONSOLIDADO_OFICIAL.xlsx</t>
  </si>
  <si>
    <t>E:\BK_final\Vilarinho\Vilarinho - Trabalho\Segurança - Erica\2014\Orcamento\CAPEX\OFICIAL\STAFF\CAPEX_2014_ORC_ADM_CORPORATIVO_OFICIAL.xlsx</t>
  </si>
  <si>
    <t>11/21/2019 16:44:09</t>
  </si>
  <si>
    <t>E:\BK_final\Vilarinho\Vilarinho - Trabalho\Segurança - Erica\2014\Orcamento\CAPEX\OFICIAL\STAFF\CAPEX_2014_ORC_ADM_CSC_OFICIAL.xlsx</t>
  </si>
  <si>
    <t>E:\BK_final\Vilarinho\Vilarinho - Trabalho\Segurança - Erica\2014\Orcamento\CAPEX\OFICIAL\STAFF\CAPEX_2014_ORC_ADM_DIRETORIA_OFICIAL.xlsx</t>
  </si>
  <si>
    <t>E:\BK_final\Vilarinho\Vilarinho - Trabalho\Segurança - Erica\2014\Orcamento\CAPEX\OFICIAL\STAFF\CAPEX_2014_ORC_ADM_FINANCEIRO_OFICIAL.xlsx</t>
  </si>
  <si>
    <t>CAPEX_2014_ORC_ADM_HOLDING_OFICIAL.xlsx</t>
  </si>
  <si>
    <t>E:\BK_final\Vilarinho\Vilarinho - Trabalho\Segurança - Erica\2014\Orcamento\CAPEX\OFICIAL\STAFF\CAPEX_2014_ORC_ADM_HOLDING_OFICIAL.xlsx</t>
  </si>
  <si>
    <t>E:\BK_final\Vilarinho\Vilarinho - Trabalho\Segurança - Erica\2014\Orcamento\CAPEX\OFICIAL\STAFF\CAPEX_2014_ORC_ADM_JURIDICO_OFICIAL.xlsx</t>
  </si>
  <si>
    <t>E:\BK_final\Vilarinho\Vilarinho - Trabalho\Segurança - Erica\2014\Orcamento\CAPEX\OFICIAL\STAFF\CAPEX_2014_ORC_ADM_SESMT_OFICIAL.xlsx</t>
  </si>
  <si>
    <t>11/21/2019 16:44:10</t>
  </si>
  <si>
    <t>E:\BK_final\Vilarinho\Vilarinho - Trabalho\Segurança - Erica\2014\Orcamento\CAPEX\OFICIAL\STAFF\CAPEX_2014_ORC_ADM_TH_OFICIAL.xlsx</t>
  </si>
  <si>
    <t>E:\BK_final\Vilarinho\Vilarinho - Trabalho\Segurança - Erica\2014\Orcamento\CAPEX\OFICIAL\STAFF\CAPEX_2014_ORC_ADM_TI_OFICIAL.xlsx</t>
  </si>
  <si>
    <t>D:\2014\Orcamento\CAPEX\PRECLOS\</t>
  </si>
  <si>
    <t>CAPEX_2014_ORC_CONSOLIDADO_PRECLOS.xlsx</t>
  </si>
  <si>
    <t>E:\BK_final\Vilarinho\Vilarinho - Trabalho\Segurança - Erica\2014\Orcamento\CAPEX\PRECLOS\CAPEX_2014_ORC_CONSOLIDADO_PRECLOS.xlsx</t>
  </si>
  <si>
    <t>D:\2014\Orcamento\CAPEX\PRECLOS\COMERCIAL\</t>
  </si>
  <si>
    <t>CAPEX_2014_ORC_CML_CONSOLIDADO_PRECLOS.xlsx</t>
  </si>
  <si>
    <t>E:\BK_final\Vilarinho\Vilarinho - Trabalho\Segurança - Erica\2014\Orcamento\CAPEX\PRECLOS\COMERCIAL\CAPEX_2014_ORC_CML_CONSOLIDADO_PRECLOS.xlsx</t>
  </si>
  <si>
    <t>D:\2014\Orcamento\CAPEX\PRECLOS\COMERCIAL\SEGURANCA DOCUMENTAL\</t>
  </si>
  <si>
    <t>CAPEX_2014_ORC_CML_SEDOC_PRECLOS.xlsx</t>
  </si>
  <si>
    <t>E:\BK_final\Vilarinho\Vilarinho - Trabalho\Segurança - Erica\2014\Orcamento\CAPEX\PRECLOS\COMERCIAL\SEGURANCA DOCUMENTAL\CAPEX_2014_ORC_CML_SEDOC_PRECLOS.xlsx</t>
  </si>
  <si>
    <t>D:\2014\Orcamento\CAPEX\PRECLOS\COMERCIAL\SEGURANCA ELETRONICA\</t>
  </si>
  <si>
    <t>CAPEX_2014_ORC_CML_ELE_CONSOLIDADO_PRECLOS.xlsx</t>
  </si>
  <si>
    <t>E:\BK_final\Vilarinho\Vilarinho - Trabalho\Segurança - Erica\2014\Orcamento\CAPEX\PRECLOS\COMERCIAL\SEGURANCA ELETRONICA\CAPEX_2014_ORC_CML_ELE_CONSOLIDADO_PRECLOS.xlsx</t>
  </si>
  <si>
    <t>11/21/2019 16:44:11</t>
  </si>
  <si>
    <t>CAPEX_2014_ORC_CML_ELE_MONITORAMENTO_PRECLOS.xlsx</t>
  </si>
  <si>
    <t>E:\BK_final\Vilarinho\Vilarinho - Trabalho\Segurança - Erica\2014\Orcamento\CAPEX\PRECLOS\COMERCIAL\SEGURANCA ELETRONICA\CAPEX_2014_ORC_CML_ELE_MONITORAMENTO_PRECLOS.xlsx</t>
  </si>
  <si>
    <t>CAPEX_2014_ORC_CML_ELE_PROJETOS_PRECLOS.xlsx</t>
  </si>
  <si>
    <t>E:\BK_final\Vilarinho\Vilarinho - Trabalho\Segurança - Erica\2014\Orcamento\CAPEX\PRECLOS\COMERCIAL\SEGURANCA ELETRONICA\CAPEX_2014_ORC_CML_ELE_PROJETOS_PRECLOS.xlsx</t>
  </si>
  <si>
    <t>D:\2014\Orcamento\CAPEX\PRECLOS\COMERCIAL\SEGURANCA PATRIMONIAL\</t>
  </si>
  <si>
    <t>CAPEX_2014_ORC_CML_PAT_CONSOLIDADO_PRECLOS.xlsx</t>
  </si>
  <si>
    <t>E:\BK_final\Vilarinho\Vilarinho - Trabalho\Segurança - Erica\2014\Orcamento\CAPEX\PRECLOS\COMERCIAL\SEGURANCA PATRIMONIAL\CAPEX_2014_ORC_CML_PAT_CONSOLIDADO_PRECLOS.xlsx</t>
  </si>
  <si>
    <t>CAPEX_2014_ORC_CML_PAT_GO_PRECLOS.xlsx</t>
  </si>
  <si>
    <t>E:\BK_final\Vilarinho\Vilarinho - Trabalho\Segurança - Erica\2014\Orcamento\CAPEX\PRECLOS\COMERCIAL\SEGURANCA PATRIMONIAL\CAPEX_2014_ORC_CML_PAT_GO_PRECLOS.xlsx</t>
  </si>
  <si>
    <t>CAPEX_2014_ORC_CML_PAT_MG1_PRECLOS.xlsx</t>
  </si>
  <si>
    <t>E:\BK_final\Vilarinho\Vilarinho - Trabalho\Segurança - Erica\2014\Orcamento\CAPEX\PRECLOS\COMERCIAL\SEGURANCA PATRIMONIAL\CAPEX_2014_ORC_CML_PAT_MG1_PRECLOS.xlsx</t>
  </si>
  <si>
    <t>11/21/2019 16:44:12</t>
  </si>
  <si>
    <t>CAPEX_2014_ORC_CML_PAT_MG2_PRECLOS.xlsx</t>
  </si>
  <si>
    <t>E:\BK_final\Vilarinho\Vilarinho - Trabalho\Segurança - Erica\2014\Orcamento\CAPEX\PRECLOS\COMERCIAL\SEGURANCA PATRIMONIAL\CAPEX_2014_ORC_CML_PAT_MG2_PRECLOS.xlsx</t>
  </si>
  <si>
    <t>CAPEX_2014_ORC_CML_PAT_MS_PRECLOS.xlsx</t>
  </si>
  <si>
    <t>E:\BK_final\Vilarinho\Vilarinho - Trabalho\Segurança - Erica\2014\Orcamento\CAPEX\PRECLOS\COMERCIAL\SEGURANCA PATRIMONIAL\CAPEX_2014_ORC_CML_PAT_MS_PRECLOS.xlsx</t>
  </si>
  <si>
    <t>11/21/2019 16:44:13</t>
  </si>
  <si>
    <t>CAPEX_2014_ORC_CML_PAT_MT_PRECLOS.xlsx</t>
  </si>
  <si>
    <t>E:\BK_final\Vilarinho\Vilarinho - Trabalho\Segurança - Erica\2014\Orcamento\CAPEX\PRECLOS\COMERCIAL\SEGURANCA PATRIMONIAL\CAPEX_2014_ORC_CML_PAT_MT_PRECLOS.xlsx</t>
  </si>
  <si>
    <t>CAPEX_2014_ORC_CML_PAT_PR_PRECLOS.xlsx</t>
  </si>
  <si>
    <t>E:\BK_final\Vilarinho\Vilarinho - Trabalho\Segurança - Erica\2014\Orcamento\CAPEX\PRECLOS\COMERCIAL\SEGURANCA PATRIMONIAL\CAPEX_2014_ORC_CML_PAT_PR_PRECLOS.xlsx</t>
  </si>
  <si>
    <t>CAPEX_2014_ORC_CML_PAT_SP1_PRECLOS.xlsx</t>
  </si>
  <si>
    <t>E:\BK_final\Vilarinho\Vilarinho - Trabalho\Segurança - Erica\2014\Orcamento\CAPEX\PRECLOS\COMERCIAL\SEGURANCA PATRIMONIAL\CAPEX_2014_ORC_CML_PAT_SP1_PRECLOS.xlsx</t>
  </si>
  <si>
    <t>CAPEX_2014_ORC_CML_PAT_SP2_PRECLOS.xlsx</t>
  </si>
  <si>
    <t>E:\BK_final\Vilarinho\Vilarinho - Trabalho\Segurança - Erica\2014\Orcamento\CAPEX\PRECLOS\COMERCIAL\SEGURANCA PATRIMONIAL\CAPEX_2014_ORC_CML_PAT_SP2_PRECLOS.xlsx</t>
  </si>
  <si>
    <t>11/21/2019 16:44:14</t>
  </si>
  <si>
    <t>D:\2014\Orcamento\CAPEX\PRECLOS\OPERACAO\</t>
  </si>
  <si>
    <t>CAPEX_2014_ORC_OPE_CONSOLIDADO_PRECLOS.xlsx</t>
  </si>
  <si>
    <t>E:\BK_final\Vilarinho\Vilarinho - Trabalho\Segurança - Erica\2014\Orcamento\CAPEX\PRECLOS\OPERACAO\CAPEX_2014_ORC_OPE_CONSOLIDADO_PRECLOS.xlsx</t>
  </si>
  <si>
    <t>D:\2014\Orcamento\CAPEX\PRECLOS\OPERACAO\SEGURANCA DOCUMENTAL\</t>
  </si>
  <si>
    <t>CAPEX_2014_ORC_OPE_SEDOC_CONSOLIDADO_PRECLOS.xlsx</t>
  </si>
  <si>
    <t>E:\BK_final\Vilarinho\Vilarinho - Trabalho\Segurança - Erica\2014\Orcamento\CAPEX\PRECLOS\OPERACAO\SEGURANCA DOCUMENTAL\CAPEX_2014_ORC_OPE_SEDOC_CONSOLIDADO_PRECLOS.xlsx</t>
  </si>
  <si>
    <t>CAPEX_2014_ORC_OPE_SEDOC_MG1_PRECLOS.xlsx</t>
  </si>
  <si>
    <t>E:\BK_final\Vilarinho\Vilarinho - Trabalho\Segurança - Erica\2014\Orcamento\CAPEX\PRECLOS\OPERACAO\SEGURANCA DOCUMENTAL\CAPEX_2014_ORC_OPE_SEDOC_MG1_PRECLOS.xlsx</t>
  </si>
  <si>
    <t>CAPEX_2014_ORC_OPE_SEDOC_SP1_PRECLOS.xlsx</t>
  </si>
  <si>
    <t>E:\BK_final\Vilarinho\Vilarinho - Trabalho\Segurança - Erica\2014\Orcamento\CAPEX\PRECLOS\OPERACAO\SEGURANCA DOCUMENTAL\CAPEX_2014_ORC_OPE_SEDOC_SP1_PRECLOS.xlsx</t>
  </si>
  <si>
    <t>CAPEX_2014_ORC_OPE_SUP_SEDOC_PRECLOS.xlsx</t>
  </si>
  <si>
    <t>E:\BK_final\Vilarinho\Vilarinho - Trabalho\Segurança - Erica\2014\Orcamento\CAPEX\PRECLOS\OPERACAO\SEGURANCA DOCUMENTAL\CAPEX_2014_ORC_OPE_SUP_SEDOC_PRECLOS.xlsx</t>
  </si>
  <si>
    <t>11/21/2019 16:44:16</t>
  </si>
  <si>
    <t>D:\2014\Orcamento\CAPEX\PRECLOS\OPERACAO\SEGURANCA ELETRONICA\</t>
  </si>
  <si>
    <t>CAPEX_2014_ORC_OPE_ELE_ATEND_ALARME_PRECLOS.xlsx</t>
  </si>
  <si>
    <t>E:\BK_final\Vilarinho\Vilarinho - Trabalho\Segurança - Erica\2014\Orcamento\CAPEX\PRECLOS\OPERACAO\SEGURANCA ELETRONICA\CAPEX_2014_ORC_OPE_ELE_ATEND_ALARME_PRECLOS.xlsx</t>
  </si>
  <si>
    <t>CAPEX_2014_ORC_OPE_ELE_CONSOLIDADO_PRECLOS.xlsx</t>
  </si>
  <si>
    <t>E:\BK_final\Vilarinho\Vilarinho - Trabalho\Segurança - Erica\2014\Orcamento\CAPEX\PRECLOS\OPERACAO\SEGURANCA ELETRONICA\CAPEX_2014_ORC_OPE_ELE_CONSOLIDADO_PRECLOS.xlsx</t>
  </si>
  <si>
    <t>CAPEX_2014_ORC_OPE_ELE_MONITORAMENTO_PRECLOS.xlsx</t>
  </si>
  <si>
    <t>E:\BK_final\Vilarinho\Vilarinho - Trabalho\Segurança - Erica\2014\Orcamento\CAPEX\PRECLOS\OPERACAO\SEGURANCA ELETRONICA\CAPEX_2014_ORC_OPE_ELE_MONITORAMENTO_PRECLOS.xlsx</t>
  </si>
  <si>
    <t>CAPEX_2014_ORC_OPE_ELE_PROJETOS_PRECLOS.xlsx</t>
  </si>
  <si>
    <t>E:\BK_final\Vilarinho\Vilarinho - Trabalho\Segurança - Erica\2014\Orcamento\CAPEX\PRECLOS\OPERACAO\SEGURANCA ELETRONICA\CAPEX_2014_ORC_OPE_ELE_PROJETOS_PRECLOS.xlsx</t>
  </si>
  <si>
    <t>11/21/2019 16:44:17</t>
  </si>
  <si>
    <t>CAPEX_2014_ORC_OPE_ELE_SAC_PRECLOS.xlsx</t>
  </si>
  <si>
    <t>E:\BK_final\Vilarinho\Vilarinho - Trabalho\Segurança - Erica\2014\Orcamento\CAPEX\PRECLOS\OPERACAO\SEGURANCA ELETRONICA\CAPEX_2014_ORC_OPE_ELE_SAC_PRECLOS.xlsx</t>
  </si>
  <si>
    <t>CAPEX_2014_ORC_OPE_ELE_TECNICA_PRECLOS.xlsx</t>
  </si>
  <si>
    <t>E:\BK_final\Vilarinho\Vilarinho - Trabalho\Segurança - Erica\2014\Orcamento\CAPEX\PRECLOS\OPERACAO\SEGURANCA ELETRONICA\CAPEX_2014_ORC_OPE_ELE_TECNICA_PRECLOS.xlsx</t>
  </si>
  <si>
    <t>11/21/2019 16:44:18</t>
  </si>
  <si>
    <t>CAPEX_2014_ORC_OPE_SUP_ELE_PRECLOS.xlsx</t>
  </si>
  <si>
    <t>E:\BK_final\Vilarinho\Vilarinho - Trabalho\Segurança - Erica\2014\Orcamento\CAPEX\PRECLOS\OPERACAO\SEGURANCA ELETRONICA\CAPEX_2014_ORC_OPE_SUP_ELE_PRECLOS.xlsx</t>
  </si>
  <si>
    <t>D:\2014\Orcamento\CAPEX\PRECLOS\OPERACAO\SEGURANCA PATRIMONIAL\</t>
  </si>
  <si>
    <t>CAPEX_2014_ORC_OPE_PAT_CONSOLIDADO_PRECLOS.xlsx</t>
  </si>
  <si>
    <t>E:\BK_final\Vilarinho\Vilarinho - Trabalho\Segurança - Erica\2014\Orcamento\CAPEX\PRECLOS\OPERACAO\SEGURANCA PATRIMONIAL\CAPEX_2014_ORC_OPE_PAT_CONSOLIDADO_PRECLOS.xlsx</t>
  </si>
  <si>
    <t>CAPEX_2014_ORC_OPE_PAT_GO_PRECLOS.xlsx</t>
  </si>
  <si>
    <t>E:\BK_final\Vilarinho\Vilarinho - Trabalho\Segurança - Erica\2014\Orcamento\CAPEX\PRECLOS\OPERACAO\SEGURANCA PATRIMONIAL\CAPEX_2014_ORC_OPE_PAT_GO_PRECLOS.xlsx</t>
  </si>
  <si>
    <t>CAPEX_2014_ORC_OPE_PAT_MG1_PRECLOS.xlsx</t>
  </si>
  <si>
    <t>E:\BK_final\Vilarinho\Vilarinho - Trabalho\Segurança - Erica\2014\Orcamento\CAPEX\PRECLOS\OPERACAO\SEGURANCA PATRIMONIAL\CAPEX_2014_ORC_OPE_PAT_MG1_PRECLOS.xlsx</t>
  </si>
  <si>
    <t>11/21/2019 16:44:19</t>
  </si>
  <si>
    <t>CAPEX_2014_ORC_OPE_PAT_MG2_PRECLOS.xlsx</t>
  </si>
  <si>
    <t>E:\BK_final\Vilarinho\Vilarinho - Trabalho\Segurança - Erica\2014\Orcamento\CAPEX\PRECLOS\OPERACAO\SEGURANCA PATRIMONIAL\CAPEX_2014_ORC_OPE_PAT_MG2_PRECLOS.xlsx</t>
  </si>
  <si>
    <t>CAPEX_2014_ORC_OPE_PAT_MS_PRECLOS.xlsx</t>
  </si>
  <si>
    <t>E:\BK_final\Vilarinho\Vilarinho - Trabalho\Segurança - Erica\2014\Orcamento\CAPEX\PRECLOS\OPERACAO\SEGURANCA PATRIMONIAL\CAPEX_2014_ORC_OPE_PAT_MS_PRECLOS.xlsx</t>
  </si>
  <si>
    <t>CAPEX_2014_ORC_OPE_PAT_MT_PRECLOS.xlsx</t>
  </si>
  <si>
    <t>E:\BK_final\Vilarinho\Vilarinho - Trabalho\Segurança - Erica\2014\Orcamento\CAPEX\PRECLOS\OPERACAO\SEGURANCA PATRIMONIAL\CAPEX_2014_ORC_OPE_PAT_MT_PRECLOS.xlsx</t>
  </si>
  <si>
    <t>CAPEX_2014_ORC_OPE_PAT_PR_PRECLOS.xlsx</t>
  </si>
  <si>
    <t>E:\BK_final\Vilarinho\Vilarinho - Trabalho\Segurança - Erica\2014\Orcamento\CAPEX\PRECLOS\OPERACAO\SEGURANCA PATRIMONIAL\CAPEX_2014_ORC_OPE_PAT_PR_PRECLOS.xlsx</t>
  </si>
  <si>
    <t>CAPEX_2014_ORC_OPE_PAT_SP1_PRECLOS.xlsx</t>
  </si>
  <si>
    <t>E:\BK_final\Vilarinho\Vilarinho - Trabalho\Segurança - Erica\2014\Orcamento\CAPEX\PRECLOS\OPERACAO\SEGURANCA PATRIMONIAL\CAPEX_2014_ORC_OPE_PAT_SP1_PRECLOS.xlsx</t>
  </si>
  <si>
    <t>11/21/2019 16:44:20</t>
  </si>
  <si>
    <t>CAPEX_2014_ORC_OPE_PAT_SP2_PRECLOS.xlsx</t>
  </si>
  <si>
    <t>E:\BK_final\Vilarinho\Vilarinho - Trabalho\Segurança - Erica\2014\Orcamento\CAPEX\PRECLOS\OPERACAO\SEGURANCA PATRIMONIAL\CAPEX_2014_ORC_OPE_PAT_SP2_PRECLOS.xlsx</t>
  </si>
  <si>
    <t>D:\2014\Orcamento\CAPEX\PRECLOS\OPERACAO\SEGURANCA PATRIMONIAL\AFASTAMENTO_FERIAS\</t>
  </si>
  <si>
    <t>E:\BK_final\Vilarinho\Vilarinho - Trabalho\Segurança - Erica\2014\Orcamento\CAPEX\PRECLOS\OPERACAO\SEGURANCA PATRIMONIAL\AFASTAMENTO_FERIAS\CAPEX_2014_ORC_SUP_PAT_AFAST_FERIAS_CONSOLIDADO_OFICIAL.xlsx</t>
  </si>
  <si>
    <t>E:\BK_final\Vilarinho\Vilarinho - Trabalho\Segurança - Erica\2014\Orcamento\CAPEX\PRECLOS\OPERACAO\SEGURANCA PATRIMONIAL\AFASTAMENTO_FERIAS\CAPEX_2014_ORC_SUP_PAT_AFAST_FERIAS_GO_OFICIAL.xlsx</t>
  </si>
  <si>
    <t>E:\BK_final\Vilarinho\Vilarinho - Trabalho\Segurança - Erica\2014\Orcamento\CAPEX\PRECLOS\OPERACAO\SEGURANCA PATRIMONIAL\AFASTAMENTO_FERIAS\CAPEX_2014_ORC_SUP_PAT_AFAST_FERIAS_MG1_OFICIAL.xlsx</t>
  </si>
  <si>
    <t>E:\BK_final\Vilarinho\Vilarinho - Trabalho\Segurança - Erica\2014\Orcamento\CAPEX\PRECLOS\OPERACAO\SEGURANCA PATRIMONIAL\AFASTAMENTO_FERIAS\CAPEX_2014_ORC_SUP_PAT_AFAST_FERIAS_MG2_OFICIAL.xlsx</t>
  </si>
  <si>
    <t>E:\BK_final\Vilarinho\Vilarinho - Trabalho\Segurança - Erica\2014\Orcamento\CAPEX\PRECLOS\OPERACAO\SEGURANCA PATRIMONIAL\AFASTAMENTO_FERIAS\CAPEX_2014_ORC_SUP_PAT_AFAST_FERIAS_MS_OFICIAL.xlsx</t>
  </si>
  <si>
    <t>11/21/2019 16:44:21</t>
  </si>
  <si>
    <t>E:\BK_final\Vilarinho\Vilarinho - Trabalho\Segurança - Erica\2014\Orcamento\CAPEX\PRECLOS\OPERACAO\SEGURANCA PATRIMONIAL\AFASTAMENTO_FERIAS\CAPEX_2014_ORC_SUP_PAT_AFAST_FERIAS_MT_OFICIAL.xlsx</t>
  </si>
  <si>
    <t>E:\BK_final\Vilarinho\Vilarinho - Trabalho\Segurança - Erica\2014\Orcamento\CAPEX\PRECLOS\OPERACAO\SEGURANCA PATRIMONIAL\AFASTAMENTO_FERIAS\CAPEX_2014_ORC_SUP_PAT_AFAST_FERIAS_PR_OFICIAL.xlsx</t>
  </si>
  <si>
    <t>E:\BK_final\Vilarinho\Vilarinho - Trabalho\Segurança - Erica\2014\Orcamento\CAPEX\PRECLOS\OPERACAO\SEGURANCA PATRIMONIAL\AFASTAMENTO_FERIAS\CAPEX_2014_ORC_SUP_PAT_AFAST_FERIAS_SP1_OFICIAL.xlsx</t>
  </si>
  <si>
    <t>E:\BK_final\Vilarinho\Vilarinho - Trabalho\Segurança - Erica\2014\Orcamento\CAPEX\PRECLOS\OPERACAO\SEGURANCA PATRIMONIAL\AFASTAMENTO_FERIAS\CAPEX_2014_ORC_SUP_PAT_AFAST_FERIAS_SP2_OFICIAL.xlsx</t>
  </si>
  <si>
    <t>11/21/2019 16:44:22</t>
  </si>
  <si>
    <t>D:\2014\Orcamento\CAPEX\PRECLOS\OPERACAO\SUPERVISAO PATRIMONIAL\</t>
  </si>
  <si>
    <t>CAPEX_2014_ORC_SUP_PAT_CONSOLIDADO_PRECLOS.xlsx</t>
  </si>
  <si>
    <t>E:\BK_final\Vilarinho\Vilarinho - Trabalho\Segurança - Erica\2014\Orcamento\CAPEX\PRECLOS\OPERACAO\SUPERVISAO PATRIMONIAL\CAPEX_2014_ORC_SUP_PAT_CONSOLIDADO_PRECLOS.xlsx</t>
  </si>
  <si>
    <t>CAPEX_2014_ORC_SUP_PAT_RESUMO_PRECLOS.xlsx</t>
  </si>
  <si>
    <t>E:\BK_final\Vilarinho\Vilarinho - Trabalho\Segurança - Erica\2014\Orcamento\CAPEX\PRECLOS\OPERACAO\SUPERVISAO PATRIMONIAL\CAPEX_2014_ORC_SUP_PAT_RESUMO_PRECLOS.xlsx</t>
  </si>
  <si>
    <t>D:\2014\Orcamento\CAPEX\PRECLOS\OPERACAO\SUPERVISAO PATRIMONIAL\ACADEMIA\</t>
  </si>
  <si>
    <t>CAPEX_2014_ORC_SUP_PAT_ACADEMIA_PRECLOS.xlsx</t>
  </si>
  <si>
    <t>E:\BK_final\Vilarinho\Vilarinho - Trabalho\Segurança - Erica\2014\Orcamento\CAPEX\PRECLOS\OPERACAO\SUPERVISAO PATRIMONIAL\ACADEMIA\CAPEX_2014_ORC_SUP_PAT_ACADEMIA_PRECLOS.xlsx</t>
  </si>
  <si>
    <t>11/21/2019 16:44:23</t>
  </si>
  <si>
    <t>D:\2014\Orcamento\CAPEX\PRECLOS\OPERACAO\SUPERVISAO PATRIMONIAL\CENTRAL\</t>
  </si>
  <si>
    <t>CAPEX_2014_ORC_SUP_PAT_CENTRAL_CONSOLIDADO_PRECLOS.xlsx</t>
  </si>
  <si>
    <t>E:\BK_final\Vilarinho\Vilarinho - Trabalho\Segurança - Erica\2014\Orcamento\CAPEX\PRECLOS\OPERACAO\SUPERVISAO PATRIMONIAL\CENTRAL\CAPEX_2014_ORC_SUP_PAT_CENTRAL_CONSOLIDADO_PRECLOS.xlsx</t>
  </si>
  <si>
    <t>CAPEX_2014_ORC_SUP_PAT_CENTRAL_GO_PRECLOS.xlsx</t>
  </si>
  <si>
    <t>E:\BK_final\Vilarinho\Vilarinho - Trabalho\Segurança - Erica\2014\Orcamento\CAPEX\PRECLOS\OPERACAO\SUPERVISAO PATRIMONIAL\CENTRAL\CAPEX_2014_ORC_SUP_PAT_CENTRAL_GO_PRECLOS.xlsx</t>
  </si>
  <si>
    <t>CAPEX_2014_ORC_SUP_PAT_CENTRAL_MG1_PRECLOS.xlsx</t>
  </si>
  <si>
    <t>E:\BK_final\Vilarinho\Vilarinho - Trabalho\Segurança - Erica\2014\Orcamento\CAPEX\PRECLOS\OPERACAO\SUPERVISAO PATRIMONIAL\CENTRAL\CAPEX_2014_ORC_SUP_PAT_CENTRAL_MG1_PRECLOS.xlsx</t>
  </si>
  <si>
    <t>CAPEX_2014_ORC_SUP_PAT_CENTRAL_MG2_PRECLOS.xlsx</t>
  </si>
  <si>
    <t>E:\BK_final\Vilarinho\Vilarinho - Trabalho\Segurança - Erica\2014\Orcamento\CAPEX\PRECLOS\OPERACAO\SUPERVISAO PATRIMONIAL\CENTRAL\CAPEX_2014_ORC_SUP_PAT_CENTRAL_MG2_PRECLOS.xlsx</t>
  </si>
  <si>
    <t>11/21/2019 16:44:24</t>
  </si>
  <si>
    <t>CAPEX_2014_ORC_SUP_PAT_CENTRAL_MS_PRECLOS.xlsx</t>
  </si>
  <si>
    <t>E:\BK_final\Vilarinho\Vilarinho - Trabalho\Segurança - Erica\2014\Orcamento\CAPEX\PRECLOS\OPERACAO\SUPERVISAO PATRIMONIAL\CENTRAL\CAPEX_2014_ORC_SUP_PAT_CENTRAL_MS_PRECLOS.xlsx</t>
  </si>
  <si>
    <t>CAPEX_2014_ORC_SUP_PAT_CENTRAL_MT_PRECLOS.xlsx</t>
  </si>
  <si>
    <t>E:\BK_final\Vilarinho\Vilarinho - Trabalho\Segurança - Erica\2014\Orcamento\CAPEX\PRECLOS\OPERACAO\SUPERVISAO PATRIMONIAL\CENTRAL\CAPEX_2014_ORC_SUP_PAT_CENTRAL_MT_PRECLOS.xlsx</t>
  </si>
  <si>
    <t>CAPEX_2014_ORC_SUP_PAT_CENTRAL_PR_PRECLOS.xlsx</t>
  </si>
  <si>
    <t>E:\BK_final\Vilarinho\Vilarinho - Trabalho\Segurança - Erica\2014\Orcamento\CAPEX\PRECLOS\OPERACAO\SUPERVISAO PATRIMONIAL\CENTRAL\CAPEX_2014_ORC_SUP_PAT_CENTRAL_PR_PRECLOS.xlsx</t>
  </si>
  <si>
    <t>CAPEX_2014_ORC_SUP_PAT_CENTRAL_SP1_PRECLOS.xlsx</t>
  </si>
  <si>
    <t>E:\BK_final\Vilarinho\Vilarinho - Trabalho\Segurança - Erica\2014\Orcamento\CAPEX\PRECLOS\OPERACAO\SUPERVISAO PATRIMONIAL\CENTRAL\CAPEX_2014_ORC_SUP_PAT_CENTRAL_SP1_PRECLOS.xlsx</t>
  </si>
  <si>
    <t>CAPEX_2014_ORC_SUP_PAT_CENTRAL_SP2_PRECLOS.xlsx</t>
  </si>
  <si>
    <t>E:\BK_final\Vilarinho\Vilarinho - Trabalho\Segurança - Erica\2014\Orcamento\CAPEX\PRECLOS\OPERACAO\SUPERVISAO PATRIMONIAL\CENTRAL\CAPEX_2014_ORC_SUP_PAT_CENTRAL_SP2_PRECLOS.xlsx</t>
  </si>
  <si>
    <t>11/21/2019 16:44:25</t>
  </si>
  <si>
    <t>D:\2014\Orcamento\CAPEX\PRECLOS\OPERACAO\SUPERVISAO PATRIMONIAL\GESTAO ONLINE\</t>
  </si>
  <si>
    <t>CAPEX_2014_ORC_SUP_PAT_GO_PRECLOS.xlsx</t>
  </si>
  <si>
    <t>E:\BK_final\Vilarinho\Vilarinho - Trabalho\Segurança - Erica\2014\Orcamento\CAPEX\PRECLOS\OPERACAO\SUPERVISAO PATRIMONIAL\GESTAO ONLINE\CAPEX_2014_ORC_SUP_PAT_GO_PRECLOS.xlsx</t>
  </si>
  <si>
    <t>11/21/2019 16:44:26</t>
  </si>
  <si>
    <t>D:\2014\Orcamento\CAPEX\PRECLOS\OPERACAO\SUPERVISAO PATRIMONIAL\OPERACIONAL\</t>
  </si>
  <si>
    <t>CAPEX_2014_ORC_SUP_PAT_OPERACIONAL_CONSOLIDADO_PRECLOS.xlsx</t>
  </si>
  <si>
    <t>E:\BK_final\Vilarinho\Vilarinho - Trabalho\Segurança - Erica\2014\Orcamento\CAPEX\PRECLOS\OPERACAO\SUPERVISAO PATRIMONIAL\OPERACIONAL\CAPEX_2014_ORC_SUP_PAT_OPERACIONAL_CONSOLIDADO_PRECLOS.xlsx</t>
  </si>
  <si>
    <t>11/21/2019 16:44:27</t>
  </si>
  <si>
    <t>CAPEX_2014_ORC_SUP_PAT_OPERACIONAL_GO_PRECLOS.xlsx</t>
  </si>
  <si>
    <t>E:\BK_final\Vilarinho\Vilarinho - Trabalho\Segurança - Erica\2014\Orcamento\CAPEX\PRECLOS\OPERACAO\SUPERVISAO PATRIMONIAL\OPERACIONAL\CAPEX_2014_ORC_SUP_PAT_OPERACIONAL_GO_PRECLOS.xlsx</t>
  </si>
  <si>
    <t>CAPEX_2014_ORC_SUP_PAT_OPERACIONAL_MG1_PRECLOS.xlsx</t>
  </si>
  <si>
    <t>E:\BK_final\Vilarinho\Vilarinho - Trabalho\Segurança - Erica\2014\Orcamento\CAPEX\PRECLOS\OPERACAO\SUPERVISAO PATRIMONIAL\OPERACIONAL\CAPEX_2014_ORC_SUP_PAT_OPERACIONAL_MG1_PRECLOS.xlsx</t>
  </si>
  <si>
    <t>CAPEX_2014_ORC_SUP_PAT_OPERACIONAL_MG2_PRECLOS.xlsx</t>
  </si>
  <si>
    <t>E:\BK_final\Vilarinho\Vilarinho - Trabalho\Segurança - Erica\2014\Orcamento\CAPEX\PRECLOS\OPERACAO\SUPERVISAO PATRIMONIAL\OPERACIONAL\CAPEX_2014_ORC_SUP_PAT_OPERACIONAL_MG2_PRECLOS.xlsx</t>
  </si>
  <si>
    <t>CAPEX_2014_ORC_SUP_PAT_OPERACIONAL_MS_PRECLOS.xlsx</t>
  </si>
  <si>
    <t>E:\BK_final\Vilarinho\Vilarinho - Trabalho\Segurança - Erica\2014\Orcamento\CAPEX\PRECLOS\OPERACAO\SUPERVISAO PATRIMONIAL\OPERACIONAL\CAPEX_2014_ORC_SUP_PAT_OPERACIONAL_MS_PRECLOS.xlsx</t>
  </si>
  <si>
    <t>11/21/2019 16:44:28</t>
  </si>
  <si>
    <t>CAPEX_2014_ORC_SUP_PAT_OPERACIONAL_MT_PRECLOS.xlsx</t>
  </si>
  <si>
    <t>E:\BK_final\Vilarinho\Vilarinho - Trabalho\Segurança - Erica\2014\Orcamento\CAPEX\PRECLOS\OPERACAO\SUPERVISAO PATRIMONIAL\OPERACIONAL\CAPEX_2014_ORC_SUP_PAT_OPERACIONAL_MT_PRECLOS.xlsx</t>
  </si>
  <si>
    <t>CAPEX_2014_ORC_SUP_PAT_OPERACIONAL_PR_PRECLOS.xlsx</t>
  </si>
  <si>
    <t>E:\BK_final\Vilarinho\Vilarinho - Trabalho\Segurança - Erica\2014\Orcamento\CAPEX\PRECLOS\OPERACAO\SUPERVISAO PATRIMONIAL\OPERACIONAL\CAPEX_2014_ORC_SUP_PAT_OPERACIONAL_PR_PRECLOS.xlsx</t>
  </si>
  <si>
    <t>CAPEX_2014_ORC_SUP_PAT_OPERACIONAL_SP1_PRECLOS.xlsx</t>
  </si>
  <si>
    <t>E:\BK_final\Vilarinho\Vilarinho - Trabalho\Segurança - Erica\2014\Orcamento\CAPEX\PRECLOS\OPERACAO\SUPERVISAO PATRIMONIAL\OPERACIONAL\CAPEX_2014_ORC_SUP_PAT_OPERACIONAL_SP1_PRECLOS.xlsx</t>
  </si>
  <si>
    <t>CAPEX_2014_ORC_SUP_PAT_OPERACIONAL_SP2_PRECLOS.xlsx</t>
  </si>
  <si>
    <t>E:\BK_final\Vilarinho\Vilarinho - Trabalho\Segurança - Erica\2014\Orcamento\CAPEX\PRECLOS\OPERACAO\SUPERVISAO PATRIMONIAL\OPERACIONAL\CAPEX_2014_ORC_SUP_PAT_OPERACIONAL_SP2_PRECLOS.xlsx</t>
  </si>
  <si>
    <t>11/21/2019 16:44:30</t>
  </si>
  <si>
    <t>D:\2014\Orcamento\CAPEX\PRECLOS\STAFF\</t>
  </si>
  <si>
    <t>CAPEX_2014_ORC_ADM_AGPI_PRECLOS.xlsx</t>
  </si>
  <si>
    <t>E:\BK_final\Vilarinho\Vilarinho - Trabalho\Segurança - Erica\2014\Orcamento\CAPEX\PRECLOS\STAFF\CAPEX_2014_ORC_ADM_AGPI_PRECLOS.xlsx</t>
  </si>
  <si>
    <t>CAPEX_2014_ORC_ADM_COMITE_INOVACAO_PRECLOS.xlsx</t>
  </si>
  <si>
    <t>E:\BK_final\Vilarinho\Vilarinho - Trabalho\Segurança - Erica\2014\Orcamento\CAPEX\PRECLOS\STAFF\CAPEX_2014_ORC_ADM_COMITE_INOVACAO_PRECLOS.xlsx</t>
  </si>
  <si>
    <t>CAPEX_2014_ORC_ADM_CONSOLIDADO_PRECLOS.xlsx</t>
  </si>
  <si>
    <t>E:\BK_final\Vilarinho\Vilarinho - Trabalho\Segurança - Erica\2014\Orcamento\CAPEX\PRECLOS\STAFF\CAPEX_2014_ORC_ADM_CONSOLIDADO_PRECLOS.xlsx</t>
  </si>
  <si>
    <t>CAPEX_2014_ORC_ADM_CORPORATIVO_PRECLOS.xlsx</t>
  </si>
  <si>
    <t>E:\BK_final\Vilarinho\Vilarinho - Trabalho\Segurança - Erica\2014\Orcamento\CAPEX\PRECLOS\STAFF\CAPEX_2014_ORC_ADM_CORPORATIVO_PRECLOS.xlsx</t>
  </si>
  <si>
    <t>CAPEX_2014_ORC_ADM_CSC_PRECLOS.xlsx</t>
  </si>
  <si>
    <t>E:\BK_final\Vilarinho\Vilarinho - Trabalho\Segurança - Erica\2014\Orcamento\CAPEX\PRECLOS\STAFF\CAPEX_2014_ORC_ADM_CSC_PRECLOS.xlsx</t>
  </si>
  <si>
    <t>CAPEX_2014_ORC_ADM_DIRETORIA_PRECLOS.xlsx</t>
  </si>
  <si>
    <t>E:\BK_final\Vilarinho\Vilarinho - Trabalho\Segurança - Erica\2014\Orcamento\CAPEX\PRECLOS\STAFF\CAPEX_2014_ORC_ADM_DIRETORIA_PRECLOS.xlsx</t>
  </si>
  <si>
    <t>11/21/2019 16:44:31</t>
  </si>
  <si>
    <t>CAPEX_2014_ORC_ADM_FINANCEIRO_PRECLOS.xlsx</t>
  </si>
  <si>
    <t>E:\BK_final\Vilarinho\Vilarinho - Trabalho\Segurança - Erica\2014\Orcamento\CAPEX\PRECLOS\STAFF\CAPEX_2014_ORC_ADM_FINANCEIRO_PRECLOS.xlsx</t>
  </si>
  <si>
    <t>CAPEX_2014_ORC_ADM_HOLDING_PRECLOS.xlsx</t>
  </si>
  <si>
    <t>E:\BK_final\Vilarinho\Vilarinho - Trabalho\Segurança - Erica\2014\Orcamento\CAPEX\PRECLOS\STAFF\CAPEX_2014_ORC_ADM_HOLDING_PRECLOS.xlsx</t>
  </si>
  <si>
    <t>CAPEX_2014_ORC_ADM_JURIDICO_PRECLOS.xlsx</t>
  </si>
  <si>
    <t>E:\BK_final\Vilarinho\Vilarinho - Trabalho\Segurança - Erica\2014\Orcamento\CAPEX\PRECLOS\STAFF\CAPEX_2014_ORC_ADM_JURIDICO_PRECLOS.xlsx</t>
  </si>
  <si>
    <t>CAPEX_2014_ORC_ADM_SESMT_PRECLOS.xlsx</t>
  </si>
  <si>
    <t>E:\BK_final\Vilarinho\Vilarinho - Trabalho\Segurança - Erica\2014\Orcamento\CAPEX\PRECLOS\STAFF\CAPEX_2014_ORC_ADM_SESMT_PRECLOS.xlsx</t>
  </si>
  <si>
    <t>CAPEX_2014_ORC_ADM_TH_PRECLOS.xlsx</t>
  </si>
  <si>
    <t>E:\BK_final\Vilarinho\Vilarinho - Trabalho\Segurança - Erica\2014\Orcamento\CAPEX\PRECLOS\STAFF\CAPEX_2014_ORC_ADM_TH_PRECLOS.xlsx</t>
  </si>
  <si>
    <t>CAPEX_2014_ORC_ADM_TI_PRECLOS.xlsx</t>
  </si>
  <si>
    <t>E:\BK_final\Vilarinho\Vilarinho - Trabalho\Segurança - Erica\2014\Orcamento\CAPEX\PRECLOS\STAFF\CAPEX_2014_ORC_ADM_TI_PRECLOS.xlsx</t>
  </si>
  <si>
    <t>11/21/2019 16:44:32</t>
  </si>
  <si>
    <t>D:\2014\Orcamento\LONGO PRAZO\LONGO PRAZO REVISAO_2013_2017\</t>
  </si>
  <si>
    <t>Administrativas - Longo Prazo - 2013 a 2017.xlsx</t>
  </si>
  <si>
    <t>E:\BK_final\Vilarinho\Vilarinho - Trabalho\Segurança - Erica\2014\Orcamento\LONGO PRAZO\LONGO PRAZO REVISAO_2013_2017\Administrativas - Longo Prazo - 2013 a 2017.xlsx</t>
  </si>
  <si>
    <t>Comparativo LP anterior x LP atual.xlsx</t>
  </si>
  <si>
    <t>E:\BK_final\Vilarinho\Vilarinho - Trabalho\Segurança - Erica\2014\Orcamento\LONGO PRAZO\LONGO PRAZO REVISAO_2013_2017\Comparativo LP anterior x LP atual.xlsx</t>
  </si>
  <si>
    <t>DRE Oficial Longo Prazo - 2013 a 2017.xlsx</t>
  </si>
  <si>
    <t>E:\BK_final\Vilarinho\Vilarinho - Trabalho\Segurança - Erica\2014\Orcamento\LONGO PRAZO\LONGO PRAZO REVISAO_2013_2017\DRE Oficial Longo Prazo - 2013 a 2017.xlsx</t>
  </si>
  <si>
    <t>Quadro de associados - Longo Prazo - 2013 a 2017.xlsx</t>
  </si>
  <si>
    <t>E:\BK_final\Vilarinho\Vilarinho - Trabalho\Segurança - Erica\2014\Orcamento\LONGO PRAZO\LONGO PRAZO REVISAO_2013_2017\Quadro de associados - Longo Prazo - 2013 a 2017.xlsx</t>
  </si>
  <si>
    <t>Receita 2013 e Longo Prazo - visao por negocio.xlsx</t>
  </si>
  <si>
    <t>E:\BK_final\Vilarinho\Vilarinho - Trabalho\Segurança - Erica\2014\Orcamento\LONGO PRAZO\LONGO PRAZO REVISAO_2013_2017\Receita 2013 e Longo Prazo - visao por negocio.xlsx</t>
  </si>
  <si>
    <t>Seg. Patrimonial - Longo Prazo - 2013 a 2017.xlsx</t>
  </si>
  <si>
    <t>E:\BK_final\Vilarinho\Vilarinho - Trabalho\Segurança - Erica\2014\Orcamento\LONGO PRAZO\LONGO PRAZO REVISAO_2013_2017\Seg. Patrimonial - Longo Prazo - 2013 a 2017.xlsx</t>
  </si>
  <si>
    <t>Tecnologia - Longo Prazo - 2013 a 2017.xlsx</t>
  </si>
  <si>
    <t>E:\BK_final\Vilarinho\Vilarinho - Trabalho\Segurança - Erica\2014\Orcamento\LONGO PRAZO\LONGO PRAZO REVISAO_2013_2017\Tecnologia - Longo Prazo - 2013 a 2017.xlsx</t>
  </si>
  <si>
    <t>D:\2014\Orcamento\LONGO PRAZO\LONGO PRAZO REVISAO_2013_2017\Cenário Alternativo\</t>
  </si>
  <si>
    <t>Administrativas - Longo Prazo - 2013 a 2017 - alternativo.xlsx</t>
  </si>
  <si>
    <t>E:\BK_final\Vilarinho\Vilarinho - Trabalho\Segurança - Erica\2014\Orcamento\LONGO PRAZO\LONGO PRAZO REVISAO_2013_2017\Cenário Alternativo\Administrativas - Longo Prazo - 2013 a 2017 - alternativo.xlsx</t>
  </si>
  <si>
    <t>11/21/2019 16:44:33</t>
  </si>
  <si>
    <t>DRE Oficial Longo Prazo - 2013 a 2017 - alternativo.xlsx</t>
  </si>
  <si>
    <t>E:\BK_final\Vilarinho\Vilarinho - Trabalho\Segurança - Erica\2014\Orcamento\LONGO PRAZO\LONGO PRAZO REVISAO_2013_2017\Cenário Alternativo\DRE Oficial Longo Prazo - 2013 a 2017 - alternativo.xlsx</t>
  </si>
  <si>
    <t>Quadro de associados - Longo Prazo - 2013 a 2017 - alternativo.xlsx</t>
  </si>
  <si>
    <t>E:\BK_final\Vilarinho\Vilarinho - Trabalho\Segurança - Erica\2014\Orcamento\LONGO PRAZO\LONGO PRAZO REVISAO_2013_2017\Cenário Alternativo\Quadro de associados - Longo Prazo - 2013 a 2017 - alternativo.xlsx</t>
  </si>
  <si>
    <t>Receita 2013 e Longo Prazo - visao por negocio - alternativo.xlsx</t>
  </si>
  <si>
    <t>E:\BK_final\Vilarinho\Vilarinho - Trabalho\Segurança - Erica\2014\Orcamento\LONGO PRAZO\LONGO PRAZO REVISAO_2013_2017\Cenário Alternativo\Receita 2013 e Longo Prazo - visao por negocio - alternativo.xlsx</t>
  </si>
  <si>
    <t>Seg. Patrimonial - Longo Prazo - 2013 a 2017 - alternativo.xlsx</t>
  </si>
  <si>
    <t>E:\BK_final\Vilarinho\Vilarinho - Trabalho\Segurança - Erica\2014\Orcamento\LONGO PRAZO\LONGO PRAZO REVISAO_2013_2017\Cenário Alternativo\Seg. Patrimonial - Longo Prazo - 2013 a 2017 - alternativo.xlsx</t>
  </si>
  <si>
    <t>11/21/2019 16:44:34</t>
  </si>
  <si>
    <t>Tecnologia - Longo Prazo - 2013 a 2017 - alternativo.xlsx</t>
  </si>
  <si>
    <t>E:\BK_final\Vilarinho\Vilarinho - Trabalho\Segurança - Erica\2014\Orcamento\LONGO PRAZO\LONGO PRAZO REVISAO_2013_2017\Cenário Alternativo\Tecnologia - Longo Prazo - 2013 a 2017 - alternativo.xlsx</t>
  </si>
  <si>
    <t>D:\2014\Orcamento\LONGO PRAZO\LONGO PRAZO REVISAO_2014_2018\</t>
  </si>
  <si>
    <t>Administrativas_LP 2014 a 2018.xlsx</t>
  </si>
  <si>
    <t>E:\BK_final\Vilarinho\Vilarinho - Trabalho\Segurança - Erica\2014\Orcamento\LONGO PRAZO\LONGO PRAZO REVISAO_2014_2018\Administrativas_LP 2014 a 2018.xlsx</t>
  </si>
  <si>
    <t>Captacoes_LP_2015a2018.xlsx</t>
  </si>
  <si>
    <t>E:\BK_final\Vilarinho\Vilarinho - Trabalho\Segurança - Erica\2014\Orcamento\LONGO PRAZO\LONGO PRAZO REVISAO_2014_2018\Captacoes_LP_2015a2018.xlsx</t>
  </si>
  <si>
    <t>DRE Oficial_LP 2014 a 2018.xlsx</t>
  </si>
  <si>
    <t>E:\BK_final\Vilarinho\Vilarinho - Trabalho\Segurança - Erica\2014\Orcamento\LONGO PRAZO\LONGO PRAZO REVISAO_2014_2018\DRE Oficial_LP 2014 a 2018.xlsx</t>
  </si>
  <si>
    <t>Quadro_de_Associados_2014_a_2018.xlsx</t>
  </si>
  <si>
    <t>E:\BK_final\Vilarinho\Vilarinho - Trabalho\Segurança - Erica\2014\Orcamento\LONGO PRAZO\LONGO PRAZO REVISAO_2014_2018\Quadro_de_Associados_2014_a_2018.xlsx</t>
  </si>
  <si>
    <t>11/21/2019 16:44:35</t>
  </si>
  <si>
    <t>Seg. Documental_LP 2014 a 2018.xlsx</t>
  </si>
  <si>
    <t>E:\BK_final\Vilarinho\Vilarinho - Trabalho\Segurança - Erica\2014\Orcamento\LONGO PRAZO\LONGO PRAZO REVISAO_2014_2018\Seg. Documental_LP 2014 a 2018.xlsx</t>
  </si>
  <si>
    <t>Seg. Eletronica_Monitoramento_LP 2014 a 2018.xlsx</t>
  </si>
  <si>
    <t>E:\BK_final\Vilarinho\Vilarinho - Trabalho\Segurança - Erica\2014\Orcamento\LONGO PRAZO\LONGO PRAZO REVISAO_2014_2018\Seg. Eletronica_Monitoramento_LP 2014 a 2018.xlsx</t>
  </si>
  <si>
    <t>Seg. Eletronica_Projetos_LP 2014 a 2018.xlsx</t>
  </si>
  <si>
    <t>E:\BK_final\Vilarinho\Vilarinho - Trabalho\Segurança - Erica\2014\Orcamento\LONGO PRAZO\LONGO PRAZO REVISAO_2014_2018\Seg. Eletronica_Projetos_LP 2014 a 2018.xlsx</t>
  </si>
  <si>
    <t>Seg. Patrimonial_LP 2014 a 2018.xlsx</t>
  </si>
  <si>
    <t>E:\BK_final\Vilarinho\Vilarinho - Trabalho\Segurança - Erica\2014\Orcamento\LONGO PRAZO\LONGO PRAZO REVISAO_2014_2018\Seg. Patrimonial_LP 2014 a 2018.xlsx</t>
  </si>
  <si>
    <t>D:\2014\Orcamento\LONGO PRAZO\LONGO PRAZO REVISAO_2014_2018\Análises\</t>
  </si>
  <si>
    <t>E:\BK_final\Vilarinho\Vilarinho - Trabalho\Segurança - Erica\2014\Orcamento\LONGO PRAZO\LONGO PRAZO REVISAO_2014_2018\Análises\Comparativo LP anterior x LP atual.xlsx</t>
  </si>
  <si>
    <t>E:\BK_final\Vilarinho\Vilarinho - Trabalho\Segurança - Erica\2014\Orcamento\LONGO PRAZO\LONGO PRAZO REVISAO_2014_2018\Análises\Quadro de associados - Longo Prazo - 2013 a 2017.xlsx</t>
  </si>
  <si>
    <t>11/21/2019 16:44:36</t>
  </si>
  <si>
    <t>E:\BK_final\Vilarinho\Vilarinho - Trabalho\Segurança - Erica\2014\Orcamento\LONGO PRAZO\LONGO PRAZO REVISAO_2014_2018\Análises\Receita 2013 e Longo Prazo - visao por negocio.xlsx</t>
  </si>
  <si>
    <t>D:\2014\Orcamento\LONGO PRAZO\LONGO PRAZO REVISAO_2014_2018\Cenário Alternativo\</t>
  </si>
  <si>
    <t>Administrativas_LP 2014 a 2018_alternativo.xlsx</t>
  </si>
  <si>
    <t>E:\BK_final\Vilarinho\Vilarinho - Trabalho\Segurança - Erica\2014\Orcamento\LONGO PRAZO\LONGO PRAZO REVISAO_2014_2018\Cenário Alternativo\Administrativas_LP 2014 a 2018_alternativo.xlsx</t>
  </si>
  <si>
    <t>Captacoes_LP_2015a2018_alternativo.xlsx</t>
  </si>
  <si>
    <t>E:\BK_final\Vilarinho\Vilarinho - Trabalho\Segurança - Erica\2014\Orcamento\LONGO PRAZO\LONGO PRAZO REVISAO_2014_2018\Cenário Alternativo\Captacoes_LP_2015a2018_alternativo.xlsx</t>
  </si>
  <si>
    <t>DRE Oficial_LP 2014 a 2018_alternativo.xlsx</t>
  </si>
  <si>
    <t>E:\BK_final\Vilarinho\Vilarinho - Trabalho\Segurança - Erica\2014\Orcamento\LONGO PRAZO\LONGO PRAZO REVISAO_2014_2018\Cenário Alternativo\DRE Oficial_LP 2014 a 2018_alternativo.xlsx</t>
  </si>
  <si>
    <t>Quadro_de_Associados_2014_a_2018_alternativo.xlsx</t>
  </si>
  <si>
    <t>E:\BK_final\Vilarinho\Vilarinho - Trabalho\Segurança - Erica\2014\Orcamento\LONGO PRAZO\LONGO PRAZO REVISAO_2014_2018\Cenário Alternativo\Quadro_de_Associados_2014_a_2018_alternativo.xlsx</t>
  </si>
  <si>
    <t>Seg. Documental_LP 2014 a 2018_alternativo.xlsx</t>
  </si>
  <si>
    <t>E:\BK_final\Vilarinho\Vilarinho - Trabalho\Segurança - Erica\2014\Orcamento\LONGO PRAZO\LONGO PRAZO REVISAO_2014_2018\Cenário Alternativo\Seg. Documental_LP 2014 a 2018_alternativo.xlsx</t>
  </si>
  <si>
    <t>11/21/2019 16:44:37</t>
  </si>
  <si>
    <t>Seg. Eletronica_Monitoramento_LP 2014 a 2018_alternativo.xlsx</t>
  </si>
  <si>
    <t>E:\BK_final\Vilarinho\Vilarinho - Trabalho\Segurança - Erica\2014\Orcamento\LONGO PRAZO\LONGO PRAZO REVISAO_2014_2018\Cenário Alternativo\Seg. Eletronica_Monitoramento_LP 2014 a 2018_alternativo.xlsx</t>
  </si>
  <si>
    <t>Seg. Eletronica_Projetos_LP 2014 a 2018_alternativo.xlsx</t>
  </si>
  <si>
    <t>E:\BK_final\Vilarinho\Vilarinho - Trabalho\Segurança - Erica\2014\Orcamento\LONGO PRAZO\LONGO PRAZO REVISAO_2014_2018\Cenário Alternativo\Seg. Eletronica_Projetos_LP 2014 a 2018_alternativo.xlsx</t>
  </si>
  <si>
    <t>Seg. Patrimonial_LP 2014 a 2018_alternativo.xlsx</t>
  </si>
  <si>
    <t>E:\BK_final\Vilarinho\Vilarinho - Trabalho\Segurança - Erica\2014\Orcamento\LONGO PRAZO\LONGO PRAZO REVISAO_2014_2018\Cenário Alternativo\Seg. Patrimonial_LP 2014 a 2018_alternativo.xlsx</t>
  </si>
  <si>
    <t>E:\BK_final\Vilarinho\Vilarinho - Trabalho\Segurança - Erica\2014\Orcamento\LONGO PRAZO\LONGO PRAZO REVISAO_2014_2018 - Revisão após Gerencial\Administrativas_LP 2014 a 2018.xlsx</t>
  </si>
  <si>
    <t>D:\2014\Orcamento\LONGO PRAZO\LONGO PRAZO REVISAO_2014_2018 - Revisão após Gerencial\</t>
  </si>
  <si>
    <t>Analise Over Head.xlsx</t>
  </si>
  <si>
    <t>E:\BK_final\Vilarinho\Vilarinho - Trabalho\Segurança - Erica\2014\Orcamento\LONGO PRAZO\LONGO PRAZO REVISAO_2014_2018 - Revisão após Gerencial\Analise Over Head.xlsx</t>
  </si>
  <si>
    <t>Capex LP - por negócio.xlsx</t>
  </si>
  <si>
    <t>E:\BK_final\Vilarinho\Vilarinho - Trabalho\Segurança - Erica\2014\Orcamento\LONGO PRAZO\LONGO PRAZO REVISAO_2014_2018 - Revisão após Gerencial\Capex LP - por negócio.xlsx</t>
  </si>
  <si>
    <t>E:\BK_final\Vilarinho\Vilarinho - Trabalho\Segurança - Erica\2014\Orcamento\LONGO PRAZO\LONGO PRAZO REVISAO_2014_2018 - Revisão após Gerencial\Captacoes_LP_2015a2018.xlsx</t>
  </si>
  <si>
    <t>E:\BK_final\Vilarinho\Vilarinho - Trabalho\Segurança - Erica\2014\Orcamento\LONGO PRAZO\LONGO PRAZO REVISAO_2014_2018 - Revisão após Gerencial\DRE Oficial_LP 2014 a 2018.xlsx</t>
  </si>
  <si>
    <t>E:\BK_final\Vilarinho\Vilarinho - Trabalho\Segurança - Erica\2014\Orcamento\LONGO PRAZO\LONGO PRAZO REVISAO_2014_2018 - Revisão após Gerencial\Quadro_de_Associados_2014_a_2018.xlsx</t>
  </si>
  <si>
    <t>E:\BK_final\Vilarinho\Vilarinho - Trabalho\Segurança - Erica\2014\Orcamento\LONGO PRAZO\LONGO PRAZO REVISAO_2014_2018 - Revisão após Gerencial\Seg. Documental_LP 2014 a 2018.xlsx</t>
  </si>
  <si>
    <t>11/21/2019 16:44:38</t>
  </si>
  <si>
    <t>E:\BK_final\Vilarinho\Vilarinho - Trabalho\Segurança - Erica\2014\Orcamento\LONGO PRAZO\LONGO PRAZO REVISAO_2014_2018 - Revisão após Gerencial\Seg. Eletronica_Monitoramento_LP 2014 a 2018.xlsx</t>
  </si>
  <si>
    <t>E:\BK_final\Vilarinho\Vilarinho - Trabalho\Segurança - Erica\2014\Orcamento\LONGO PRAZO\LONGO PRAZO REVISAO_2014_2018 - Revisão após Gerencial\Seg. Eletronica_Projetos_LP 2014 a 2018.xlsx</t>
  </si>
  <si>
    <t>E:\BK_final\Vilarinho\Vilarinho - Trabalho\Segurança - Erica\2014\Orcamento\LONGO PRAZO\LONGO PRAZO REVISAO_2014_2018 - Revisão após Gerencial\Seg. Patrimonial_LP 2014 a 2018.xlsx</t>
  </si>
  <si>
    <t>E:\BK_final\Vilarinho\Vilarinho - Trabalho\Segurança - Erica\2014\Orcamento\LONGO PRAZO\LONGO PRAZO REVISAO_2014_2018 - Revisão após Gerencial\Análises\Comparativo LP anterior x LP atual.xlsx</t>
  </si>
  <si>
    <t>E:\BK_final\Vilarinho\Vilarinho - Trabalho\Segurança - Erica\2014\Orcamento\LONGO PRAZO\LONGO PRAZO REVISAO_2014_2018 - Revisão após Gerencial\Análises\Quadro de associados - Longo Prazo - 2013 a 2017.xlsx</t>
  </si>
  <si>
    <t>E:\BK_final\Vilarinho\Vilarinho - Trabalho\Segurança - Erica\2014\Orcamento\LONGO PRAZO\LONGO PRAZO REVISAO_2014_2018 - Revisão após Gerencial\Análises\Receita 2013 e Longo Prazo - visao por negocio.xlsx</t>
  </si>
  <si>
    <t>E:\BK_final\Vilarinho\Vilarinho - Trabalho\Segurança - Erica\2014\Orcamento\LONGO PRAZO\LONGO PRAZO REVISAO_2014_2018 - Revisão após Gerencial\Cenário Alternativo\Administrativas_LP 2014 a 2018_alternativo.xlsx</t>
  </si>
  <si>
    <t>E:\BK_final\Vilarinho\Vilarinho - Trabalho\Segurança - Erica\2014\Orcamento\LONGO PRAZO\LONGO PRAZO REVISAO_2014_2018 - Revisão após Gerencial\Cenário Alternativo\Captacoes_LP_2015a2018_alternativo.xlsx</t>
  </si>
  <si>
    <t>E:\BK_final\Vilarinho\Vilarinho - Trabalho\Segurança - Erica\2014\Orcamento\LONGO PRAZO\LONGO PRAZO REVISAO_2014_2018 - Revisão após Gerencial\Cenário Alternativo\DRE Oficial_LP 2014 a 2018_alternativo.xlsx</t>
  </si>
  <si>
    <t>11/21/2019 16:44:39</t>
  </si>
  <si>
    <t>E:\BK_final\Vilarinho\Vilarinho - Trabalho\Segurança - Erica\2014\Orcamento\LONGO PRAZO\LONGO PRAZO REVISAO_2014_2018 - Revisão após Gerencial\Cenário Alternativo\Quadro_de_Associados_2014_a_2018_alternativo.xlsx</t>
  </si>
  <si>
    <t>E:\BK_final\Vilarinho\Vilarinho - Trabalho\Segurança - Erica\2014\Orcamento\LONGO PRAZO\LONGO PRAZO REVISAO_2014_2018 - Revisão após Gerencial\Cenário Alternativo\Seg. Documental_LP 2014 a 2018_alternativo.xlsx</t>
  </si>
  <si>
    <t>E:\BK_final\Vilarinho\Vilarinho - Trabalho\Segurança - Erica\2014\Orcamento\LONGO PRAZO\LONGO PRAZO REVISAO_2014_2018 - Revisão após Gerencial\Cenário Alternativo\Seg. Eletronica_Monitoramento_LP 2014 a 2018_alternativo.xlsx</t>
  </si>
  <si>
    <t>E:\BK_final\Vilarinho\Vilarinho - Trabalho\Segurança - Erica\2014\Orcamento\LONGO PRAZO\LONGO PRAZO REVISAO_2014_2018 - Revisão após Gerencial\Cenário Alternativo\Seg. Eletronica_Projetos_LP 2014 a 2018_alternativo.xlsx</t>
  </si>
  <si>
    <t>E:\BK_final\Vilarinho\Vilarinho - Trabalho\Segurança - Erica\2014\Orcamento\LONGO PRAZO\LONGO PRAZO REVISAO_2014_2018 - Revisão após Gerencial\Cenário Alternativo\Seg. Patrimonial_LP 2014 a 2018_alternativo.xlsx</t>
  </si>
  <si>
    <t>D:\2014\Orcamento\RESULTADO\1PROJ\</t>
  </si>
  <si>
    <t>ORC_2014_CONSOLIDADO_1PROJ.xlsx</t>
  </si>
  <si>
    <t>E:\BK_final\Vilarinho\Vilarinho - Trabalho\Segurança - Erica\2014\Orcamento\RESULTADO\1PROJ\ORC_2014_CONSOLIDADO_1PROJ.xlsx</t>
  </si>
  <si>
    <t>D:\2014\Orcamento\RESULTADO\1PROJ\COMERCIAL\</t>
  </si>
  <si>
    <t>ORC_2014_CML_CONSOLIDADO_1PROJ.xlsx</t>
  </si>
  <si>
    <t>E:\BK_final\Vilarinho\Vilarinho - Trabalho\Segurança - Erica\2014\Orcamento\RESULTADO\1PROJ\COMERCIAL\ORC_2014_CML_CONSOLIDADO_1PROJ.xlsx</t>
  </si>
  <si>
    <t>11/21/2019 16:44:40</t>
  </si>
  <si>
    <t>D:\2014\Orcamento\RESULTADO\1PROJ\COMERCIAL\SEGURANCA DOCUMENTAL\</t>
  </si>
  <si>
    <t>ORC_2014_CML_SEDOC_1PROJ.xlsx</t>
  </si>
  <si>
    <t>E:\BK_final\Vilarinho\Vilarinho - Trabalho\Segurança - Erica\2014\Orcamento\RESULTADO\1PROJ\COMERCIAL\SEGURANCA DOCUMENTAL\ORC_2014_CML_SEDOC_1PROJ.xlsx</t>
  </si>
  <si>
    <t>D:\2014\Orcamento\RESULTADO\1PROJ\COMERCIAL\SEGURANCA ELETRONICA\</t>
  </si>
  <si>
    <t>ORC_2014_CML_ELE_CONSOLIDADO_1PROJ.xlsx</t>
  </si>
  <si>
    <t>E:\BK_final\Vilarinho\Vilarinho - Trabalho\Segurança - Erica\2014\Orcamento\RESULTADO\1PROJ\COMERCIAL\SEGURANCA ELETRONICA\ORC_2014_CML_ELE_CONSOLIDADO_1PROJ.xlsx</t>
  </si>
  <si>
    <t>ORC_2014_CML_ELE_MONITORAMENTO_1PROJ.xlsx</t>
  </si>
  <si>
    <t>E:\BK_final\Vilarinho\Vilarinho - Trabalho\Segurança - Erica\2014\Orcamento\RESULTADO\1PROJ\COMERCIAL\SEGURANCA ELETRONICA\ORC_2014_CML_ELE_MONITORAMENTO_1PROJ.xlsx</t>
  </si>
  <si>
    <t>11/21/2019 16:44:41</t>
  </si>
  <si>
    <t>ORC_2014_CML_ELE_PROJETOS_1PROJ.xlsx</t>
  </si>
  <si>
    <t>E:\BK_final\Vilarinho\Vilarinho - Trabalho\Segurança - Erica\2014\Orcamento\RESULTADO\1PROJ\COMERCIAL\SEGURANCA ELETRONICA\ORC_2014_CML_ELE_PROJETOS_1PROJ.xlsx</t>
  </si>
  <si>
    <t>D:\2014\Orcamento\RESULTADO\1PROJ\COMERCIAL\SEGURANCA PATRIMONIAL\</t>
  </si>
  <si>
    <t>ORC_2014_CML_PAT_CONSOLIDADO_1PROJ.xlsx</t>
  </si>
  <si>
    <t>E:\BK_final\Vilarinho\Vilarinho - Trabalho\Segurança - Erica\2014\Orcamento\RESULTADO\1PROJ\COMERCIAL\SEGURANCA PATRIMONIAL\ORC_2014_CML_PAT_CONSOLIDADO_1PROJ.xlsx</t>
  </si>
  <si>
    <t>ORC_2014_CML_PAT_GO_1PROJ.xlsx</t>
  </si>
  <si>
    <t>E:\BK_final\Vilarinho\Vilarinho - Trabalho\Segurança - Erica\2014\Orcamento\RESULTADO\1PROJ\COMERCIAL\SEGURANCA PATRIMONIAL\ORC_2014_CML_PAT_GO_1PROJ.xlsx</t>
  </si>
  <si>
    <t>11/21/2019 16:44:42</t>
  </si>
  <si>
    <t>ORC_2014_CML_PAT_MG1_1PROJ.xlsx</t>
  </si>
  <si>
    <t>E:\BK_final\Vilarinho\Vilarinho - Trabalho\Segurança - Erica\2014\Orcamento\RESULTADO\1PROJ\COMERCIAL\SEGURANCA PATRIMONIAL\ORC_2014_CML_PAT_MG1_1PROJ.xlsx</t>
  </si>
  <si>
    <t>ORC_2014_CML_PAT_MG2_1PROJ.xlsx</t>
  </si>
  <si>
    <t>E:\BK_final\Vilarinho\Vilarinho - Trabalho\Segurança - Erica\2014\Orcamento\RESULTADO\1PROJ\COMERCIAL\SEGURANCA PATRIMONIAL\ORC_2014_CML_PAT_MG2_1PROJ.xlsx</t>
  </si>
  <si>
    <t>ORC_2014_CML_PAT_MS_1PROJ.xlsx</t>
  </si>
  <si>
    <t>E:\BK_final\Vilarinho\Vilarinho - Trabalho\Segurança - Erica\2014\Orcamento\RESULTADO\1PROJ\COMERCIAL\SEGURANCA PATRIMONIAL\ORC_2014_CML_PAT_MS_1PROJ.xlsx</t>
  </si>
  <si>
    <t>ORC_2014_CML_PAT_MT_1PROJ.xlsx</t>
  </si>
  <si>
    <t>E:\BK_final\Vilarinho\Vilarinho - Trabalho\Segurança - Erica\2014\Orcamento\RESULTADO\1PROJ\COMERCIAL\SEGURANCA PATRIMONIAL\ORC_2014_CML_PAT_MT_1PROJ.xlsx</t>
  </si>
  <si>
    <t>11/21/2019 16:44:43</t>
  </si>
  <si>
    <t>ORC_2014_CML_PAT_PR_1PROJ.xlsx</t>
  </si>
  <si>
    <t>E:\BK_final\Vilarinho\Vilarinho - Trabalho\Segurança - Erica\2014\Orcamento\RESULTADO\1PROJ\COMERCIAL\SEGURANCA PATRIMONIAL\ORC_2014_CML_PAT_PR_1PROJ.xlsx</t>
  </si>
  <si>
    <t>ORC_2014_CML_PAT_SP1_1PROJ.xlsx</t>
  </si>
  <si>
    <t>E:\BK_final\Vilarinho\Vilarinho - Trabalho\Segurança - Erica\2014\Orcamento\RESULTADO\1PROJ\COMERCIAL\SEGURANCA PATRIMONIAL\ORC_2014_CML_PAT_SP1_1PROJ.xlsx</t>
  </si>
  <si>
    <t>ORC_2014_CML_PAT_SP2_1PROJ.xlsx</t>
  </si>
  <si>
    <t>E:\BK_final\Vilarinho\Vilarinho - Trabalho\Segurança - Erica\2014\Orcamento\RESULTADO\1PROJ\COMERCIAL\SEGURANCA PATRIMONIAL\ORC_2014_CML_PAT_SP2_1PROJ.xlsx</t>
  </si>
  <si>
    <t>11/21/2019 16:44:44</t>
  </si>
  <si>
    <t>D:\2014\Orcamento\RESULTADO\1PROJ\OPERACAO\</t>
  </si>
  <si>
    <t>ORC_2014_OPE_CONSOLIDADO_1PROJ.xlsx</t>
  </si>
  <si>
    <t>E:\BK_final\Vilarinho\Vilarinho - Trabalho\Segurança - Erica\2014\Orcamento\RESULTADO\1PROJ\OPERACAO\ORC_2014_OPE_CONSOLIDADO_1PROJ.xlsx</t>
  </si>
  <si>
    <t>D:\2014\Orcamento\RESULTADO\1PROJ\OPERACAO\SEGURANCA DOCUMENTAL\</t>
  </si>
  <si>
    <t>ORC_2014_OPE_SEDOC_CONSOLIDADO_1PROJ.xlsx</t>
  </si>
  <si>
    <t>E:\BK_final\Vilarinho\Vilarinho - Trabalho\Segurança - Erica\2014\Orcamento\RESULTADO\1PROJ\OPERACAO\SEGURANCA DOCUMENTAL\ORC_2014_OPE_SEDOC_CONSOLIDADO_1PROJ.xlsx</t>
  </si>
  <si>
    <t>11/21/2019 16:44:46</t>
  </si>
  <si>
    <t>ORC_2014_OPE_SEDOC_MG1_1PROJ.xlsx</t>
  </si>
  <si>
    <t>E:\BK_final\Vilarinho\Vilarinho - Trabalho\Segurança - Erica\2014\Orcamento\RESULTADO\1PROJ\OPERACAO\SEGURANCA DOCUMENTAL\ORC_2014_OPE_SEDOC_MG1_1PROJ.xlsx</t>
  </si>
  <si>
    <t>ORC_2014_OPE_SEDOC_SP1_1PROJ.xlsx</t>
  </si>
  <si>
    <t>E:\BK_final\Vilarinho\Vilarinho - Trabalho\Segurança - Erica\2014\Orcamento\RESULTADO\1PROJ\OPERACAO\SEGURANCA DOCUMENTAL\ORC_2014_OPE_SEDOC_SP1_1PROJ.xlsx</t>
  </si>
  <si>
    <t>ORC_2014_OPE_SUP_SEDOC_1PROJ.xlsx</t>
  </si>
  <si>
    <t>E:\BK_final\Vilarinho\Vilarinho - Trabalho\Segurança - Erica\2014\Orcamento\RESULTADO\1PROJ\OPERACAO\SEGURANCA DOCUMENTAL\ORC_2014_OPE_SUP_SEDOC_1PROJ.xlsx</t>
  </si>
  <si>
    <t>11/21/2019 16:44:48</t>
  </si>
  <si>
    <t>D:\2014\Orcamento\RESULTADO\1PROJ\OPERACAO\SEGURANCA ELETRONICA\</t>
  </si>
  <si>
    <t>ORC_2014_DRE_ELE_CONSOLIDADO_1PROJ.xlsx</t>
  </si>
  <si>
    <t>E:\BK_final\Vilarinho\Vilarinho - Trabalho\Segurança - Erica\2014\Orcamento\RESULTADO\1PROJ\OPERACAO\SEGURANCA ELETRONICA\ORC_2014_DRE_ELE_CONSOLIDADO_1PROJ.xlsx</t>
  </si>
  <si>
    <t>ORC_2014_OPE_ELE_ATEND_ALARME_1PROJ.xlsx</t>
  </si>
  <si>
    <t>E:\BK_final\Vilarinho\Vilarinho - Trabalho\Segurança - Erica\2014\Orcamento\RESULTADO\1PROJ\OPERACAO\SEGURANCA ELETRONICA\ORC_2014_OPE_ELE_ATEND_ALARME_1PROJ.xlsx</t>
  </si>
  <si>
    <t>ORC_2014_OPE_ELE_CONSOLIDADO_1PROJ.xlsx</t>
  </si>
  <si>
    <t>E:\BK_final\Vilarinho\Vilarinho - Trabalho\Segurança - Erica\2014\Orcamento\RESULTADO\1PROJ\OPERACAO\SEGURANCA ELETRONICA\ORC_2014_OPE_ELE_CONSOLIDADO_1PROJ.xlsx</t>
  </si>
  <si>
    <t>11/21/2019 16:44:49</t>
  </si>
  <si>
    <t>ORC_2014_OPE_ELE_MONITORAMENTO_1PROJ.xlsx</t>
  </si>
  <si>
    <t>E:\BK_final\Vilarinho\Vilarinho - Trabalho\Segurança - Erica\2014\Orcamento\RESULTADO\1PROJ\OPERACAO\SEGURANCA ELETRONICA\ORC_2014_OPE_ELE_MONITORAMENTO_1PROJ.xlsx</t>
  </si>
  <si>
    <t>ORC_2014_OPE_ELE_PROJETOS_1PROJ.xlsx</t>
  </si>
  <si>
    <t>E:\BK_final\Vilarinho\Vilarinho - Trabalho\Segurança - Erica\2014\Orcamento\RESULTADO\1PROJ\OPERACAO\SEGURANCA ELETRONICA\ORC_2014_OPE_ELE_PROJETOS_1PROJ.xlsx</t>
  </si>
  <si>
    <t>ORC_2014_OPE_ELE_SAC_1PROJ.xlsx</t>
  </si>
  <si>
    <t>E:\BK_final\Vilarinho\Vilarinho - Trabalho\Segurança - Erica\2014\Orcamento\RESULTADO\1PROJ\OPERACAO\SEGURANCA ELETRONICA\ORC_2014_OPE_ELE_SAC_1PROJ.xlsx</t>
  </si>
  <si>
    <t>11/21/2019 16:44:50</t>
  </si>
  <si>
    <t>ORC_2014_OPE_ELE_TECNICA_1PROJ.xlsx</t>
  </si>
  <si>
    <t>E:\BK_final\Vilarinho\Vilarinho - Trabalho\Segurança - Erica\2014\Orcamento\RESULTADO\1PROJ\OPERACAO\SEGURANCA ELETRONICA\ORC_2014_OPE_ELE_TECNICA_1PROJ.xlsx</t>
  </si>
  <si>
    <t>ORC_2014_OPE_SUP_ELE_1PROJ.xlsx</t>
  </si>
  <si>
    <t>E:\BK_final\Vilarinho\Vilarinho - Trabalho\Segurança - Erica\2014\Orcamento\RESULTADO\1PROJ\OPERACAO\SEGURANCA ELETRONICA\ORC_2014_OPE_SUP_ELE_1PROJ.xlsx</t>
  </si>
  <si>
    <t>11/21/2019 16:44:51</t>
  </si>
  <si>
    <t>D:\2014\Orcamento\RESULTADO\1PROJ\OPERACAO\SEGURANCA PATRIMONIAL\</t>
  </si>
  <si>
    <t>ORC_2014_OPE_PAT_CONSOLIDADO_1PROJ.xlsx</t>
  </si>
  <si>
    <t>E:\BK_final\Vilarinho\Vilarinho - Trabalho\Segurança - Erica\2014\Orcamento\RESULTADO\1PROJ\OPERACAO\SEGURANCA PATRIMONIAL\ORC_2014_OPE_PAT_CONSOLIDADO_1PROJ.xlsx</t>
  </si>
  <si>
    <t>ORC_2014_OPE_PAT_GO_1PROJ.xlsx</t>
  </si>
  <si>
    <t>E:\BK_final\Vilarinho\Vilarinho - Trabalho\Segurança - Erica\2014\Orcamento\RESULTADO\1PROJ\OPERACAO\SEGURANCA PATRIMONIAL\ORC_2014_OPE_PAT_GO_1PROJ.xlsx</t>
  </si>
  <si>
    <t>ORC_2014_OPE_PAT_MG1_1PROJ.xlsx</t>
  </si>
  <si>
    <t>E:\BK_final\Vilarinho\Vilarinho - Trabalho\Segurança - Erica\2014\Orcamento\RESULTADO\1PROJ\OPERACAO\SEGURANCA PATRIMONIAL\ORC_2014_OPE_PAT_MG1_1PROJ.xlsx</t>
  </si>
  <si>
    <t>11/21/2019 16:44:52</t>
  </si>
  <si>
    <t>ORC_2014_OPE_PAT_MG2_1PROJ.xlsx</t>
  </si>
  <si>
    <t>E:\BK_final\Vilarinho\Vilarinho - Trabalho\Segurança - Erica\2014\Orcamento\RESULTADO\1PROJ\OPERACAO\SEGURANCA PATRIMONIAL\ORC_2014_OPE_PAT_MG2_1PROJ.xlsx</t>
  </si>
  <si>
    <t>ORC_2014_OPE_PAT_MS_1PROJ.xlsx</t>
  </si>
  <si>
    <t>E:\BK_final\Vilarinho\Vilarinho - Trabalho\Segurança - Erica\2014\Orcamento\RESULTADO\1PROJ\OPERACAO\SEGURANCA PATRIMONIAL\ORC_2014_OPE_PAT_MS_1PROJ.xlsx</t>
  </si>
  <si>
    <t>11/21/2019 16:44:53</t>
  </si>
  <si>
    <t>ORC_2014_OPE_PAT_MT_1PROJ.xlsx</t>
  </si>
  <si>
    <t>E:\BK_final\Vilarinho\Vilarinho - Trabalho\Segurança - Erica\2014\Orcamento\RESULTADO\1PROJ\OPERACAO\SEGURANCA PATRIMONIAL\ORC_2014_OPE_PAT_MT_1PROJ.xlsx</t>
  </si>
  <si>
    <t>ORC_2014_OPE_PAT_PR_1PROJ.xlsx</t>
  </si>
  <si>
    <t>E:\BK_final\Vilarinho\Vilarinho - Trabalho\Segurança - Erica\2014\Orcamento\RESULTADO\1PROJ\OPERACAO\SEGURANCA PATRIMONIAL\ORC_2014_OPE_PAT_PR_1PROJ.xlsx</t>
  </si>
  <si>
    <t>ORC_2014_OPE_PAT_SP1_1PROJ.xlsx</t>
  </si>
  <si>
    <t>E:\BK_final\Vilarinho\Vilarinho - Trabalho\Segurança - Erica\2014\Orcamento\RESULTADO\1PROJ\OPERACAO\SEGURANCA PATRIMONIAL\ORC_2014_OPE_PAT_SP1_1PROJ.xlsx</t>
  </si>
  <si>
    <t>11/21/2019 16:44:54</t>
  </si>
  <si>
    <t>ORC_2014_OPE_PAT_SP2_1PROJ.xlsx</t>
  </si>
  <si>
    <t>E:\BK_final\Vilarinho\Vilarinho - Trabalho\Segurança - Erica\2014\Orcamento\RESULTADO\1PROJ\OPERACAO\SEGURANCA PATRIMONIAL\ORC_2014_OPE_PAT_SP2_1PROJ.xlsx</t>
  </si>
  <si>
    <t>D:\2014\Orcamento\RESULTADO\1PROJ\OPERACAO\SEGURANCA PATRIMONIAL\AFASTAMENTO_FERIAS\</t>
  </si>
  <si>
    <t>ORC_2014_OPE_PAT_AFAST_FERIAS_CONSOLIDADO_OFICIAL.xlsx</t>
  </si>
  <si>
    <t>E:\BK_final\Vilarinho\Vilarinho - Trabalho\Segurança - Erica\2014\Orcamento\RESULTADO\1PROJ\OPERACAO\SEGURANCA PATRIMONIAL\AFASTAMENTO_FERIAS\ORC_2014_OPE_PAT_AFAST_FERIAS_CONSOLIDADO_OFICIAL.xlsx</t>
  </si>
  <si>
    <t>11/21/2019 16:44:55</t>
  </si>
  <si>
    <t>ORC_2014_OPE_PAT_AFAST_FERIAS_GO_OFICIAL.xlsx</t>
  </si>
  <si>
    <t>E:\BK_final\Vilarinho\Vilarinho - Trabalho\Segurança - Erica\2014\Orcamento\RESULTADO\1PROJ\OPERACAO\SEGURANCA PATRIMONIAL\AFASTAMENTO_FERIAS\ORC_2014_OPE_PAT_AFAST_FERIAS_GO_OFICIAL.xlsx</t>
  </si>
  <si>
    <t>ORC_2014_OPE_PAT_AFAST_FERIAS_MG1_OFICIAL.xlsx</t>
  </si>
  <si>
    <t>E:\BK_final\Vilarinho\Vilarinho - Trabalho\Segurança - Erica\2014\Orcamento\RESULTADO\1PROJ\OPERACAO\SEGURANCA PATRIMONIAL\AFASTAMENTO_FERIAS\ORC_2014_OPE_PAT_AFAST_FERIAS_MG1_OFICIAL.xlsx</t>
  </si>
  <si>
    <t>11/21/2019 16:44:56</t>
  </si>
  <si>
    <t>ORC_2014_OPE_PAT_AFAST_FERIAS_MG2_OFICIAL.xlsx</t>
  </si>
  <si>
    <t>E:\BK_final\Vilarinho\Vilarinho - Trabalho\Segurança - Erica\2014\Orcamento\RESULTADO\1PROJ\OPERACAO\SEGURANCA PATRIMONIAL\AFASTAMENTO_FERIAS\ORC_2014_OPE_PAT_AFAST_FERIAS_MG2_OFICIAL.xlsx</t>
  </si>
  <si>
    <t>ORC_2014_OPE_PAT_AFAST_FERIAS_MS_OFICIAL.xlsx</t>
  </si>
  <si>
    <t>E:\BK_final\Vilarinho\Vilarinho - Trabalho\Segurança - Erica\2014\Orcamento\RESULTADO\1PROJ\OPERACAO\SEGURANCA PATRIMONIAL\AFASTAMENTO_FERIAS\ORC_2014_OPE_PAT_AFAST_FERIAS_MS_OFICIAL.xlsx</t>
  </si>
  <si>
    <t>ORC_2014_OPE_PAT_AFAST_FERIAS_MT_OFICIAL.xlsx</t>
  </si>
  <si>
    <t>E:\BK_final\Vilarinho\Vilarinho - Trabalho\Segurança - Erica\2014\Orcamento\RESULTADO\1PROJ\OPERACAO\SEGURANCA PATRIMONIAL\AFASTAMENTO_FERIAS\ORC_2014_OPE_PAT_AFAST_FERIAS_MT_OFICIAL.xlsx</t>
  </si>
  <si>
    <t>11/21/2019 16:44:57</t>
  </si>
  <si>
    <t>ORC_2014_OPE_PAT_AFAST_FERIAS_PR_OFICIAL.xlsx</t>
  </si>
  <si>
    <t>E:\BK_final\Vilarinho\Vilarinho - Trabalho\Segurança - Erica\2014\Orcamento\RESULTADO\1PROJ\OPERACAO\SEGURANCA PATRIMONIAL\AFASTAMENTO_FERIAS\ORC_2014_OPE_PAT_AFAST_FERIAS_PR_OFICIAL.xlsx</t>
  </si>
  <si>
    <t>ORC_2014_OPE_PAT_AFAST_FERIAS_SP1_OFICIAL.xlsx</t>
  </si>
  <si>
    <t>E:\BK_final\Vilarinho\Vilarinho - Trabalho\Segurança - Erica\2014\Orcamento\RESULTADO\1PROJ\OPERACAO\SEGURANCA PATRIMONIAL\AFASTAMENTO_FERIAS\ORC_2014_OPE_PAT_AFAST_FERIAS_SP1_OFICIAL.xlsx</t>
  </si>
  <si>
    <t>11/21/2019 16:44:58</t>
  </si>
  <si>
    <t>ORC_2014_OPE_PAT_AFAST_FERIAS_SP2_OFICIAL.xlsx</t>
  </si>
  <si>
    <t>E:\BK_final\Vilarinho\Vilarinho - Trabalho\Segurança - Erica\2014\Orcamento\RESULTADO\1PROJ\OPERACAO\SEGURANCA PATRIMONIAL\AFASTAMENTO_FERIAS\ORC_2014_OPE_PAT_AFAST_FERIAS_SP2_OFICIAL.xlsx</t>
  </si>
  <si>
    <t>11/21/2019 16:45:00</t>
  </si>
  <si>
    <t>D:\2014\Orcamento\RESULTADO\1PROJ\OPERACAO\SUPERVISAO PATRIMONIAL\</t>
  </si>
  <si>
    <t>ORC_2014_SUP_PAT_CONSOLIDADO_1PROJ.xlsx</t>
  </si>
  <si>
    <t>E:\BK_final\Vilarinho\Vilarinho - Trabalho\Segurança - Erica\2014\Orcamento\RESULTADO\1PROJ\OPERACAO\SUPERVISAO PATRIMONIAL\ORC_2014_SUP_PAT_CONSOLIDADO_1PROJ.xlsx</t>
  </si>
  <si>
    <t>ORC_2014_SUP_PAT_RESUMO_1PROJ.xlsx</t>
  </si>
  <si>
    <t>E:\BK_final\Vilarinho\Vilarinho - Trabalho\Segurança - Erica\2014\Orcamento\RESULTADO\1PROJ\OPERACAO\SUPERVISAO PATRIMONIAL\ORC_2014_SUP_PAT_RESUMO_1PROJ.xlsx</t>
  </si>
  <si>
    <t>11/21/2019 16:45:01</t>
  </si>
  <si>
    <t>D:\2014\Orcamento\RESULTADO\1PROJ\OPERACAO\SUPERVISAO PATRIMONIAL\ACADEMIA\</t>
  </si>
  <si>
    <t>ORC_2014_SUP_PAT_ACADEMIA_1PROJ.xlsx</t>
  </si>
  <si>
    <t>E:\BK_final\Vilarinho\Vilarinho - Trabalho\Segurança - Erica\2014\Orcamento\RESULTADO\1PROJ\OPERACAO\SUPERVISAO PATRIMONIAL\ACADEMIA\ORC_2014_SUP_PAT_ACADEMIA_1PROJ.xlsx</t>
  </si>
  <si>
    <t>D:\2014\Orcamento\RESULTADO\1PROJ\OPERACAO\SUPERVISAO PATRIMONIAL\CENTRAL\</t>
  </si>
  <si>
    <t>ORC_2014_SUP_PAT_CENTRAL_CONSOLIDADO_1PROJ.xlsx</t>
  </si>
  <si>
    <t>E:\BK_final\Vilarinho\Vilarinho - Trabalho\Segurança - Erica\2014\Orcamento\RESULTADO\1PROJ\OPERACAO\SUPERVISAO PATRIMONIAL\CENTRAL\ORC_2014_SUP_PAT_CENTRAL_CONSOLIDADO_1PROJ.xlsx</t>
  </si>
  <si>
    <t>11/21/2019 16:45:02</t>
  </si>
  <si>
    <t>ORC_2014_SUP_PAT_CENTRAL_GO_1PROJ.xlsx</t>
  </si>
  <si>
    <t>E:\BK_final\Vilarinho\Vilarinho - Trabalho\Segurança - Erica\2014\Orcamento\RESULTADO\1PROJ\OPERACAO\SUPERVISAO PATRIMONIAL\CENTRAL\ORC_2014_SUP_PAT_CENTRAL_GO_1PROJ.xlsx</t>
  </si>
  <si>
    <t>ORC_2014_SUP_PAT_CENTRAL_MG1_1PROJ.xlsx</t>
  </si>
  <si>
    <t>E:\BK_final\Vilarinho\Vilarinho - Trabalho\Segurança - Erica\2014\Orcamento\RESULTADO\1PROJ\OPERACAO\SUPERVISAO PATRIMONIAL\CENTRAL\ORC_2014_SUP_PAT_CENTRAL_MG1_1PROJ.xlsx</t>
  </si>
  <si>
    <t>ORC_2014_SUP_PAT_CENTRAL_MG2_1PROJ.xlsx</t>
  </si>
  <si>
    <t>E:\BK_final\Vilarinho\Vilarinho - Trabalho\Segurança - Erica\2014\Orcamento\RESULTADO\1PROJ\OPERACAO\SUPERVISAO PATRIMONIAL\CENTRAL\ORC_2014_SUP_PAT_CENTRAL_MG2_1PROJ.xlsx</t>
  </si>
  <si>
    <t>11/21/2019 16:45:03</t>
  </si>
  <si>
    <t>ORC_2014_SUP_PAT_CENTRAL_MS_1PROJ.xlsx</t>
  </si>
  <si>
    <t>E:\BK_final\Vilarinho\Vilarinho - Trabalho\Segurança - Erica\2014\Orcamento\RESULTADO\1PROJ\OPERACAO\SUPERVISAO PATRIMONIAL\CENTRAL\ORC_2014_SUP_PAT_CENTRAL_MS_1PROJ.xlsx</t>
  </si>
  <si>
    <t>ORC_2014_SUP_PAT_CENTRAL_MT_1PROJ.xlsx</t>
  </si>
  <si>
    <t>E:\BK_final\Vilarinho\Vilarinho - Trabalho\Segurança - Erica\2014\Orcamento\RESULTADO\1PROJ\OPERACAO\SUPERVISAO PATRIMONIAL\CENTRAL\ORC_2014_SUP_PAT_CENTRAL_MT_1PROJ.xlsx</t>
  </si>
  <si>
    <t>ORC_2014_SUP_PAT_CENTRAL_PR_1PROJ.xlsx</t>
  </si>
  <si>
    <t>E:\BK_final\Vilarinho\Vilarinho - Trabalho\Segurança - Erica\2014\Orcamento\RESULTADO\1PROJ\OPERACAO\SUPERVISAO PATRIMONIAL\CENTRAL\ORC_2014_SUP_PAT_CENTRAL_PR_1PROJ.xlsx</t>
  </si>
  <si>
    <t>11/21/2019 16:45:04</t>
  </si>
  <si>
    <t>ORC_2014_SUP_PAT_CENTRAL_SP1_1PROJ.xlsx</t>
  </si>
  <si>
    <t>E:\BK_final\Vilarinho\Vilarinho - Trabalho\Segurança - Erica\2014\Orcamento\RESULTADO\1PROJ\OPERACAO\SUPERVISAO PATRIMONIAL\CENTRAL\ORC_2014_SUP_PAT_CENTRAL_SP1_1PROJ.xlsx</t>
  </si>
  <si>
    <t>ORC_2014_SUP_PAT_CENTRAL_SP2_1PROJ.xlsx</t>
  </si>
  <si>
    <t>E:\BK_final\Vilarinho\Vilarinho - Trabalho\Segurança - Erica\2014\Orcamento\RESULTADO\1PROJ\OPERACAO\SUPERVISAO PATRIMONIAL\CENTRAL\ORC_2014_SUP_PAT_CENTRAL_SP2_1PROJ.xlsx</t>
  </si>
  <si>
    <t>D:\2014\Orcamento\RESULTADO\1PROJ\OPERACAO\SUPERVISAO PATRIMONIAL\GESTAO ONLINE\</t>
  </si>
  <si>
    <t>ORC_2014_SUP_PAT_GO_1PROJ.xlsx</t>
  </si>
  <si>
    <t>E:\BK_final\Vilarinho\Vilarinho - Trabalho\Segurança - Erica\2014\Orcamento\RESULTADO\1PROJ\OPERACAO\SUPERVISAO PATRIMONIAL\GESTAO ONLINE\ORC_2014_SUP_PAT_GO_1PROJ.xlsx</t>
  </si>
  <si>
    <t>11/21/2019 16:45:05</t>
  </si>
  <si>
    <t>D:\2014\Orcamento\RESULTADO\1PROJ\OPERACAO\SUPERVISAO PATRIMONIAL\OPERACIONAL\</t>
  </si>
  <si>
    <t>ORC_2014_SUP_PAT_OPERACIONAL_CONSOLIDADO_1PROJ.xlsx</t>
  </si>
  <si>
    <t>E:\BK_final\Vilarinho\Vilarinho - Trabalho\Segurança - Erica\2014\Orcamento\RESULTADO\1PROJ\OPERACAO\SUPERVISAO PATRIMONIAL\OPERACIONAL\ORC_2014_SUP_PAT_OPERACIONAL_CONSOLIDADO_1PROJ.xlsx</t>
  </si>
  <si>
    <t>11/21/2019 16:45:06</t>
  </si>
  <si>
    <t>ORC_2014_SUP_PAT_OPERACIONAL_GO_1PROJ.xlsx</t>
  </si>
  <si>
    <t>E:\BK_final\Vilarinho\Vilarinho - Trabalho\Segurança - Erica\2014\Orcamento\RESULTADO\1PROJ\OPERACAO\SUPERVISAO PATRIMONIAL\OPERACIONAL\ORC_2014_SUP_PAT_OPERACIONAL_GO_1PROJ.xlsx</t>
  </si>
  <si>
    <t>ORC_2014_SUP_PAT_OPERACIONAL_MG1_1PROJ.xlsx</t>
  </si>
  <si>
    <t>E:\BK_final\Vilarinho\Vilarinho - Trabalho\Segurança - Erica\2014\Orcamento\RESULTADO\1PROJ\OPERACAO\SUPERVISAO PATRIMONIAL\OPERACIONAL\ORC_2014_SUP_PAT_OPERACIONAL_MG1_1PROJ.xlsx</t>
  </si>
  <si>
    <t>ORC_2014_SUP_PAT_OPERACIONAL_MG2_1PROJ.xlsx</t>
  </si>
  <si>
    <t>E:\BK_final\Vilarinho\Vilarinho - Trabalho\Segurança - Erica\2014\Orcamento\RESULTADO\1PROJ\OPERACAO\SUPERVISAO PATRIMONIAL\OPERACIONAL\ORC_2014_SUP_PAT_OPERACIONAL_MG2_1PROJ.xlsx</t>
  </si>
  <si>
    <t>11/21/2019 16:45:07</t>
  </si>
  <si>
    <t>ORC_2014_SUP_PAT_OPERACIONAL_MS_1PROJ.xlsx</t>
  </si>
  <si>
    <t>E:\BK_final\Vilarinho\Vilarinho - Trabalho\Segurança - Erica\2014\Orcamento\RESULTADO\1PROJ\OPERACAO\SUPERVISAO PATRIMONIAL\OPERACIONAL\ORC_2014_SUP_PAT_OPERACIONAL_MS_1PROJ.xlsx</t>
  </si>
  <si>
    <t>ORC_2014_SUP_PAT_OPERACIONAL_MT_1PROJ.xlsx</t>
  </si>
  <si>
    <t>E:\BK_final\Vilarinho\Vilarinho - Trabalho\Segurança - Erica\2014\Orcamento\RESULTADO\1PROJ\OPERACAO\SUPERVISAO PATRIMONIAL\OPERACIONAL\ORC_2014_SUP_PAT_OPERACIONAL_MT_1PROJ.xlsx</t>
  </si>
  <si>
    <t>ORC_2014_SUP_PAT_OPERACIONAL_PR_1PROJ.xlsx</t>
  </si>
  <si>
    <t>E:\BK_final\Vilarinho\Vilarinho - Trabalho\Segurança - Erica\2014\Orcamento\RESULTADO\1PROJ\OPERACAO\SUPERVISAO PATRIMONIAL\OPERACIONAL\ORC_2014_SUP_PAT_OPERACIONAL_PR_1PROJ.xlsx</t>
  </si>
  <si>
    <t>11/21/2019 16:45:08</t>
  </si>
  <si>
    <t>ORC_2014_SUP_PAT_OPERACIONAL_SP1_1PROJ.xlsx</t>
  </si>
  <si>
    <t>E:\BK_final\Vilarinho\Vilarinho - Trabalho\Segurança - Erica\2014\Orcamento\RESULTADO\1PROJ\OPERACAO\SUPERVISAO PATRIMONIAL\OPERACIONAL\ORC_2014_SUP_PAT_OPERACIONAL_SP1_1PROJ.xlsx</t>
  </si>
  <si>
    <t>ORC_2014_SUP_PAT_OPERACIONAL_SP2_1PROJ.xlsx</t>
  </si>
  <si>
    <t>E:\BK_final\Vilarinho\Vilarinho - Trabalho\Segurança - Erica\2014\Orcamento\RESULTADO\1PROJ\OPERACAO\SUPERVISAO PATRIMONIAL\OPERACIONAL\ORC_2014_SUP_PAT_OPERACIONAL_SP2_1PROJ.xlsx</t>
  </si>
  <si>
    <t>11/21/2019 16:45:10</t>
  </si>
  <si>
    <t>D:\2014\Orcamento\RESULTADO\1PROJ\STAFF\</t>
  </si>
  <si>
    <t>ORC_2014_ADM_AGPI_1PROJ.xlsx</t>
  </si>
  <si>
    <t>E:\BK_final\Vilarinho\Vilarinho - Trabalho\Segurança - Erica\2014\Orcamento\RESULTADO\1PROJ\STAFF\ORC_2014_ADM_AGPI_1PROJ.xlsx</t>
  </si>
  <si>
    <t>ORC_2014_ADM_COMITE_INOVACAO_1PROJ.xlsx</t>
  </si>
  <si>
    <t>E:\BK_final\Vilarinho\Vilarinho - Trabalho\Segurança - Erica\2014\Orcamento\RESULTADO\1PROJ\STAFF\ORC_2014_ADM_COMITE_INOVACAO_1PROJ.xlsx</t>
  </si>
  <si>
    <t>11/21/2019 16:45:11</t>
  </si>
  <si>
    <t>ORC_2014_ADM_CONSOLIDADO_1PROJ.xlsx</t>
  </si>
  <si>
    <t>E:\BK_final\Vilarinho\Vilarinho - Trabalho\Segurança - Erica\2014\Orcamento\RESULTADO\1PROJ\STAFF\ORC_2014_ADM_CONSOLIDADO_1PROJ.xlsx</t>
  </si>
  <si>
    <t>ORC_2014_ADM_CORPORATIVO_1PROJ.xlsx</t>
  </si>
  <si>
    <t>E:\BK_final\Vilarinho\Vilarinho - Trabalho\Segurança - Erica\2014\Orcamento\RESULTADO\1PROJ\STAFF\ORC_2014_ADM_CORPORATIVO_1PROJ.xlsx</t>
  </si>
  <si>
    <t>11/21/2019 16:45:12</t>
  </si>
  <si>
    <t>ORC_2014_ADM_CSC_1PROJ.xlsx</t>
  </si>
  <si>
    <t>E:\BK_final\Vilarinho\Vilarinho - Trabalho\Segurança - Erica\2014\Orcamento\RESULTADO\1PROJ\STAFF\ORC_2014_ADM_CSC_1PROJ.xlsx</t>
  </si>
  <si>
    <t>ORC_2014_ADM_DIRETORIA_1PROJ.xlsx</t>
  </si>
  <si>
    <t>E:\BK_final\Vilarinho\Vilarinho - Trabalho\Segurança - Erica\2014\Orcamento\RESULTADO\1PROJ\STAFF\ORC_2014_ADM_DIRETORIA_1PROJ.xlsx</t>
  </si>
  <si>
    <t>ORC_2014_ADM_FINANCEIRO_1PROJ.xlsx</t>
  </si>
  <si>
    <t>E:\BK_final\Vilarinho\Vilarinho - Trabalho\Segurança - Erica\2014\Orcamento\RESULTADO\1PROJ\STAFF\ORC_2014_ADM_FINANCEIRO_1PROJ.xlsx</t>
  </si>
  <si>
    <t>11/21/2019 16:45:13</t>
  </si>
  <si>
    <t>ORC_2014_ADM_HOLDING_1PROJ.xlsx</t>
  </si>
  <si>
    <t>E:\BK_final\Vilarinho\Vilarinho - Trabalho\Segurança - Erica\2014\Orcamento\RESULTADO\1PROJ\STAFF\ORC_2014_ADM_HOLDING_1PROJ.xlsx</t>
  </si>
  <si>
    <t>ORC_2014_ADM_JURIDICO_1PROJ.xlsx</t>
  </si>
  <si>
    <t>E:\BK_final\Vilarinho\Vilarinho - Trabalho\Segurança - Erica\2014\Orcamento\RESULTADO\1PROJ\STAFF\ORC_2014_ADM_JURIDICO_1PROJ.xlsx</t>
  </si>
  <si>
    <t>ORC_2014_ADM_SESMT_1PROJ.xlsx</t>
  </si>
  <si>
    <t>E:\BK_final\Vilarinho\Vilarinho - Trabalho\Segurança - Erica\2014\Orcamento\RESULTADO\1PROJ\STAFF\ORC_2014_ADM_SESMT_1PROJ.xlsx</t>
  </si>
  <si>
    <t>11/21/2019 16:45:14</t>
  </si>
  <si>
    <t>ORC_2014_ADM_TH_1PROJ.xlsx</t>
  </si>
  <si>
    <t>E:\BK_final\Vilarinho\Vilarinho - Trabalho\Segurança - Erica\2014\Orcamento\RESULTADO\1PROJ\STAFF\ORC_2014_ADM_TH_1PROJ.xlsx</t>
  </si>
  <si>
    <t>ORC_2014_ADM_TI_1PROJ.xlsx</t>
  </si>
  <si>
    <t>E:\BK_final\Vilarinho\Vilarinho - Trabalho\Segurança - Erica\2014\Orcamento\RESULTADO\1PROJ\STAFF\ORC_2014_ADM_TI_1PROJ.xlsx</t>
  </si>
  <si>
    <t>D:\2014\Orcamento\RESULTADO\2PROJ\</t>
  </si>
  <si>
    <t>ORC_2014_CONSOLIDADO_2PROJ.xlsx</t>
  </si>
  <si>
    <t>E:\BK_final\Vilarinho\Vilarinho - Trabalho\Segurança - Erica\2014\Orcamento\RESULTADO\2PROJ\ORC_2014_CONSOLIDADO_2PROJ.xlsx</t>
  </si>
  <si>
    <t>D:\2014\Orcamento\RESULTADO\2PROJ\COMERCIAL\</t>
  </si>
  <si>
    <t>ORC_2014_CML_CONSOLIDADO_2PROJ.xlsx</t>
  </si>
  <si>
    <t>E:\BK_final\Vilarinho\Vilarinho - Trabalho\Segurança - Erica\2014\Orcamento\RESULTADO\2PROJ\COMERCIAL\ORC_2014_CML_CONSOLIDADO_2PROJ.xlsx</t>
  </si>
  <si>
    <t>11/21/2019 16:45:15</t>
  </si>
  <si>
    <t>D:\2014\Orcamento\RESULTADO\2PROJ\COMERCIAL\SEGURANCA DOCUMENTAL\</t>
  </si>
  <si>
    <t>ORC_2014_CML_SEDOC_2PROJ.xlsx</t>
  </si>
  <si>
    <t>E:\BK_final\Vilarinho\Vilarinho - Trabalho\Segurança - Erica\2014\Orcamento\RESULTADO\2PROJ\COMERCIAL\SEGURANCA DOCUMENTAL\ORC_2014_CML_SEDOC_2PROJ.xlsx</t>
  </si>
  <si>
    <t>D:\2014\Orcamento\RESULTADO\2PROJ\COMERCIAL\SEGURANCA ELETRONICA\</t>
  </si>
  <si>
    <t>ORC_2014_CML_ELE_CONSOLIDADO_2PROJ.xlsx</t>
  </si>
  <si>
    <t>E:\BK_final\Vilarinho\Vilarinho - Trabalho\Segurança - Erica\2014\Orcamento\RESULTADO\2PROJ\COMERCIAL\SEGURANCA ELETRONICA\ORC_2014_CML_ELE_CONSOLIDADO_2PROJ.xlsx</t>
  </si>
  <si>
    <t>ORC_2014_CML_ELE_MONITORAMENTO_2PROJ.xlsx</t>
  </si>
  <si>
    <t>E:\BK_final\Vilarinho\Vilarinho - Trabalho\Segurança - Erica\2014\Orcamento\RESULTADO\2PROJ\COMERCIAL\SEGURANCA ELETRONICA\ORC_2014_CML_ELE_MONITORAMENTO_2PROJ.xlsx</t>
  </si>
  <si>
    <t>11/21/2019 16:45:16</t>
  </si>
  <si>
    <t>ORC_2014_CML_ELE_PROJETOS_2PROJ.xlsx</t>
  </si>
  <si>
    <t>E:\BK_final\Vilarinho\Vilarinho - Trabalho\Segurança - Erica\2014\Orcamento\RESULTADO\2PROJ\COMERCIAL\SEGURANCA ELETRONICA\ORC_2014_CML_ELE_PROJETOS_2PROJ.xlsx</t>
  </si>
  <si>
    <t>11/21/2019 16:45:17</t>
  </si>
  <si>
    <t>D:\2014\Orcamento\RESULTADO\2PROJ\COMERCIAL\SEGURANCA PATRIMONIAL\</t>
  </si>
  <si>
    <t>ORC_2014_CML_PAT_CONSOLIDADO_2PROJ.xlsx</t>
  </si>
  <si>
    <t>E:\BK_final\Vilarinho\Vilarinho - Trabalho\Segurança - Erica\2014\Orcamento\RESULTADO\2PROJ\COMERCIAL\SEGURANCA PATRIMONIAL\ORC_2014_CML_PAT_CONSOLIDADO_2PROJ.xlsx</t>
  </si>
  <si>
    <t>11/21/2019 16:45:18</t>
  </si>
  <si>
    <t>ORC_2014_CML_PAT_GO_2PROJ.xlsx</t>
  </si>
  <si>
    <t>E:\BK_final\Vilarinho\Vilarinho - Trabalho\Segurança - Erica\2014\Orcamento\RESULTADO\2PROJ\COMERCIAL\SEGURANCA PATRIMONIAL\ORC_2014_CML_PAT_GO_2PROJ.xlsx</t>
  </si>
  <si>
    <t>ORC_2014_CML_PAT_MG1_2PROJ.xlsx</t>
  </si>
  <si>
    <t>E:\BK_final\Vilarinho\Vilarinho - Trabalho\Segurança - Erica\2014\Orcamento\RESULTADO\2PROJ\COMERCIAL\SEGURANCA PATRIMONIAL\ORC_2014_CML_PAT_MG1_2PROJ.xlsx</t>
  </si>
  <si>
    <t>ORC_2014_CML_PAT_MG2_2PROJ.xlsx</t>
  </si>
  <si>
    <t>E:\BK_final\Vilarinho\Vilarinho - Trabalho\Segurança - Erica\2014\Orcamento\RESULTADO\2PROJ\COMERCIAL\SEGURANCA PATRIMONIAL\ORC_2014_CML_PAT_MG2_2PROJ.xlsx</t>
  </si>
  <si>
    <t>ORC_2014_CML_PAT_MS_2PROJ.xlsx</t>
  </si>
  <si>
    <t>E:\BK_final\Vilarinho\Vilarinho - Trabalho\Segurança - Erica\2014\Orcamento\RESULTADO\2PROJ\COMERCIAL\SEGURANCA PATRIMONIAL\ORC_2014_CML_PAT_MS_2PROJ.xlsx</t>
  </si>
  <si>
    <t>11/21/2019 16:45:19</t>
  </si>
  <si>
    <t>ORC_2014_CML_PAT_MT_2PROJ.xlsx</t>
  </si>
  <si>
    <t>E:\BK_final\Vilarinho\Vilarinho - Trabalho\Segurança - Erica\2014\Orcamento\RESULTADO\2PROJ\COMERCIAL\SEGURANCA PATRIMONIAL\ORC_2014_CML_PAT_MT_2PROJ.xlsx</t>
  </si>
  <si>
    <t>ORC_2014_CML_PAT_PR_2PROJ.xlsx</t>
  </si>
  <si>
    <t>E:\BK_final\Vilarinho\Vilarinho - Trabalho\Segurança - Erica\2014\Orcamento\RESULTADO\2PROJ\COMERCIAL\SEGURANCA PATRIMONIAL\ORC_2014_CML_PAT_PR_2PROJ.xlsx</t>
  </si>
  <si>
    <t>ORC_2014_CML_PAT_SP1_2PROJ.xlsx</t>
  </si>
  <si>
    <t>E:\BK_final\Vilarinho\Vilarinho - Trabalho\Segurança - Erica\2014\Orcamento\RESULTADO\2PROJ\COMERCIAL\SEGURANCA PATRIMONIAL\ORC_2014_CML_PAT_SP1_2PROJ.xlsx</t>
  </si>
  <si>
    <t>11/21/2019 16:45:20</t>
  </si>
  <si>
    <t>ORC_2014_CML_PAT_SP2_2PROJ.xlsx</t>
  </si>
  <si>
    <t>E:\BK_final\Vilarinho\Vilarinho - Trabalho\Segurança - Erica\2014\Orcamento\RESULTADO\2PROJ\COMERCIAL\SEGURANCA PATRIMONIAL\ORC_2014_CML_PAT_SP2_2PROJ.xlsx</t>
  </si>
  <si>
    <t>D:\2014\Orcamento\RESULTADO\2PROJ\OPERACAO\</t>
  </si>
  <si>
    <t>ORC_2014_OPE_CONSOLIDADO_2PROJ.xlsx</t>
  </si>
  <si>
    <t>E:\BK_final\Vilarinho\Vilarinho - Trabalho\Segurança - Erica\2014\Orcamento\RESULTADO\2PROJ\OPERACAO\ORC_2014_OPE_CONSOLIDADO_2PROJ.xlsx</t>
  </si>
  <si>
    <t>11/21/2019 16:45:21</t>
  </si>
  <si>
    <t>D:\2014\Orcamento\RESULTADO\2PROJ\OPERACAO\SEGURANCA DOCUMENTAL\</t>
  </si>
  <si>
    <t>ORC_2014_OPE_SEDOC_CONSOLIDADO_2PROJ.xlsx</t>
  </si>
  <si>
    <t>E:\BK_final\Vilarinho\Vilarinho - Trabalho\Segurança - Erica\2014\Orcamento\RESULTADO\2PROJ\OPERACAO\SEGURANCA DOCUMENTAL\ORC_2014_OPE_SEDOC_CONSOLIDADO_2PROJ.xlsx</t>
  </si>
  <si>
    <t>ORC_2014_OPE_SEDOC_MG1_2PROJ.xlsx</t>
  </si>
  <si>
    <t>E:\BK_final\Vilarinho\Vilarinho - Trabalho\Segurança - Erica\2014\Orcamento\RESULTADO\2PROJ\OPERACAO\SEGURANCA DOCUMENTAL\ORC_2014_OPE_SEDOC_MG1_2PROJ.xlsx</t>
  </si>
  <si>
    <t>ORC_2014_OPE_SEDOC_SP1_2PROJ.xlsx</t>
  </si>
  <si>
    <t>E:\BK_final\Vilarinho\Vilarinho - Trabalho\Segurança - Erica\2014\Orcamento\RESULTADO\2PROJ\OPERACAO\SEGURANCA DOCUMENTAL\ORC_2014_OPE_SEDOC_SP1_2PROJ.xlsx</t>
  </si>
  <si>
    <t>11/21/2019 16:45:22</t>
  </si>
  <si>
    <t>ORC_2014_OPE_SUP_SEDOC_2PROJ.xlsx</t>
  </si>
  <si>
    <t>E:\BK_final\Vilarinho\Vilarinho - Trabalho\Segurança - Erica\2014\Orcamento\RESULTADO\2PROJ\OPERACAO\SEGURANCA DOCUMENTAL\ORC_2014_OPE_SUP_SEDOC_2PROJ.xlsx</t>
  </si>
  <si>
    <t>D:\2014\Orcamento\RESULTADO\2PROJ\OPERACAO\SEGURANCA ELETRONICA\</t>
  </si>
  <si>
    <t>ORC_2014_DRE_ELE_CONSOLIDADO_2PROJ.xlsx</t>
  </si>
  <si>
    <t>E:\BK_final\Vilarinho\Vilarinho - Trabalho\Segurança - Erica\2014\Orcamento\RESULTADO\2PROJ\OPERACAO\SEGURANCA ELETRONICA\ORC_2014_DRE_ELE_CONSOLIDADO_2PROJ.xlsx</t>
  </si>
  <si>
    <t>ORC_2014_OPE_ELE_ATEND_ALARME_2PROJ.xlsx</t>
  </si>
  <si>
    <t>E:\BK_final\Vilarinho\Vilarinho - Trabalho\Segurança - Erica\2014\Orcamento\RESULTADO\2PROJ\OPERACAO\SEGURANCA ELETRONICA\ORC_2014_OPE_ELE_ATEND_ALARME_2PROJ.xlsx</t>
  </si>
  <si>
    <t>11/21/2019 16:45:23</t>
  </si>
  <si>
    <t>ORC_2014_OPE_ELE_CONSOLIDADO_2PROJ.xlsx</t>
  </si>
  <si>
    <t>E:\BK_final\Vilarinho\Vilarinho - Trabalho\Segurança - Erica\2014\Orcamento\RESULTADO\2PROJ\OPERACAO\SEGURANCA ELETRONICA\ORC_2014_OPE_ELE_CONSOLIDADO_2PROJ.xlsx</t>
  </si>
  <si>
    <t>ORC_2014_OPE_ELE_MONITORAMENTO_2PROJ.xlsx</t>
  </si>
  <si>
    <t>E:\BK_final\Vilarinho\Vilarinho - Trabalho\Segurança - Erica\2014\Orcamento\RESULTADO\2PROJ\OPERACAO\SEGURANCA ELETRONICA\ORC_2014_OPE_ELE_MONITORAMENTO_2PROJ.xlsx</t>
  </si>
  <si>
    <t>11/21/2019 16:45:24</t>
  </si>
  <si>
    <t>ORC_2014_OPE_ELE_PROJETOS_2PROJ.xlsx</t>
  </si>
  <si>
    <t>E:\BK_final\Vilarinho\Vilarinho - Trabalho\Segurança - Erica\2014\Orcamento\RESULTADO\2PROJ\OPERACAO\SEGURANCA ELETRONICA\ORC_2014_OPE_ELE_PROJETOS_2PROJ.xlsx</t>
  </si>
  <si>
    <t>ORC_2014_OPE_ELE_SAC_2PROJ.xlsx</t>
  </si>
  <si>
    <t>E:\BK_final\Vilarinho\Vilarinho - Trabalho\Segurança - Erica\2014\Orcamento\RESULTADO\2PROJ\OPERACAO\SEGURANCA ELETRONICA\ORC_2014_OPE_ELE_SAC_2PROJ.xlsx</t>
  </si>
  <si>
    <t>ORC_2014_OPE_ELE_TECNICA_2PROJ.xlsx</t>
  </si>
  <si>
    <t>E:\BK_final\Vilarinho\Vilarinho - Trabalho\Segurança - Erica\2014\Orcamento\RESULTADO\2PROJ\OPERACAO\SEGURANCA ELETRONICA\ORC_2014_OPE_ELE_TECNICA_2PROJ.xlsx</t>
  </si>
  <si>
    <t>11/21/2019 16:45:25</t>
  </si>
  <si>
    <t>ORC_2014_OPE_SUP_ELE_2PROJ.xlsx</t>
  </si>
  <si>
    <t>E:\BK_final\Vilarinho\Vilarinho - Trabalho\Segurança - Erica\2014\Orcamento\RESULTADO\2PROJ\OPERACAO\SEGURANCA ELETRONICA\ORC_2014_OPE_SUP_ELE_2PROJ.xlsx</t>
  </si>
  <si>
    <t>11/21/2019 16:45:27</t>
  </si>
  <si>
    <t>D:\2014\Orcamento\RESULTADO\2PROJ\OPERACAO\SEGURANCA PATRIMONIAL\</t>
  </si>
  <si>
    <t>ORC_2014_OPE_PAT_CONSOLIDADO_2PROJ.xlsx</t>
  </si>
  <si>
    <t>E:\BK_final\Vilarinho\Vilarinho - Trabalho\Segurança - Erica\2014\Orcamento\RESULTADO\2PROJ\OPERACAO\SEGURANCA PATRIMONIAL\ORC_2014_OPE_PAT_CONSOLIDADO_2PROJ.xlsx</t>
  </si>
  <si>
    <t>ORC_2014_OPE_PAT_GO_2PROJ.xlsx</t>
  </si>
  <si>
    <t>E:\BK_final\Vilarinho\Vilarinho - Trabalho\Segurança - Erica\2014\Orcamento\RESULTADO\2PROJ\OPERACAO\SEGURANCA PATRIMONIAL\ORC_2014_OPE_PAT_GO_2PROJ.xlsx</t>
  </si>
  <si>
    <t>ORC_2014_OPE_PAT_MG1_2PROJ.xlsx</t>
  </si>
  <si>
    <t>E:\BK_final\Vilarinho\Vilarinho - Trabalho\Segurança - Erica\2014\Orcamento\RESULTADO\2PROJ\OPERACAO\SEGURANCA PATRIMONIAL\ORC_2014_OPE_PAT_MG1_2PROJ.xlsx</t>
  </si>
  <si>
    <t>ORC_2014_OPE_PAT_MG2_2PROJ.xlsx</t>
  </si>
  <si>
    <t>E:\BK_final\Vilarinho\Vilarinho - Trabalho\Segurança - Erica\2014\Orcamento\RESULTADO\2PROJ\OPERACAO\SEGURANCA PATRIMONIAL\ORC_2014_OPE_PAT_MG2_2PROJ.xlsx</t>
  </si>
  <si>
    <t>ORC_2014_OPE_PAT_MS_2PROJ.xlsx</t>
  </si>
  <si>
    <t>E:\BK_final\Vilarinho\Vilarinho - Trabalho\Segurança - Erica\2014\Orcamento\RESULTADO\2PROJ\OPERACAO\SEGURANCA PATRIMONIAL\ORC_2014_OPE_PAT_MS_2PROJ.xlsx</t>
  </si>
  <si>
    <t>ORC_2014_OPE_PAT_MT_2PROJ.xlsx</t>
  </si>
  <si>
    <t>E:\BK_final\Vilarinho\Vilarinho - Trabalho\Segurança - Erica\2014\Orcamento\RESULTADO\2PROJ\OPERACAO\SEGURANCA PATRIMONIAL\ORC_2014_OPE_PAT_MT_2PROJ.xlsx</t>
  </si>
  <si>
    <t>11/21/2019 16:45:29</t>
  </si>
  <si>
    <t>ORC_2014_OPE_PAT_PR_2PROJ.xlsx</t>
  </si>
  <si>
    <t>E:\BK_final\Vilarinho\Vilarinho - Trabalho\Segurança - Erica\2014\Orcamento\RESULTADO\2PROJ\OPERACAO\SEGURANCA PATRIMONIAL\ORC_2014_OPE_PAT_PR_2PROJ.xlsx</t>
  </si>
  <si>
    <t>ORC_2014_OPE_PAT_SP1_2PROJ.xlsx</t>
  </si>
  <si>
    <t>E:\BK_final\Vilarinho\Vilarinho - Trabalho\Segurança - Erica\2014\Orcamento\RESULTADO\2PROJ\OPERACAO\SEGURANCA PATRIMONIAL\ORC_2014_OPE_PAT_SP1_2PROJ.xlsx</t>
  </si>
  <si>
    <t>ORC_2014_OPE_PAT_SP2_2PROJ.xlsx</t>
  </si>
  <si>
    <t>E:\BK_final\Vilarinho\Vilarinho - Trabalho\Segurança - Erica\2014\Orcamento\RESULTADO\2PROJ\OPERACAO\SEGURANCA PATRIMONIAL\ORC_2014_OPE_PAT_SP2_2PROJ.xlsx</t>
  </si>
  <si>
    <t>11/21/2019 16:45:30</t>
  </si>
  <si>
    <t>D:\2014\Orcamento\RESULTADO\2PROJ\OPERACAO\SEGURANCA PATRIMONIAL\AFASTAMENTO_FERIAS\</t>
  </si>
  <si>
    <t>E:\BK_final\Vilarinho\Vilarinho - Trabalho\Segurança - Erica\2014\Orcamento\RESULTADO\2PROJ\OPERACAO\SEGURANCA PATRIMONIAL\AFASTAMENTO_FERIAS\ORC_2014_OPE_PAT_AFAST_FERIAS_CONSOLIDADO_OFICIAL.xlsx</t>
  </si>
  <si>
    <t>E:\BK_final\Vilarinho\Vilarinho - Trabalho\Segurança - Erica\2014\Orcamento\RESULTADO\2PROJ\OPERACAO\SEGURANCA PATRIMONIAL\AFASTAMENTO_FERIAS\ORC_2014_OPE_PAT_AFAST_FERIAS_GO_OFICIAL.xlsx</t>
  </si>
  <si>
    <t>E:\BK_final\Vilarinho\Vilarinho - Trabalho\Segurança - Erica\2014\Orcamento\RESULTADO\2PROJ\OPERACAO\SEGURANCA PATRIMONIAL\AFASTAMENTO_FERIAS\ORC_2014_OPE_PAT_AFAST_FERIAS_MG1_OFICIAL.xlsx</t>
  </si>
  <si>
    <t>11/21/2019 16:45:31</t>
  </si>
  <si>
    <t>E:\BK_final\Vilarinho\Vilarinho - Trabalho\Segurança - Erica\2014\Orcamento\RESULTADO\2PROJ\OPERACAO\SEGURANCA PATRIMONIAL\AFASTAMENTO_FERIAS\ORC_2014_OPE_PAT_AFAST_FERIAS_MS_OFICIAL.xlsx</t>
  </si>
  <si>
    <t>E:\BK_final\Vilarinho\Vilarinho - Trabalho\Segurança - Erica\2014\Orcamento\RESULTADO\2PROJ\OPERACAO\SEGURANCA PATRIMONIAL\AFASTAMENTO_FERIAS\ORC_2014_OPE_PAT_AFAST_FERIAS_MT_OFICIAL.xlsx</t>
  </si>
  <si>
    <t>E:\BK_final\Vilarinho\Vilarinho - Trabalho\Segurança - Erica\2014\Orcamento\RESULTADO\2PROJ\OPERACAO\SEGURANCA PATRIMONIAL\AFASTAMENTO_FERIAS\ORC_2014_OPE_PAT_AFAST_FERIAS_PR_OFICIAL.xlsx</t>
  </si>
  <si>
    <t>E:\BK_final\Vilarinho\Vilarinho - Trabalho\Segurança - Erica\2014\Orcamento\RESULTADO\2PROJ\OPERACAO\SEGURANCA PATRIMONIAL\AFASTAMENTO_FERIAS\ORC_2014_OPE_PAT_AFAST_FERIAS_MG2_OFICIAL.xlsx</t>
  </si>
  <si>
    <t>11/21/2019 16:45:32</t>
  </si>
  <si>
    <t>E:\BK_final\Vilarinho\Vilarinho - Trabalho\Segurança - Erica\2014\Orcamento\RESULTADO\2PROJ\OPERACAO\SEGURANCA PATRIMONIAL\AFASTAMENTO_FERIAS\ORC_2014_OPE_PAT_AFAST_FERIAS_SP1_OFICIAL.xlsx</t>
  </si>
  <si>
    <t>E:\BK_final\Vilarinho\Vilarinho - Trabalho\Segurança - Erica\2014\Orcamento\RESULTADO\2PROJ\OPERACAO\SEGURANCA PATRIMONIAL\AFASTAMENTO_FERIAS\ORC_2014_OPE_PAT_AFAST_FERIAS_SP2_OFICIAL.xlsx</t>
  </si>
  <si>
    <t>11/21/2019 16:45:33</t>
  </si>
  <si>
    <t>D:\2014\Orcamento\RESULTADO\2PROJ\OPERACAO\SUPERVISAO PATRIMONIAL\</t>
  </si>
  <si>
    <t>ORC_2014_SUP_PAT_CONSOLIDADO_2PROJ.xlsx</t>
  </si>
  <si>
    <t>E:\BK_final\Vilarinho\Vilarinho - Trabalho\Segurança - Erica\2014\Orcamento\RESULTADO\2PROJ\OPERACAO\SUPERVISAO PATRIMONIAL\ORC_2014_SUP_PAT_CONSOLIDADO_2PROJ.xlsx</t>
  </si>
  <si>
    <t>ORC_2014_SUP_PAT_RESUMO_2PROJ.xlsx</t>
  </si>
  <si>
    <t>E:\BK_final\Vilarinho\Vilarinho - Trabalho\Segurança - Erica\2014\Orcamento\RESULTADO\2PROJ\OPERACAO\SUPERVISAO PATRIMONIAL\ORC_2014_SUP_PAT_RESUMO_2PROJ.xlsx</t>
  </si>
  <si>
    <t>11/21/2019 16:45:35</t>
  </si>
  <si>
    <t>D:\2014\Orcamento\RESULTADO\2PROJ\OPERACAO\SUPERVISAO PATRIMONIAL\ACADEMIA\</t>
  </si>
  <si>
    <t>ORC_2014_SUP_PAT_ACADEMIA_2PROJ.xlsx</t>
  </si>
  <si>
    <t>E:\BK_final\Vilarinho\Vilarinho - Trabalho\Segurança - Erica\2014\Orcamento\RESULTADO\2PROJ\OPERACAO\SUPERVISAO PATRIMONIAL\ACADEMIA\ORC_2014_SUP_PAT_ACADEMIA_2PROJ.xlsx</t>
  </si>
  <si>
    <t>11/21/2019 16:45:36</t>
  </si>
  <si>
    <t>D:\2014\Orcamento\RESULTADO\2PROJ\OPERACAO\SUPERVISAO PATRIMONIAL\CENTRAL\</t>
  </si>
  <si>
    <t>ORC_2014_SUP_PAT_CENTRAL_CONSOLIDADO_2PROJ.xlsx</t>
  </si>
  <si>
    <t>E:\BK_final\Vilarinho\Vilarinho - Trabalho\Segurança - Erica\2014\Orcamento\RESULTADO\2PROJ\OPERACAO\SUPERVISAO PATRIMONIAL\CENTRAL\ORC_2014_SUP_PAT_CENTRAL_CONSOLIDADO_2PROJ.xlsx</t>
  </si>
  <si>
    <t>ORC_2014_SUP_PAT_CENTRAL_GO_2PROJ.xlsx</t>
  </si>
  <si>
    <t>E:\BK_final\Vilarinho\Vilarinho - Trabalho\Segurança - Erica\2014\Orcamento\RESULTADO\2PROJ\OPERACAO\SUPERVISAO PATRIMONIAL\CENTRAL\ORC_2014_SUP_PAT_CENTRAL_GO_2PROJ.xlsx</t>
  </si>
  <si>
    <t>11/21/2019 16:45:37</t>
  </si>
  <si>
    <t>ORC_2014_SUP_PAT_CENTRAL_MG1_2PROJ.xlsx</t>
  </si>
  <si>
    <t>E:\BK_final\Vilarinho\Vilarinho - Trabalho\Segurança - Erica\2014\Orcamento\RESULTADO\2PROJ\OPERACAO\SUPERVISAO PATRIMONIAL\CENTRAL\ORC_2014_SUP_PAT_CENTRAL_MG1_2PROJ.xlsx</t>
  </si>
  <si>
    <t>ORC_2014_SUP_PAT_CENTRAL_MG2_2PROJ.xlsx</t>
  </si>
  <si>
    <t>E:\BK_final\Vilarinho\Vilarinho - Trabalho\Segurança - Erica\2014\Orcamento\RESULTADO\2PROJ\OPERACAO\SUPERVISAO PATRIMONIAL\CENTRAL\ORC_2014_SUP_PAT_CENTRAL_MG2_2PROJ.xlsx</t>
  </si>
  <si>
    <t>ORC_2014_SUP_PAT_CENTRAL_MS_2PROJ.xlsx</t>
  </si>
  <si>
    <t>E:\BK_final\Vilarinho\Vilarinho - Trabalho\Segurança - Erica\2014\Orcamento\RESULTADO\2PROJ\OPERACAO\SUPERVISAO PATRIMONIAL\CENTRAL\ORC_2014_SUP_PAT_CENTRAL_MS_2PROJ.xlsx</t>
  </si>
  <si>
    <t>11/21/2019 16:45:38</t>
  </si>
  <si>
    <t>ORC_2014_SUP_PAT_CENTRAL_MT_2PROJ.xlsx</t>
  </si>
  <si>
    <t>E:\BK_final\Vilarinho\Vilarinho - Trabalho\Segurança - Erica\2014\Orcamento\RESULTADO\2PROJ\OPERACAO\SUPERVISAO PATRIMONIAL\CENTRAL\ORC_2014_SUP_PAT_CENTRAL_MT_2PROJ.xlsx</t>
  </si>
  <si>
    <t>ORC_2014_SUP_PAT_CENTRAL_PR_2PROJ.xlsx</t>
  </si>
  <si>
    <t>E:\BK_final\Vilarinho\Vilarinho - Trabalho\Segurança - Erica\2014\Orcamento\RESULTADO\2PROJ\OPERACAO\SUPERVISAO PATRIMONIAL\CENTRAL\ORC_2014_SUP_PAT_CENTRAL_PR_2PROJ.xlsx</t>
  </si>
  <si>
    <t>ORC_2014_SUP_PAT_CENTRAL_SP1_2PROJ.xlsx</t>
  </si>
  <si>
    <t>E:\BK_final\Vilarinho\Vilarinho - Trabalho\Segurança - Erica\2014\Orcamento\RESULTADO\2PROJ\OPERACAO\SUPERVISAO PATRIMONIAL\CENTRAL\ORC_2014_SUP_PAT_CENTRAL_SP1_2PROJ.xlsx</t>
  </si>
  <si>
    <t>11/21/2019 16:45:39</t>
  </si>
  <si>
    <t>ORC_2014_SUP_PAT_CENTRAL_SP2_2PROJ.xlsx</t>
  </si>
  <si>
    <t>E:\BK_final\Vilarinho\Vilarinho - Trabalho\Segurança - Erica\2014\Orcamento\RESULTADO\2PROJ\OPERACAO\SUPERVISAO PATRIMONIAL\CENTRAL\ORC_2014_SUP_PAT_CENTRAL_SP2_2PROJ.xlsx</t>
  </si>
  <si>
    <t>D:\2014\Orcamento\RESULTADO\2PROJ\OPERACAO\SUPERVISAO PATRIMONIAL\GESTAO ONLINE\</t>
  </si>
  <si>
    <t>ORC_2014_SUP_PAT_GO_2PROJ.xlsx</t>
  </si>
  <si>
    <t>E:\BK_final\Vilarinho\Vilarinho - Trabalho\Segurança - Erica\2014\Orcamento\RESULTADO\2PROJ\OPERACAO\SUPERVISAO PATRIMONIAL\GESTAO ONLINE\ORC_2014_SUP_PAT_GO_2PROJ.xlsx</t>
  </si>
  <si>
    <t>11/21/2019 16:45:40</t>
  </si>
  <si>
    <t>D:\2014\Orcamento\RESULTADO\2PROJ\OPERACAO\SUPERVISAO PATRIMONIAL\OPERACIONAL\</t>
  </si>
  <si>
    <t>ORC_2014_SUP_PAT_OPERACIONAL_CONSOLIDADO_2PROJ.xlsx</t>
  </si>
  <si>
    <t>E:\BK_final\Vilarinho\Vilarinho - Trabalho\Segurança - Erica\2014\Orcamento\RESULTADO\2PROJ\OPERACAO\SUPERVISAO PATRIMONIAL\OPERACIONAL\ORC_2014_SUP_PAT_OPERACIONAL_CONSOLIDADO_2PROJ.xlsx</t>
  </si>
  <si>
    <t>ORC_2014_SUP_PAT_OPERACIONAL_GO_2PROJ.xlsx</t>
  </si>
  <si>
    <t>E:\BK_final\Vilarinho\Vilarinho - Trabalho\Segurança - Erica\2014\Orcamento\RESULTADO\2PROJ\OPERACAO\SUPERVISAO PATRIMONIAL\OPERACIONAL\ORC_2014_SUP_PAT_OPERACIONAL_GO_2PROJ.xlsx</t>
  </si>
  <si>
    <t>ORC_2014_SUP_PAT_OPERACIONAL_MG1_2PROJ.xlsx</t>
  </si>
  <si>
    <t>E:\BK_final\Vilarinho\Vilarinho - Trabalho\Segurança - Erica\2014\Orcamento\RESULTADO\2PROJ\OPERACAO\SUPERVISAO PATRIMONIAL\OPERACIONAL\ORC_2014_SUP_PAT_OPERACIONAL_MG1_2PROJ.xlsx</t>
  </si>
  <si>
    <t>11/21/2019 16:45:41</t>
  </si>
  <si>
    <t>ORC_2014_SUP_PAT_OPERACIONAL_MG2_2PROJ.xlsx</t>
  </si>
  <si>
    <t>E:\BK_final\Vilarinho\Vilarinho - Trabalho\Segurança - Erica\2014\Orcamento\RESULTADO\2PROJ\OPERACAO\SUPERVISAO PATRIMONIAL\OPERACIONAL\ORC_2014_SUP_PAT_OPERACIONAL_MG2_2PROJ.xlsx</t>
  </si>
  <si>
    <t>ORC_2014_SUP_PAT_OPERACIONAL_MS_2PROJ.xlsx</t>
  </si>
  <si>
    <t>E:\BK_final\Vilarinho\Vilarinho - Trabalho\Segurança - Erica\2014\Orcamento\RESULTADO\2PROJ\OPERACAO\SUPERVISAO PATRIMONIAL\OPERACIONAL\ORC_2014_SUP_PAT_OPERACIONAL_MS_2PROJ.xlsx</t>
  </si>
  <si>
    <t>ORC_2014_SUP_PAT_OPERACIONAL_MT_2PROJ.xlsx</t>
  </si>
  <si>
    <t>E:\BK_final\Vilarinho\Vilarinho - Trabalho\Segurança - Erica\2014\Orcamento\RESULTADO\2PROJ\OPERACAO\SUPERVISAO PATRIMONIAL\OPERACIONAL\ORC_2014_SUP_PAT_OPERACIONAL_MT_2PROJ.xlsx</t>
  </si>
  <si>
    <t>11/21/2019 16:45:42</t>
  </si>
  <si>
    <t>ORC_2014_SUP_PAT_OPERACIONAL_PR_2PROJ.xlsx</t>
  </si>
  <si>
    <t>E:\BK_final\Vilarinho\Vilarinho - Trabalho\Segurança - Erica\2014\Orcamento\RESULTADO\2PROJ\OPERACAO\SUPERVISAO PATRIMONIAL\OPERACIONAL\ORC_2014_SUP_PAT_OPERACIONAL_PR_2PROJ.xlsx</t>
  </si>
  <si>
    <t>ORC_2014_SUP_PAT_OPERACIONAL_SP1_2PROJ.xlsx</t>
  </si>
  <si>
    <t>E:\BK_final\Vilarinho\Vilarinho - Trabalho\Segurança - Erica\2014\Orcamento\RESULTADO\2PROJ\OPERACAO\SUPERVISAO PATRIMONIAL\OPERACIONAL\ORC_2014_SUP_PAT_OPERACIONAL_SP1_2PROJ.xlsx</t>
  </si>
  <si>
    <t>ORC_2014_SUP_PAT_OPERACIONAL_SP2_2PROJ.xlsx</t>
  </si>
  <si>
    <t>E:\BK_final\Vilarinho\Vilarinho - Trabalho\Segurança - Erica\2014\Orcamento\RESULTADO\2PROJ\OPERACAO\SUPERVISAO PATRIMONIAL\OPERACIONAL\ORC_2014_SUP_PAT_OPERACIONAL_SP2_2PROJ.xlsx</t>
  </si>
  <si>
    <t>11/21/2019 16:45:43</t>
  </si>
  <si>
    <t>D:\2014\Orcamento\RESULTADO\2PROJ\STAFF\</t>
  </si>
  <si>
    <t>ORC_2014_ADM_AGPI_2PROJ.xlsx</t>
  </si>
  <si>
    <t>E:\BK_final\Vilarinho\Vilarinho - Trabalho\Segurança - Erica\2014\Orcamento\RESULTADO\2PROJ\STAFF\ORC_2014_ADM_AGPI_2PROJ.xlsx</t>
  </si>
  <si>
    <t>ORC_2014_ADM_COMITE_INOVACAO_2PROJ.xlsx</t>
  </si>
  <si>
    <t>E:\BK_final\Vilarinho\Vilarinho - Trabalho\Segurança - Erica\2014\Orcamento\RESULTADO\2PROJ\STAFF\ORC_2014_ADM_COMITE_INOVACAO_2PROJ.xlsx</t>
  </si>
  <si>
    <t>11/21/2019 16:45:44</t>
  </si>
  <si>
    <t>ORC_2014_ADM_CONSOLIDADO_2PROJ.xlsx</t>
  </si>
  <si>
    <t>E:\BK_final\Vilarinho\Vilarinho - Trabalho\Segurança - Erica\2014\Orcamento\RESULTADO\2PROJ\STAFF\ORC_2014_ADM_CONSOLIDADO_2PROJ.xlsx</t>
  </si>
  <si>
    <t>ORC_2014_ADM_CORPORATIVO_2PROJ.xlsx</t>
  </si>
  <si>
    <t>E:\BK_final\Vilarinho\Vilarinho - Trabalho\Segurança - Erica\2014\Orcamento\RESULTADO\2PROJ\STAFF\ORC_2014_ADM_CORPORATIVO_2PROJ.xlsx</t>
  </si>
  <si>
    <t>ORC_2014_ADM_CSC_2PROJ.xlsx</t>
  </si>
  <si>
    <t>E:\BK_final\Vilarinho\Vilarinho - Trabalho\Segurança - Erica\2014\Orcamento\RESULTADO\2PROJ\STAFF\ORC_2014_ADM_CSC_2PROJ.xlsx</t>
  </si>
  <si>
    <t>11/21/2019 16:45:45</t>
  </si>
  <si>
    <t>ORC_2014_ADM_DIRETORIA_2PROJ.xlsx</t>
  </si>
  <si>
    <t>E:\BK_final\Vilarinho\Vilarinho - Trabalho\Segurança - Erica\2014\Orcamento\RESULTADO\2PROJ\STAFF\ORC_2014_ADM_DIRETORIA_2PROJ.xlsx</t>
  </si>
  <si>
    <t>ORC_2014_ADM_FINANCEIRO_2PROJ.xlsx</t>
  </si>
  <si>
    <t>E:\BK_final\Vilarinho\Vilarinho - Trabalho\Segurança - Erica\2014\Orcamento\RESULTADO\2PROJ\STAFF\ORC_2014_ADM_FINANCEIRO_2PROJ.xlsx</t>
  </si>
  <si>
    <t>ORC_2014_ADM_HOLDING_2PROJ.xlsx</t>
  </si>
  <si>
    <t>E:\BK_final\Vilarinho\Vilarinho - Trabalho\Segurança - Erica\2014\Orcamento\RESULTADO\2PROJ\STAFF\ORC_2014_ADM_HOLDING_2PROJ.xlsx</t>
  </si>
  <si>
    <t>11/21/2019 16:45:46</t>
  </si>
  <si>
    <t>ORC_2014_ADM_JURIDICO_2PROJ.xlsx</t>
  </si>
  <si>
    <t>E:\BK_final\Vilarinho\Vilarinho - Trabalho\Segurança - Erica\2014\Orcamento\RESULTADO\2PROJ\STAFF\ORC_2014_ADM_JURIDICO_2PROJ.xlsx</t>
  </si>
  <si>
    <t>ORC_2014_ADM_SESMT_2PROJ.xlsx</t>
  </si>
  <si>
    <t>E:\BK_final\Vilarinho\Vilarinho - Trabalho\Segurança - Erica\2014\Orcamento\RESULTADO\2PROJ\STAFF\ORC_2014_ADM_SESMT_2PROJ.xlsx</t>
  </si>
  <si>
    <t>ORC_2014_ADM_TH_2PROJ.xlsx</t>
  </si>
  <si>
    <t>E:\BK_final\Vilarinho\Vilarinho - Trabalho\Segurança - Erica\2014\Orcamento\RESULTADO\2PROJ\STAFF\ORC_2014_ADM_TH_2PROJ.xlsx</t>
  </si>
  <si>
    <t>11/21/2019 16:45:47</t>
  </si>
  <si>
    <t>ORC_2014_ADM_TI_2PROJ.xlsx</t>
  </si>
  <si>
    <t>E:\BK_final\Vilarinho\Vilarinho - Trabalho\Segurança - Erica\2014\Orcamento\RESULTADO\2PROJ\STAFF\ORC_2014_ADM_TI_2PROJ.xlsx</t>
  </si>
  <si>
    <t>11/21/2019 16:45:49</t>
  </si>
  <si>
    <t>D:\2014\Orcamento\RESULTADO\ARQUIVOS PREPARATORIOS\</t>
  </si>
  <si>
    <t>AJUSTE PROVISAO PLR PRV 122013.xlsx</t>
  </si>
  <si>
    <t>E:\BK_final\Vilarinho\Vilarinho - Trabalho\Segurança - Erica\2014\Orcamento\RESULTADO\ARQUIVOS PREPARATORIOS\AJUSTE PROVISAO PLR PRV 122013.xlsx</t>
  </si>
  <si>
    <t>Comparativo 2014 - RESULTADO - 2PROJ (V2).xlsx</t>
  </si>
  <si>
    <t>E:\BK_final\Vilarinho\Vilarinho - Trabalho\Segurança - Erica\2014\Orcamento\RESULTADO\ARQUIVOS PREPARATORIOS\Comparativo 2014 - RESULTADO - 2PROJ (V2).xlsx</t>
  </si>
  <si>
    <t>11/21/2019 16:45:50</t>
  </si>
  <si>
    <t>Comparativo 2014 - RESULTADO - 2PROJ (V3).xlsx</t>
  </si>
  <si>
    <t>E:\BK_final\Vilarinho\Vilarinho - Trabalho\Segurança - Erica\2014\Orcamento\RESULTADO\ARQUIVOS PREPARATORIOS\Comparativo 2014 - RESULTADO - 2PROJ (V3).xlsx</t>
  </si>
  <si>
    <t>Comparativo 2014 - RESULTADO - 2PROJ (V4).xlsx</t>
  </si>
  <si>
    <t>E:\BK_final\Vilarinho\Vilarinho - Trabalho\Segurança - Erica\2014\Orcamento\RESULTADO\ARQUIVOS PREPARATORIOS\Comparativo 2014 - RESULTADO - 2PROJ (V4).xlsx</t>
  </si>
  <si>
    <t>Comparativo 2014 - RESULTADO - 2PROJ.xlsx</t>
  </si>
  <si>
    <t>E:\BK_final\Vilarinho\Vilarinho - Trabalho\Segurança - Erica\2014\Orcamento\RESULTADO\ARQUIVOS PREPARATORIOS\Comparativo 2014 - RESULTADO - 2PROJ.xlsx</t>
  </si>
  <si>
    <t>11/21/2019 16:45:51</t>
  </si>
  <si>
    <t>Comparativo 2014 - RESULTADO - PRECLOSING (V2).xlsx</t>
  </si>
  <si>
    <t>E:\BK_final\Vilarinho\Vilarinho - Trabalho\Segurança - Erica\2014\Orcamento\RESULTADO\ARQUIVOS PREPARATORIOS\Comparativo 2014 - RESULTADO - PRECLOSING (V2).xlsx</t>
  </si>
  <si>
    <t>11/21/2019 16:45:53</t>
  </si>
  <si>
    <t>Comparativo 2014 - RESULTADO - PRECLOSING (V3).xlsx</t>
  </si>
  <si>
    <t>E:\BK_final\Vilarinho\Vilarinho - Trabalho\Segurança - Erica\2014\Orcamento\RESULTADO\ARQUIVOS PREPARATORIOS\Comparativo 2014 - RESULTADO - PRECLOSING (V3).xlsx</t>
  </si>
  <si>
    <t>Comparativo 2014 - RESULTADO - PRECLOSING.xlsx</t>
  </si>
  <si>
    <t>E:\BK_final\Vilarinho\Vilarinho - Trabalho\Segurança - Erica\2014\Orcamento\RESULTADO\ARQUIVOS PREPARATORIOS\Comparativo 2014 - RESULTADO - PRECLOSING.xlsx</t>
  </si>
  <si>
    <t>Cópia de Cronograma Preclosing Orçamento 2014 e LP.xlsx</t>
  </si>
  <si>
    <t>E:\BK_final\Vilarinho\Vilarinho - Trabalho\Segurança - Erica\2014\Orcamento\RESULTADO\ARQUIVOS PREPARATORIOS\Cópia de Cronograma Preclosing Orçamento 2014 e LP.xlsx</t>
  </si>
  <si>
    <t>DRE - Supervisao_MRS.xlsx</t>
  </si>
  <si>
    <t>E:\BK_final\Vilarinho\Vilarinho - Trabalho\Segurança - Erica\2014\Orcamento\RESULTADO\ARQUIVOS PREPARATORIOS\DRE - Supervisao_MRS.xlsx</t>
  </si>
  <si>
    <t>DRE CONSISTENCIA_CONTAS CONTABEIS.xlsx</t>
  </si>
  <si>
    <t>E:\BK_final\Vilarinho\Vilarinho - Trabalho\Segurança - Erica\2014\Orcamento\RESULTADO\ARQUIVOS PREPARATORIOS\DRE CONSISTENCIA_CONTAS CONTABEIS.xlsx</t>
  </si>
  <si>
    <t>ESTUDO COMPARATIVO CUSTOS PATRIMONIAL.xlsx</t>
  </si>
  <si>
    <t>E:\BK_final\Vilarinho\Vilarinho - Trabalho\Segurança - Erica\2014\Orcamento\RESULTADO\ARQUIVOS PREPARATORIOS\ESTUDO COMPARATIVO CUSTOS PATRIMONIAL.xlsx</t>
  </si>
  <si>
    <t>ORC_2014_ADM_TH_OFICIAL.xlsx</t>
  </si>
  <si>
    <t>E:\BK_final\Vilarinho\Vilarinho - Trabalho\Segurança - Erica\2014\Orcamento\RESULTADO\ARQUIVOS PREPARATORIOS\ORC_2014_ADM_TH_OFICIAL.xlsx</t>
  </si>
  <si>
    <t>11/21/2019 16:45:54</t>
  </si>
  <si>
    <t>Perdas e lucros1.xlsx</t>
  </si>
  <si>
    <t>E:\BK_final\Vilarinho\Vilarinho - Trabalho\Segurança - Erica\2014\Orcamento\RESULTADO\ARQUIVOS PREPARATORIOS\Perdas e lucros1.xlsx</t>
  </si>
  <si>
    <t>Pré closing - 2013 (3).xlsx</t>
  </si>
  <si>
    <t>E:\BK_final\Vilarinho\Vilarinho - Trabalho\Segurança - Erica\2014\Orcamento\RESULTADO\ARQUIVOS PREPARATORIOS\Pré closing - 2013 (3).xlsx</t>
  </si>
  <si>
    <t>Receita de Clientes - Reajuste em Andamento (Tec) - 062014.xlsx</t>
  </si>
  <si>
    <t>E:\BK_final\Vilarinho\Vilarinho - Trabalho\Segurança - Erica\2014\Orcamento\RESULTADO\ARQUIVOS PREPARATORIOS\Receita de Clientes - Reajuste em Andamento (Tec) - 062014.xlsx</t>
  </si>
  <si>
    <t>Receita de Clientes - Reajuste em Andamento (Vig) - 062014.xlsx</t>
  </si>
  <si>
    <t>E:\BK_final\Vilarinho\Vilarinho - Trabalho\Segurança - Erica\2014\Orcamento\RESULTADO\ARQUIVOS PREPARATORIOS\Receita de Clientes - Reajuste em Andamento (Vig) - 062014.xlsx</t>
  </si>
  <si>
    <t>Resumo Ajustes - Preclosing 2014.xlsx</t>
  </si>
  <si>
    <t>E:\BK_final\Vilarinho\Vilarinho - Trabalho\Segurança - Erica\2014\Orcamento\RESULTADO\ARQUIVOS PREPARATORIOS\Resumo Ajustes - Preclosing 2014.xlsx</t>
  </si>
  <si>
    <t>11/21/2019 16:45:56</t>
  </si>
  <si>
    <t>D:\2014\Orcamento\RESULTADO\ARQUIVOS PREPARATORIOS\Arquivos base\Planilhas_Patrimonial\</t>
  </si>
  <si>
    <t>072014_Portaria_MG1_Nova.xlsm</t>
  </si>
  <si>
    <t>E:\BK_final\Vilarinho\Vilarinho - Trabalho\Segurança - Erica\2014\Orcamento\RESULTADO\ARQUIVOS PREPARATORIOS\Arquivos base\Planilhas_Patrimonial\072014_Portaria_MG1_Nova.xlsm</t>
  </si>
  <si>
    <t>072014_Portaria_MG2_Nova.xlsm</t>
  </si>
  <si>
    <t>E:\BK_final\Vilarinho\Vilarinho - Trabalho\Segurança - Erica\2014\Orcamento\RESULTADO\ARQUIVOS PREPARATORIOS\Arquivos base\Planilhas_Patrimonial\072014_Portaria_MG2_Nova.xlsm</t>
  </si>
  <si>
    <t>11/21/2019 16:45:57</t>
  </si>
  <si>
    <t>072014_Portaria_SP1_Nova.xlsm</t>
  </si>
  <si>
    <t>E:\BK_final\Vilarinho\Vilarinho - Trabalho\Segurança - Erica\2014\Orcamento\RESULTADO\ARQUIVOS PREPARATORIOS\Arquivos base\Planilhas_Patrimonial\072014_Portaria_SP1_Nova.xlsm</t>
  </si>
  <si>
    <t>072014_Portaria_SP2_Nova.xlsm</t>
  </si>
  <si>
    <t>E:\BK_final\Vilarinho\Vilarinho - Trabalho\Segurança - Erica\2014\Orcamento\RESULTADO\ARQUIVOS PREPARATORIOS\Arquivos base\Planilhas_Patrimonial\072014_Portaria_SP2_Nova.xlsm</t>
  </si>
  <si>
    <t>072014_Vigilancia_GO_Nova.xlsm</t>
  </si>
  <si>
    <t>E:\BK_final\Vilarinho\Vilarinho - Trabalho\Segurança - Erica\2014\Orcamento\RESULTADO\ARQUIVOS PREPARATORIOS\Arquivos base\Planilhas_Patrimonial\072014_Vigilancia_GO_Nova.xlsm</t>
  </si>
  <si>
    <t>072014_Vigilancia_MG1_Nova.xlsm</t>
  </si>
  <si>
    <t>E:\BK_final\Vilarinho\Vilarinho - Trabalho\Segurança - Erica\2014\Orcamento\RESULTADO\ARQUIVOS PREPARATORIOS\Arquivos base\Planilhas_Patrimonial\072014_Vigilancia_MG1_Nova.xlsm</t>
  </si>
  <si>
    <t>072014_Vigilancia_MG2_Nova.xlsm</t>
  </si>
  <si>
    <t>E:\BK_final\Vilarinho\Vilarinho - Trabalho\Segurança - Erica\2014\Orcamento\RESULTADO\ARQUIVOS PREPARATORIOS\Arquivos base\Planilhas_Patrimonial\072014_Vigilancia_MG2_Nova.xlsm</t>
  </si>
  <si>
    <t>11/21/2019 16:45:58</t>
  </si>
  <si>
    <t>072014_Vigilancia_MS_Nova.xlsm</t>
  </si>
  <si>
    <t>E:\BK_final\Vilarinho\Vilarinho - Trabalho\Segurança - Erica\2014\Orcamento\RESULTADO\ARQUIVOS PREPARATORIOS\Arquivos base\Planilhas_Patrimonial\072014_Vigilancia_MS_Nova.xlsm</t>
  </si>
  <si>
    <t>072014_Vigilancia_MT_Nova.xlsm</t>
  </si>
  <si>
    <t>E:\BK_final\Vilarinho\Vilarinho - Trabalho\Segurança - Erica\2014\Orcamento\RESULTADO\ARQUIVOS PREPARATORIOS\Arquivos base\Planilhas_Patrimonial\072014_Vigilancia_MT_Nova.xlsm</t>
  </si>
  <si>
    <t>072014_Vigilancia_PR_Nova.xlsm</t>
  </si>
  <si>
    <t>E:\BK_final\Vilarinho\Vilarinho - Trabalho\Segurança - Erica\2014\Orcamento\RESULTADO\ARQUIVOS PREPARATORIOS\Arquivos base\Planilhas_Patrimonial\072014_Vigilancia_PR_Nova.xlsm</t>
  </si>
  <si>
    <t>11/21/2019 16:45:59</t>
  </si>
  <si>
    <t>072014_Vigilancia_SP1_Nova.xlsm</t>
  </si>
  <si>
    <t>E:\BK_final\Vilarinho\Vilarinho - Trabalho\Segurança - Erica\2014\Orcamento\RESULTADO\ARQUIVOS PREPARATORIOS\Arquivos base\Planilhas_Patrimonial\072014_Vigilancia_SP1_Nova.xlsm</t>
  </si>
  <si>
    <t>072014_Vigilancia_SP2_Nova.xlsm</t>
  </si>
  <si>
    <t>E:\BK_final\Vilarinho\Vilarinho - Trabalho\Segurança - Erica\2014\Orcamento\RESULTADO\ARQUIVOS PREPARATORIOS\Arquivos base\Planilhas_Patrimonial\072014_Vigilancia_SP2_Nova.xlsm</t>
  </si>
  <si>
    <t>11/21/2019 16:46:01</t>
  </si>
  <si>
    <t>D:\2014\Orcamento\RESULTADO\ARQUIVOS PREPARATORIOS\Arquivos base\Planilhas_Patrimonial Preclosing\</t>
  </si>
  <si>
    <t>DRE - Base vendida Consolidada - Agosto 14.xlsx.xlsm</t>
  </si>
  <si>
    <t>E:\BK_final\Vilarinho\Vilarinho - Trabalho\Segurança - Erica\2014\Orcamento\RESULTADO\ARQUIVOS PREPARATORIOS\Arquivos base\Planilhas_Patrimonial Preclosing\DRE - Base vendida Consolidada - Agosto 14.xlsx.xlsm</t>
  </si>
  <si>
    <t>D:\2014\Orcamento\RESULTADO\ARQUIVOS PREPARATORIOS\Base Contratada\</t>
  </si>
  <si>
    <t>Consolidado Tec e Vig.xlsx</t>
  </si>
  <si>
    <t>E:\BK_final\Vilarinho\Vilarinho - Trabalho\Segurança - Erica\2014\Orcamento\RESULTADO\ARQUIVOS PREPARATORIOS\Base Contratada\Consolidado Tec e Vig.xlsx</t>
  </si>
  <si>
    <t>11/21/2019 16:46:02</t>
  </si>
  <si>
    <t>D:\2014\Orcamento\RESULTADO\ARQUIVOS PREPARATORIOS\Base Contratada\Portaria\</t>
  </si>
  <si>
    <t>Eletronica Consolidado.xlsx</t>
  </si>
  <si>
    <t>E:\BK_final\Vilarinho\Vilarinho - Trabalho\Segurança - Erica\2014\Orcamento\RESULTADO\ARQUIVOS PREPARATORIOS\Base Contratada\Portaria\Eletronica Consolidado.xlsx</t>
  </si>
  <si>
    <t>Eletronica GO.xlsx</t>
  </si>
  <si>
    <t>E:\BK_final\Vilarinho\Vilarinho - Trabalho\Segurança - Erica\2014\Orcamento\RESULTADO\ARQUIVOS PREPARATORIOS\Base Contratada\Portaria\Eletronica GO.xlsx</t>
  </si>
  <si>
    <t>Eletronica MG1.xlsx</t>
  </si>
  <si>
    <t>E:\BK_final\Vilarinho\Vilarinho - Trabalho\Segurança - Erica\2014\Orcamento\RESULTADO\ARQUIVOS PREPARATORIOS\Base Contratada\Portaria\Eletronica MG1.xlsx</t>
  </si>
  <si>
    <t>Eletronica MG2.xlsx</t>
  </si>
  <si>
    <t>E:\BK_final\Vilarinho\Vilarinho - Trabalho\Segurança - Erica\2014\Orcamento\RESULTADO\ARQUIVOS PREPARATORIOS\Base Contratada\Portaria\Eletronica MG2.xlsx</t>
  </si>
  <si>
    <t>Eletronica MS.xlsx</t>
  </si>
  <si>
    <t>E:\BK_final\Vilarinho\Vilarinho - Trabalho\Segurança - Erica\2014\Orcamento\RESULTADO\ARQUIVOS PREPARATORIOS\Base Contratada\Portaria\Eletronica MS.xlsx</t>
  </si>
  <si>
    <t>Eletronica MT.xlsx</t>
  </si>
  <si>
    <t>E:\BK_final\Vilarinho\Vilarinho - Trabalho\Segurança - Erica\2014\Orcamento\RESULTADO\ARQUIVOS PREPARATORIOS\Base Contratada\Portaria\Eletronica MT.xlsx</t>
  </si>
  <si>
    <t>Eletronica PR.xlsx</t>
  </si>
  <si>
    <t>E:\BK_final\Vilarinho\Vilarinho - Trabalho\Segurança - Erica\2014\Orcamento\RESULTADO\ARQUIVOS PREPARATORIOS\Base Contratada\Portaria\Eletronica PR.xlsx</t>
  </si>
  <si>
    <t>11/21/2019 16:46:03</t>
  </si>
  <si>
    <t>Eletronica SP1.xlsx</t>
  </si>
  <si>
    <t>E:\BK_final\Vilarinho\Vilarinho - Trabalho\Segurança - Erica\2014\Orcamento\RESULTADO\ARQUIVOS PREPARATORIOS\Base Contratada\Portaria\Eletronica SP1.xlsx</t>
  </si>
  <si>
    <t>Eletronica SP2.xlsx</t>
  </si>
  <si>
    <t>E:\BK_final\Vilarinho\Vilarinho - Trabalho\Segurança - Erica\2014\Orcamento\RESULTADO\ARQUIVOS PREPARATORIOS\Base Contratada\Portaria\Eletronica SP2.xlsx</t>
  </si>
  <si>
    <t>D:\2014\Orcamento\RESULTADO\ARQUIVOS PREPARATORIOS\Base Contratada\Vigilancia\</t>
  </si>
  <si>
    <t>Vigilancia Consolidado.xlsx</t>
  </si>
  <si>
    <t>E:\BK_final\Vilarinho\Vilarinho - Trabalho\Segurança - Erica\2014\Orcamento\RESULTADO\ARQUIVOS PREPARATORIOS\Base Contratada\Vigilancia\Vigilancia Consolidado.xlsx</t>
  </si>
  <si>
    <t>Vigilancia GO.xlsx</t>
  </si>
  <si>
    <t>E:\BK_final\Vilarinho\Vilarinho - Trabalho\Segurança - Erica\2014\Orcamento\RESULTADO\ARQUIVOS PREPARATORIOS\Base Contratada\Vigilancia\Vigilancia GO.xlsx</t>
  </si>
  <si>
    <t>Vigilancia MG1.xlsx</t>
  </si>
  <si>
    <t>E:\BK_final\Vilarinho\Vilarinho - Trabalho\Segurança - Erica\2014\Orcamento\RESULTADO\ARQUIVOS PREPARATORIOS\Base Contratada\Vigilancia\Vigilancia MG1.xlsx</t>
  </si>
  <si>
    <t>Vigilancia MG2.xlsx</t>
  </si>
  <si>
    <t>E:\BK_final\Vilarinho\Vilarinho - Trabalho\Segurança - Erica\2014\Orcamento\RESULTADO\ARQUIVOS PREPARATORIOS\Base Contratada\Vigilancia\Vigilancia MG2.xlsx</t>
  </si>
  <si>
    <t>Vigilancia MS.xlsx</t>
  </si>
  <si>
    <t>E:\BK_final\Vilarinho\Vilarinho - Trabalho\Segurança - Erica\2014\Orcamento\RESULTADO\ARQUIVOS PREPARATORIOS\Base Contratada\Vigilancia\Vigilancia MS.xlsx</t>
  </si>
  <si>
    <t>11/21/2019 16:46:04</t>
  </si>
  <si>
    <t>11/21/2019 16:48:30</t>
  </si>
  <si>
    <t>Vigilancia MT.xlsx</t>
  </si>
  <si>
    <t>E:\BK_final\Vilarinho\Vilarinho - Trabalho\Segurança - Erica\2014\Orcamento\RESULTADO\ARQUIVOS PREPARATORIOS\Base Contratada\Vigilancia\Vigilancia MT.xlsx</t>
  </si>
  <si>
    <t>Vigilancia PR.xlsx</t>
  </si>
  <si>
    <t>E:\BK_final\Vilarinho\Vilarinho - Trabalho\Segurança - Erica\2014\Orcamento\RESULTADO\ARQUIVOS PREPARATORIOS\Base Contratada\Vigilancia\Vigilancia PR.xlsx</t>
  </si>
  <si>
    <t>Vigilancia SP1.xlsx</t>
  </si>
  <si>
    <t>E:\BK_final\Vilarinho\Vilarinho - Trabalho\Segurança - Erica\2014\Orcamento\RESULTADO\ARQUIVOS PREPARATORIOS\Base Contratada\Vigilancia\Vigilancia SP1.xlsx</t>
  </si>
  <si>
    <t>Vigilancia SP2.xlsx</t>
  </si>
  <si>
    <t>E:\BK_final\Vilarinho\Vilarinho - Trabalho\Segurança - Erica\2014\Orcamento\RESULTADO\ARQUIVOS PREPARATORIOS\Base Contratada\Vigilancia\Vigilancia SP2.xlsx</t>
  </si>
  <si>
    <t>D:\2014\Orcamento\RESULTADO\ARQUIVOS PREPARATORIOS\Base Contratada_2PROJ\</t>
  </si>
  <si>
    <t>E:\BK_final\Vilarinho\Vilarinho - Trabalho\Segurança - Erica\2014\Orcamento\RESULTADO\ARQUIVOS PREPARATORIOS\Base Contratada_2PROJ\Consolidado Tec e Vig.xlsx</t>
  </si>
  <si>
    <t>D:\2014\Orcamento\RESULTADO\ARQUIVOS PREPARATORIOS\Base Contratada_2PROJ\Planilhas\</t>
  </si>
  <si>
    <t>DRE - Base vendida CONSOL - 18062014.xlsx</t>
  </si>
  <si>
    <t>E:\BK_final\Vilarinho\Vilarinho - Trabalho\Segurança - Erica\2014\Orcamento\RESULTADO\ARQUIVOS PREPARATORIOS\Base Contratada_2PROJ\Planilhas\DRE - Base vendida CONSOL - 18062014.xlsx</t>
  </si>
  <si>
    <t>DRE - Base vendida TEC - 18062014.xlsx</t>
  </si>
  <si>
    <t>E:\BK_final\Vilarinho\Vilarinho - Trabalho\Segurança - Erica\2014\Orcamento\RESULTADO\ARQUIVOS PREPARATORIOS\Base Contratada_2PROJ\Planilhas\DRE - Base vendida TEC - 18062014.xlsx</t>
  </si>
  <si>
    <t>DRE - Base vendida VIG - 18062014.xlsx</t>
  </si>
  <si>
    <t>E:\BK_final\Vilarinho\Vilarinho - Trabalho\Segurança - Erica\2014\Orcamento\RESULTADO\ARQUIVOS PREPARATORIOS\Base Contratada_2PROJ\Planilhas\DRE - Base vendida VIG - 18062014.xlsx</t>
  </si>
  <si>
    <t>D:\2014\Orcamento\RESULTADO\ARQUIVOS PREPARATORIOS\Base Contratada_2PROJ\Portaria\</t>
  </si>
  <si>
    <t>E:\BK_final\Vilarinho\Vilarinho - Trabalho\Segurança - Erica\2014\Orcamento\RESULTADO\ARQUIVOS PREPARATORIOS\Base Contratada_2PROJ\Portaria\Eletronica Consolidado.xlsx</t>
  </si>
  <si>
    <t>E:\BK_final\Vilarinho\Vilarinho - Trabalho\Segurança - Erica\2014\Orcamento\RESULTADO\ARQUIVOS PREPARATORIOS\Base Contratada_2PROJ\Portaria\Eletronica GO.xlsx</t>
  </si>
  <si>
    <t>11/21/2019 16:49:30</t>
  </si>
  <si>
    <t>E:\BK_final\Vilarinho\Vilarinho - Trabalho\Segurança - Erica\2014\Orcamento\RESULTADO\ARQUIVOS PREPARATORIOS\Base Contratada_2PROJ\Portaria\Eletronica MG1.xlsx</t>
  </si>
  <si>
    <t>E:\BK_final\Vilarinho\Vilarinho - Trabalho\Segurança - Erica\2014\Orcamento\RESULTADO\ARQUIVOS PREPARATORIOS\Base Contratada_2PROJ\Portaria\Eletronica MG2.xlsx</t>
  </si>
  <si>
    <t>E:\BK_final\Vilarinho\Vilarinho - Trabalho\Segurança - Erica\2014\Orcamento\RESULTADO\ARQUIVOS PREPARATORIOS\Base Contratada_2PROJ\Portaria\Eletronica MS.xlsx</t>
  </si>
  <si>
    <t>E:\BK_final\Vilarinho\Vilarinho - Trabalho\Segurança - Erica\2014\Orcamento\RESULTADO\ARQUIVOS PREPARATORIOS\Base Contratada_2PROJ\Portaria\Eletronica MT.xlsx</t>
  </si>
  <si>
    <t>11/21/2019 16:46:05</t>
  </si>
  <si>
    <t>E:\BK_final\Vilarinho\Vilarinho - Trabalho\Segurança - Erica\2014\Orcamento\RESULTADO\ARQUIVOS PREPARATORIOS\Base Contratada_2PROJ\Portaria\Eletronica PR.xlsx</t>
  </si>
  <si>
    <t>E:\BK_final\Vilarinho\Vilarinho - Trabalho\Segurança - Erica\2014\Orcamento\RESULTADO\ARQUIVOS PREPARATORIOS\Base Contratada_2PROJ\Portaria\Eletronica SP1.xlsx</t>
  </si>
  <si>
    <t>E:\BK_final\Vilarinho\Vilarinho - Trabalho\Segurança - Erica\2014\Orcamento\RESULTADO\ARQUIVOS PREPARATORIOS\Base Contratada_2PROJ\Portaria\Eletronica SP2.xlsx</t>
  </si>
  <si>
    <t>D:\2014\Orcamento\RESULTADO\ARQUIVOS PREPARATORIOS\Base Contratada_2PROJ\Vigilancia\</t>
  </si>
  <si>
    <t>E:\BK_final\Vilarinho\Vilarinho - Trabalho\Segurança - Erica\2014\Orcamento\RESULTADO\ARQUIVOS PREPARATORIOS\Base Contratada_2PROJ\Vigilancia\Vigilancia Consolidado.xlsx</t>
  </si>
  <si>
    <t>E:\BK_final\Vilarinho\Vilarinho - Trabalho\Segurança - Erica\2014\Orcamento\RESULTADO\ARQUIVOS PREPARATORIOS\Base Contratada_2PROJ\Vigilancia\Vigilancia GO.xlsx</t>
  </si>
  <si>
    <t>E:\BK_final\Vilarinho\Vilarinho - Trabalho\Segurança - Erica\2014\Orcamento\RESULTADO\ARQUIVOS PREPARATORIOS\Base Contratada_2PROJ\Vigilancia\Vigilancia MG1.xlsx</t>
  </si>
  <si>
    <t>E:\BK_final\Vilarinho\Vilarinho - Trabalho\Segurança - Erica\2014\Orcamento\RESULTADO\ARQUIVOS PREPARATORIOS\Base Contratada_2PROJ\Vigilancia\Vigilancia MG2.xlsx</t>
  </si>
  <si>
    <t>E:\BK_final\Vilarinho\Vilarinho - Trabalho\Segurança - Erica\2014\Orcamento\RESULTADO\ARQUIVOS PREPARATORIOS\Base Contratada_2PROJ\Vigilancia\Vigilancia MS.xlsx</t>
  </si>
  <si>
    <t>E:\BK_final\Vilarinho\Vilarinho - Trabalho\Segurança - Erica\2014\Orcamento\RESULTADO\ARQUIVOS PREPARATORIOS\Base Contratada_2PROJ\Vigilancia\Vigilancia MT.xlsx</t>
  </si>
  <si>
    <t>E:\BK_final\Vilarinho\Vilarinho - Trabalho\Segurança - Erica\2014\Orcamento\RESULTADO\ARQUIVOS PREPARATORIOS\Base Contratada_2PROJ\Vigilancia\Vigilancia PR.xlsx</t>
  </si>
  <si>
    <t>E:\BK_final\Vilarinho\Vilarinho - Trabalho\Segurança - Erica\2014\Orcamento\RESULTADO\ARQUIVOS PREPARATORIOS\Base Contratada_2PROJ\Vigilancia\Vigilancia SP1.xlsx</t>
  </si>
  <si>
    <t>E:\BK_final\Vilarinho\Vilarinho - Trabalho\Segurança - Erica\2014\Orcamento\RESULTADO\ARQUIVOS PREPARATORIOS\Base Contratada_2PROJ\Vigilancia\Vigilancia SP2.xlsx</t>
  </si>
  <si>
    <t>D:\2014\Orcamento\RESULTADO\ARQUIVOS PREPARATORIOS\Base Contratada_PRECLOS\</t>
  </si>
  <si>
    <t>E:\BK_final\Vilarinho\Vilarinho - Trabalho\Segurança - Erica\2014\Orcamento\RESULTADO\ARQUIVOS PREPARATORIOS\Base Contratada_PRECLOS\Consolidado Tec e Vig.xlsx</t>
  </si>
  <si>
    <t>E:\BK_final\Vilarinho\Vilarinho - Trabalho\Segurança - Erica\2014\Orcamento\RESULTADO\ARQUIVOS PREPARATORIOS\Base Contratada_PRECLOS\DRE - Base vendida Consolidada - Agosto 14.xlsx.xlsm</t>
  </si>
  <si>
    <t>11/21/2019 16:46:06</t>
  </si>
  <si>
    <t>D:\2014\Orcamento\RESULTADO\ARQUIVOS PREPARATORIOS\Base Contratada_PRECLOS\Planilhas\</t>
  </si>
  <si>
    <t>E:\BK_final\Vilarinho\Vilarinho - Trabalho\Segurança - Erica\2014\Orcamento\RESULTADO\ARQUIVOS PREPARATORIOS\Base Contratada_PRECLOS\Planilhas\DRE - Base vendida CONSOL - 18062014.xlsx</t>
  </si>
  <si>
    <t>E:\BK_final\Vilarinho\Vilarinho - Trabalho\Segurança - Erica\2014\Orcamento\RESULTADO\ARQUIVOS PREPARATORIOS\Base Contratada_PRECLOS\Planilhas\DRE - Base vendida TEC - 18062014.xlsx</t>
  </si>
  <si>
    <t>E:\BK_final\Vilarinho\Vilarinho - Trabalho\Segurança - Erica\2014\Orcamento\RESULTADO\ARQUIVOS PREPARATORIOS\Base Contratada_PRECLOS\Planilhas\DRE - Base vendida VIG - 18062014.xlsx</t>
  </si>
  <si>
    <t>D:\2014\Orcamento\RESULTADO\ARQUIVOS PREPARATORIOS\Base Contratada_PRECLOS\Portaria\</t>
  </si>
  <si>
    <t>E:\BK_final\Vilarinho\Vilarinho - Trabalho\Segurança - Erica\2014\Orcamento\RESULTADO\ARQUIVOS PREPARATORIOS\Base Contratada_PRECLOS\Portaria\Eletronica Consolidado.xlsx</t>
  </si>
  <si>
    <t>E:\BK_final\Vilarinho\Vilarinho - Trabalho\Segurança - Erica\2014\Orcamento\RESULTADO\ARQUIVOS PREPARATORIOS\Base Contratada_PRECLOS\Portaria\Eletronica GO.xlsx</t>
  </si>
  <si>
    <t>E:\BK_final\Vilarinho\Vilarinho - Trabalho\Segurança - Erica\2014\Orcamento\RESULTADO\ARQUIVOS PREPARATORIOS\Base Contratada_PRECLOS\Portaria\Eletronica MG1.xlsx</t>
  </si>
  <si>
    <t>E:\BK_final\Vilarinho\Vilarinho - Trabalho\Segurança - Erica\2014\Orcamento\RESULTADO\ARQUIVOS PREPARATORIOS\Base Contratada_PRECLOS\Portaria\Eletronica MG2.xlsx</t>
  </si>
  <si>
    <t>E:\BK_final\Vilarinho\Vilarinho - Trabalho\Segurança - Erica\2014\Orcamento\RESULTADO\ARQUIVOS PREPARATORIOS\Base Contratada_PRECLOS\Portaria\Eletronica MS.xlsx</t>
  </si>
  <si>
    <t>E:\BK_final\Vilarinho\Vilarinho - Trabalho\Segurança - Erica\2014\Orcamento\RESULTADO\ARQUIVOS PREPARATORIOS\Base Contratada_PRECLOS\Portaria\Eletronica MT.xlsx</t>
  </si>
  <si>
    <t>E:\BK_final\Vilarinho\Vilarinho - Trabalho\Segurança - Erica\2014\Orcamento\RESULTADO\ARQUIVOS PREPARATORIOS\Base Contratada_PRECLOS\Portaria\Eletronica PR.xlsx</t>
  </si>
  <si>
    <t>E:\BK_final\Vilarinho\Vilarinho - Trabalho\Segurança - Erica\2014\Orcamento\RESULTADO\ARQUIVOS PREPARATORIOS\Base Contratada_PRECLOS\Portaria\Eletronica SP1.xlsx</t>
  </si>
  <si>
    <t>E:\BK_final\Vilarinho\Vilarinho - Trabalho\Segurança - Erica\2014\Orcamento\RESULTADO\ARQUIVOS PREPARATORIOS\Base Contratada_PRECLOS\Portaria\Eletronica SP2.xlsx</t>
  </si>
  <si>
    <t>D:\2014\Orcamento\RESULTADO\ARQUIVOS PREPARATORIOS\Base Contratada_PRECLOS\Vigilancia\</t>
  </si>
  <si>
    <t>E:\BK_final\Vilarinho\Vilarinho - Trabalho\Segurança - Erica\2014\Orcamento\RESULTADO\ARQUIVOS PREPARATORIOS\Base Contratada_PRECLOS\Vigilancia\Vigilancia Consolidado.xlsx</t>
  </si>
  <si>
    <t>E:\BK_final\Vilarinho\Vilarinho - Trabalho\Segurança - Erica\2014\Orcamento\RESULTADO\ARQUIVOS PREPARATORIOS\Base Contratada_PRECLOS\Vigilancia\Vigilancia GO.xlsx</t>
  </si>
  <si>
    <t>11/21/2019 16:46:07</t>
  </si>
  <si>
    <t>E:\BK_final\Vilarinho\Vilarinho - Trabalho\Segurança - Erica\2014\Orcamento\RESULTADO\ARQUIVOS PREPARATORIOS\Base Contratada_PRECLOS\Vigilancia\Vigilancia MG2.xlsx</t>
  </si>
  <si>
    <t>E:\BK_final\Vilarinho\Vilarinho - Trabalho\Segurança - Erica\2014\Orcamento\RESULTADO\ARQUIVOS PREPARATORIOS\Base Contratada_PRECLOS\Vigilancia\Vigilancia MS.xlsx</t>
  </si>
  <si>
    <t>E:\BK_final\Vilarinho\Vilarinho - Trabalho\Segurança - Erica\2014\Orcamento\RESULTADO\ARQUIVOS PREPARATORIOS\Base Contratada_PRECLOS\Vigilancia\Vigilancia MG1.xlsx</t>
  </si>
  <si>
    <t>E:\BK_final\Vilarinho\Vilarinho - Trabalho\Segurança - Erica\2014\Orcamento\RESULTADO\ARQUIVOS PREPARATORIOS\Base Contratada_PRECLOS\Vigilancia\Vigilancia MT.xlsx</t>
  </si>
  <si>
    <t>E:\BK_final\Vilarinho\Vilarinho - Trabalho\Segurança - Erica\2014\Orcamento\RESULTADO\ARQUIVOS PREPARATORIOS\Base Contratada_PRECLOS\Vigilancia\Vigilancia PR.xlsx</t>
  </si>
  <si>
    <t>E:\BK_final\Vilarinho\Vilarinho - Trabalho\Segurança - Erica\2014\Orcamento\RESULTADO\ARQUIVOS PREPARATORIOS\Base Contratada_PRECLOS\Vigilancia\Vigilancia SP1.xlsx</t>
  </si>
  <si>
    <t>E:\BK_final\Vilarinho\Vilarinho - Trabalho\Segurança - Erica\2014\Orcamento\RESULTADO\ARQUIVOS PREPARATORIOS\Base Contratada_PRECLOS\Vigilancia\Vigilancia SP2.xlsx</t>
  </si>
  <si>
    <t>11/21/2019 16:46:08</t>
  </si>
  <si>
    <t>D:\2014\Orcamento\RESULTADO\ARQUIVOS PREPARATORIOS\Holding e CSC\CSC\Algar Segurança.zip\</t>
  </si>
  <si>
    <t>Deprecia‡Æo Predio Multiuso - Algar Seguran‡a.xlsx</t>
  </si>
  <si>
    <t>E:\BK_final\Vilarinho\Vilarinho - Trabalho\Segurança - Erica\2014\Orcamento\RESULTADO\ARQUIVOS PREPARATORIOS\Holding e CSC\CSC\Algar Segurança.zip</t>
  </si>
  <si>
    <t>Faturamento Direto Projetos Fiscais Algar Seguran‡a.xlsx</t>
  </si>
  <si>
    <t>Or‡amento CSC Algar Seguran‡a Eletronica.xlsx</t>
  </si>
  <si>
    <t>Or‡amento CSC Algar Seguran‡a Vigilancia.xlsx</t>
  </si>
  <si>
    <t>Or‡amento Projetos Corporativos TI 2014 - Algar Seguran‡a.xls</t>
  </si>
  <si>
    <t>Or‡amento Provedores 2 RevisÆo 2014.xlsx</t>
  </si>
  <si>
    <t>D:\2014\Orcamento\RESULTADO\ARQUIVOS PREPARATORIOS\Holding e CSC\CSC\</t>
  </si>
  <si>
    <t>DRE 2014 - CSC - 2PROJ.xlsx</t>
  </si>
  <si>
    <t>E:\BK_final\Vilarinho\Vilarinho - Trabalho\Segurança - Erica\2014\Orcamento\RESULTADO\ARQUIVOS PREPARATORIOS\Holding e CSC\CSC\DRE 2014 - CSC - 2PROJ.xlsx</t>
  </si>
  <si>
    <t>DRE 2014 - CSC.xlsx</t>
  </si>
  <si>
    <t>E:\BK_final\Vilarinho\Vilarinho - Trabalho\Segurança - Erica\2014\Orcamento\RESULTADO\ARQUIVOS PREPARATORIOS\Holding e CSC\CSC\DRE 2014 - CSC.xlsx</t>
  </si>
  <si>
    <t>Faturamento Direto Projetos Fiscais - Algar Segurança.xlsx</t>
  </si>
  <si>
    <t>E:\BK_final\Vilarinho\Vilarinho - Trabalho\Segurança - Erica\2014\Orcamento\RESULTADO\ARQUIVOS PREPARATORIOS\Holding e CSC\CSC\Faturamento Direto Projetos Fiscais - Algar Segurança.xlsx</t>
  </si>
  <si>
    <t>Orçamento CSC - Space Tecnologia.xlsx</t>
  </si>
  <si>
    <t>E:\BK_final\Vilarinho\Vilarinho - Trabalho\Segurança - Erica\2014\Orcamento\RESULTADO\ARQUIVOS PREPARATORIOS\Holding e CSC\CSC\Orçamento CSC - Space Tecnologia.xlsx</t>
  </si>
  <si>
    <t>11/21/2019 16:46:09</t>
  </si>
  <si>
    <t>Orçamento CSC - Space Vigilancia.xlsx</t>
  </si>
  <si>
    <t>E:\BK_final\Vilarinho\Vilarinho - Trabalho\Segurança - Erica\2014\Orcamento\RESULTADO\ARQUIVOS PREPARATORIOS\Holding e CSC\CSC\Orçamento CSC - Space Vigilancia.xlsx</t>
  </si>
  <si>
    <t>Orçamento Projetos Corporativos TI 2014 - Algar Segurança.xls</t>
  </si>
  <si>
    <t>E:\BK_final\Vilarinho\Vilarinho - Trabalho\Segurança - Erica\2014\Orcamento\RESULTADO\ARQUIVOS PREPARATORIOS\Holding e CSC\CSC\Orçamento Projetos Corporativos TI 2014 - Algar Segurança.xls</t>
  </si>
  <si>
    <t>Orçamento Provedores - Preclosing 2013 e Orçamento 2014 - Algar Segurança.xlsx</t>
  </si>
  <si>
    <t>E:\BK_final\Vilarinho\Vilarinho - Trabalho\Segurança - Erica\2014\Orcamento\RESULTADO\ARQUIVOS PREPARATORIOS\Holding e CSC\CSC\Orçamento Provedores - Preclosing 2013 e Orçamento 2014 - Algar Segurança.xlsx</t>
  </si>
  <si>
    <t>D:\2014\Orcamento\RESULTADO\ARQUIVOS PREPARATORIOS\Holding e CSC\CSC\Algar Segurança\</t>
  </si>
  <si>
    <t>Depreciação Predio Multiuso - Algar Segurança.xlsx</t>
  </si>
  <si>
    <t>E:\BK_final\Vilarinho\Vilarinho - Trabalho\Segurança - Erica\2014\Orcamento\RESULTADO\ARQUIVOS PREPARATORIOS\Holding e CSC\CSC\Algar Segurança\Depreciação Predio Multiuso - Algar Segurança.xlsx</t>
  </si>
  <si>
    <t>Faturamento Direto Projetos Fiscais Algar Segurança.xlsx</t>
  </si>
  <si>
    <t>E:\BK_final\Vilarinho\Vilarinho - Trabalho\Segurança - Erica\2014\Orcamento\RESULTADO\ARQUIVOS PREPARATORIOS\Holding e CSC\CSC\Algar Segurança\Faturamento Direto Projetos Fiscais Algar Segurança.xlsx</t>
  </si>
  <si>
    <t>Orçamento CSC Algar Segurança Eletronica.xlsx</t>
  </si>
  <si>
    <t>E:\BK_final\Vilarinho\Vilarinho - Trabalho\Segurança - Erica\2014\Orcamento\RESULTADO\ARQUIVOS PREPARATORIOS\Holding e CSC\CSC\Algar Segurança\Orçamento CSC Algar Segurança Eletronica.xlsx</t>
  </si>
  <si>
    <t>11/21/2019 16:46:10</t>
  </si>
  <si>
    <t>Orçamento CSC Algar Segurança Vigilancia.xlsx</t>
  </si>
  <si>
    <t>E:\BK_final\Vilarinho\Vilarinho - Trabalho\Segurança - Erica\2014\Orcamento\RESULTADO\ARQUIVOS PREPARATORIOS\Holding e CSC\CSC\Algar Segurança\Orçamento CSC Algar Segurança Vigilancia.xlsx</t>
  </si>
  <si>
    <t>E:\BK_final\Vilarinho\Vilarinho - Trabalho\Segurança - Erica\2014\Orcamento\RESULTADO\ARQUIVOS PREPARATORIOS\Holding e CSC\CSC\Algar Segurança\Orçamento Projetos Corporativos TI 2014 - Algar Segurança.xls</t>
  </si>
  <si>
    <t>Orçamento Provedores 2 Revisão 2014.xlsx</t>
  </si>
  <si>
    <t>E:\BK_final\Vilarinho\Vilarinho - Trabalho\Segurança - Erica\2014\Orcamento\RESULTADO\ARQUIVOS PREPARATORIOS\Holding e CSC\CSC\Algar Segurança\Orçamento Provedores 2 Revisão 2014.xlsx</t>
  </si>
  <si>
    <t>D:\2014\Orcamento\RESULTADO\ARQUIVOS PREPARATORIOS\Holding e CSC\Holding\</t>
  </si>
  <si>
    <t>DRE CONSISTÊNCIA_ORÇAMENTO HOLDING.xlsx</t>
  </si>
  <si>
    <t>E:\BK_final\Vilarinho\Vilarinho - Trabalho\Segurança - Erica\2014\Orcamento\RESULTADO\ARQUIVOS PREPARATORIOS\Holding e CSC\Holding\DRE CONSISTÊNCIA_ORÇAMENTO HOLDING.xlsx</t>
  </si>
  <si>
    <t>DRE CONSISTÊNCIA_ORÇAMENTO HOLDING_2PROJ.xlsx</t>
  </si>
  <si>
    <t>E:\BK_final\Vilarinho\Vilarinho - Trabalho\Segurança - Erica\2014\Orcamento\RESULTADO\ARQUIVOS PREPARATORIOS\Holding e CSC\Holding\DRE CONSISTÊNCIA_ORÇAMENTO HOLDING_2PROJ.xlsx</t>
  </si>
  <si>
    <t>DRE CONSISTÊNCIA_ORÇAMENTO HOLDING_PRECLOS.xlsx</t>
  </si>
  <si>
    <t>E:\BK_final\Vilarinho\Vilarinho - Trabalho\Segurança - Erica\2014\Orcamento\RESULTADO\ARQUIVOS PREPARATORIOS\Holding e CSC\Holding\DRE CONSISTÊNCIA_ORÇAMENTO HOLDING_PRECLOS.xlsx</t>
  </si>
  <si>
    <t>Orçado 2014 Opex - Algar Segurança Eletrônica.xlsx</t>
  </si>
  <si>
    <t>E:\BK_final\Vilarinho\Vilarinho - Trabalho\Segurança - Erica\2014\Orcamento\RESULTADO\ARQUIVOS PREPARATORIOS\Holding e CSC\Holding\Orçado 2014 Opex - Algar Segurança Eletrônica.xlsx</t>
  </si>
  <si>
    <t>Orçado 2014 Opex - Algar Segurança Vigilância.xlsx</t>
  </si>
  <si>
    <t>E:\BK_final\Vilarinho\Vilarinho - Trabalho\Segurança - Erica\2014\Orcamento\RESULTADO\ARQUIVOS PREPARATORIOS\Holding e CSC\Holding\Orçado 2014 Opex - Algar Segurança Vigilância.xlsx</t>
  </si>
  <si>
    <t>11/21/2019 16:46:11</t>
  </si>
  <si>
    <t>Orçado 2015 e Preclosing 2014 Opex - Algar Segurança Eletrônica.xlsx</t>
  </si>
  <si>
    <t>E:\BK_final\Vilarinho\Vilarinho - Trabalho\Segurança - Erica\2014\Orcamento\RESULTADO\ARQUIVOS PREPARATORIOS\Holding e CSC\Holding\Orçado 2015 e Preclosing 2014 Opex - Algar Segurança Eletrônica.xlsx</t>
  </si>
  <si>
    <t>Orçado 2015 e Preclosing 2014 Opex - Algar Segurança Vigilância.xlsx</t>
  </si>
  <si>
    <t>E:\BK_final\Vilarinho\Vilarinho - Trabalho\Segurança - Erica\2014\Orcamento\RESULTADO\ARQUIVOS PREPARATORIOS\Holding e CSC\Holding\Orçado 2015 e Preclosing 2014 Opex - Algar Segurança Vigilância.xlsx</t>
  </si>
  <si>
    <t>11/21/2019 16:46:12</t>
  </si>
  <si>
    <t>Projeção 2014 Opex - Algar Segurança Eletrônica.xlsx</t>
  </si>
  <si>
    <t>E:\BK_final\Vilarinho\Vilarinho - Trabalho\Segurança - Erica\2014\Orcamento\RESULTADO\ARQUIVOS PREPARATORIOS\Holding e CSC\Holding\Projeção 2014 Opex - Algar Segurança Eletrônica.xlsx</t>
  </si>
  <si>
    <t>Projeção 2014 Opex - Algar Segurança Vigilância.xlsx</t>
  </si>
  <si>
    <t>E:\BK_final\Vilarinho\Vilarinho - Trabalho\Segurança - Erica\2014\Orcamento\RESULTADO\ARQUIVOS PREPARATORIOS\Holding e CSC\Holding\Projeção 2014 Opex - Algar Segurança Vigilância.xlsx</t>
  </si>
  <si>
    <t>11/21/2019 16:46:14</t>
  </si>
  <si>
    <t>D:\2014\Orcamento\RESULTADO\ARQUIVOS PREPARATORIOS\Holding e CSC\Holding\Planilhas Repasse Holding\</t>
  </si>
  <si>
    <t>Provisão Repasse Despesas Setembro CSC - Algar Segurança Eletrônica.xlsx</t>
  </si>
  <si>
    <t>E:\BK_final\Vilarinho\Vilarinho - Trabalho\Segurança - Erica\2014\Orcamento\RESULTADO\ARQUIVOS PREPARATORIOS\Holding e CSC\Holding\Planilhas Repasse Holding\Provisão Repasse Despesas Setembro CSC - Algar Segurança Eletrônica.xlsx</t>
  </si>
  <si>
    <t>Provisão Repasse Despesas Setembro CSC - Algar Segurança Vigilância.xlsx</t>
  </si>
  <si>
    <t>E:\BK_final\Vilarinho\Vilarinho - Trabalho\Segurança - Erica\2014\Orcamento\RESULTADO\ARQUIVOS PREPARATORIOS\Holding e CSC\Holding\Planilhas Repasse Holding\Provisão Repasse Despesas Setembro CSC - Algar Segurança Vigilância.xlsx</t>
  </si>
  <si>
    <t>Provisão Repasse Despesas Setembro Holding - Algar Segurança Eletrônica.xlsx</t>
  </si>
  <si>
    <t>E:\BK_final\Vilarinho\Vilarinho - Trabalho\Segurança - Erica\2014\Orcamento\RESULTADO\ARQUIVOS PREPARATORIOS\Holding e CSC\Holding\Planilhas Repasse Holding\Provisão Repasse Despesas Setembro Holding - Algar Segurança Eletrônica.xlsx</t>
  </si>
  <si>
    <t>Provisão Repasse Despesas Setembro Holding - Algar Segurança Vigilância.xlsx</t>
  </si>
  <si>
    <t>E:\BK_final\Vilarinho\Vilarinho - Trabalho\Segurança - Erica\2014\Orcamento\RESULTADO\ARQUIVOS PREPARATORIOS\Holding e CSC\Holding\Planilhas Repasse Holding\Provisão Repasse Despesas Setembro Holding - Algar Segurança Vigilância.xlsx</t>
  </si>
  <si>
    <t>D:\2014\Orcamento\RESULTADO\ARQUIVOS PREPARATORIOS\Memoria Patrimonial\</t>
  </si>
  <si>
    <t>2014_DRE_CONSOLIDADA.xlsx</t>
  </si>
  <si>
    <t>E:\BK_final\Vilarinho\Vilarinho - Trabalho\Segurança - Erica\2014\Orcamento\RESULTADO\ARQUIVOS PREPARATORIOS\Memoria Patrimonial\2014_DRE_CONSOLIDADA.xlsx</t>
  </si>
  <si>
    <t>2014_DRE_Portaria.xlsx</t>
  </si>
  <si>
    <t>E:\BK_final\Vilarinho\Vilarinho - Trabalho\Segurança - Erica\2014\Orcamento\RESULTADO\ARQUIVOS PREPARATORIOS\Memoria Patrimonial\2014_DRE_Portaria.xlsx</t>
  </si>
  <si>
    <t>2014_DRE_Vigilancia.xlsx</t>
  </si>
  <si>
    <t>E:\BK_final\Vilarinho\Vilarinho - Trabalho\Segurança - Erica\2014\Orcamento\RESULTADO\ARQUIVOS PREPARATORIOS\Memoria Patrimonial\2014_DRE_Vigilancia.xlsx</t>
  </si>
  <si>
    <t>11/21/2019 16:46:15</t>
  </si>
  <si>
    <t>D:\2014\Orcamento\RESULTADO\ARQUIVOS PREPARATORIOS\Memoria Patrimonial\Arquivos base\GO\</t>
  </si>
  <si>
    <t>Portaria 24h - GO - Plan Anterior.xlsx</t>
  </si>
  <si>
    <t>E:\BK_final\Vilarinho\Vilarinho - Trabalho\Segurança - Erica\2014\Orcamento\RESULTADO\ARQUIVOS PREPARATORIOS\Memoria Patrimonial\Arquivos base\GO\Portaria 24h - GO - Plan Anterior.xlsx</t>
  </si>
  <si>
    <t>Portaria 24h - GO II.xlsm</t>
  </si>
  <si>
    <t>E:\BK_final\Vilarinho\Vilarinho - Trabalho\Segurança - Erica\2014\Orcamento\RESULTADO\ARQUIVOS PREPARATORIOS\Memoria Patrimonial\Arquivos base\GO\Portaria 24h - GO II.xlsm</t>
  </si>
  <si>
    <t>Portaria 24h - GO.xlsm</t>
  </si>
  <si>
    <t>E:\BK_final\Vilarinho\Vilarinho - Trabalho\Segurança - Erica\2014\Orcamento\RESULTADO\ARQUIVOS PREPARATORIOS\Memoria Patrimonial\Arquivos base\GO\Portaria 24h - GO.xlsm</t>
  </si>
  <si>
    <t>Vigilância 24h - GO - Plan Anterior.xlsx</t>
  </si>
  <si>
    <t>E:\BK_final\Vilarinho\Vilarinho - Trabalho\Segurança - Erica\2014\Orcamento\RESULTADO\ARQUIVOS PREPARATORIOS\Memoria Patrimonial\Arquivos base\GO\Vigilância 24h - GO - Plan Anterior.xlsx</t>
  </si>
  <si>
    <t>Vigilância 24h - GO - Reajustado.xlsm</t>
  </si>
  <si>
    <t>E:\BK_final\Vilarinho\Vilarinho - Trabalho\Segurança - Erica\2014\Orcamento\RESULTADO\ARQUIVOS PREPARATORIOS\Memoria Patrimonial\Arquivos base\GO\Vigilância 24h - GO - Reajustado.xlsm</t>
  </si>
  <si>
    <t>11/21/2019 16:46:16</t>
  </si>
  <si>
    <t>Vigilância 24h - GO II.xlsm</t>
  </si>
  <si>
    <t>E:\BK_final\Vilarinho\Vilarinho - Trabalho\Segurança - Erica\2014\Orcamento\RESULTADO\ARQUIVOS PREPARATORIOS\Memoria Patrimonial\Arquivos base\GO\Vigilância 24h - GO II.xlsm</t>
  </si>
  <si>
    <t>Vigilância 24h - GO.xlsm</t>
  </si>
  <si>
    <t>E:\BK_final\Vilarinho\Vilarinho - Trabalho\Segurança - Erica\2014\Orcamento\RESULTADO\ARQUIVOS PREPARATORIOS\Memoria Patrimonial\Arquivos base\GO\Vigilância 24h - GO.xlsm</t>
  </si>
  <si>
    <t>11/21/2019 16:46:17</t>
  </si>
  <si>
    <t>D:\2014\Orcamento\RESULTADO\ARQUIVOS PREPARATORIOS\Memoria Patrimonial\Arquivos base\MG\</t>
  </si>
  <si>
    <t>Portaria 24h - MG - Plan Anterior.xlsx</t>
  </si>
  <si>
    <t>E:\BK_final\Vilarinho\Vilarinho - Trabalho\Segurança - Erica\2014\Orcamento\RESULTADO\ARQUIVOS PREPARATORIOS\Memoria Patrimonial\Arquivos base\MG\Portaria 24h - MG - Plan Anterior.xlsx</t>
  </si>
  <si>
    <t>Portaria 24h - MG.xlsm</t>
  </si>
  <si>
    <t>E:\BK_final\Vilarinho\Vilarinho - Trabalho\Segurança - Erica\2014\Orcamento\RESULTADO\ARQUIVOS PREPARATORIOS\Memoria Patrimonial\Arquivos base\MG\Portaria 24h - MG.xlsm</t>
  </si>
  <si>
    <t>Portaria 24h - MG1 II - Cópia - Cópia.xlsm</t>
  </si>
  <si>
    <t>E:\BK_final\Vilarinho\Vilarinho - Trabalho\Segurança - Erica\2014\Orcamento\RESULTADO\ARQUIVOS PREPARATORIOS\Memoria Patrimonial\Arquivos base\MG\Portaria 24h - MG1 II - Cópia - Cópia.xlsm</t>
  </si>
  <si>
    <t>Portaria 24h - MG1 II - Cópia.xlsm</t>
  </si>
  <si>
    <t>E:\BK_final\Vilarinho\Vilarinho - Trabalho\Segurança - Erica\2014\Orcamento\RESULTADO\ARQUIVOS PREPARATORIOS\Memoria Patrimonial\Arquivos base\MG\Portaria 24h - MG1 II - Cópia.xlsm</t>
  </si>
  <si>
    <t>Portaria 24h - MG1 II.xlsm</t>
  </si>
  <si>
    <t>E:\BK_final\Vilarinho\Vilarinho - Trabalho\Segurança - Erica\2014\Orcamento\RESULTADO\ARQUIVOS PREPARATORIOS\Memoria Patrimonial\Arquivos base\MG\Portaria 24h - MG1 II.xlsm</t>
  </si>
  <si>
    <t>Portaria 24h - MG2 II.xlsm</t>
  </si>
  <si>
    <t>E:\BK_final\Vilarinho\Vilarinho - Trabalho\Segurança - Erica\2014\Orcamento\RESULTADO\ARQUIVOS PREPARATORIOS\Memoria Patrimonial\Arquivos base\MG\Portaria 24h - MG2 II.xlsm</t>
  </si>
  <si>
    <t>11/21/2019 16:46:18</t>
  </si>
  <si>
    <t>Vigilância 24h - MG - Cópia.xlsm</t>
  </si>
  <si>
    <t>E:\BK_final\Vilarinho\Vilarinho - Trabalho\Segurança - Erica\2014\Orcamento\RESULTADO\ARQUIVOS PREPARATORIOS\Memoria Patrimonial\Arquivos base\MG\Vigilância 24h - MG - Cópia.xlsm</t>
  </si>
  <si>
    <t>Vigilância 24h - MG - Plan Anterior.xlsx</t>
  </si>
  <si>
    <t>E:\BK_final\Vilarinho\Vilarinho - Trabalho\Segurança - Erica\2014\Orcamento\RESULTADO\ARQUIVOS PREPARATORIOS\Memoria Patrimonial\Arquivos base\MG\Vigilância 24h - MG - Plan Anterior.xlsx</t>
  </si>
  <si>
    <t>Vigilância 24h - MG.xlsm</t>
  </si>
  <si>
    <t>E:\BK_final\Vilarinho\Vilarinho - Trabalho\Segurança - Erica\2014\Orcamento\RESULTADO\ARQUIVOS PREPARATORIOS\Memoria Patrimonial\Arquivos base\MG\Vigilância 24h - MG.xlsm</t>
  </si>
  <si>
    <t>Vigilância 24h - MG1 II - Cópia - Cópia.xlsm</t>
  </si>
  <si>
    <t>E:\BK_final\Vilarinho\Vilarinho - Trabalho\Segurança - Erica\2014\Orcamento\RESULTADO\ARQUIVOS PREPARATORIOS\Memoria Patrimonial\Arquivos base\MG\Vigilância 24h - MG1 II - Cópia - Cópia.xlsm</t>
  </si>
  <si>
    <t>Vigilância 24h - MG1 II - Cópia.xlsm</t>
  </si>
  <si>
    <t>E:\BK_final\Vilarinho\Vilarinho - Trabalho\Segurança - Erica\2014\Orcamento\RESULTADO\ARQUIVOS PREPARATORIOS\Memoria Patrimonial\Arquivos base\MG\Vigilância 24h - MG1 II - Cópia.xlsm</t>
  </si>
  <si>
    <t>Vigilância 24h - MG1 II.xlsm</t>
  </si>
  <si>
    <t>E:\BK_final\Vilarinho\Vilarinho - Trabalho\Segurança - Erica\2014\Orcamento\RESULTADO\ARQUIVOS PREPARATORIOS\Memoria Patrimonial\Arquivos base\MG\Vigilância 24h - MG1 II.xlsm</t>
  </si>
  <si>
    <t>Vigilância 24h - MG2 II.xlsm</t>
  </si>
  <si>
    <t>E:\BK_final\Vilarinho\Vilarinho - Trabalho\Segurança - Erica\2014\Orcamento\RESULTADO\ARQUIVOS PREPARATORIOS\Memoria Patrimonial\Arquivos base\MG\Vigilância 24h - MG2 II.xlsm</t>
  </si>
  <si>
    <t>D:\2014\Orcamento\RESULTADO\ARQUIVOS PREPARATORIOS\Memoria Patrimonial\Arquivos base\MS\</t>
  </si>
  <si>
    <t>Portaria 24h - MS - Plan Anterior.xlsx</t>
  </si>
  <si>
    <t>E:\BK_final\Vilarinho\Vilarinho - Trabalho\Segurança - Erica\2014\Orcamento\RESULTADO\ARQUIVOS PREPARATORIOS\Memoria Patrimonial\Arquivos base\MS\Portaria 24h - MS - Plan Anterior.xlsx</t>
  </si>
  <si>
    <t>11/21/2019 16:46:19</t>
  </si>
  <si>
    <t>Portaria 24h - MS II - Cópia.xlsm</t>
  </si>
  <si>
    <t>E:\BK_final\Vilarinho\Vilarinho - Trabalho\Segurança - Erica\2014\Orcamento\RESULTADO\ARQUIVOS PREPARATORIOS\Memoria Patrimonial\Arquivos base\MS\Portaria 24h - MS II - Cópia.xlsm</t>
  </si>
  <si>
    <t>Portaria 24h - MS II.xlsm</t>
  </si>
  <si>
    <t>E:\BK_final\Vilarinho\Vilarinho - Trabalho\Segurança - Erica\2014\Orcamento\RESULTADO\ARQUIVOS PREPARATORIOS\Memoria Patrimonial\Arquivos base\MS\Portaria 24h - MS II.xlsm</t>
  </si>
  <si>
    <t>Portaria 24h - MS.xlsm</t>
  </si>
  <si>
    <t>E:\BK_final\Vilarinho\Vilarinho - Trabalho\Segurança - Erica\2014\Orcamento\RESULTADO\ARQUIVOS PREPARATORIOS\Memoria Patrimonial\Arquivos base\MS\Portaria 24h - MS.xlsm</t>
  </si>
  <si>
    <t>Vigilância 24h - MS - Plan Anterior.xlsx</t>
  </si>
  <si>
    <t>E:\BK_final\Vilarinho\Vilarinho - Trabalho\Segurança - Erica\2014\Orcamento\RESULTADO\ARQUIVOS PREPARATORIOS\Memoria Patrimonial\Arquivos base\MS\Vigilância 24h - MS - Plan Anterior.xlsx</t>
  </si>
  <si>
    <t>Vigilância 24h - MS II - Cópia.xlsm</t>
  </si>
  <si>
    <t>E:\BK_final\Vilarinho\Vilarinho - Trabalho\Segurança - Erica\2014\Orcamento\RESULTADO\ARQUIVOS PREPARATORIOS\Memoria Patrimonial\Arquivos base\MS\Vigilância 24h - MS II - Cópia.xlsm</t>
  </si>
  <si>
    <t>Vigilância 24h - MS II.xlsm</t>
  </si>
  <si>
    <t>E:\BK_final\Vilarinho\Vilarinho - Trabalho\Segurança - Erica\2014\Orcamento\RESULTADO\ARQUIVOS PREPARATORIOS\Memoria Patrimonial\Arquivos base\MS\Vigilância 24h - MS II.xlsm</t>
  </si>
  <si>
    <t>Vigilância 24h - MS.xlsm</t>
  </si>
  <si>
    <t>E:\BK_final\Vilarinho\Vilarinho - Trabalho\Segurança - Erica\2014\Orcamento\RESULTADO\ARQUIVOS PREPARATORIOS\Memoria Patrimonial\Arquivos base\MS\Vigilância 24h - MS.xlsm</t>
  </si>
  <si>
    <t>11/21/2019 16:46:20</t>
  </si>
  <si>
    <t>D:\2014\Orcamento\RESULTADO\ARQUIVOS PREPARATORIOS\Memoria Patrimonial\Arquivos base\MT\</t>
  </si>
  <si>
    <t>Portaria 24h - MT - Plan Anterior.xlsx</t>
  </si>
  <si>
    <t>E:\BK_final\Vilarinho\Vilarinho - Trabalho\Segurança - Erica\2014\Orcamento\RESULTADO\ARQUIVOS PREPARATORIOS\Memoria Patrimonial\Arquivos base\MT\Portaria 24h - MT - Plan Anterior.xlsx</t>
  </si>
  <si>
    <t>Portaria 24h - MT.xlsm</t>
  </si>
  <si>
    <t>E:\BK_final\Vilarinho\Vilarinho - Trabalho\Segurança - Erica\2014\Orcamento\RESULTADO\ARQUIVOS PREPARATORIOS\Memoria Patrimonial\Arquivos base\MT\Portaria 24h - MT.xlsm</t>
  </si>
  <si>
    <t>Vigilância 24h - MT - Plan Anterior.xlsx</t>
  </si>
  <si>
    <t>E:\BK_final\Vilarinho\Vilarinho - Trabalho\Segurança - Erica\2014\Orcamento\RESULTADO\ARQUIVOS PREPARATORIOS\Memoria Patrimonial\Arquivos base\MT\Vigilância 24h - MT - Plan Anterior.xlsx</t>
  </si>
  <si>
    <t>Vigilância 24h - MT II - Cópia.xlsm</t>
  </si>
  <si>
    <t>E:\BK_final\Vilarinho\Vilarinho - Trabalho\Segurança - Erica\2014\Orcamento\RESULTADO\ARQUIVOS PREPARATORIOS\Memoria Patrimonial\Arquivos base\MT\Vigilância 24h - MT II - Cópia.xlsm</t>
  </si>
  <si>
    <t>Vigilância 24h - MT II.xlsm</t>
  </si>
  <si>
    <t>E:\BK_final\Vilarinho\Vilarinho - Trabalho\Segurança - Erica\2014\Orcamento\RESULTADO\ARQUIVOS PREPARATORIOS\Memoria Patrimonial\Arquivos base\MT\Vigilância 24h - MT II.xlsm</t>
  </si>
  <si>
    <t>Vigilância 24h - MT.xlsm</t>
  </si>
  <si>
    <t>E:\BK_final\Vilarinho\Vilarinho - Trabalho\Segurança - Erica\2014\Orcamento\RESULTADO\ARQUIVOS PREPARATORIOS\Memoria Patrimonial\Arquivos base\MT\Vigilância 24h - MT.xlsm</t>
  </si>
  <si>
    <t>D:\2014\Orcamento\RESULTADO\ARQUIVOS PREPARATORIOS\Memoria Patrimonial\Arquivos base\PR\</t>
  </si>
  <si>
    <t>Portaria 24h - PR - Cópia.xlsm</t>
  </si>
  <si>
    <t>E:\BK_final\Vilarinho\Vilarinho - Trabalho\Segurança - Erica\2014\Orcamento\RESULTADO\ARQUIVOS PREPARATORIOS\Memoria Patrimonial\Arquivos base\PR\Portaria 24h - PR - Cópia.xlsm</t>
  </si>
  <si>
    <t>11/21/2019 16:46:21</t>
  </si>
  <si>
    <t>Portaria 24h - PR - III.xlsm</t>
  </si>
  <si>
    <t>E:\BK_final\Vilarinho\Vilarinho - Trabalho\Segurança - Erica\2014\Orcamento\RESULTADO\ARQUIVOS PREPARATORIOS\Memoria Patrimonial\Arquivos base\PR\Portaria 24h - PR - III.xlsm</t>
  </si>
  <si>
    <t>Portaria 24h - PR - Plan Anterior.xlsx</t>
  </si>
  <si>
    <t>E:\BK_final\Vilarinho\Vilarinho - Trabalho\Segurança - Erica\2014\Orcamento\RESULTADO\ARQUIVOS PREPARATORIOS\Memoria Patrimonial\Arquivos base\PR\Portaria 24h - PR - Plan Anterior.xlsx</t>
  </si>
  <si>
    <t>Portaria 24h - PR II.xlsm</t>
  </si>
  <si>
    <t>E:\BK_final\Vilarinho\Vilarinho - Trabalho\Segurança - Erica\2014\Orcamento\RESULTADO\ARQUIVOS PREPARATORIOS\Memoria Patrimonial\Arquivos base\PR\Portaria 24h - PR II.xlsm</t>
  </si>
  <si>
    <t>Portaria 24h - PR.xlsm</t>
  </si>
  <si>
    <t>E:\BK_final\Vilarinho\Vilarinho - Trabalho\Segurança - Erica\2014\Orcamento\RESULTADO\ARQUIVOS PREPARATORIOS\Memoria Patrimonial\Arquivos base\PR\Portaria 24h - PR.xlsm</t>
  </si>
  <si>
    <t>11/21/2019 16:46:22</t>
  </si>
  <si>
    <t>Vigilância 24h - PR - Plan Anterior.xlsx</t>
  </si>
  <si>
    <t>E:\BK_final\Vilarinho\Vilarinho - Trabalho\Segurança - Erica\2014\Orcamento\RESULTADO\ARQUIVOS PREPARATORIOS\Memoria Patrimonial\Arquivos base\PR\Vigilância 24h - PR - Plan Anterior.xlsx</t>
  </si>
  <si>
    <t>11/21/2019 16:46:23</t>
  </si>
  <si>
    <t>Vigilância 24h - PR II - Cópia.xlsm</t>
  </si>
  <si>
    <t>E:\BK_final\Vilarinho\Vilarinho - Trabalho\Segurança - Erica\2014\Orcamento\RESULTADO\ARQUIVOS PREPARATORIOS\Memoria Patrimonial\Arquivos base\PR\Vigilância 24h - PR II - Cópia.xlsm</t>
  </si>
  <si>
    <t>Vigilância 24h - PR II.xlsm</t>
  </si>
  <si>
    <t>E:\BK_final\Vilarinho\Vilarinho - Trabalho\Segurança - Erica\2014\Orcamento\RESULTADO\ARQUIVOS PREPARATORIOS\Memoria Patrimonial\Arquivos base\PR\Vigilância 24h - PR II.xlsm</t>
  </si>
  <si>
    <t>Vigilância 24h - PR.xlsm</t>
  </si>
  <si>
    <t>E:\BK_final\Vilarinho\Vilarinho - Trabalho\Segurança - Erica\2014\Orcamento\RESULTADO\ARQUIVOS PREPARATORIOS\Memoria Patrimonial\Arquivos base\PR\Vigilância 24h - PR.xlsm</t>
  </si>
  <si>
    <t>11/21/2019 16:46:25</t>
  </si>
  <si>
    <t>D:\2014\Orcamento\RESULTADO\ARQUIVOS PREPARATORIOS\Memoria Patrimonial\Arquivos base\SP\</t>
  </si>
  <si>
    <t>Portaria 24h - SP - Plan Anterior.xlsx</t>
  </si>
  <si>
    <t>E:\BK_final\Vilarinho\Vilarinho - Trabalho\Segurança - Erica\2014\Orcamento\RESULTADO\ARQUIVOS PREPARATORIOS\Memoria Patrimonial\Arquivos base\SP\Portaria 24h - SP - Plan Anterior.xlsx</t>
  </si>
  <si>
    <t>Portaria 24h - SP.xlsm</t>
  </si>
  <si>
    <t>E:\BK_final\Vilarinho\Vilarinho - Trabalho\Segurança - Erica\2014\Orcamento\RESULTADO\ARQUIVOS PREPARATORIOS\Memoria Patrimonial\Arquivos base\SP\Portaria 24h - SP.xlsm</t>
  </si>
  <si>
    <t>Portaria 24h - SP1 II.xlsm</t>
  </si>
  <si>
    <t>E:\BK_final\Vilarinho\Vilarinho - Trabalho\Segurança - Erica\2014\Orcamento\RESULTADO\ARQUIVOS PREPARATORIOS\Memoria Patrimonial\Arquivos base\SP\Portaria 24h - SP1 II.xlsm</t>
  </si>
  <si>
    <t>Portaria 24h - SP2 II - Cópia - Cópia.xlsm</t>
  </si>
  <si>
    <t>E:\BK_final\Vilarinho\Vilarinho - Trabalho\Segurança - Erica\2014\Orcamento\RESULTADO\ARQUIVOS PREPARATORIOS\Memoria Patrimonial\Arquivos base\SP\Portaria 24h - SP2 II - Cópia - Cópia.xlsm</t>
  </si>
  <si>
    <t>Portaria 24h - SP2 II - Cópia.xlsm</t>
  </si>
  <si>
    <t>E:\BK_final\Vilarinho\Vilarinho - Trabalho\Segurança - Erica\2014\Orcamento\RESULTADO\ARQUIVOS PREPARATORIOS\Memoria Patrimonial\Arquivos base\SP\Portaria 24h - SP2 II - Cópia.xlsm</t>
  </si>
  <si>
    <t>11/21/2019 16:46:26</t>
  </si>
  <si>
    <t>Vigilância 24h - SP - Plan Anterior.xlsx</t>
  </si>
  <si>
    <t>E:\BK_final\Vilarinho\Vilarinho - Trabalho\Segurança - Erica\2014\Orcamento\RESULTADO\ARQUIVOS PREPARATORIOS\Memoria Patrimonial\Arquivos base\SP\Vigilância 24h - SP - Plan Anterior.xlsx</t>
  </si>
  <si>
    <t>Vigilância 24h - SP.xlsm</t>
  </si>
  <si>
    <t>E:\BK_final\Vilarinho\Vilarinho - Trabalho\Segurança - Erica\2014\Orcamento\RESULTADO\ARQUIVOS PREPARATORIOS\Memoria Patrimonial\Arquivos base\SP\Vigilância 24h - SP.xlsm</t>
  </si>
  <si>
    <t>Vigilância 24h - SP1 II .xlsm</t>
  </si>
  <si>
    <t>E:\BK_final\Vilarinho\Vilarinho - Trabalho\Segurança - Erica\2014\Orcamento\RESULTADO\ARQUIVOS PREPARATORIOS\Memoria Patrimonial\Arquivos base\SP\Vigilância 24h - SP1 II .xlsm</t>
  </si>
  <si>
    <t>Vigilância 24h - SP2 II - Cópia.xlsm</t>
  </si>
  <si>
    <t>E:\BK_final\Vilarinho\Vilarinho - Trabalho\Segurança - Erica\2014\Orcamento\RESULTADO\ARQUIVOS PREPARATORIOS\Memoria Patrimonial\Arquivos base\SP\Vigilância 24h - SP2 II - Cópia.xlsm</t>
  </si>
  <si>
    <t>D:\2014\Orcamento\RESULTADO\ARQUIVOS PREPARATORIOS\Memoria Patrimonial\GO\</t>
  </si>
  <si>
    <t>2014_DRE_CONSOLIDADA_GO.xlsx</t>
  </si>
  <si>
    <t>E:\BK_final\Vilarinho\Vilarinho - Trabalho\Segurança - Erica\2014\Orcamento\RESULTADO\ARQUIVOS PREPARATORIOS\Memoria Patrimonial\GO\2014_DRE_CONSOLIDADA_GO.xlsx</t>
  </si>
  <si>
    <t>11/21/2019 16:46:27</t>
  </si>
  <si>
    <t>D:\2014\Orcamento\RESULTADO\ARQUIVOS PREPARATORIOS\Memoria Patrimonial\GO\Portaria\</t>
  </si>
  <si>
    <t>2014 - Portaria GO - I.xlsx</t>
  </si>
  <si>
    <t>E:\BK_final\Vilarinho\Vilarinho - Trabalho\Segurança - Erica\2014\Orcamento\RESULTADO\ARQUIVOS PREPARATORIOS\Memoria Patrimonial\GO\Portaria\2014 - Portaria GO - I.xlsx</t>
  </si>
  <si>
    <t>D:\2014\Orcamento\RESULTADO\ARQUIVOS PREPARATORIOS\Memoria Patrimonial\GO\Portaria\Nova\</t>
  </si>
  <si>
    <t>012014_Portaria_GO_Nova.xlsm</t>
  </si>
  <si>
    <t>E:\BK_final\Vilarinho\Vilarinho - Trabalho\Segurança - Erica\2014\Orcamento\RESULTADO\ARQUIVOS PREPARATORIOS\Memoria Patrimonial\GO\Portaria\Nova\012014_Portaria_GO_Nova.xlsm</t>
  </si>
  <si>
    <t>D:\2014\Orcamento\RESULTADO\ARQUIVOS PREPARATORIOS\Memoria Patrimonial\GO\Vigilancia\</t>
  </si>
  <si>
    <t>2014 - Vigilancia GO - I.xlsx</t>
  </si>
  <si>
    <t>E:\BK_final\Vilarinho\Vilarinho - Trabalho\Segurança - Erica\2014\Orcamento\RESULTADO\ARQUIVOS PREPARATORIOS\Memoria Patrimonial\GO\Vigilancia\2014 - Vigilancia GO - I.xlsx</t>
  </si>
  <si>
    <t>D:\2014\Orcamento\RESULTADO\ARQUIVOS PREPARATORIOS\Memoria Patrimonial\GO\Vigilancia\Cancelada\</t>
  </si>
  <si>
    <t>012014_Vigilancia_GO_Cancelada.xlsm</t>
  </si>
  <si>
    <t>E:\BK_final\Vilarinho\Vilarinho - Trabalho\Segurança - Erica\2014\Orcamento\RESULTADO\ARQUIVOS PREPARATORIOS\Memoria Patrimonial\GO\Vigilancia\Cancelada\012014_Vigilancia_GO_Cancelada.xlsm</t>
  </si>
  <si>
    <t>022014_Vigilancia_GO_Cancelada.xlsm</t>
  </si>
  <si>
    <t>E:\BK_final\Vilarinho\Vilarinho - Trabalho\Segurança - Erica\2014\Orcamento\RESULTADO\ARQUIVOS PREPARATORIOS\Memoria Patrimonial\GO\Vigilancia\Cancelada\022014_Vigilancia_GO_Cancelada.xlsm</t>
  </si>
  <si>
    <t>11/21/2019 16:46:28</t>
  </si>
  <si>
    <t>042014_Vigilancia_GO_Cancelada.xlsm</t>
  </si>
  <si>
    <t>E:\BK_final\Vilarinho\Vilarinho - Trabalho\Segurança - Erica\2014\Orcamento\RESULTADO\ARQUIVOS PREPARATORIOS\Memoria Patrimonial\GO\Vigilancia\Cancelada\042014_Vigilancia_GO_Cancelada.xlsm</t>
  </si>
  <si>
    <t>032014_Vigilancia_GO_Cancelada.xlsm</t>
  </si>
  <si>
    <t>E:\BK_final\Vilarinho\Vilarinho - Trabalho\Segurança - Erica\2014\Orcamento\RESULTADO\ARQUIVOS PREPARATORIOS\Memoria Patrimonial\GO\Vigilancia\Cancelada\032014_Vigilancia_GO_Cancelada.xlsm</t>
  </si>
  <si>
    <t>052014_Vigilancia_GO_Cancelada.xlsm</t>
  </si>
  <si>
    <t>E:\BK_final\Vilarinho\Vilarinho - Trabalho\Segurança - Erica\2014\Orcamento\RESULTADO\ARQUIVOS PREPARATORIOS\Memoria Patrimonial\GO\Vigilancia\Cancelada\052014_Vigilancia_GO_Cancelada.xlsm</t>
  </si>
  <si>
    <t>062014_Vigilancia_GO_Cancelada.xlsm</t>
  </si>
  <si>
    <t>E:\BK_final\Vilarinho\Vilarinho - Trabalho\Segurança - Erica\2014\Orcamento\RESULTADO\ARQUIVOS PREPARATORIOS\Memoria Patrimonial\GO\Vigilancia\Cancelada\062014_Vigilancia_GO_Cancelada.xlsm</t>
  </si>
  <si>
    <t>072014_Vigilancia_GO_Cancelada.xlsm</t>
  </si>
  <si>
    <t>E:\BK_final\Vilarinho\Vilarinho - Trabalho\Segurança - Erica\2014\Orcamento\RESULTADO\ARQUIVOS PREPARATORIOS\Memoria Patrimonial\GO\Vigilancia\Cancelada\072014_Vigilancia_GO_Cancelada.xlsm</t>
  </si>
  <si>
    <t>082014_Vigilancia_GO_Cancelada.xlsm</t>
  </si>
  <si>
    <t>E:\BK_final\Vilarinho\Vilarinho - Trabalho\Segurança - Erica\2014\Orcamento\RESULTADO\ARQUIVOS PREPARATORIOS\Memoria Patrimonial\GO\Vigilancia\Cancelada\082014_Vigilancia_GO_Cancelada.xlsm</t>
  </si>
  <si>
    <t>092014_Vigilancia_GO_Cancelada.xlsm</t>
  </si>
  <si>
    <t>E:\BK_final\Vilarinho\Vilarinho - Trabalho\Segurança - Erica\2014\Orcamento\RESULTADO\ARQUIVOS PREPARATORIOS\Memoria Patrimonial\GO\Vigilancia\Cancelada\092014_Vigilancia_GO_Cancelada.xlsm</t>
  </si>
  <si>
    <t>102014_Vigilancia_GO_Cancelada.xlsm</t>
  </si>
  <si>
    <t>E:\BK_final\Vilarinho\Vilarinho - Trabalho\Segurança - Erica\2014\Orcamento\RESULTADO\ARQUIVOS PREPARATORIOS\Memoria Patrimonial\GO\Vigilancia\Cancelada\102014_Vigilancia_GO_Cancelada.xlsm</t>
  </si>
  <si>
    <t>11/21/2019 16:46:29</t>
  </si>
  <si>
    <t>112014_Vigilancia_GO_Cancelada.xlsm</t>
  </si>
  <si>
    <t>E:\BK_final\Vilarinho\Vilarinho - Trabalho\Segurança - Erica\2014\Orcamento\RESULTADO\ARQUIVOS PREPARATORIOS\Memoria Patrimonial\GO\Vigilancia\Cancelada\112014_Vigilancia_GO_Cancelada.xlsm</t>
  </si>
  <si>
    <t>122014_Vigilancia_GO_Cancelada.xlsm</t>
  </si>
  <si>
    <t>E:\BK_final\Vilarinho\Vilarinho - Trabalho\Segurança - Erica\2014\Orcamento\RESULTADO\ARQUIVOS PREPARATORIOS\Memoria Patrimonial\GO\Vigilancia\Cancelada\122014_Vigilancia_GO_Cancelada.xlsm</t>
  </si>
  <si>
    <t>D:\2014\Orcamento\RESULTADO\ARQUIVOS PREPARATORIOS\Memoria Patrimonial\GO\Vigilancia\Extra\</t>
  </si>
  <si>
    <t>012014_Vigilancia_GO_Extra.xlsm</t>
  </si>
  <si>
    <t>E:\BK_final\Vilarinho\Vilarinho - Trabalho\Segurança - Erica\2014\Orcamento\RESULTADO\ARQUIVOS PREPARATORIOS\Memoria Patrimonial\GO\Vigilancia\Extra\012014_Vigilancia_GO_Extra.xlsm</t>
  </si>
  <si>
    <t>022014_Vigilancia_GO_Extra.xlsm</t>
  </si>
  <si>
    <t>E:\BK_final\Vilarinho\Vilarinho - Trabalho\Segurança - Erica\2014\Orcamento\RESULTADO\ARQUIVOS PREPARATORIOS\Memoria Patrimonial\GO\Vigilancia\Extra\022014_Vigilancia_GO_Extra.xlsm</t>
  </si>
  <si>
    <t>032014_Vigilancia_GO_Extra.xlsm</t>
  </si>
  <si>
    <t>E:\BK_final\Vilarinho\Vilarinho - Trabalho\Segurança - Erica\2014\Orcamento\RESULTADO\ARQUIVOS PREPARATORIOS\Memoria Patrimonial\GO\Vigilancia\Extra\032014_Vigilancia_GO_Extra.xlsm</t>
  </si>
  <si>
    <t>11/21/2019 16:46:30</t>
  </si>
  <si>
    <t>042014_Vigilancia_GO_Extra.xlsm</t>
  </si>
  <si>
    <t>E:\BK_final\Vilarinho\Vilarinho - Trabalho\Segurança - Erica\2014\Orcamento\RESULTADO\ARQUIVOS PREPARATORIOS\Memoria Patrimonial\GO\Vigilancia\Extra\042014_Vigilancia_GO_Extra.xlsm</t>
  </si>
  <si>
    <t>052014_Vigilancia_GO_Extra.xlsm</t>
  </si>
  <si>
    <t>E:\BK_final\Vilarinho\Vilarinho - Trabalho\Segurança - Erica\2014\Orcamento\RESULTADO\ARQUIVOS PREPARATORIOS\Memoria Patrimonial\GO\Vigilancia\Extra\052014_Vigilancia_GO_Extra.xlsm</t>
  </si>
  <si>
    <t>062014_Vigilancia_GO_Extra.xlsm</t>
  </si>
  <si>
    <t>E:\BK_final\Vilarinho\Vilarinho - Trabalho\Segurança - Erica\2014\Orcamento\RESULTADO\ARQUIVOS PREPARATORIOS\Memoria Patrimonial\GO\Vigilancia\Extra\062014_Vigilancia_GO_Extra.xlsm</t>
  </si>
  <si>
    <t>072014_Vigilancia_GO_Extra.xlsm</t>
  </si>
  <si>
    <t>E:\BK_final\Vilarinho\Vilarinho - Trabalho\Segurança - Erica\2014\Orcamento\RESULTADO\ARQUIVOS PREPARATORIOS\Memoria Patrimonial\GO\Vigilancia\Extra\072014_Vigilancia_GO_Extra.xlsm</t>
  </si>
  <si>
    <t>11/21/2019 16:46:31</t>
  </si>
  <si>
    <t>082014_Vigilancia_GO_Extra.xlsm</t>
  </si>
  <si>
    <t>E:\BK_final\Vilarinho\Vilarinho - Trabalho\Segurança - Erica\2014\Orcamento\RESULTADO\ARQUIVOS PREPARATORIOS\Memoria Patrimonial\GO\Vigilancia\Extra\082014_Vigilancia_GO_Extra.xlsm</t>
  </si>
  <si>
    <t>092014_Vigilancia_GO_Extra.xlsm</t>
  </si>
  <si>
    <t>E:\BK_final\Vilarinho\Vilarinho - Trabalho\Segurança - Erica\2014\Orcamento\RESULTADO\ARQUIVOS PREPARATORIOS\Memoria Patrimonial\GO\Vigilancia\Extra\092014_Vigilancia_GO_Extra.xlsm</t>
  </si>
  <si>
    <t>102014_Vigilancia_GO_Extra.xlsm</t>
  </si>
  <si>
    <t>E:\BK_final\Vilarinho\Vilarinho - Trabalho\Segurança - Erica\2014\Orcamento\RESULTADO\ARQUIVOS PREPARATORIOS\Memoria Patrimonial\GO\Vigilancia\Extra\102014_Vigilancia_GO_Extra.xlsm</t>
  </si>
  <si>
    <t>112014_Vigilancia_GO_Extra.xlsm</t>
  </si>
  <si>
    <t>E:\BK_final\Vilarinho\Vilarinho - Trabalho\Segurança - Erica\2014\Orcamento\RESULTADO\ARQUIVOS PREPARATORIOS\Memoria Patrimonial\GO\Vigilancia\Extra\112014_Vigilancia_GO_Extra.xlsm</t>
  </si>
  <si>
    <t>122014_Vigilancia_GO_Extra.xlsm</t>
  </si>
  <si>
    <t>E:\BK_final\Vilarinho\Vilarinho - Trabalho\Segurança - Erica\2014\Orcamento\RESULTADO\ARQUIVOS PREPARATORIOS\Memoria Patrimonial\GO\Vigilancia\Extra\122014_Vigilancia_GO_Extra.xlsm</t>
  </si>
  <si>
    <t>11/21/2019 16:46:32</t>
  </si>
  <si>
    <t>D:\2014\Orcamento\RESULTADO\ARQUIVOS PREPARATORIOS\Memoria Patrimonial\GO\Vigilancia\Nova\</t>
  </si>
  <si>
    <t>012014_Vigilancia_GO_Nova.xlsm</t>
  </si>
  <si>
    <t>E:\BK_final\Vilarinho\Vilarinho - Trabalho\Segurança - Erica\2014\Orcamento\RESULTADO\ARQUIVOS PREPARATORIOS\Memoria Patrimonial\GO\Vigilancia\Nova\012014_Vigilancia_GO_Nova.xlsm</t>
  </si>
  <si>
    <t>022014_Vigilancia_GO_Nova.xlsm</t>
  </si>
  <si>
    <t>E:\BK_final\Vilarinho\Vilarinho - Trabalho\Segurança - Erica\2014\Orcamento\RESULTADO\ARQUIVOS PREPARATORIOS\Memoria Patrimonial\GO\Vigilancia\Nova\022014_Vigilancia_GO_Nova.xlsm</t>
  </si>
  <si>
    <t>032014_Vigilancia_GO_Nova.xlsm</t>
  </si>
  <si>
    <t>E:\BK_final\Vilarinho\Vilarinho - Trabalho\Segurança - Erica\2014\Orcamento\RESULTADO\ARQUIVOS PREPARATORIOS\Memoria Patrimonial\GO\Vigilancia\Nova\032014_Vigilancia_GO_Nova.xlsm</t>
  </si>
  <si>
    <t>042014_Vigilancia_GO_Nova.xlsm</t>
  </si>
  <si>
    <t>E:\BK_final\Vilarinho\Vilarinho - Trabalho\Segurança - Erica\2014\Orcamento\RESULTADO\ARQUIVOS PREPARATORIOS\Memoria Patrimonial\GO\Vigilancia\Nova\042014_Vigilancia_GO_Nova.xlsm</t>
  </si>
  <si>
    <t>052014_Vigilancia_GO_Nova.xlsm</t>
  </si>
  <si>
    <t>E:\BK_final\Vilarinho\Vilarinho - Trabalho\Segurança - Erica\2014\Orcamento\RESULTADO\ARQUIVOS PREPARATORIOS\Memoria Patrimonial\GO\Vigilancia\Nova\052014_Vigilancia_GO_Nova.xlsm</t>
  </si>
  <si>
    <t>062014_Vigilancia_GO_Nova.xlsm</t>
  </si>
  <si>
    <t>E:\BK_final\Vilarinho\Vilarinho - Trabalho\Segurança - Erica\2014\Orcamento\RESULTADO\ARQUIVOS PREPARATORIOS\Memoria Patrimonial\GO\Vigilancia\Nova\062014_Vigilancia_GO_Nova.xlsm</t>
  </si>
  <si>
    <t>11/21/2019 16:46:33</t>
  </si>
  <si>
    <t>E:\BK_final\Vilarinho\Vilarinho - Trabalho\Segurança - Erica\2014\Orcamento\RESULTADO\ARQUIVOS PREPARATORIOS\Memoria Patrimonial\GO\Vigilancia\Nova\072014_Vigilancia_GO_Nova.xlsm</t>
  </si>
  <si>
    <t>082014_Vigilancia_GO_Nova.xlsm</t>
  </si>
  <si>
    <t>E:\BK_final\Vilarinho\Vilarinho - Trabalho\Segurança - Erica\2014\Orcamento\RESULTADO\ARQUIVOS PREPARATORIOS\Memoria Patrimonial\GO\Vigilancia\Nova\082014_Vigilancia_GO_Nova.xlsm</t>
  </si>
  <si>
    <t>092014_Vigilancia_GO_Nova.xlsm</t>
  </si>
  <si>
    <t>E:\BK_final\Vilarinho\Vilarinho - Trabalho\Segurança - Erica\2014\Orcamento\RESULTADO\ARQUIVOS PREPARATORIOS\Memoria Patrimonial\GO\Vigilancia\Nova\092014_Vigilancia_GO_Nova.xlsm</t>
  </si>
  <si>
    <t>102014_Vigilancia_GO_Nova.xlsm</t>
  </si>
  <si>
    <t>E:\BK_final\Vilarinho\Vilarinho - Trabalho\Segurança - Erica\2014\Orcamento\RESULTADO\ARQUIVOS PREPARATORIOS\Memoria Patrimonial\GO\Vigilancia\Nova\102014_Vigilancia_GO_Nova.xlsm</t>
  </si>
  <si>
    <t>112014_Vigilancia_GO_Nova.xlsm</t>
  </si>
  <si>
    <t>E:\BK_final\Vilarinho\Vilarinho - Trabalho\Segurança - Erica\2014\Orcamento\RESULTADO\ARQUIVOS PREPARATORIOS\Memoria Patrimonial\GO\Vigilancia\Nova\112014_Vigilancia_GO_Nova.xlsm</t>
  </si>
  <si>
    <t>122014_Vigilancia_GO_Nova.xlsm</t>
  </si>
  <si>
    <t>E:\BK_final\Vilarinho\Vilarinho - Trabalho\Segurança - Erica\2014\Orcamento\RESULTADO\ARQUIVOS PREPARATORIOS\Memoria Patrimonial\GO\Vigilancia\Nova\122014_Vigilancia_GO_Nova.xlsm</t>
  </si>
  <si>
    <t>11/21/2019 16:46:35</t>
  </si>
  <si>
    <t>D:\2014\Orcamento\RESULTADO\ARQUIVOS PREPARATORIOS\Memoria Patrimonial\MG1\</t>
  </si>
  <si>
    <t>2014_DRE_CONSOLIDADA_MG1.xlsx</t>
  </si>
  <si>
    <t>E:\BK_final\Vilarinho\Vilarinho - Trabalho\Segurança - Erica\2014\Orcamento\RESULTADO\ARQUIVOS PREPARATORIOS\Memoria Patrimonial\MG1\2014_DRE_CONSOLIDADA_MG1.xlsx</t>
  </si>
  <si>
    <t>11/21/2019 16:46:36</t>
  </si>
  <si>
    <t>D:\2014\Orcamento\RESULTADO\ARQUIVOS PREPARATORIOS\Memoria Patrimonial\MG1\Portaria\</t>
  </si>
  <si>
    <t>2014 - Portaria MG1 - I.xlsx</t>
  </si>
  <si>
    <t>E:\BK_final\Vilarinho\Vilarinho - Trabalho\Segurança - Erica\2014\Orcamento\RESULTADO\ARQUIVOS PREPARATORIOS\Memoria Patrimonial\MG1\Portaria\2014 - Portaria MG1 - I.xlsx</t>
  </si>
  <si>
    <t>D:\2014\Orcamento\RESULTADO\ARQUIVOS PREPARATORIOS\Memoria Patrimonial\MG1\Portaria\Cancelada\</t>
  </si>
  <si>
    <t>012014_Portaria_MG1_Cancelada.xlsm</t>
  </si>
  <si>
    <t>E:\BK_final\Vilarinho\Vilarinho - Trabalho\Segurança - Erica\2014\Orcamento\RESULTADO\ARQUIVOS PREPARATORIOS\Memoria Patrimonial\MG1\Portaria\Cancelada\012014_Portaria_MG1_Cancelada.xlsm</t>
  </si>
  <si>
    <t>022014_Portaria_MG1_Cancelada.xlsm</t>
  </si>
  <si>
    <t>E:\BK_final\Vilarinho\Vilarinho - Trabalho\Segurança - Erica\2014\Orcamento\RESULTADO\ARQUIVOS PREPARATORIOS\Memoria Patrimonial\MG1\Portaria\Cancelada\022014_Portaria_MG1_Cancelada.xlsm</t>
  </si>
  <si>
    <t>032014_Portaria_MG1_Cancelada.xlsm</t>
  </si>
  <si>
    <t>E:\BK_final\Vilarinho\Vilarinho - Trabalho\Segurança - Erica\2014\Orcamento\RESULTADO\ARQUIVOS PREPARATORIOS\Memoria Patrimonial\MG1\Portaria\Cancelada\032014_Portaria_MG1_Cancelada.xlsm</t>
  </si>
  <si>
    <t>11/21/2019 16:46:37</t>
  </si>
  <si>
    <t>042014_Portaria_MG1_Cancelada.xlsm</t>
  </si>
  <si>
    <t>E:\BK_final\Vilarinho\Vilarinho - Trabalho\Segurança - Erica\2014\Orcamento\RESULTADO\ARQUIVOS PREPARATORIOS\Memoria Patrimonial\MG1\Portaria\Cancelada\042014_Portaria_MG1_Cancelada.xlsm</t>
  </si>
  <si>
    <t>052014_Portaria_MG1_Cancelada.xlsm</t>
  </si>
  <si>
    <t>E:\BK_final\Vilarinho\Vilarinho - Trabalho\Segurança - Erica\2014\Orcamento\RESULTADO\ARQUIVOS PREPARATORIOS\Memoria Patrimonial\MG1\Portaria\Cancelada\052014_Portaria_MG1_Cancelada.xlsm</t>
  </si>
  <si>
    <t>062014_Portaria_MG1_Cancelada.xlsm</t>
  </si>
  <si>
    <t>E:\BK_final\Vilarinho\Vilarinho - Trabalho\Segurança - Erica\2014\Orcamento\RESULTADO\ARQUIVOS PREPARATORIOS\Memoria Patrimonial\MG1\Portaria\Cancelada\062014_Portaria_MG1_Cancelada.xlsm</t>
  </si>
  <si>
    <t>072014_Portaria_MG1_Cancelada.xlsm</t>
  </si>
  <si>
    <t>E:\BK_final\Vilarinho\Vilarinho - Trabalho\Segurança - Erica\2014\Orcamento\RESULTADO\ARQUIVOS PREPARATORIOS\Memoria Patrimonial\MG1\Portaria\Cancelada\072014_Portaria_MG1_Cancelada.xlsm</t>
  </si>
  <si>
    <t>082014_Portaria_MG1_Cancelada.xlsm</t>
  </si>
  <si>
    <t>E:\BK_final\Vilarinho\Vilarinho - Trabalho\Segurança - Erica\2014\Orcamento\RESULTADO\ARQUIVOS PREPARATORIOS\Memoria Patrimonial\MG1\Portaria\Cancelada\082014_Portaria_MG1_Cancelada.xlsm</t>
  </si>
  <si>
    <t>092014_Portaria_MG1_Cancelada.xlsm</t>
  </si>
  <si>
    <t>E:\BK_final\Vilarinho\Vilarinho - Trabalho\Segurança - Erica\2014\Orcamento\RESULTADO\ARQUIVOS PREPARATORIOS\Memoria Patrimonial\MG1\Portaria\Cancelada\092014_Portaria_MG1_Cancelada.xlsm</t>
  </si>
  <si>
    <t>11/21/2019 16:46:38</t>
  </si>
  <si>
    <t>102014_Portaria_MG1_Cancelada.xlsm</t>
  </si>
  <si>
    <t>E:\BK_final\Vilarinho\Vilarinho - Trabalho\Segurança - Erica\2014\Orcamento\RESULTADO\ARQUIVOS PREPARATORIOS\Memoria Patrimonial\MG1\Portaria\Cancelada\102014_Portaria_MG1_Cancelada.xlsm</t>
  </si>
  <si>
    <t>112014_Portaria_MG1_Cancelada.xlsm</t>
  </si>
  <si>
    <t>E:\BK_final\Vilarinho\Vilarinho - Trabalho\Segurança - Erica\2014\Orcamento\RESULTADO\ARQUIVOS PREPARATORIOS\Memoria Patrimonial\MG1\Portaria\Cancelada\112014_Portaria_MG1_Cancelada.xlsm</t>
  </si>
  <si>
    <t>122014_Portaria_MG1_Cancelada.xlsm</t>
  </si>
  <si>
    <t>E:\BK_final\Vilarinho\Vilarinho - Trabalho\Segurança - Erica\2014\Orcamento\RESULTADO\ARQUIVOS PREPARATORIOS\Memoria Patrimonial\MG1\Portaria\Cancelada\122014_Portaria_MG1_Cancelada.xlsm</t>
  </si>
  <si>
    <t>D:\2014\Orcamento\RESULTADO\ARQUIVOS PREPARATORIOS\Memoria Patrimonial\MG1\Portaria\Nova\</t>
  </si>
  <si>
    <t>012014_Portaria_MG1_Nova.xlsm</t>
  </si>
  <si>
    <t>E:\BK_final\Vilarinho\Vilarinho - Trabalho\Segurança - Erica\2014\Orcamento\RESULTADO\ARQUIVOS PREPARATORIOS\Memoria Patrimonial\MG1\Portaria\Nova\012014_Portaria_MG1_Nova.xlsm</t>
  </si>
  <si>
    <t>022014_Portaria_MG1_Nova.xlsm</t>
  </si>
  <si>
    <t>E:\BK_final\Vilarinho\Vilarinho - Trabalho\Segurança - Erica\2014\Orcamento\RESULTADO\ARQUIVOS PREPARATORIOS\Memoria Patrimonial\MG1\Portaria\Nova\022014_Portaria_MG1_Nova.xlsm</t>
  </si>
  <si>
    <t>11/21/2019 16:46:39</t>
  </si>
  <si>
    <t>032014_Portaria_MG1_Nova.xlsm</t>
  </si>
  <si>
    <t>E:\BK_final\Vilarinho\Vilarinho - Trabalho\Segurança - Erica\2014\Orcamento\RESULTADO\ARQUIVOS PREPARATORIOS\Memoria Patrimonial\MG1\Portaria\Nova\032014_Portaria_MG1_Nova.xlsm</t>
  </si>
  <si>
    <t>042014_Portaria_MG1_Nova.xlsm</t>
  </si>
  <si>
    <t>E:\BK_final\Vilarinho\Vilarinho - Trabalho\Segurança - Erica\2014\Orcamento\RESULTADO\ARQUIVOS PREPARATORIOS\Memoria Patrimonial\MG1\Portaria\Nova\042014_Portaria_MG1_Nova.xlsm</t>
  </si>
  <si>
    <t>052014_Portaria_MG1_Nova.xlsm</t>
  </si>
  <si>
    <t>E:\BK_final\Vilarinho\Vilarinho - Trabalho\Segurança - Erica\2014\Orcamento\RESULTADO\ARQUIVOS PREPARATORIOS\Memoria Patrimonial\MG1\Portaria\Nova\052014_Portaria_MG1_Nova.xlsm</t>
  </si>
  <si>
    <t>062014_Portaria_MG1_Nova.xlsm</t>
  </si>
  <si>
    <t>E:\BK_final\Vilarinho\Vilarinho - Trabalho\Segurança - Erica\2014\Orcamento\RESULTADO\ARQUIVOS PREPARATORIOS\Memoria Patrimonial\MG1\Portaria\Nova\062014_Portaria_MG1_Nova.xlsm</t>
  </si>
  <si>
    <t>E:\BK_final\Vilarinho\Vilarinho - Trabalho\Segurança - Erica\2014\Orcamento\RESULTADO\ARQUIVOS PREPARATORIOS\Memoria Patrimonial\MG1\Portaria\Nova\072014_Portaria_MG1_Nova.xlsm</t>
  </si>
  <si>
    <t>082014_Portaria_MG1_Nova.xlsm</t>
  </si>
  <si>
    <t>E:\BK_final\Vilarinho\Vilarinho - Trabalho\Segurança - Erica\2014\Orcamento\RESULTADO\ARQUIVOS PREPARATORIOS\Memoria Patrimonial\MG1\Portaria\Nova\082014_Portaria_MG1_Nova.xlsm</t>
  </si>
  <si>
    <t>11/21/2019 16:46:40</t>
  </si>
  <si>
    <t>092014_Portaria_MG1_Nova.xlsm</t>
  </si>
  <si>
    <t>E:\BK_final\Vilarinho\Vilarinho - Trabalho\Segurança - Erica\2014\Orcamento\RESULTADO\ARQUIVOS PREPARATORIOS\Memoria Patrimonial\MG1\Portaria\Nova\092014_Portaria_MG1_Nova.xlsm</t>
  </si>
  <si>
    <t>102014_Portaria_MG1_Nova.xlsm</t>
  </si>
  <si>
    <t>E:\BK_final\Vilarinho\Vilarinho - Trabalho\Segurança - Erica\2014\Orcamento\RESULTADO\ARQUIVOS PREPARATORIOS\Memoria Patrimonial\MG1\Portaria\Nova\102014_Portaria_MG1_Nova.xlsm</t>
  </si>
  <si>
    <t>112014_Portaria_MG1_Nova.xlsm</t>
  </si>
  <si>
    <t>E:\BK_final\Vilarinho\Vilarinho - Trabalho\Segurança - Erica\2014\Orcamento\RESULTADO\ARQUIVOS PREPARATORIOS\Memoria Patrimonial\MG1\Portaria\Nova\112014_Portaria_MG1_Nova.xlsm</t>
  </si>
  <si>
    <t>122014_Portaria_MG1_Nova.xlsm</t>
  </si>
  <si>
    <t>E:\BK_final\Vilarinho\Vilarinho - Trabalho\Segurança - Erica\2014\Orcamento\RESULTADO\ARQUIVOS PREPARATORIOS\Memoria Patrimonial\MG1\Portaria\Nova\122014_Portaria_MG1_Nova.xlsm</t>
  </si>
  <si>
    <t>D:\2014\Orcamento\RESULTADO\ARQUIVOS PREPARATORIOS\Memoria Patrimonial\MG1\Vigilancia\</t>
  </si>
  <si>
    <t>2014 - Vigilancia MG1 - I.xlsx</t>
  </si>
  <si>
    <t>E:\BK_final\Vilarinho\Vilarinho - Trabalho\Segurança - Erica\2014\Orcamento\RESULTADO\ARQUIVOS PREPARATORIOS\Memoria Patrimonial\MG1\Vigilancia\2014 - Vigilancia MG1 - I.xlsx</t>
  </si>
  <si>
    <t>D:\2014\Orcamento\RESULTADO\ARQUIVOS PREPARATORIOS\Memoria Patrimonial\MG1\Vigilancia\Cancelada\</t>
  </si>
  <si>
    <t>012014_Vigilancia_MG1_Cancelada.xlsm</t>
  </si>
  <si>
    <t>E:\BK_final\Vilarinho\Vilarinho - Trabalho\Segurança - Erica\2014\Orcamento\RESULTADO\ARQUIVOS PREPARATORIOS\Memoria Patrimonial\MG1\Vigilancia\Cancelada\012014_Vigilancia_MG1_Cancelada.xlsm</t>
  </si>
  <si>
    <t>022014_Vigilancia_MG1_Cancelada.xlsm</t>
  </si>
  <si>
    <t>E:\BK_final\Vilarinho\Vilarinho - Trabalho\Segurança - Erica\2014\Orcamento\RESULTADO\ARQUIVOS PREPARATORIOS\Memoria Patrimonial\MG1\Vigilancia\Cancelada\022014_Vigilancia_MG1_Cancelada.xlsm</t>
  </si>
  <si>
    <t>11/21/2019 16:46:41</t>
  </si>
  <si>
    <t>032014_Vigilancia_MG1_Cancelada.xlsm</t>
  </si>
  <si>
    <t>E:\BK_final\Vilarinho\Vilarinho - Trabalho\Segurança - Erica\2014\Orcamento\RESULTADO\ARQUIVOS PREPARATORIOS\Memoria Patrimonial\MG1\Vigilancia\Cancelada\032014_Vigilancia_MG1_Cancelada.xlsm</t>
  </si>
  <si>
    <t>042014_Vigilancia_MG1_Cancelada.xlsm</t>
  </si>
  <si>
    <t>E:\BK_final\Vilarinho\Vilarinho - Trabalho\Segurança - Erica\2014\Orcamento\RESULTADO\ARQUIVOS PREPARATORIOS\Memoria Patrimonial\MG1\Vigilancia\Cancelada\042014_Vigilancia_MG1_Cancelada.xlsm</t>
  </si>
  <si>
    <t>052014_Vigilancia_MG1_Cancelada.xlsm</t>
  </si>
  <si>
    <t>E:\BK_final\Vilarinho\Vilarinho - Trabalho\Segurança - Erica\2014\Orcamento\RESULTADO\ARQUIVOS PREPARATORIOS\Memoria Patrimonial\MG1\Vigilancia\Cancelada\052014_Vigilancia_MG1_Cancelada.xlsm</t>
  </si>
  <si>
    <t>062014_Vigilancia_MG1_Cancelada.xlsm</t>
  </si>
  <si>
    <t>E:\BK_final\Vilarinho\Vilarinho - Trabalho\Segurança - Erica\2014\Orcamento\RESULTADO\ARQUIVOS PREPARATORIOS\Memoria Patrimonial\MG1\Vigilancia\Cancelada\062014_Vigilancia_MG1_Cancelada.xlsm</t>
  </si>
  <si>
    <t>072014_Vigilancia_MG1_Cancelada.xlsm</t>
  </si>
  <si>
    <t>E:\BK_final\Vilarinho\Vilarinho - Trabalho\Segurança - Erica\2014\Orcamento\RESULTADO\ARQUIVOS PREPARATORIOS\Memoria Patrimonial\MG1\Vigilancia\Cancelada\072014_Vigilancia_MG1_Cancelada.xlsm</t>
  </si>
  <si>
    <t>082014_Vigilancia_MG1_Cancelada.xlsm</t>
  </si>
  <si>
    <t>E:\BK_final\Vilarinho\Vilarinho - Trabalho\Segurança - Erica\2014\Orcamento\RESULTADO\ARQUIVOS PREPARATORIOS\Memoria Patrimonial\MG1\Vigilancia\Cancelada\082014_Vigilancia_MG1_Cancelada.xlsm</t>
  </si>
  <si>
    <t>092014_Vigilancia_MG1_Cancelada.xlsm</t>
  </si>
  <si>
    <t>E:\BK_final\Vilarinho\Vilarinho - Trabalho\Segurança - Erica\2014\Orcamento\RESULTADO\ARQUIVOS PREPARATORIOS\Memoria Patrimonial\MG1\Vigilancia\Cancelada\092014_Vigilancia_MG1_Cancelada.xlsm</t>
  </si>
  <si>
    <t>11/21/2019 16:46:42</t>
  </si>
  <si>
    <t>102014_Vigilancia_MG1_Cancelada.xlsm</t>
  </si>
  <si>
    <t>E:\BK_final\Vilarinho\Vilarinho - Trabalho\Segurança - Erica\2014\Orcamento\RESULTADO\ARQUIVOS PREPARATORIOS\Memoria Patrimonial\MG1\Vigilancia\Cancelada\102014_Vigilancia_MG1_Cancelada.xlsm</t>
  </si>
  <si>
    <t>112014_Vigilancia_MG1_Cancelada.xlsm</t>
  </si>
  <si>
    <t>E:\BK_final\Vilarinho\Vilarinho - Trabalho\Segurança - Erica\2014\Orcamento\RESULTADO\ARQUIVOS PREPARATORIOS\Memoria Patrimonial\MG1\Vigilancia\Cancelada\112014_Vigilancia_MG1_Cancelada.xlsm</t>
  </si>
  <si>
    <t>122014_Vigilancia_MG1_Cancelada.xlsm</t>
  </si>
  <si>
    <t>E:\BK_final\Vilarinho\Vilarinho - Trabalho\Segurança - Erica\2014\Orcamento\RESULTADO\ARQUIVOS PREPARATORIOS\Memoria Patrimonial\MG1\Vigilancia\Cancelada\122014_Vigilancia_MG1_Cancelada.xlsm</t>
  </si>
  <si>
    <t>11/21/2019 16:46:44</t>
  </si>
  <si>
    <t>D:\2014\Orcamento\RESULTADO\ARQUIVOS PREPARATORIOS\Memoria Patrimonial\MG1\Vigilancia\Extra\</t>
  </si>
  <si>
    <t>012014_Vigilancia_MG1_Extra.xlsm</t>
  </si>
  <si>
    <t>E:\BK_final\Vilarinho\Vilarinho - Trabalho\Segurança - Erica\2014\Orcamento\RESULTADO\ARQUIVOS PREPARATORIOS\Memoria Patrimonial\MG1\Vigilancia\Extra\012014_Vigilancia_MG1_Extra.xlsm</t>
  </si>
  <si>
    <t>022014_Vigilancia_MG1_Extra.xlsm</t>
  </si>
  <si>
    <t>E:\BK_final\Vilarinho\Vilarinho - Trabalho\Segurança - Erica\2014\Orcamento\RESULTADO\ARQUIVOS PREPARATORIOS\Memoria Patrimonial\MG1\Vigilancia\Extra\022014_Vigilancia_MG1_Extra.xlsm</t>
  </si>
  <si>
    <t>032014_Vigilancia_MG1_Extra.xlsm</t>
  </si>
  <si>
    <t>E:\BK_final\Vilarinho\Vilarinho - Trabalho\Segurança - Erica\2014\Orcamento\RESULTADO\ARQUIVOS PREPARATORIOS\Memoria Patrimonial\MG1\Vigilancia\Extra\032014_Vigilancia_MG1_Extra.xlsm</t>
  </si>
  <si>
    <t>11/21/2019 16:46:45</t>
  </si>
  <si>
    <t>042014_Vigilancia_MG1_Extra.xlsm</t>
  </si>
  <si>
    <t>E:\BK_final\Vilarinho\Vilarinho - Trabalho\Segurança - Erica\2014\Orcamento\RESULTADO\ARQUIVOS PREPARATORIOS\Memoria Patrimonial\MG1\Vigilancia\Extra\042014_Vigilancia_MG1_Extra.xlsm</t>
  </si>
  <si>
    <t>052014_Vigilancia_MG1_Extra.xlsm</t>
  </si>
  <si>
    <t>E:\BK_final\Vilarinho\Vilarinho - Trabalho\Segurança - Erica\2014\Orcamento\RESULTADO\ARQUIVOS PREPARATORIOS\Memoria Patrimonial\MG1\Vigilancia\Extra\052014_Vigilancia_MG1_Extra.xlsm</t>
  </si>
  <si>
    <t>062014_Vigilancia_MG1_Extra.xlsm</t>
  </si>
  <si>
    <t>E:\BK_final\Vilarinho\Vilarinho - Trabalho\Segurança - Erica\2014\Orcamento\RESULTADO\ARQUIVOS PREPARATORIOS\Memoria Patrimonial\MG1\Vigilancia\Extra\062014_Vigilancia_MG1_Extra.xlsm</t>
  </si>
  <si>
    <t>072014_Vigilancia_MG1_Extra.xlsm</t>
  </si>
  <si>
    <t>E:\BK_final\Vilarinho\Vilarinho - Trabalho\Segurança - Erica\2014\Orcamento\RESULTADO\ARQUIVOS PREPARATORIOS\Memoria Patrimonial\MG1\Vigilancia\Extra\072014_Vigilancia_MG1_Extra.xlsm</t>
  </si>
  <si>
    <t>082014_Vigilancia_MG1_Extra.xlsm</t>
  </si>
  <si>
    <t>E:\BK_final\Vilarinho\Vilarinho - Trabalho\Segurança - Erica\2014\Orcamento\RESULTADO\ARQUIVOS PREPARATORIOS\Memoria Patrimonial\MG1\Vigilancia\Extra\082014_Vigilancia_MG1_Extra.xlsm</t>
  </si>
  <si>
    <t>11/21/2019 16:46:46</t>
  </si>
  <si>
    <t>092014_Vigilancia_MG1_Extra.xlsm</t>
  </si>
  <si>
    <t>E:\BK_final\Vilarinho\Vilarinho - Trabalho\Segurança - Erica\2014\Orcamento\RESULTADO\ARQUIVOS PREPARATORIOS\Memoria Patrimonial\MG1\Vigilancia\Extra\092014_Vigilancia_MG1_Extra.xlsm</t>
  </si>
  <si>
    <t>102014_Vigilancia_MG1_Extra.xlsm</t>
  </si>
  <si>
    <t>E:\BK_final\Vilarinho\Vilarinho - Trabalho\Segurança - Erica\2014\Orcamento\RESULTADO\ARQUIVOS PREPARATORIOS\Memoria Patrimonial\MG1\Vigilancia\Extra\102014_Vigilancia_MG1_Extra.xlsm</t>
  </si>
  <si>
    <t>112014_Vigilancia_MG1_Extra.xlsm</t>
  </si>
  <si>
    <t>E:\BK_final\Vilarinho\Vilarinho - Trabalho\Segurança - Erica\2014\Orcamento\RESULTADO\ARQUIVOS PREPARATORIOS\Memoria Patrimonial\MG1\Vigilancia\Extra\112014_Vigilancia_MG1_Extra.xlsm</t>
  </si>
  <si>
    <t>122014_Vigilancia_MG1_Extra.xlsm</t>
  </si>
  <si>
    <t>E:\BK_final\Vilarinho\Vilarinho - Trabalho\Segurança - Erica\2014\Orcamento\RESULTADO\ARQUIVOS PREPARATORIOS\Memoria Patrimonial\MG1\Vigilancia\Extra\122014_Vigilancia_MG1_Extra.xlsm</t>
  </si>
  <si>
    <t>D:\2014\Orcamento\RESULTADO\ARQUIVOS PREPARATORIOS\Memoria Patrimonial\MG1\Vigilancia\Nova\</t>
  </si>
  <si>
    <t>012014_Vigilancia_MG1_Nova.xlsm</t>
  </si>
  <si>
    <t>E:\BK_final\Vilarinho\Vilarinho - Trabalho\Segurança - Erica\2014\Orcamento\RESULTADO\ARQUIVOS PREPARATORIOS\Memoria Patrimonial\MG1\Vigilancia\Nova\012014_Vigilancia_MG1_Nova.xlsm</t>
  </si>
  <si>
    <t>11/21/2019 16:46:47</t>
  </si>
  <si>
    <t>022014_Vigilancia_MG1_Nova.xlsm</t>
  </si>
  <si>
    <t>E:\BK_final\Vilarinho\Vilarinho - Trabalho\Segurança - Erica\2014\Orcamento\RESULTADO\ARQUIVOS PREPARATORIOS\Memoria Patrimonial\MG1\Vigilancia\Nova\022014_Vigilancia_MG1_Nova.xlsm</t>
  </si>
  <si>
    <t>032014_Vigilancia_MG1_Nova.xlsm</t>
  </si>
  <si>
    <t>E:\BK_final\Vilarinho\Vilarinho - Trabalho\Segurança - Erica\2014\Orcamento\RESULTADO\ARQUIVOS PREPARATORIOS\Memoria Patrimonial\MG1\Vigilancia\Nova\032014_Vigilancia_MG1_Nova.xlsm</t>
  </si>
  <si>
    <t>042014_Vigilancia_MG1_Nova.xlsm</t>
  </si>
  <si>
    <t>E:\BK_final\Vilarinho\Vilarinho - Trabalho\Segurança - Erica\2014\Orcamento\RESULTADO\ARQUIVOS PREPARATORIOS\Memoria Patrimonial\MG1\Vigilancia\Nova\042014_Vigilancia_MG1_Nova.xlsm</t>
  </si>
  <si>
    <t>052014_Vigilancia_MG1_Nova.xlsm</t>
  </si>
  <si>
    <t>E:\BK_final\Vilarinho\Vilarinho - Trabalho\Segurança - Erica\2014\Orcamento\RESULTADO\ARQUIVOS PREPARATORIOS\Memoria Patrimonial\MG1\Vigilancia\Nova\052014_Vigilancia_MG1_Nova.xlsm</t>
  </si>
  <si>
    <t>062014_Vigilancia_MG1_Nova.xlsm</t>
  </si>
  <si>
    <t>E:\BK_final\Vilarinho\Vilarinho - Trabalho\Segurança - Erica\2014\Orcamento\RESULTADO\ARQUIVOS PREPARATORIOS\Memoria Patrimonial\MG1\Vigilancia\Nova\062014_Vigilancia_MG1_Nova.xlsm</t>
  </si>
  <si>
    <t>E:\BK_final\Vilarinho\Vilarinho - Trabalho\Segurança - Erica\2014\Orcamento\RESULTADO\ARQUIVOS PREPARATORIOS\Memoria Patrimonial\MG1\Vigilancia\Nova\072014_Vigilancia_MG1_Nova.xlsm</t>
  </si>
  <si>
    <t>11/21/2019 16:46:48</t>
  </si>
  <si>
    <t>082014_Vigilancia_MG1_Nova.xlsm</t>
  </si>
  <si>
    <t>E:\BK_final\Vilarinho\Vilarinho - Trabalho\Segurança - Erica\2014\Orcamento\RESULTADO\ARQUIVOS PREPARATORIOS\Memoria Patrimonial\MG1\Vigilancia\Nova\082014_Vigilancia_MG1_Nova.xlsm</t>
  </si>
  <si>
    <t>092014_Vigilancia_MG1_Nova.xlsm</t>
  </si>
  <si>
    <t>E:\BK_final\Vilarinho\Vilarinho - Trabalho\Segurança - Erica\2014\Orcamento\RESULTADO\ARQUIVOS PREPARATORIOS\Memoria Patrimonial\MG1\Vigilancia\Nova\092014_Vigilancia_MG1_Nova.xlsm</t>
  </si>
  <si>
    <t>102014_Vigilancia_MG1_Nova.xlsm</t>
  </si>
  <si>
    <t>E:\BK_final\Vilarinho\Vilarinho - Trabalho\Segurança - Erica\2014\Orcamento\RESULTADO\ARQUIVOS PREPARATORIOS\Memoria Patrimonial\MG1\Vigilancia\Nova\102014_Vigilancia_MG1_Nova.xlsm</t>
  </si>
  <si>
    <t>112014_Vigilancia_MG1_Nova.xlsm</t>
  </si>
  <si>
    <t>E:\BK_final\Vilarinho\Vilarinho - Trabalho\Segurança - Erica\2014\Orcamento\RESULTADO\ARQUIVOS PREPARATORIOS\Memoria Patrimonial\MG1\Vigilancia\Nova\112014_Vigilancia_MG1_Nova.xlsm</t>
  </si>
  <si>
    <t>122014_Vigilancia_MG1_Nova.xlsm</t>
  </si>
  <si>
    <t>E:\BK_final\Vilarinho\Vilarinho - Trabalho\Segurança - Erica\2014\Orcamento\RESULTADO\ARQUIVOS PREPARATORIOS\Memoria Patrimonial\MG1\Vigilancia\Nova\122014_Vigilancia_MG1_Nova.xlsm</t>
  </si>
  <si>
    <t>D:\2014\Orcamento\RESULTADO\ARQUIVOS PREPARATORIOS\Memoria Patrimonial\MG2\</t>
  </si>
  <si>
    <t>2014_DRE_CONSOLIDADA_MG2.xlsx</t>
  </si>
  <si>
    <t>E:\BK_final\Vilarinho\Vilarinho - Trabalho\Segurança - Erica\2014\Orcamento\RESULTADO\ARQUIVOS PREPARATORIOS\Memoria Patrimonial\MG2\2014_DRE_CONSOLIDADA_MG2.xlsx</t>
  </si>
  <si>
    <t>D:\2014\Orcamento\RESULTADO\ARQUIVOS PREPARATORIOS\Memoria Patrimonial\MG2\Portaria\</t>
  </si>
  <si>
    <t>2014 - Portaria MG2 - I.xlsx</t>
  </si>
  <si>
    <t>E:\BK_final\Vilarinho\Vilarinho - Trabalho\Segurança - Erica\2014\Orcamento\RESULTADO\ARQUIVOS PREPARATORIOS\Memoria Patrimonial\MG2\Portaria\2014 - Portaria MG2 - I.xlsx</t>
  </si>
  <si>
    <t>11/21/2019 16:46:49</t>
  </si>
  <si>
    <t>D:\2014\Orcamento\RESULTADO\ARQUIVOS PREPARATORIOS\Memoria Patrimonial\MG2\Portaria\Cancelada\</t>
  </si>
  <si>
    <t>012014_Portaria_MG2_Cancelada.xlsm</t>
  </si>
  <si>
    <t>E:\BK_final\Vilarinho\Vilarinho - Trabalho\Segurança - Erica\2014\Orcamento\RESULTADO\ARQUIVOS PREPARATORIOS\Memoria Patrimonial\MG2\Portaria\Cancelada\012014_Portaria_MG2_Cancelada.xlsm</t>
  </si>
  <si>
    <t>022014_Portaria_MG2_Cancelada.xlsm</t>
  </si>
  <si>
    <t>E:\BK_final\Vilarinho\Vilarinho - Trabalho\Segurança - Erica\2014\Orcamento\RESULTADO\ARQUIVOS PREPARATORIOS\Memoria Patrimonial\MG2\Portaria\Cancelada\022014_Portaria_MG2_Cancelada.xlsm</t>
  </si>
  <si>
    <t>032014_Portaria_MG2_Cancelada.xlsm</t>
  </si>
  <si>
    <t>E:\BK_final\Vilarinho\Vilarinho - Trabalho\Segurança - Erica\2014\Orcamento\RESULTADO\ARQUIVOS PREPARATORIOS\Memoria Patrimonial\MG2\Portaria\Cancelada\032014_Portaria_MG2_Cancelada.xlsm</t>
  </si>
  <si>
    <t>042014_Portaria_MG2_Cancelada.xlsm</t>
  </si>
  <si>
    <t>E:\BK_final\Vilarinho\Vilarinho - Trabalho\Segurança - Erica\2014\Orcamento\RESULTADO\ARQUIVOS PREPARATORIOS\Memoria Patrimonial\MG2\Portaria\Cancelada\042014_Portaria_MG2_Cancelada.xlsm</t>
  </si>
  <si>
    <t>052014_Portaria_MG2_Cancelada.xlsm</t>
  </si>
  <si>
    <t>E:\BK_final\Vilarinho\Vilarinho - Trabalho\Segurança - Erica\2014\Orcamento\RESULTADO\ARQUIVOS PREPARATORIOS\Memoria Patrimonial\MG2\Portaria\Cancelada\052014_Portaria_MG2_Cancelada.xlsm</t>
  </si>
  <si>
    <t>062014_Portaria_MG2_Cancelada.xlsm</t>
  </si>
  <si>
    <t>E:\BK_final\Vilarinho\Vilarinho - Trabalho\Segurança - Erica\2014\Orcamento\RESULTADO\ARQUIVOS PREPARATORIOS\Memoria Patrimonial\MG2\Portaria\Cancelada\062014_Portaria_MG2_Cancelada.xlsm</t>
  </si>
  <si>
    <t>072014_Portaria_MG2_Cancelada.xlsm</t>
  </si>
  <si>
    <t>E:\BK_final\Vilarinho\Vilarinho - Trabalho\Segurança - Erica\2014\Orcamento\RESULTADO\ARQUIVOS PREPARATORIOS\Memoria Patrimonial\MG2\Portaria\Cancelada\072014_Portaria_MG2_Cancelada.xlsm</t>
  </si>
  <si>
    <t>11/21/2019 16:46:50</t>
  </si>
  <si>
    <t>082014_Portaria_MG2_Cancelada.xlsm</t>
  </si>
  <si>
    <t>E:\BK_final\Vilarinho\Vilarinho - Trabalho\Segurança - Erica\2014\Orcamento\RESULTADO\ARQUIVOS PREPARATORIOS\Memoria Patrimonial\MG2\Portaria\Cancelada\082014_Portaria_MG2_Cancelada.xlsm</t>
  </si>
  <si>
    <t>092014_Portaria_MG2_Cancelada.xlsm</t>
  </si>
  <si>
    <t>E:\BK_final\Vilarinho\Vilarinho - Trabalho\Segurança - Erica\2014\Orcamento\RESULTADO\ARQUIVOS PREPARATORIOS\Memoria Patrimonial\MG2\Portaria\Cancelada\092014_Portaria_MG2_Cancelada.xlsm</t>
  </si>
  <si>
    <t>102014_Portaria_MG2_Cancelada.xlsm</t>
  </si>
  <si>
    <t>E:\BK_final\Vilarinho\Vilarinho - Trabalho\Segurança - Erica\2014\Orcamento\RESULTADO\ARQUIVOS PREPARATORIOS\Memoria Patrimonial\MG2\Portaria\Cancelada\102014_Portaria_MG2_Cancelada.xlsm</t>
  </si>
  <si>
    <t>112014_Portaria_MG2_Cancelada.xlsm</t>
  </si>
  <si>
    <t>E:\BK_final\Vilarinho\Vilarinho - Trabalho\Segurança - Erica\2014\Orcamento\RESULTADO\ARQUIVOS PREPARATORIOS\Memoria Patrimonial\MG2\Portaria\Cancelada\112014_Portaria_MG2_Cancelada.xlsm</t>
  </si>
  <si>
    <t>122014_Portaria_MG2_Cancelada.xlsm</t>
  </si>
  <si>
    <t>E:\BK_final\Vilarinho\Vilarinho - Trabalho\Segurança - Erica\2014\Orcamento\RESULTADO\ARQUIVOS PREPARATORIOS\Memoria Patrimonial\MG2\Portaria\Cancelada\122014_Portaria_MG2_Cancelada.xlsm</t>
  </si>
  <si>
    <t>11/21/2019 16:46:52</t>
  </si>
  <si>
    <t>D:\2014\Orcamento\RESULTADO\ARQUIVOS PREPARATORIOS\Memoria Patrimonial\MG2\Portaria\Nova\</t>
  </si>
  <si>
    <t>012014_Portaria_MG2_Nova.xlsm</t>
  </si>
  <si>
    <t>E:\BK_final\Vilarinho\Vilarinho - Trabalho\Segurança - Erica\2014\Orcamento\RESULTADO\ARQUIVOS PREPARATORIOS\Memoria Patrimonial\MG2\Portaria\Nova\012014_Portaria_MG2_Nova.xlsm</t>
  </si>
  <si>
    <t>022014_Portaria_MG2_Nova.xlsm</t>
  </si>
  <si>
    <t>E:\BK_final\Vilarinho\Vilarinho - Trabalho\Segurança - Erica\2014\Orcamento\RESULTADO\ARQUIVOS PREPARATORIOS\Memoria Patrimonial\MG2\Portaria\Nova\022014_Portaria_MG2_Nova.xlsm</t>
  </si>
  <si>
    <t>11/21/2019 16:46:53</t>
  </si>
  <si>
    <t>032014_Portaria_MG2_Nova.xlsm</t>
  </si>
  <si>
    <t>E:\BK_final\Vilarinho\Vilarinho - Trabalho\Segurança - Erica\2014\Orcamento\RESULTADO\ARQUIVOS PREPARATORIOS\Memoria Patrimonial\MG2\Portaria\Nova\032014_Portaria_MG2_Nova.xlsm</t>
  </si>
  <si>
    <t>042014_Portaria_MG2_Nova.xlsm</t>
  </si>
  <si>
    <t>E:\BK_final\Vilarinho\Vilarinho - Trabalho\Segurança - Erica\2014\Orcamento\RESULTADO\ARQUIVOS PREPARATORIOS\Memoria Patrimonial\MG2\Portaria\Nova\042014_Portaria_MG2_Nova.xlsm</t>
  </si>
  <si>
    <t>052014_Portaria_MG2_Nova.xlsm</t>
  </si>
  <si>
    <t>E:\BK_final\Vilarinho\Vilarinho - Trabalho\Segurança - Erica\2014\Orcamento\RESULTADO\ARQUIVOS PREPARATORIOS\Memoria Patrimonial\MG2\Portaria\Nova\052014_Portaria_MG2_Nova.xlsm</t>
  </si>
  <si>
    <t>062014_Portaria_MG2_Nova.xlsm</t>
  </si>
  <si>
    <t>E:\BK_final\Vilarinho\Vilarinho - Trabalho\Segurança - Erica\2014\Orcamento\RESULTADO\ARQUIVOS PREPARATORIOS\Memoria Patrimonial\MG2\Portaria\Nova\062014_Portaria_MG2_Nova.xlsm</t>
  </si>
  <si>
    <t>E:\BK_final\Vilarinho\Vilarinho - Trabalho\Segurança - Erica\2014\Orcamento\RESULTADO\ARQUIVOS PREPARATORIOS\Memoria Patrimonial\MG2\Portaria\Nova\072014_Portaria_MG2_Nova.xlsm</t>
  </si>
  <si>
    <t>082014_Portaria_MG2_Nova.xlsm</t>
  </si>
  <si>
    <t>E:\BK_final\Vilarinho\Vilarinho - Trabalho\Segurança - Erica\2014\Orcamento\RESULTADO\ARQUIVOS PREPARATORIOS\Memoria Patrimonial\MG2\Portaria\Nova\082014_Portaria_MG2_Nova.xlsm</t>
  </si>
  <si>
    <t>11/21/2019 16:46:54</t>
  </si>
  <si>
    <t>092014_Portaria_MG2_Nova.xlsm</t>
  </si>
  <si>
    <t>E:\BK_final\Vilarinho\Vilarinho - Trabalho\Segurança - Erica\2014\Orcamento\RESULTADO\ARQUIVOS PREPARATORIOS\Memoria Patrimonial\MG2\Portaria\Nova\092014_Portaria_MG2_Nova.xlsm</t>
  </si>
  <si>
    <t>102014_Portaria_MG2_Nova.xlsm</t>
  </si>
  <si>
    <t>E:\BK_final\Vilarinho\Vilarinho - Trabalho\Segurança - Erica\2014\Orcamento\RESULTADO\ARQUIVOS PREPARATORIOS\Memoria Patrimonial\MG2\Portaria\Nova\102014_Portaria_MG2_Nova.xlsm</t>
  </si>
  <si>
    <t>112014_Portaria_MG2_Nova.xlsm</t>
  </si>
  <si>
    <t>E:\BK_final\Vilarinho\Vilarinho - Trabalho\Segurança - Erica\2014\Orcamento\RESULTADO\ARQUIVOS PREPARATORIOS\Memoria Patrimonial\MG2\Portaria\Nova\112014_Portaria_MG2_Nova.xlsm</t>
  </si>
  <si>
    <t>122014_Portaria_MG2_Nova.xlsm</t>
  </si>
  <si>
    <t>E:\BK_final\Vilarinho\Vilarinho - Trabalho\Segurança - Erica\2014\Orcamento\RESULTADO\ARQUIVOS PREPARATORIOS\Memoria Patrimonial\MG2\Portaria\Nova\122014_Portaria_MG2_Nova.xlsm</t>
  </si>
  <si>
    <t>D:\2014\Orcamento\RESULTADO\ARQUIVOS PREPARATORIOS\Memoria Patrimonial\MG2\Vigilancia\</t>
  </si>
  <si>
    <t>2014 - Vigilancia MG2 - I.xlsx</t>
  </si>
  <si>
    <t>E:\BK_final\Vilarinho\Vilarinho - Trabalho\Segurança - Erica\2014\Orcamento\RESULTADO\ARQUIVOS PREPARATORIOS\Memoria Patrimonial\MG2\Vigilancia\2014 - Vigilancia MG2 - I.xlsx</t>
  </si>
  <si>
    <t>D:\2014\Orcamento\RESULTADO\ARQUIVOS PREPARATORIOS\Memoria Patrimonial\MG2\Vigilancia\Cancelada\</t>
  </si>
  <si>
    <t>012014_Vigilancia_MG2_Cancelada.xlsm</t>
  </si>
  <si>
    <t>E:\BK_final\Vilarinho\Vilarinho - Trabalho\Segurança - Erica\2014\Orcamento\RESULTADO\ARQUIVOS PREPARATORIOS\Memoria Patrimonial\MG2\Vigilancia\Cancelada\012014_Vigilancia_MG2_Cancelada.xlsm</t>
  </si>
  <si>
    <t>022014_Vigilancia_MG2_Cancelada.xlsm</t>
  </si>
  <si>
    <t>E:\BK_final\Vilarinho\Vilarinho - Trabalho\Segurança - Erica\2014\Orcamento\RESULTADO\ARQUIVOS PREPARATORIOS\Memoria Patrimonial\MG2\Vigilancia\Cancelada\022014_Vigilancia_MG2_Cancelada.xlsm</t>
  </si>
  <si>
    <t>11/21/2019 16:46:55</t>
  </si>
  <si>
    <t>032014_Vigilancia_MG2_Cancelada.xlsm</t>
  </si>
  <si>
    <t>E:\BK_final\Vilarinho\Vilarinho - Trabalho\Segurança - Erica\2014\Orcamento\RESULTADO\ARQUIVOS PREPARATORIOS\Memoria Patrimonial\MG2\Vigilancia\Cancelada\032014_Vigilancia_MG2_Cancelada.xlsm</t>
  </si>
  <si>
    <t>042014_Vigilancia_MG2_Cancelada.xlsm</t>
  </si>
  <si>
    <t>E:\BK_final\Vilarinho\Vilarinho - Trabalho\Segurança - Erica\2014\Orcamento\RESULTADO\ARQUIVOS PREPARATORIOS\Memoria Patrimonial\MG2\Vigilancia\Cancelada\042014_Vigilancia_MG2_Cancelada.xlsm</t>
  </si>
  <si>
    <t>052014_Vigilancia_MG2_Cancelada.xlsm</t>
  </si>
  <si>
    <t>E:\BK_final\Vilarinho\Vilarinho - Trabalho\Segurança - Erica\2014\Orcamento\RESULTADO\ARQUIVOS PREPARATORIOS\Memoria Patrimonial\MG2\Vigilancia\Cancelada\052014_Vigilancia_MG2_Cancelada.xlsm</t>
  </si>
  <si>
    <t>062014_Vigilancia_MG2_Cancelada.xlsm</t>
  </si>
  <si>
    <t>E:\BK_final\Vilarinho\Vilarinho - Trabalho\Segurança - Erica\2014\Orcamento\RESULTADO\ARQUIVOS PREPARATORIOS\Memoria Patrimonial\MG2\Vigilancia\Cancelada\062014_Vigilancia_MG2_Cancelada.xlsm</t>
  </si>
  <si>
    <t>11/21/2019 16:46:56</t>
  </si>
  <si>
    <t>072014_Vigilancia_MG2_Cancelada.xlsm</t>
  </si>
  <si>
    <t>E:\BK_final\Vilarinho\Vilarinho - Trabalho\Segurança - Erica\2014\Orcamento\RESULTADO\ARQUIVOS PREPARATORIOS\Memoria Patrimonial\MG2\Vigilancia\Cancelada\072014_Vigilancia_MG2_Cancelada.xlsm</t>
  </si>
  <si>
    <t>082014_Vigilancia_MG2_Cancelada.xlsm</t>
  </si>
  <si>
    <t>E:\BK_final\Vilarinho\Vilarinho - Trabalho\Segurança - Erica\2014\Orcamento\RESULTADO\ARQUIVOS PREPARATORIOS\Memoria Patrimonial\MG2\Vigilancia\Cancelada\082014_Vigilancia_MG2_Cancelada.xlsm</t>
  </si>
  <si>
    <t>092014_Vigilancia_MG2_Cancelada.xlsm</t>
  </si>
  <si>
    <t>E:\BK_final\Vilarinho\Vilarinho - Trabalho\Segurança - Erica\2014\Orcamento\RESULTADO\ARQUIVOS PREPARATORIOS\Memoria Patrimonial\MG2\Vigilancia\Cancelada\092014_Vigilancia_MG2_Cancelada.xlsm</t>
  </si>
  <si>
    <t>102014_Vigilancia_MG2_Cancelada.xlsm</t>
  </si>
  <si>
    <t>E:\BK_final\Vilarinho\Vilarinho - Trabalho\Segurança - Erica\2014\Orcamento\RESULTADO\ARQUIVOS PREPARATORIOS\Memoria Patrimonial\MG2\Vigilancia\Cancelada\102014_Vigilancia_MG2_Cancelada.xlsm</t>
  </si>
  <si>
    <t>112014_Vigilancia_MG2_Cancelada.xlsm</t>
  </si>
  <si>
    <t>E:\BK_final\Vilarinho\Vilarinho - Trabalho\Segurança - Erica\2014\Orcamento\RESULTADO\ARQUIVOS PREPARATORIOS\Memoria Patrimonial\MG2\Vigilancia\Cancelada\112014_Vigilancia_MG2_Cancelada.xlsm</t>
  </si>
  <si>
    <t>122014_Vigilancia_MG2_Cancelada.xlsm</t>
  </si>
  <si>
    <t>E:\BK_final\Vilarinho\Vilarinho - Trabalho\Segurança - Erica\2014\Orcamento\RESULTADO\ARQUIVOS PREPARATORIOS\Memoria Patrimonial\MG2\Vigilancia\Cancelada\122014_Vigilancia_MG2_Cancelada.xlsm</t>
  </si>
  <si>
    <t>11/21/2019 16:46:57</t>
  </si>
  <si>
    <t>D:\2014\Orcamento\RESULTADO\ARQUIVOS PREPARATORIOS\Memoria Patrimonial\MG2\Vigilancia\Extra\</t>
  </si>
  <si>
    <t>012014_Vigilancia_MG2_Extra.xlsm</t>
  </si>
  <si>
    <t>E:\BK_final\Vilarinho\Vilarinho - Trabalho\Segurança - Erica\2014\Orcamento\RESULTADO\ARQUIVOS PREPARATORIOS\Memoria Patrimonial\MG2\Vigilancia\Extra\012014_Vigilancia_MG2_Extra.xlsm</t>
  </si>
  <si>
    <t>022014_Vigilancia_MG2_Extra.xlsm</t>
  </si>
  <si>
    <t>E:\BK_final\Vilarinho\Vilarinho - Trabalho\Segurança - Erica\2014\Orcamento\RESULTADO\ARQUIVOS PREPARATORIOS\Memoria Patrimonial\MG2\Vigilancia\Extra\022014_Vigilancia_MG2_Extra.xlsm</t>
  </si>
  <si>
    <t>11/21/2019 16:46:58</t>
  </si>
  <si>
    <t>032014_Vigilancia_MG2_Extra.xlsm</t>
  </si>
  <si>
    <t>E:\BK_final\Vilarinho\Vilarinho - Trabalho\Segurança - Erica\2014\Orcamento\RESULTADO\ARQUIVOS PREPARATORIOS\Memoria Patrimonial\MG2\Vigilancia\Extra\032014_Vigilancia_MG2_Extra.xlsm</t>
  </si>
  <si>
    <t>042014_Vigilancia_MG2_Extra.xlsm</t>
  </si>
  <si>
    <t>E:\BK_final\Vilarinho\Vilarinho - Trabalho\Segurança - Erica\2014\Orcamento\RESULTADO\ARQUIVOS PREPARATORIOS\Memoria Patrimonial\MG2\Vigilancia\Extra\042014_Vigilancia_MG2_Extra.xlsm</t>
  </si>
  <si>
    <t>052014_Vigilancia_MG2_Extra.xlsm</t>
  </si>
  <si>
    <t>E:\BK_final\Vilarinho\Vilarinho - Trabalho\Segurança - Erica\2014\Orcamento\RESULTADO\ARQUIVOS PREPARATORIOS\Memoria Patrimonial\MG2\Vigilancia\Extra\052014_Vigilancia_MG2_Extra.xlsm</t>
  </si>
  <si>
    <t>11/21/2019 16:46:59</t>
  </si>
  <si>
    <t>062014_Vigilancia_MG2_Extra.xlsm</t>
  </si>
  <si>
    <t>E:\BK_final\Vilarinho\Vilarinho - Trabalho\Segurança - Erica\2014\Orcamento\RESULTADO\ARQUIVOS PREPARATORIOS\Memoria Patrimonial\MG2\Vigilancia\Extra\062014_Vigilancia_MG2_Extra.xlsm</t>
  </si>
  <si>
    <t>072014_Vigilancia_MG2_Extra.xlsm</t>
  </si>
  <si>
    <t>E:\BK_final\Vilarinho\Vilarinho - Trabalho\Segurança - Erica\2014\Orcamento\RESULTADO\ARQUIVOS PREPARATORIOS\Memoria Patrimonial\MG2\Vigilancia\Extra\072014_Vigilancia_MG2_Extra.xlsm</t>
  </si>
  <si>
    <t>082014_Vigilancia_MG2_Extra.xlsm</t>
  </si>
  <si>
    <t>E:\BK_final\Vilarinho\Vilarinho - Trabalho\Segurança - Erica\2014\Orcamento\RESULTADO\ARQUIVOS PREPARATORIOS\Memoria Patrimonial\MG2\Vigilancia\Extra\082014_Vigilancia_MG2_Extra.xlsm</t>
  </si>
  <si>
    <t>092014_Vigilancia_MG2_Extra.xlsm</t>
  </si>
  <si>
    <t>E:\BK_final\Vilarinho\Vilarinho - Trabalho\Segurança - Erica\2014\Orcamento\RESULTADO\ARQUIVOS PREPARATORIOS\Memoria Patrimonial\MG2\Vigilancia\Extra\092014_Vigilancia_MG2_Extra.xlsm</t>
  </si>
  <si>
    <t>102014_Vigilancia_MG2_Extra.xlsm</t>
  </si>
  <si>
    <t>E:\BK_final\Vilarinho\Vilarinho - Trabalho\Segurança - Erica\2014\Orcamento\RESULTADO\ARQUIVOS PREPARATORIOS\Memoria Patrimonial\MG2\Vigilancia\Extra\102014_Vigilancia_MG2_Extra.xlsm</t>
  </si>
  <si>
    <t>112014_Vigilancia_MG2_Extra.xlsm</t>
  </si>
  <si>
    <t>E:\BK_final\Vilarinho\Vilarinho - Trabalho\Segurança - Erica\2014\Orcamento\RESULTADO\ARQUIVOS PREPARATORIOS\Memoria Patrimonial\MG2\Vigilancia\Extra\112014_Vigilancia_MG2_Extra.xlsm</t>
  </si>
  <si>
    <t>122014_Vigilancia_MG2_Extra.xlsm</t>
  </si>
  <si>
    <t>E:\BK_final\Vilarinho\Vilarinho - Trabalho\Segurança - Erica\2014\Orcamento\RESULTADO\ARQUIVOS PREPARATORIOS\Memoria Patrimonial\MG2\Vigilancia\Extra\122014_Vigilancia_MG2_Extra.xlsm</t>
  </si>
  <si>
    <t>11/21/2019 16:47:02</t>
  </si>
  <si>
    <t>D:\2014\Orcamento\RESULTADO\ARQUIVOS PREPARATORIOS\Memoria Patrimonial\MG2\Vigilancia\Nova\</t>
  </si>
  <si>
    <t>012014_Vigilancia_MG2_Nova.xlsm</t>
  </si>
  <si>
    <t>E:\BK_final\Vilarinho\Vilarinho - Trabalho\Segurança - Erica\2014\Orcamento\RESULTADO\ARQUIVOS PREPARATORIOS\Memoria Patrimonial\MG2\Vigilancia\Nova\012014_Vigilancia_MG2_Nova.xlsm</t>
  </si>
  <si>
    <t>022014_Vigilancia_MG2_Nova.xlsm</t>
  </si>
  <si>
    <t>E:\BK_final\Vilarinho\Vilarinho - Trabalho\Segurança - Erica\2014\Orcamento\RESULTADO\ARQUIVOS PREPARATORIOS\Memoria Patrimonial\MG2\Vigilancia\Nova\022014_Vigilancia_MG2_Nova.xlsm</t>
  </si>
  <si>
    <t>032014_Vigilancia_MG2_Nova.xlsm</t>
  </si>
  <si>
    <t>E:\BK_final\Vilarinho\Vilarinho - Trabalho\Segurança - Erica\2014\Orcamento\RESULTADO\ARQUIVOS PREPARATORIOS\Memoria Patrimonial\MG2\Vigilancia\Nova\032014_Vigilancia_MG2_Nova.xlsm</t>
  </si>
  <si>
    <t>11/21/2019 16:47:03</t>
  </si>
  <si>
    <t>042014_Vigilancia_MG2_Nova.xlsm</t>
  </si>
  <si>
    <t>E:\BK_final\Vilarinho\Vilarinho - Trabalho\Segurança - Erica\2014\Orcamento\RESULTADO\ARQUIVOS PREPARATORIOS\Memoria Patrimonial\MG2\Vigilancia\Nova\042014_Vigilancia_MG2_Nova.xlsm</t>
  </si>
  <si>
    <t>052014_Vigilancia_MG2_Nova.xlsm</t>
  </si>
  <si>
    <t>E:\BK_final\Vilarinho\Vilarinho - Trabalho\Segurança - Erica\2014\Orcamento\RESULTADO\ARQUIVOS PREPARATORIOS\Memoria Patrimonial\MG2\Vigilancia\Nova\052014_Vigilancia_MG2_Nova.xlsm</t>
  </si>
  <si>
    <t>062014_Vigilancia_MG2_Nova.xlsm</t>
  </si>
  <si>
    <t>E:\BK_final\Vilarinho\Vilarinho - Trabalho\Segurança - Erica\2014\Orcamento\RESULTADO\ARQUIVOS PREPARATORIOS\Memoria Patrimonial\MG2\Vigilancia\Nova\062014_Vigilancia_MG2_Nova.xlsm</t>
  </si>
  <si>
    <t>11/21/2019 16:47:04</t>
  </si>
  <si>
    <t>E:\BK_final\Vilarinho\Vilarinho - Trabalho\Segurança - Erica\2014\Orcamento\RESULTADO\ARQUIVOS PREPARATORIOS\Memoria Patrimonial\MG2\Vigilancia\Nova\072014_Vigilancia_MG2_Nova.xlsm</t>
  </si>
  <si>
    <t>082014_Vigilancia_MG2_Nova.xlsm</t>
  </si>
  <si>
    <t>E:\BK_final\Vilarinho\Vilarinho - Trabalho\Segurança - Erica\2014\Orcamento\RESULTADO\ARQUIVOS PREPARATORIOS\Memoria Patrimonial\MG2\Vigilancia\Nova\082014_Vigilancia_MG2_Nova.xlsm</t>
  </si>
  <si>
    <t>092014_Vigilancia_MG2_Nova.xlsm</t>
  </si>
  <si>
    <t>E:\BK_final\Vilarinho\Vilarinho - Trabalho\Segurança - Erica\2014\Orcamento\RESULTADO\ARQUIVOS PREPARATORIOS\Memoria Patrimonial\MG2\Vigilancia\Nova\092014_Vigilancia_MG2_Nova.xlsm</t>
  </si>
  <si>
    <t>102014_Vigilancia_MG2_Nova.xlsm</t>
  </si>
  <si>
    <t>E:\BK_final\Vilarinho\Vilarinho - Trabalho\Segurança - Erica\2014\Orcamento\RESULTADO\ARQUIVOS PREPARATORIOS\Memoria Patrimonial\MG2\Vigilancia\Nova\102014_Vigilancia_MG2_Nova.xlsm</t>
  </si>
  <si>
    <t>112014_Vigilancia_MG2_Nova.xlsm</t>
  </si>
  <si>
    <t>E:\BK_final\Vilarinho\Vilarinho - Trabalho\Segurança - Erica\2014\Orcamento\RESULTADO\ARQUIVOS PREPARATORIOS\Memoria Patrimonial\MG2\Vigilancia\Nova\112014_Vigilancia_MG2_Nova.xlsm</t>
  </si>
  <si>
    <t>11/21/2019 16:47:05</t>
  </si>
  <si>
    <t>122014_Vigilancia_MG2_Nova.xlsm</t>
  </si>
  <si>
    <t>E:\BK_final\Vilarinho\Vilarinho - Trabalho\Segurança - Erica\2014\Orcamento\RESULTADO\ARQUIVOS PREPARATORIOS\Memoria Patrimonial\MG2\Vigilancia\Nova\122014_Vigilancia_MG2_Nova.xlsm</t>
  </si>
  <si>
    <t>D:\2014\Orcamento\RESULTADO\ARQUIVOS PREPARATORIOS\Memoria Patrimonial\MS\</t>
  </si>
  <si>
    <t>2014_DRE_CONSOLIDADA_MS.xlsx</t>
  </si>
  <si>
    <t>E:\BK_final\Vilarinho\Vilarinho - Trabalho\Segurança - Erica\2014\Orcamento\RESULTADO\ARQUIVOS PREPARATORIOS\Memoria Patrimonial\MS\2014_DRE_CONSOLIDADA_MS.xlsx</t>
  </si>
  <si>
    <t>D:\2014\Orcamento\RESULTADO\ARQUIVOS PREPARATORIOS\Memoria Patrimonial\MS\Portaria\</t>
  </si>
  <si>
    <t>2014 - Portaria MS - I.xlsx</t>
  </si>
  <si>
    <t>E:\BK_final\Vilarinho\Vilarinho - Trabalho\Segurança - Erica\2014\Orcamento\RESULTADO\ARQUIVOS PREPARATORIOS\Memoria Patrimonial\MS\Portaria\2014 - Portaria MS - I.xlsx</t>
  </si>
  <si>
    <t>D:\2014\Orcamento\RESULTADO\ARQUIVOS PREPARATORIOS\Memoria Patrimonial\MS\Vigilancia\</t>
  </si>
  <si>
    <t>2014 - Vigilancia MS - I.xlsx</t>
  </si>
  <si>
    <t>E:\BK_final\Vilarinho\Vilarinho - Trabalho\Segurança - Erica\2014\Orcamento\RESULTADO\ARQUIVOS PREPARATORIOS\Memoria Patrimonial\MS\Vigilancia\2014 - Vigilancia MS - I.xlsx</t>
  </si>
  <si>
    <t>D:\2014\Orcamento\RESULTADO\ARQUIVOS PREPARATORIOS\Memoria Patrimonial\MS\Vigilancia\Nova\</t>
  </si>
  <si>
    <t>012014_Vigilancia_MS_Nova.xlsm</t>
  </si>
  <si>
    <t>E:\BK_final\Vilarinho\Vilarinho - Trabalho\Segurança - Erica\2014\Orcamento\RESULTADO\ARQUIVOS PREPARATORIOS\Memoria Patrimonial\MS\Vigilancia\Nova\012014_Vigilancia_MS_Nova.xlsm</t>
  </si>
  <si>
    <t>022014_Vigilancia_MS_Nova.xlsm</t>
  </si>
  <si>
    <t>E:\BK_final\Vilarinho\Vilarinho - Trabalho\Segurança - Erica\2014\Orcamento\RESULTADO\ARQUIVOS PREPARATORIOS\Memoria Patrimonial\MS\Vigilancia\Nova\022014_Vigilancia_MS_Nova.xlsm</t>
  </si>
  <si>
    <t>032014_Vigilancia_MS_Nova.xlsm</t>
  </si>
  <si>
    <t>E:\BK_final\Vilarinho\Vilarinho - Trabalho\Segurança - Erica\2014\Orcamento\RESULTADO\ARQUIVOS PREPARATORIOS\Memoria Patrimonial\MS\Vigilancia\Nova\032014_Vigilancia_MS_Nova.xlsm</t>
  </si>
  <si>
    <t>11/21/2019 16:47:06</t>
  </si>
  <si>
    <t>042014_Vigilancia_MS_Nova.xlsm</t>
  </si>
  <si>
    <t>E:\BK_final\Vilarinho\Vilarinho - Trabalho\Segurança - Erica\2014\Orcamento\RESULTADO\ARQUIVOS PREPARATORIOS\Memoria Patrimonial\MS\Vigilancia\Nova\042014_Vigilancia_MS_Nova.xlsm</t>
  </si>
  <si>
    <t>052014_Vigilancia_MS_Nova.xlsm</t>
  </si>
  <si>
    <t>E:\BK_final\Vilarinho\Vilarinho - Trabalho\Segurança - Erica\2014\Orcamento\RESULTADO\ARQUIVOS PREPARATORIOS\Memoria Patrimonial\MS\Vigilancia\Nova\052014_Vigilancia_MS_Nova.xlsm</t>
  </si>
  <si>
    <t>062014_Vigilancia_MS_Nova.xlsm</t>
  </si>
  <si>
    <t>E:\BK_final\Vilarinho\Vilarinho - Trabalho\Segurança - Erica\2014\Orcamento\RESULTADO\ARQUIVOS PREPARATORIOS\Memoria Patrimonial\MS\Vigilancia\Nova\062014_Vigilancia_MS_Nova.xlsm</t>
  </si>
  <si>
    <t>E:\BK_final\Vilarinho\Vilarinho - Trabalho\Segurança - Erica\2014\Orcamento\RESULTADO\ARQUIVOS PREPARATORIOS\Memoria Patrimonial\MS\Vigilancia\Nova\072014_Vigilancia_MS_Nova.xlsm</t>
  </si>
  <si>
    <t>082014_Vigilancia_MS_Nova.xlsm</t>
  </si>
  <si>
    <t>E:\BK_final\Vilarinho\Vilarinho - Trabalho\Segurança - Erica\2014\Orcamento\RESULTADO\ARQUIVOS PREPARATORIOS\Memoria Patrimonial\MS\Vigilancia\Nova\082014_Vigilancia_MS_Nova.xlsm</t>
  </si>
  <si>
    <t>092014_Vigilancia_MS_Nova.xlsm</t>
  </si>
  <si>
    <t>E:\BK_final\Vilarinho\Vilarinho - Trabalho\Segurança - Erica\2014\Orcamento\RESULTADO\ARQUIVOS PREPARATORIOS\Memoria Patrimonial\MS\Vigilancia\Nova\092014_Vigilancia_MS_Nova.xlsm</t>
  </si>
  <si>
    <t>102014_Vigilancia_MS_Nova.xlsm</t>
  </si>
  <si>
    <t>E:\BK_final\Vilarinho\Vilarinho - Trabalho\Segurança - Erica\2014\Orcamento\RESULTADO\ARQUIVOS PREPARATORIOS\Memoria Patrimonial\MS\Vigilancia\Nova\102014_Vigilancia_MS_Nova.xlsm</t>
  </si>
  <si>
    <t>11/21/2019 16:47:07</t>
  </si>
  <si>
    <t>112014_Vigilancia_MS_Nova.xlsm</t>
  </si>
  <si>
    <t>E:\BK_final\Vilarinho\Vilarinho - Trabalho\Segurança - Erica\2014\Orcamento\RESULTADO\ARQUIVOS PREPARATORIOS\Memoria Patrimonial\MS\Vigilancia\Nova\112014_Vigilancia_MS_Nova.xlsm</t>
  </si>
  <si>
    <t>122014_Vigilancia_MS_Nova.xlsm</t>
  </si>
  <si>
    <t>E:\BK_final\Vilarinho\Vilarinho - Trabalho\Segurança - Erica\2014\Orcamento\RESULTADO\ARQUIVOS PREPARATORIOS\Memoria Patrimonial\MS\Vigilancia\Nova\122014_Vigilancia_MS_Nova.xlsm</t>
  </si>
  <si>
    <t>D:\2014\Orcamento\RESULTADO\ARQUIVOS PREPARATORIOS\Memoria Patrimonial\MT\</t>
  </si>
  <si>
    <t>2014_DRE_CONSOLIDADA_MT.xlsx</t>
  </si>
  <si>
    <t>E:\BK_final\Vilarinho\Vilarinho - Trabalho\Segurança - Erica\2014\Orcamento\RESULTADO\ARQUIVOS PREPARATORIOS\Memoria Patrimonial\MT\2014_DRE_CONSOLIDADA_MT.xlsx</t>
  </si>
  <si>
    <t>D:\2014\Orcamento\RESULTADO\ARQUIVOS PREPARATORIOS\Memoria Patrimonial\MT\Portaria\</t>
  </si>
  <si>
    <t>2014 - Portaria MT - I.xlsx</t>
  </si>
  <si>
    <t>E:\BK_final\Vilarinho\Vilarinho - Trabalho\Segurança - Erica\2014\Orcamento\RESULTADO\ARQUIVOS PREPARATORIOS\Memoria Patrimonial\MT\Portaria\2014 - Portaria MT - I.xlsx</t>
  </si>
  <si>
    <t>D:\2014\Orcamento\RESULTADO\ARQUIVOS PREPARATORIOS\Memoria Patrimonial\MT\Vigilancia\</t>
  </si>
  <si>
    <t>2014 - Vigilancia MT - I.xlsx</t>
  </si>
  <si>
    <t>E:\BK_final\Vilarinho\Vilarinho - Trabalho\Segurança - Erica\2014\Orcamento\RESULTADO\ARQUIVOS PREPARATORIOS\Memoria Patrimonial\MT\Vigilancia\2014 - Vigilancia MT - I.xlsx</t>
  </si>
  <si>
    <t>D:\2014\Orcamento\RESULTADO\ARQUIVOS PREPARATORIOS\Memoria Patrimonial\MT\Vigilancia\Nova\</t>
  </si>
  <si>
    <t>012014_Vigilancia_MT_Nova.xlsm</t>
  </si>
  <si>
    <t>E:\BK_final\Vilarinho\Vilarinho - Trabalho\Segurança - Erica\2014\Orcamento\RESULTADO\ARQUIVOS PREPARATORIOS\Memoria Patrimonial\MT\Vigilancia\Nova\012014_Vigilancia_MT_Nova.xlsm</t>
  </si>
  <si>
    <t>11/21/2019 16:47:08</t>
  </si>
  <si>
    <t>022014_Vigilancia_MT_Nova.xlsm</t>
  </si>
  <si>
    <t>E:\BK_final\Vilarinho\Vilarinho - Trabalho\Segurança - Erica\2014\Orcamento\RESULTADO\ARQUIVOS PREPARATORIOS\Memoria Patrimonial\MT\Vigilancia\Nova\022014_Vigilancia_MT_Nova.xlsm</t>
  </si>
  <si>
    <t>032014_Vigilancia_MT_Nova.xlsm</t>
  </si>
  <si>
    <t>E:\BK_final\Vilarinho\Vilarinho - Trabalho\Segurança - Erica\2014\Orcamento\RESULTADO\ARQUIVOS PREPARATORIOS\Memoria Patrimonial\MT\Vigilancia\Nova\032014_Vigilancia_MT_Nova.xlsm</t>
  </si>
  <si>
    <t>042014_Vigilancia_MT_Nova.xlsm</t>
  </si>
  <si>
    <t>E:\BK_final\Vilarinho\Vilarinho - Trabalho\Segurança - Erica\2014\Orcamento\RESULTADO\ARQUIVOS PREPARATORIOS\Memoria Patrimonial\MT\Vigilancia\Nova\042014_Vigilancia_MT_Nova.xlsm</t>
  </si>
  <si>
    <t>052014_Vigilancia_MT_Nova.xlsm</t>
  </si>
  <si>
    <t>E:\BK_final\Vilarinho\Vilarinho - Trabalho\Segurança - Erica\2014\Orcamento\RESULTADO\ARQUIVOS PREPARATORIOS\Memoria Patrimonial\MT\Vigilancia\Nova\052014_Vigilancia_MT_Nova.xlsm</t>
  </si>
  <si>
    <t>E:\BK_final\Vilarinho\Vilarinho - Trabalho\Segurança - Erica\2014\Orcamento\RESULTADO\ARQUIVOS PREPARATORIOS\Memoria Patrimonial\MT\Vigilancia\Nova\072014_Vigilancia_MT_Nova.xlsm</t>
  </si>
  <si>
    <t>062014_Vigilancia_MT_Nova.xlsm</t>
  </si>
  <si>
    <t>E:\BK_final\Vilarinho\Vilarinho - Trabalho\Segurança - Erica\2014\Orcamento\RESULTADO\ARQUIVOS PREPARATORIOS\Memoria Patrimonial\MT\Vigilancia\Nova\062014_Vigilancia_MT_Nova.xlsm</t>
  </si>
  <si>
    <t>082014_Vigilancia_MT_Nova.xlsm</t>
  </si>
  <si>
    <t>E:\BK_final\Vilarinho\Vilarinho - Trabalho\Segurança - Erica\2014\Orcamento\RESULTADO\ARQUIVOS PREPARATORIOS\Memoria Patrimonial\MT\Vigilancia\Nova\082014_Vigilancia_MT_Nova.xlsm</t>
  </si>
  <si>
    <t>11/21/2019 16:47:09</t>
  </si>
  <si>
    <t>092014_Vigilancia_MT_Nova.xlsm</t>
  </si>
  <si>
    <t>E:\BK_final\Vilarinho\Vilarinho - Trabalho\Segurança - Erica\2014\Orcamento\RESULTADO\ARQUIVOS PREPARATORIOS\Memoria Patrimonial\MT\Vigilancia\Nova\092014_Vigilancia_MT_Nova.xlsm</t>
  </si>
  <si>
    <t>102014_Vigilancia_MT_Nova.xlsm</t>
  </si>
  <si>
    <t>E:\BK_final\Vilarinho\Vilarinho - Trabalho\Segurança - Erica\2014\Orcamento\RESULTADO\ARQUIVOS PREPARATORIOS\Memoria Patrimonial\MT\Vigilancia\Nova\102014_Vigilancia_MT_Nova.xlsm</t>
  </si>
  <si>
    <t>112014_Vigilancia_MT_Nova.xlsm</t>
  </si>
  <si>
    <t>E:\BK_final\Vilarinho\Vilarinho - Trabalho\Segurança - Erica\2014\Orcamento\RESULTADO\ARQUIVOS PREPARATORIOS\Memoria Patrimonial\MT\Vigilancia\Nova\112014_Vigilancia_MT_Nova.xlsm</t>
  </si>
  <si>
    <t>122014_Vigilancia_MT_Nova.xlsm</t>
  </si>
  <si>
    <t>E:\BK_final\Vilarinho\Vilarinho - Trabalho\Segurança - Erica\2014\Orcamento\RESULTADO\ARQUIVOS PREPARATORIOS\Memoria Patrimonial\MT\Vigilancia\Nova\122014_Vigilancia_MT_Nova.xlsm</t>
  </si>
  <si>
    <t>11/21/2019 16:47:11</t>
  </si>
  <si>
    <t>D:\2014\Orcamento\RESULTADO\ARQUIVOS PREPARATORIOS\Memoria Patrimonial\PR\</t>
  </si>
  <si>
    <t>2014_DRE_CONSOLIDADA_PR.xlsx</t>
  </si>
  <si>
    <t>E:\BK_final\Vilarinho\Vilarinho - Trabalho\Segurança - Erica\2014\Orcamento\RESULTADO\ARQUIVOS PREPARATORIOS\Memoria Patrimonial\PR\2014_DRE_CONSOLIDADA_PR.xlsx</t>
  </si>
  <si>
    <t>D:\2014\Orcamento\RESULTADO\ARQUIVOS PREPARATORIOS\Memoria Patrimonial\PR\Portaria\</t>
  </si>
  <si>
    <t>2014 - Portaria PR - I.xlsx</t>
  </si>
  <si>
    <t>E:\BK_final\Vilarinho\Vilarinho - Trabalho\Segurança - Erica\2014\Orcamento\RESULTADO\ARQUIVOS PREPARATORIOS\Memoria Patrimonial\PR\Portaria\2014 - Portaria PR - I.xlsx</t>
  </si>
  <si>
    <t>D:\2014\Orcamento\RESULTADO\ARQUIVOS PREPARATORIOS\Memoria Patrimonial\PR\Vigilancia\</t>
  </si>
  <si>
    <t>2014 - Vigilancia PR - I.xlsx</t>
  </si>
  <si>
    <t>E:\BK_final\Vilarinho\Vilarinho - Trabalho\Segurança - Erica\2014\Orcamento\RESULTADO\ARQUIVOS PREPARATORIOS\Memoria Patrimonial\PR\Vigilancia\2014 - Vigilancia PR - I.xlsx</t>
  </si>
  <si>
    <t>11/21/2019 16:47:12</t>
  </si>
  <si>
    <t>D:\2014\Orcamento\RESULTADO\ARQUIVOS PREPARATORIOS\Memoria Patrimonial\PR\Vigilancia\Cancelada\</t>
  </si>
  <si>
    <t>012014_Vigilancia_PR_Cancelada.xlsm</t>
  </si>
  <si>
    <t>E:\BK_final\Vilarinho\Vilarinho - Trabalho\Segurança - Erica\2014\Orcamento\RESULTADO\ARQUIVOS PREPARATORIOS\Memoria Patrimonial\PR\Vigilancia\Cancelada\012014_Vigilancia_PR_Cancelada.xlsm</t>
  </si>
  <si>
    <t>022014_Vigilancia_PR_Cancelada.xlsm</t>
  </si>
  <si>
    <t>E:\BK_final\Vilarinho\Vilarinho - Trabalho\Segurança - Erica\2014\Orcamento\RESULTADO\ARQUIVOS PREPARATORIOS\Memoria Patrimonial\PR\Vigilancia\Cancelada\022014_Vigilancia_PR_Cancelada.xlsm</t>
  </si>
  <si>
    <t>032014_Vigilancia_PR_Cancelada.xlsm</t>
  </si>
  <si>
    <t>E:\BK_final\Vilarinho\Vilarinho - Trabalho\Segurança - Erica\2014\Orcamento\RESULTADO\ARQUIVOS PREPARATORIOS\Memoria Patrimonial\PR\Vigilancia\Cancelada\032014_Vigilancia_PR_Cancelada.xlsm</t>
  </si>
  <si>
    <t>042014_Vigilancia_PR_Cancelada.xlsm</t>
  </si>
  <si>
    <t>E:\BK_final\Vilarinho\Vilarinho - Trabalho\Segurança - Erica\2014\Orcamento\RESULTADO\ARQUIVOS PREPARATORIOS\Memoria Patrimonial\PR\Vigilancia\Cancelada\042014_Vigilancia_PR_Cancelada.xlsm</t>
  </si>
  <si>
    <t>11/21/2019 16:47:13</t>
  </si>
  <si>
    <t>052014_Vigilancia_PR_Cancelada.xlsm</t>
  </si>
  <si>
    <t>E:\BK_final\Vilarinho\Vilarinho - Trabalho\Segurança - Erica\2014\Orcamento\RESULTADO\ARQUIVOS PREPARATORIOS\Memoria Patrimonial\PR\Vigilancia\Cancelada\052014_Vigilancia_PR_Cancelada.xlsm</t>
  </si>
  <si>
    <t>062014_Vigilancia_PR_Cancelada.xlsm</t>
  </si>
  <si>
    <t>E:\BK_final\Vilarinho\Vilarinho - Trabalho\Segurança - Erica\2014\Orcamento\RESULTADO\ARQUIVOS PREPARATORIOS\Memoria Patrimonial\PR\Vigilancia\Cancelada\062014_Vigilancia_PR_Cancelada.xlsm</t>
  </si>
  <si>
    <t>072014_Vigilancia_PR_Cancelada.xlsm</t>
  </si>
  <si>
    <t>E:\BK_final\Vilarinho\Vilarinho - Trabalho\Segurança - Erica\2014\Orcamento\RESULTADO\ARQUIVOS PREPARATORIOS\Memoria Patrimonial\PR\Vigilancia\Cancelada\072014_Vigilancia_PR_Cancelada.xlsm</t>
  </si>
  <si>
    <t>082014_Vigilancia_PR_Cancelada.xlsm</t>
  </si>
  <si>
    <t>E:\BK_final\Vilarinho\Vilarinho - Trabalho\Segurança - Erica\2014\Orcamento\RESULTADO\ARQUIVOS PREPARATORIOS\Memoria Patrimonial\PR\Vigilancia\Cancelada\082014_Vigilancia_PR_Cancelada.xlsm</t>
  </si>
  <si>
    <t>092014_Vigilancia_PR_Cancelada.xlsm</t>
  </si>
  <si>
    <t>E:\BK_final\Vilarinho\Vilarinho - Trabalho\Segurança - Erica\2014\Orcamento\RESULTADO\ARQUIVOS PREPARATORIOS\Memoria Patrimonial\PR\Vigilancia\Cancelada\092014_Vigilancia_PR_Cancelada.xlsm</t>
  </si>
  <si>
    <t>11/21/2019 16:47:14</t>
  </si>
  <si>
    <t>102014_Vigilancia_PR_Cancelada.xlsm</t>
  </si>
  <si>
    <t>E:\BK_final\Vilarinho\Vilarinho - Trabalho\Segurança - Erica\2014\Orcamento\RESULTADO\ARQUIVOS PREPARATORIOS\Memoria Patrimonial\PR\Vigilancia\Cancelada\102014_Vigilancia_PR_Cancelada.xlsm</t>
  </si>
  <si>
    <t>112014_Vigilancia_PR_Cancelada.xlsm</t>
  </si>
  <si>
    <t>E:\BK_final\Vilarinho\Vilarinho - Trabalho\Segurança - Erica\2014\Orcamento\RESULTADO\ARQUIVOS PREPARATORIOS\Memoria Patrimonial\PR\Vigilancia\Cancelada\112014_Vigilancia_PR_Cancelada.xlsm</t>
  </si>
  <si>
    <t>122014_Vigilancia_PR_Cancelada.xlsm</t>
  </si>
  <si>
    <t>E:\BK_final\Vilarinho\Vilarinho - Trabalho\Segurança - Erica\2014\Orcamento\RESULTADO\ARQUIVOS PREPARATORIOS\Memoria Patrimonial\PR\Vigilancia\Cancelada\122014_Vigilancia_PR_Cancelada.xlsm</t>
  </si>
  <si>
    <t>D:\2014\Orcamento\RESULTADO\ARQUIVOS PREPARATORIOS\Memoria Patrimonial\PR\Vigilancia\Nova\</t>
  </si>
  <si>
    <t>012014_Vigilancia_PR_Nova.xlsm</t>
  </si>
  <si>
    <t>E:\BK_final\Vilarinho\Vilarinho - Trabalho\Segurança - Erica\2014\Orcamento\RESULTADO\ARQUIVOS PREPARATORIOS\Memoria Patrimonial\PR\Vigilancia\Nova\012014_Vigilancia_PR_Nova.xlsm</t>
  </si>
  <si>
    <t>11/21/2019 16:47:15</t>
  </si>
  <si>
    <t>022014_Vigilancia_PR_Nova.xlsm</t>
  </si>
  <si>
    <t>E:\BK_final\Vilarinho\Vilarinho - Trabalho\Segurança - Erica\2014\Orcamento\RESULTADO\ARQUIVOS PREPARATORIOS\Memoria Patrimonial\PR\Vigilancia\Nova\022014_Vigilancia_PR_Nova.xlsm</t>
  </si>
  <si>
    <t>032014_Vigilancia_PR_Nova.xlsm</t>
  </si>
  <si>
    <t>E:\BK_final\Vilarinho\Vilarinho - Trabalho\Segurança - Erica\2014\Orcamento\RESULTADO\ARQUIVOS PREPARATORIOS\Memoria Patrimonial\PR\Vigilancia\Nova\032014_Vigilancia_PR_Nova.xlsm</t>
  </si>
  <si>
    <t>042014_Vigilancia_PR_Nova.xlsm</t>
  </si>
  <si>
    <t>E:\BK_final\Vilarinho\Vilarinho - Trabalho\Segurança - Erica\2014\Orcamento\RESULTADO\ARQUIVOS PREPARATORIOS\Memoria Patrimonial\PR\Vigilancia\Nova\042014_Vigilancia_PR_Nova.xlsm</t>
  </si>
  <si>
    <t>052014_Vigilancia_PR_Nova.xlsm</t>
  </si>
  <si>
    <t>E:\BK_final\Vilarinho\Vilarinho - Trabalho\Segurança - Erica\2014\Orcamento\RESULTADO\ARQUIVOS PREPARATORIOS\Memoria Patrimonial\PR\Vigilancia\Nova\052014_Vigilancia_PR_Nova.xlsm</t>
  </si>
  <si>
    <t>11/21/2019 16:47:16</t>
  </si>
  <si>
    <t>062014_Vigilancia_PR_Nova.xlsm</t>
  </si>
  <si>
    <t>E:\BK_final\Vilarinho\Vilarinho - Trabalho\Segurança - Erica\2014\Orcamento\RESULTADO\ARQUIVOS PREPARATORIOS\Memoria Patrimonial\PR\Vigilancia\Nova\062014_Vigilancia_PR_Nova.xlsm</t>
  </si>
  <si>
    <t>E:\BK_final\Vilarinho\Vilarinho - Trabalho\Segurança - Erica\2014\Orcamento\RESULTADO\ARQUIVOS PREPARATORIOS\Memoria Patrimonial\PR\Vigilancia\Nova\072014_Vigilancia_PR_Nova.xlsm</t>
  </si>
  <si>
    <t>082014_Vigilancia_PR_Nova.xlsm</t>
  </si>
  <si>
    <t>E:\BK_final\Vilarinho\Vilarinho - Trabalho\Segurança - Erica\2014\Orcamento\RESULTADO\ARQUIVOS PREPARATORIOS\Memoria Patrimonial\PR\Vigilancia\Nova\082014_Vigilancia_PR_Nova.xlsm</t>
  </si>
  <si>
    <t>092014_Vigilancia_PR_Nova.xlsm</t>
  </si>
  <si>
    <t>E:\BK_final\Vilarinho\Vilarinho - Trabalho\Segurança - Erica\2014\Orcamento\RESULTADO\ARQUIVOS PREPARATORIOS\Memoria Patrimonial\PR\Vigilancia\Nova\092014_Vigilancia_PR_Nova.xlsm</t>
  </si>
  <si>
    <t>102014_Vigilancia_PR_Nova.xlsm</t>
  </si>
  <si>
    <t>E:\BK_final\Vilarinho\Vilarinho - Trabalho\Segurança - Erica\2014\Orcamento\RESULTADO\ARQUIVOS PREPARATORIOS\Memoria Patrimonial\PR\Vigilancia\Nova\102014_Vigilancia_PR_Nova.xlsm</t>
  </si>
  <si>
    <t>112014_Vigilancia_PR_Nova.xlsm</t>
  </si>
  <si>
    <t>E:\BK_final\Vilarinho\Vilarinho - Trabalho\Segurança - Erica\2014\Orcamento\RESULTADO\ARQUIVOS PREPARATORIOS\Memoria Patrimonial\PR\Vigilancia\Nova\112014_Vigilancia_PR_Nova.xlsm</t>
  </si>
  <si>
    <t>11/21/2019 16:47:17</t>
  </si>
  <si>
    <t>122014_Vigilancia_PR_Nova.xlsm</t>
  </si>
  <si>
    <t>E:\BK_final\Vilarinho\Vilarinho - Trabalho\Segurança - Erica\2014\Orcamento\RESULTADO\ARQUIVOS PREPARATORIOS\Memoria Patrimonial\PR\Vigilancia\Nova\122014_Vigilancia_PR_Nova.xlsm</t>
  </si>
  <si>
    <t>D:\2014\Orcamento\RESULTADO\ARQUIVOS PREPARATORIOS\Memoria Patrimonial\SP1\</t>
  </si>
  <si>
    <t>2014_DRE_CONSOLIDADA_SP1.xlsx</t>
  </si>
  <si>
    <t>E:\BK_final\Vilarinho\Vilarinho - Trabalho\Segurança - Erica\2014\Orcamento\RESULTADO\ARQUIVOS PREPARATORIOS\Memoria Patrimonial\SP1\2014_DRE_CONSOLIDADA_SP1.xlsx</t>
  </si>
  <si>
    <t>D:\2014\Orcamento\RESULTADO\ARQUIVOS PREPARATORIOS\Memoria Patrimonial\SP1\Portaria\</t>
  </si>
  <si>
    <t>2014 - Portaria SP1 - I.xlsx</t>
  </si>
  <si>
    <t>E:\BK_final\Vilarinho\Vilarinho - Trabalho\Segurança - Erica\2014\Orcamento\RESULTADO\ARQUIVOS PREPARATORIOS\Memoria Patrimonial\SP1\Portaria\2014 - Portaria SP1 - I.xlsx</t>
  </si>
  <si>
    <t>D:\2014\Orcamento\RESULTADO\ARQUIVOS PREPARATORIOS\Memoria Patrimonial\SP1\Portaria\Cancelada\</t>
  </si>
  <si>
    <t>012014_Portaria_SP1_Cancelada.xlsm</t>
  </si>
  <si>
    <t>E:\BK_final\Vilarinho\Vilarinho - Trabalho\Segurança - Erica\2014\Orcamento\RESULTADO\ARQUIVOS PREPARATORIOS\Memoria Patrimonial\SP1\Portaria\Cancelada\012014_Portaria_SP1_Cancelada.xlsm</t>
  </si>
  <si>
    <t>022014_Portaria_SP1_Cancelada.xlsm</t>
  </si>
  <si>
    <t>E:\BK_final\Vilarinho\Vilarinho - Trabalho\Segurança - Erica\2014\Orcamento\RESULTADO\ARQUIVOS PREPARATORIOS\Memoria Patrimonial\SP1\Portaria\Cancelada\022014_Portaria_SP1_Cancelada.xlsm</t>
  </si>
  <si>
    <t>032014_Portaria_SP1_Cancelada.xlsm</t>
  </si>
  <si>
    <t>E:\BK_final\Vilarinho\Vilarinho - Trabalho\Segurança - Erica\2014\Orcamento\RESULTADO\ARQUIVOS PREPARATORIOS\Memoria Patrimonial\SP1\Portaria\Cancelada\032014_Portaria_SP1_Cancelada.xlsm</t>
  </si>
  <si>
    <t>042014_Portaria_SP1_Cancelada.xlsm</t>
  </si>
  <si>
    <t>E:\BK_final\Vilarinho\Vilarinho - Trabalho\Segurança - Erica\2014\Orcamento\RESULTADO\ARQUIVOS PREPARATORIOS\Memoria Patrimonial\SP1\Portaria\Cancelada\042014_Portaria_SP1_Cancelada.xlsm</t>
  </si>
  <si>
    <t>11/21/2019 16:47:18</t>
  </si>
  <si>
    <t>052014_Portaria_SP1_Cancelada.xlsm</t>
  </si>
  <si>
    <t>E:\BK_final\Vilarinho\Vilarinho - Trabalho\Segurança - Erica\2014\Orcamento\RESULTADO\ARQUIVOS PREPARATORIOS\Memoria Patrimonial\SP1\Portaria\Cancelada\052014_Portaria_SP1_Cancelada.xlsm</t>
  </si>
  <si>
    <t>062014_Portaria_SP1_Cancelada.xlsm</t>
  </si>
  <si>
    <t>E:\BK_final\Vilarinho\Vilarinho - Trabalho\Segurança - Erica\2014\Orcamento\RESULTADO\ARQUIVOS PREPARATORIOS\Memoria Patrimonial\SP1\Portaria\Cancelada\062014_Portaria_SP1_Cancelada.xlsm</t>
  </si>
  <si>
    <t>072014_Portaria_SP1_Cancelada.xlsm</t>
  </si>
  <si>
    <t>E:\BK_final\Vilarinho\Vilarinho - Trabalho\Segurança - Erica\2014\Orcamento\RESULTADO\ARQUIVOS PREPARATORIOS\Memoria Patrimonial\SP1\Portaria\Cancelada\072014_Portaria_SP1_Cancelada.xlsm</t>
  </si>
  <si>
    <t>082014_Portaria_SP1_Cancelada.xlsm</t>
  </si>
  <si>
    <t>E:\BK_final\Vilarinho\Vilarinho - Trabalho\Segurança - Erica\2014\Orcamento\RESULTADO\ARQUIVOS PREPARATORIOS\Memoria Patrimonial\SP1\Portaria\Cancelada\082014_Portaria_SP1_Cancelada.xlsm</t>
  </si>
  <si>
    <t>092014_Portaria_SP1_Cancelada.xlsm</t>
  </si>
  <si>
    <t>E:\BK_final\Vilarinho\Vilarinho - Trabalho\Segurança - Erica\2014\Orcamento\RESULTADO\ARQUIVOS PREPARATORIOS\Memoria Patrimonial\SP1\Portaria\Cancelada\092014_Portaria_SP1_Cancelada.xlsm</t>
  </si>
  <si>
    <t>102014_Portaria_SP1_Cancelada.xlsm</t>
  </si>
  <si>
    <t>E:\BK_final\Vilarinho\Vilarinho - Trabalho\Segurança - Erica\2014\Orcamento\RESULTADO\ARQUIVOS PREPARATORIOS\Memoria Patrimonial\SP1\Portaria\Cancelada\102014_Portaria_SP1_Cancelada.xlsm</t>
  </si>
  <si>
    <t>112014_Portaria_SP1_Cancelada.xlsm</t>
  </si>
  <si>
    <t>E:\BK_final\Vilarinho\Vilarinho - Trabalho\Segurança - Erica\2014\Orcamento\RESULTADO\ARQUIVOS PREPARATORIOS\Memoria Patrimonial\SP1\Portaria\Cancelada\112014_Portaria_SP1_Cancelada.xlsm</t>
  </si>
  <si>
    <t>11/21/2019 16:47:19</t>
  </si>
  <si>
    <t>122014_Portaria_SP1_Cancelada.xlsm</t>
  </si>
  <si>
    <t>E:\BK_final\Vilarinho\Vilarinho - Trabalho\Segurança - Erica\2014\Orcamento\RESULTADO\ARQUIVOS PREPARATORIOS\Memoria Patrimonial\SP1\Portaria\Cancelada\122014_Portaria_SP1_Cancelada.xlsm</t>
  </si>
  <si>
    <t>11/21/2019 16:47:21</t>
  </si>
  <si>
    <t>D:\2014\Orcamento\RESULTADO\ARQUIVOS PREPARATORIOS\Memoria Patrimonial\SP1\Portaria\Nova\</t>
  </si>
  <si>
    <t>012014_Portaria_SP1_Nova.xlsm</t>
  </si>
  <si>
    <t>E:\BK_final\Vilarinho\Vilarinho - Trabalho\Segurança - Erica\2014\Orcamento\RESULTADO\ARQUIVOS PREPARATORIOS\Memoria Patrimonial\SP1\Portaria\Nova\012014_Portaria_SP1_Nova.xlsm</t>
  </si>
  <si>
    <t>022014_Portaria_SP1_Nova.xlsm</t>
  </si>
  <si>
    <t>E:\BK_final\Vilarinho\Vilarinho - Trabalho\Segurança - Erica\2014\Orcamento\RESULTADO\ARQUIVOS PREPARATORIOS\Memoria Patrimonial\SP1\Portaria\Nova\022014_Portaria_SP1_Nova.xlsm</t>
  </si>
  <si>
    <t>11/21/2019 16:47:22</t>
  </si>
  <si>
    <t>032014_Portaria_SP1_Nova.xlsm</t>
  </si>
  <si>
    <t>E:\BK_final\Vilarinho\Vilarinho - Trabalho\Segurança - Erica\2014\Orcamento\RESULTADO\ARQUIVOS PREPARATORIOS\Memoria Patrimonial\SP1\Portaria\Nova\032014_Portaria_SP1_Nova.xlsm</t>
  </si>
  <si>
    <t>042014_Portaria_SP1_Nova.xlsm</t>
  </si>
  <si>
    <t>E:\BK_final\Vilarinho\Vilarinho - Trabalho\Segurança - Erica\2014\Orcamento\RESULTADO\ARQUIVOS PREPARATORIOS\Memoria Patrimonial\SP1\Portaria\Nova\042014_Portaria_SP1_Nova.xlsm</t>
  </si>
  <si>
    <t>052014_Portaria_SP1_Nova.xlsm</t>
  </si>
  <si>
    <t>E:\BK_final\Vilarinho\Vilarinho - Trabalho\Segurança - Erica\2014\Orcamento\RESULTADO\ARQUIVOS PREPARATORIOS\Memoria Patrimonial\SP1\Portaria\Nova\052014_Portaria_SP1_Nova.xlsm</t>
  </si>
  <si>
    <t>062014_Portaria_SP1_Nova.xlsm</t>
  </si>
  <si>
    <t>E:\BK_final\Vilarinho\Vilarinho - Trabalho\Segurança - Erica\2014\Orcamento\RESULTADO\ARQUIVOS PREPARATORIOS\Memoria Patrimonial\SP1\Portaria\Nova\062014_Portaria_SP1_Nova.xlsm</t>
  </si>
  <si>
    <t>11/21/2019 16:47:23</t>
  </si>
  <si>
    <t>E:\BK_final\Vilarinho\Vilarinho - Trabalho\Segurança - Erica\2014\Orcamento\RESULTADO\ARQUIVOS PREPARATORIOS\Memoria Patrimonial\SP1\Portaria\Nova\072014_Portaria_SP1_Nova.xlsm</t>
  </si>
  <si>
    <t>082014_Portaria_SP1_Nova.xlsm</t>
  </si>
  <si>
    <t>E:\BK_final\Vilarinho\Vilarinho - Trabalho\Segurança - Erica\2014\Orcamento\RESULTADO\ARQUIVOS PREPARATORIOS\Memoria Patrimonial\SP1\Portaria\Nova\082014_Portaria_SP1_Nova.xlsm</t>
  </si>
  <si>
    <t>092014_Portaria_SP1_Nova.xlsm</t>
  </si>
  <si>
    <t>E:\BK_final\Vilarinho\Vilarinho - Trabalho\Segurança - Erica\2014\Orcamento\RESULTADO\ARQUIVOS PREPARATORIOS\Memoria Patrimonial\SP1\Portaria\Nova\092014_Portaria_SP1_Nova.xlsm</t>
  </si>
  <si>
    <t>102014_Portaria_SP1_Nova.xlsm</t>
  </si>
  <si>
    <t>E:\BK_final\Vilarinho\Vilarinho - Trabalho\Segurança - Erica\2014\Orcamento\RESULTADO\ARQUIVOS PREPARATORIOS\Memoria Patrimonial\SP1\Portaria\Nova\102014_Portaria_SP1_Nova.xlsm</t>
  </si>
  <si>
    <t>112014_Portaria_SP1_Nova.xlsm</t>
  </si>
  <si>
    <t>E:\BK_final\Vilarinho\Vilarinho - Trabalho\Segurança - Erica\2014\Orcamento\RESULTADO\ARQUIVOS PREPARATORIOS\Memoria Patrimonial\SP1\Portaria\Nova\112014_Portaria_SP1_Nova.xlsm</t>
  </si>
  <si>
    <t>122014_Portaria_SP1_Nova.xlsm</t>
  </si>
  <si>
    <t>E:\BK_final\Vilarinho\Vilarinho - Trabalho\Segurança - Erica\2014\Orcamento\RESULTADO\ARQUIVOS PREPARATORIOS\Memoria Patrimonial\SP1\Portaria\Nova\122014_Portaria_SP1_Nova.xlsm</t>
  </si>
  <si>
    <t>11/21/2019 16:47:24</t>
  </si>
  <si>
    <t>D:\2014\Orcamento\RESULTADO\ARQUIVOS PREPARATORIOS\Memoria Patrimonial\SP1\Vigilancia\</t>
  </si>
  <si>
    <t>2014 - Vigilancia SP1 - I.xlsx</t>
  </si>
  <si>
    <t>E:\BK_final\Vilarinho\Vilarinho - Trabalho\Segurança - Erica\2014\Orcamento\RESULTADO\ARQUIVOS PREPARATORIOS\Memoria Patrimonial\SP1\Vigilancia\2014 - Vigilancia SP1 - I.xlsx</t>
  </si>
  <si>
    <t>D:\2014\Orcamento\RESULTADO\ARQUIVOS PREPARATORIOS\Memoria Patrimonial\SP1\Vigilancia\Cancelada\</t>
  </si>
  <si>
    <t>012014_Vigilancia_SP1_Cancelada.xlsm</t>
  </si>
  <si>
    <t>E:\BK_final\Vilarinho\Vilarinho - Trabalho\Segurança - Erica\2014\Orcamento\RESULTADO\ARQUIVOS PREPARATORIOS\Memoria Patrimonial\SP1\Vigilancia\Cancelada\012014_Vigilancia_SP1_Cancelada.xlsm</t>
  </si>
  <si>
    <t>022014_Vigilancia_SP1_Cancelada.xlsm</t>
  </si>
  <si>
    <t>E:\BK_final\Vilarinho\Vilarinho - Trabalho\Segurança - Erica\2014\Orcamento\RESULTADO\ARQUIVOS PREPARATORIOS\Memoria Patrimonial\SP1\Vigilancia\Cancelada\022014_Vigilancia_SP1_Cancelada.xlsm</t>
  </si>
  <si>
    <t>032014_Vigilancia_SP1_Cancelada.xlsm</t>
  </si>
  <si>
    <t>E:\BK_final\Vilarinho\Vilarinho - Trabalho\Segurança - Erica\2014\Orcamento\RESULTADO\ARQUIVOS PREPARATORIOS\Memoria Patrimonial\SP1\Vigilancia\Cancelada\032014_Vigilancia_SP1_Cancelada.xlsm</t>
  </si>
  <si>
    <t>042014_Vigilancia_SP1_Cancelada.xlsm</t>
  </si>
  <si>
    <t>E:\BK_final\Vilarinho\Vilarinho - Trabalho\Segurança - Erica\2014\Orcamento\RESULTADO\ARQUIVOS PREPARATORIOS\Memoria Patrimonial\SP1\Vigilancia\Cancelada\042014_Vigilancia_SP1_Cancelada.xlsm</t>
  </si>
  <si>
    <t>052014_Vigilancia_SP1_Cancelada.xlsm</t>
  </si>
  <si>
    <t>E:\BK_final\Vilarinho\Vilarinho - Trabalho\Segurança - Erica\2014\Orcamento\RESULTADO\ARQUIVOS PREPARATORIOS\Memoria Patrimonial\SP1\Vigilancia\Cancelada\052014_Vigilancia_SP1_Cancelada.xlsm</t>
  </si>
  <si>
    <t>11/21/2019 16:47:25</t>
  </si>
  <si>
    <t>062014_Vigilancia_SP1_Cancelada.xlsm</t>
  </si>
  <si>
    <t>E:\BK_final\Vilarinho\Vilarinho - Trabalho\Segurança - Erica\2014\Orcamento\RESULTADO\ARQUIVOS PREPARATORIOS\Memoria Patrimonial\SP1\Vigilancia\Cancelada\062014_Vigilancia_SP1_Cancelada.xlsm</t>
  </si>
  <si>
    <t>072014_Vigilancia_SP1_Cancelada.xlsm</t>
  </si>
  <si>
    <t>E:\BK_final\Vilarinho\Vilarinho - Trabalho\Segurança - Erica\2014\Orcamento\RESULTADO\ARQUIVOS PREPARATORIOS\Memoria Patrimonial\SP1\Vigilancia\Cancelada\072014_Vigilancia_SP1_Cancelada.xlsm</t>
  </si>
  <si>
    <t>082014_Vigilancia_SP1_Cancelada.xlsm</t>
  </si>
  <si>
    <t>E:\BK_final\Vilarinho\Vilarinho - Trabalho\Segurança - Erica\2014\Orcamento\RESULTADO\ARQUIVOS PREPARATORIOS\Memoria Patrimonial\SP1\Vigilancia\Cancelada\082014_Vigilancia_SP1_Cancelada.xlsm</t>
  </si>
  <si>
    <t>092014_Vigilancia_SP1_Cancelada.xlsm</t>
  </si>
  <si>
    <t>E:\BK_final\Vilarinho\Vilarinho - Trabalho\Segurança - Erica\2014\Orcamento\RESULTADO\ARQUIVOS PREPARATORIOS\Memoria Patrimonial\SP1\Vigilancia\Cancelada\092014_Vigilancia_SP1_Cancelada.xlsm</t>
  </si>
  <si>
    <t>102014_Vigilancia_SP1_Cancelada.xlsm</t>
  </si>
  <si>
    <t>E:\BK_final\Vilarinho\Vilarinho - Trabalho\Segurança - Erica\2014\Orcamento\RESULTADO\ARQUIVOS PREPARATORIOS\Memoria Patrimonial\SP1\Vigilancia\Cancelada\102014_Vigilancia_SP1_Cancelada.xlsm</t>
  </si>
  <si>
    <t>112014_Vigilancia_SP1_Cancelada.xlsm</t>
  </si>
  <si>
    <t>E:\BK_final\Vilarinho\Vilarinho - Trabalho\Segurança - Erica\2014\Orcamento\RESULTADO\ARQUIVOS PREPARATORIOS\Memoria Patrimonial\SP1\Vigilancia\Cancelada\112014_Vigilancia_SP1_Cancelada.xlsm</t>
  </si>
  <si>
    <t>122014_Vigilancia_SP1_Cancelada.xlsm</t>
  </si>
  <si>
    <t>E:\BK_final\Vilarinho\Vilarinho - Trabalho\Segurança - Erica\2014\Orcamento\RESULTADO\ARQUIVOS PREPARATORIOS\Memoria Patrimonial\SP1\Vigilancia\Cancelada\122014_Vigilancia_SP1_Cancelada.xlsm</t>
  </si>
  <si>
    <t>11/21/2019 16:47:26</t>
  </si>
  <si>
    <t>D:\2014\Orcamento\RESULTADO\ARQUIVOS PREPARATORIOS\Memoria Patrimonial\SP1\Vigilancia\Extra\</t>
  </si>
  <si>
    <t>012014_Vigilancia_SP1_Extra.xlsm</t>
  </si>
  <si>
    <t>E:\BK_final\Vilarinho\Vilarinho - Trabalho\Segurança - Erica\2014\Orcamento\RESULTADO\ARQUIVOS PREPARATORIOS\Memoria Patrimonial\SP1\Vigilancia\Extra\012014_Vigilancia_SP1_Extra.xlsm</t>
  </si>
  <si>
    <t>022014_Vigilancia_SP1_Extra.xlsm</t>
  </si>
  <si>
    <t>E:\BK_final\Vilarinho\Vilarinho - Trabalho\Segurança - Erica\2014\Orcamento\RESULTADO\ARQUIVOS PREPARATORIOS\Memoria Patrimonial\SP1\Vigilancia\Extra\022014_Vigilancia_SP1_Extra.xlsm</t>
  </si>
  <si>
    <t>032014_Vigilancia_SP1_Extra.xlsm</t>
  </si>
  <si>
    <t>E:\BK_final\Vilarinho\Vilarinho - Trabalho\Segurança - Erica\2014\Orcamento\RESULTADO\ARQUIVOS PREPARATORIOS\Memoria Patrimonial\SP1\Vigilancia\Extra\032014_Vigilancia_SP1_Extra.xlsm</t>
  </si>
  <si>
    <t>042014_Vigilancia_SP1_Extra.xlsm</t>
  </si>
  <si>
    <t>E:\BK_final\Vilarinho\Vilarinho - Trabalho\Segurança - Erica\2014\Orcamento\RESULTADO\ARQUIVOS PREPARATORIOS\Memoria Patrimonial\SP1\Vigilancia\Extra\042014_Vigilancia_SP1_Extra.xlsm</t>
  </si>
  <si>
    <t>052014_Vigilancia_SP1_Extra.xlsm</t>
  </si>
  <si>
    <t>E:\BK_final\Vilarinho\Vilarinho - Trabalho\Segurança - Erica\2014\Orcamento\RESULTADO\ARQUIVOS PREPARATORIOS\Memoria Patrimonial\SP1\Vigilancia\Extra\052014_Vigilancia_SP1_Extra.xlsm</t>
  </si>
  <si>
    <t>062014_Vigilancia_SP1_Extra.xlsm</t>
  </si>
  <si>
    <t>E:\BK_final\Vilarinho\Vilarinho - Trabalho\Segurança - Erica\2014\Orcamento\RESULTADO\ARQUIVOS PREPARATORIOS\Memoria Patrimonial\SP1\Vigilancia\Extra\062014_Vigilancia_SP1_Extra.xlsm</t>
  </si>
  <si>
    <t>072014_Vigilancia_SP1_Extra.xlsm</t>
  </si>
  <si>
    <t>E:\BK_final\Vilarinho\Vilarinho - Trabalho\Segurança - Erica\2014\Orcamento\RESULTADO\ARQUIVOS PREPARATORIOS\Memoria Patrimonial\SP1\Vigilancia\Extra\072014_Vigilancia_SP1_Extra.xlsm</t>
  </si>
  <si>
    <t>11/21/2019 16:47:27</t>
  </si>
  <si>
    <t>082014_Vigilancia_SP1_Extra.xlsm</t>
  </si>
  <si>
    <t>E:\BK_final\Vilarinho\Vilarinho - Trabalho\Segurança - Erica\2014\Orcamento\RESULTADO\ARQUIVOS PREPARATORIOS\Memoria Patrimonial\SP1\Vigilancia\Extra\082014_Vigilancia_SP1_Extra.xlsm</t>
  </si>
  <si>
    <t>092014_Vigilancia_SP1_Extra.xlsm</t>
  </si>
  <si>
    <t>E:\BK_final\Vilarinho\Vilarinho - Trabalho\Segurança - Erica\2014\Orcamento\RESULTADO\ARQUIVOS PREPARATORIOS\Memoria Patrimonial\SP1\Vigilancia\Extra\092014_Vigilancia_SP1_Extra.xlsm</t>
  </si>
  <si>
    <t>102014_Vigilancia_SP1_Extra.xlsm</t>
  </si>
  <si>
    <t>E:\BK_final\Vilarinho\Vilarinho - Trabalho\Segurança - Erica\2014\Orcamento\RESULTADO\ARQUIVOS PREPARATORIOS\Memoria Patrimonial\SP1\Vigilancia\Extra\102014_Vigilancia_SP1_Extra.xlsm</t>
  </si>
  <si>
    <t>112014_Vigilancia_SP1_Extra.xlsm</t>
  </si>
  <si>
    <t>E:\BK_final\Vilarinho\Vilarinho - Trabalho\Segurança - Erica\2014\Orcamento\RESULTADO\ARQUIVOS PREPARATORIOS\Memoria Patrimonial\SP1\Vigilancia\Extra\112014_Vigilancia_SP1_Extra.xlsm</t>
  </si>
  <si>
    <t>122014_Vigilancia_SP1_Extra.xlsm</t>
  </si>
  <si>
    <t>E:\BK_final\Vilarinho\Vilarinho - Trabalho\Segurança - Erica\2014\Orcamento\RESULTADO\ARQUIVOS PREPARATORIOS\Memoria Patrimonial\SP1\Vigilancia\Extra\122014_Vigilancia_SP1_Extra.xlsm</t>
  </si>
  <si>
    <t>11/21/2019 16:47:29</t>
  </si>
  <si>
    <t>D:\2014\Orcamento\RESULTADO\ARQUIVOS PREPARATORIOS\Memoria Patrimonial\SP1\Vigilancia\Nova\</t>
  </si>
  <si>
    <t>012014_Vigilancia_SP1_Nova.xlsm</t>
  </si>
  <si>
    <t>E:\BK_final\Vilarinho\Vilarinho - Trabalho\Segurança - Erica\2014\Orcamento\RESULTADO\ARQUIVOS PREPARATORIOS\Memoria Patrimonial\SP1\Vigilancia\Nova\012014_Vigilancia_SP1_Nova.xlsm</t>
  </si>
  <si>
    <t>022014_Vigilancia_SP1_Nova.xlsm</t>
  </si>
  <si>
    <t>E:\BK_final\Vilarinho\Vilarinho - Trabalho\Segurança - Erica\2014\Orcamento\RESULTADO\ARQUIVOS PREPARATORIOS\Memoria Patrimonial\SP1\Vigilancia\Nova\022014_Vigilancia_SP1_Nova.xlsm</t>
  </si>
  <si>
    <t>11/21/2019 16:47:30</t>
  </si>
  <si>
    <t>032014_Vigilancia_SP1_Nova.xlsm</t>
  </si>
  <si>
    <t>E:\BK_final\Vilarinho\Vilarinho - Trabalho\Segurança - Erica\2014\Orcamento\RESULTADO\ARQUIVOS PREPARATORIOS\Memoria Patrimonial\SP1\Vigilancia\Nova\032014_Vigilancia_SP1_Nova.xlsm</t>
  </si>
  <si>
    <t>042014_Vigilancia_SP1_Nova.xlsm</t>
  </si>
  <si>
    <t>E:\BK_final\Vilarinho\Vilarinho - Trabalho\Segurança - Erica\2014\Orcamento\RESULTADO\ARQUIVOS PREPARATORIOS\Memoria Patrimonial\SP1\Vigilancia\Nova\042014_Vigilancia_SP1_Nova.xlsm</t>
  </si>
  <si>
    <t>052014_Vigilancia_SP1_Nova.xlsm</t>
  </si>
  <si>
    <t>E:\BK_final\Vilarinho\Vilarinho - Trabalho\Segurança - Erica\2014\Orcamento\RESULTADO\ARQUIVOS PREPARATORIOS\Memoria Patrimonial\SP1\Vigilancia\Nova\052014_Vigilancia_SP1_Nova.xlsm</t>
  </si>
  <si>
    <t>062014_Vigilancia_SP1_Nova.xlsm</t>
  </si>
  <si>
    <t>E:\BK_final\Vilarinho\Vilarinho - Trabalho\Segurança - Erica\2014\Orcamento\RESULTADO\ARQUIVOS PREPARATORIOS\Memoria Patrimonial\SP1\Vigilancia\Nova\062014_Vigilancia_SP1_Nova.xlsm</t>
  </si>
  <si>
    <t>11/21/2019 16:47:31</t>
  </si>
  <si>
    <t>E:\BK_final\Vilarinho\Vilarinho - Trabalho\Segurança - Erica\2014\Orcamento\RESULTADO\ARQUIVOS PREPARATORIOS\Memoria Patrimonial\SP1\Vigilancia\Nova\072014_Vigilancia_SP1_Nova.xlsm</t>
  </si>
  <si>
    <t>082014_Vigilancia_SP1_Nova.xlsm</t>
  </si>
  <si>
    <t>E:\BK_final\Vilarinho\Vilarinho - Trabalho\Segurança - Erica\2014\Orcamento\RESULTADO\ARQUIVOS PREPARATORIOS\Memoria Patrimonial\SP1\Vigilancia\Nova\082014_Vigilancia_SP1_Nova.xlsm</t>
  </si>
  <si>
    <t>092014_Vigilancia_SP1_Nova.xlsm</t>
  </si>
  <si>
    <t>E:\BK_final\Vilarinho\Vilarinho - Trabalho\Segurança - Erica\2014\Orcamento\RESULTADO\ARQUIVOS PREPARATORIOS\Memoria Patrimonial\SP1\Vigilancia\Nova\092014_Vigilancia_SP1_Nova.xlsm</t>
  </si>
  <si>
    <t>102014_Vigilancia_SP1_Nova.xlsm</t>
  </si>
  <si>
    <t>E:\BK_final\Vilarinho\Vilarinho - Trabalho\Segurança - Erica\2014\Orcamento\RESULTADO\ARQUIVOS PREPARATORIOS\Memoria Patrimonial\SP1\Vigilancia\Nova\102014_Vigilancia_SP1_Nova.xlsm</t>
  </si>
  <si>
    <t>112014_Vigilancia_SP1_Nova.xlsm</t>
  </si>
  <si>
    <t>E:\BK_final\Vilarinho\Vilarinho - Trabalho\Segurança - Erica\2014\Orcamento\RESULTADO\ARQUIVOS PREPARATORIOS\Memoria Patrimonial\SP1\Vigilancia\Nova\112014_Vigilancia_SP1_Nova.xlsm</t>
  </si>
  <si>
    <t>11/21/2019 16:47:32</t>
  </si>
  <si>
    <t>122014_Vigilancia_SP1_Nova.xlsm</t>
  </si>
  <si>
    <t>E:\BK_final\Vilarinho\Vilarinho - Trabalho\Segurança - Erica\2014\Orcamento\RESULTADO\ARQUIVOS PREPARATORIOS\Memoria Patrimonial\SP1\Vigilancia\Nova\122014_Vigilancia_SP1_Nova.xlsm</t>
  </si>
  <si>
    <t>D:\2014\Orcamento\RESULTADO\ARQUIVOS PREPARATORIOS\Memoria Patrimonial\SP2\</t>
  </si>
  <si>
    <t>2014_DRE_CONSOLIDADA_SP2.xlsx</t>
  </si>
  <si>
    <t>E:\BK_final\Vilarinho\Vilarinho - Trabalho\Segurança - Erica\2014\Orcamento\RESULTADO\ARQUIVOS PREPARATORIOS\Memoria Patrimonial\SP2\2014_DRE_CONSOLIDADA_SP2.xlsx</t>
  </si>
  <si>
    <t>D:\2014\Orcamento\RESULTADO\ARQUIVOS PREPARATORIOS\Memoria Patrimonial\SP2\Portaria\</t>
  </si>
  <si>
    <t>2014 - Portaria SP2 - I.xlsx</t>
  </si>
  <si>
    <t>E:\BK_final\Vilarinho\Vilarinho - Trabalho\Segurança - Erica\2014\Orcamento\RESULTADO\ARQUIVOS PREPARATORIOS\Memoria Patrimonial\SP2\Portaria\2014 - Portaria SP2 - I.xlsx</t>
  </si>
  <si>
    <t>D:\2014\Orcamento\RESULTADO\ARQUIVOS PREPARATORIOS\Memoria Patrimonial\SP2\Portaria\Cancelada\</t>
  </si>
  <si>
    <t>012014_Portaria_SP2_Cancelada.xlsm</t>
  </si>
  <si>
    <t>E:\BK_final\Vilarinho\Vilarinho - Trabalho\Segurança - Erica\2014\Orcamento\RESULTADO\ARQUIVOS PREPARATORIOS\Memoria Patrimonial\SP2\Portaria\Cancelada\012014_Portaria_SP2_Cancelada.xlsm</t>
  </si>
  <si>
    <t>022014_Portaria_SP2_Cancelada.xlsm</t>
  </si>
  <si>
    <t>E:\BK_final\Vilarinho\Vilarinho - Trabalho\Segurança - Erica\2014\Orcamento\RESULTADO\ARQUIVOS PREPARATORIOS\Memoria Patrimonial\SP2\Portaria\Cancelada\022014_Portaria_SP2_Cancelada.xlsm</t>
  </si>
  <si>
    <t>032014_Portaria_SP2_Cancelada.xlsm</t>
  </si>
  <si>
    <t>E:\BK_final\Vilarinho\Vilarinho - Trabalho\Segurança - Erica\2014\Orcamento\RESULTADO\ARQUIVOS PREPARATORIOS\Memoria Patrimonial\SP2\Portaria\Cancelada\032014_Portaria_SP2_Cancelada.xlsm</t>
  </si>
  <si>
    <t>042014_Portaria_SP2_Cancelada.xlsm</t>
  </si>
  <si>
    <t>E:\BK_final\Vilarinho\Vilarinho - Trabalho\Segurança - Erica\2014\Orcamento\RESULTADO\ARQUIVOS PREPARATORIOS\Memoria Patrimonial\SP2\Portaria\Cancelada\042014_Portaria_SP2_Cancelada.xlsm</t>
  </si>
  <si>
    <t>11/21/2019 16:47:33</t>
  </si>
  <si>
    <t>052014_Portaria_SP2_Cancelada.xlsm</t>
  </si>
  <si>
    <t>E:\BK_final\Vilarinho\Vilarinho - Trabalho\Segurança - Erica\2014\Orcamento\RESULTADO\ARQUIVOS PREPARATORIOS\Memoria Patrimonial\SP2\Portaria\Cancelada\052014_Portaria_SP2_Cancelada.xlsm</t>
  </si>
  <si>
    <t>062014_Portaria_SP2_Cancelada.xlsm</t>
  </si>
  <si>
    <t>E:\BK_final\Vilarinho\Vilarinho - Trabalho\Segurança - Erica\2014\Orcamento\RESULTADO\ARQUIVOS PREPARATORIOS\Memoria Patrimonial\SP2\Portaria\Cancelada\062014_Portaria_SP2_Cancelada.xlsm</t>
  </si>
  <si>
    <t>072014_Portaria_SP2_Cancelada.xlsm</t>
  </si>
  <si>
    <t>E:\BK_final\Vilarinho\Vilarinho - Trabalho\Segurança - Erica\2014\Orcamento\RESULTADO\ARQUIVOS PREPARATORIOS\Memoria Patrimonial\SP2\Portaria\Cancelada\072014_Portaria_SP2_Cancelada.xlsm</t>
  </si>
  <si>
    <t>082014_Portaria_SP2_Cancelada.xlsm</t>
  </si>
  <si>
    <t>E:\BK_final\Vilarinho\Vilarinho - Trabalho\Segurança - Erica\2014\Orcamento\RESULTADO\ARQUIVOS PREPARATORIOS\Memoria Patrimonial\SP2\Portaria\Cancelada\082014_Portaria_SP2_Cancelada.xlsm</t>
  </si>
  <si>
    <t>092014_Portaria_SP2_Cancelada.xlsm</t>
  </si>
  <si>
    <t>E:\BK_final\Vilarinho\Vilarinho - Trabalho\Segurança - Erica\2014\Orcamento\RESULTADO\ARQUIVOS PREPARATORIOS\Memoria Patrimonial\SP2\Portaria\Cancelada\092014_Portaria_SP2_Cancelada.xlsm</t>
  </si>
  <si>
    <t>102014_Portaria_SP2_Cancelada.xlsm</t>
  </si>
  <si>
    <t>E:\BK_final\Vilarinho\Vilarinho - Trabalho\Segurança - Erica\2014\Orcamento\RESULTADO\ARQUIVOS PREPARATORIOS\Memoria Patrimonial\SP2\Portaria\Cancelada\102014_Portaria_SP2_Cancelada.xlsm</t>
  </si>
  <si>
    <t>112014_Portaria_SP2_Cancelada.xlsm</t>
  </si>
  <si>
    <t>E:\BK_final\Vilarinho\Vilarinho - Trabalho\Segurança - Erica\2014\Orcamento\RESULTADO\ARQUIVOS PREPARATORIOS\Memoria Patrimonial\SP2\Portaria\Cancelada\112014_Portaria_SP2_Cancelada.xlsm</t>
  </si>
  <si>
    <t>11/21/2019 16:47:34</t>
  </si>
  <si>
    <t>122014_Portaria_SP2_Cancelada.xlsm</t>
  </si>
  <si>
    <t>E:\BK_final\Vilarinho\Vilarinho - Trabalho\Segurança - Erica\2014\Orcamento\RESULTADO\ARQUIVOS PREPARATORIOS\Memoria Patrimonial\SP2\Portaria\Cancelada\122014_Portaria_SP2_Cancelada.xlsm</t>
  </si>
  <si>
    <t>D:\2014\Orcamento\RESULTADO\ARQUIVOS PREPARATORIOS\Memoria Patrimonial\SP2\Portaria\Nova\</t>
  </si>
  <si>
    <t>012014_Portaria_SP2_Nova.xlsm</t>
  </si>
  <si>
    <t>E:\BK_final\Vilarinho\Vilarinho - Trabalho\Segurança - Erica\2014\Orcamento\RESULTADO\ARQUIVOS PREPARATORIOS\Memoria Patrimonial\SP2\Portaria\Nova\012014_Portaria_SP2_Nova.xlsm</t>
  </si>
  <si>
    <t>022014_Portaria_SP2_Nova.xlsm</t>
  </si>
  <si>
    <t>E:\BK_final\Vilarinho\Vilarinho - Trabalho\Segurança - Erica\2014\Orcamento\RESULTADO\ARQUIVOS PREPARATORIOS\Memoria Patrimonial\SP2\Portaria\Nova\022014_Portaria_SP2_Nova.xlsm</t>
  </si>
  <si>
    <t>032014_Portaria_SP2_Nova.xlsm</t>
  </si>
  <si>
    <t>E:\BK_final\Vilarinho\Vilarinho - Trabalho\Segurança - Erica\2014\Orcamento\RESULTADO\ARQUIVOS PREPARATORIOS\Memoria Patrimonial\SP2\Portaria\Nova\032014_Portaria_SP2_Nova.xlsm</t>
  </si>
  <si>
    <t>042014_Portaria_SP2_Nova.xlsm</t>
  </si>
  <si>
    <t>E:\BK_final\Vilarinho\Vilarinho - Trabalho\Segurança - Erica\2014\Orcamento\RESULTADO\ARQUIVOS PREPARATORIOS\Memoria Patrimonial\SP2\Portaria\Nova\042014_Portaria_SP2_Nova.xlsm</t>
  </si>
  <si>
    <t>052014_Portaria_SP2_Nova.xlsm</t>
  </si>
  <si>
    <t>E:\BK_final\Vilarinho\Vilarinho - Trabalho\Segurança - Erica\2014\Orcamento\RESULTADO\ARQUIVOS PREPARATORIOS\Memoria Patrimonial\SP2\Portaria\Nova\052014_Portaria_SP2_Nova.xlsm</t>
  </si>
  <si>
    <t>11/21/2019 16:47:35</t>
  </si>
  <si>
    <t>062014_Portaria_SP2_Nova.xlsm</t>
  </si>
  <si>
    <t>E:\BK_final\Vilarinho\Vilarinho - Trabalho\Segurança - Erica\2014\Orcamento\RESULTADO\ARQUIVOS PREPARATORIOS\Memoria Patrimonial\SP2\Portaria\Nova\062014_Portaria_SP2_Nova.xlsm</t>
  </si>
  <si>
    <t>E:\BK_final\Vilarinho\Vilarinho - Trabalho\Segurança - Erica\2014\Orcamento\RESULTADO\ARQUIVOS PREPARATORIOS\Memoria Patrimonial\SP2\Portaria\Nova\072014_Portaria_SP2_Nova.xlsm</t>
  </si>
  <si>
    <t>082014_Portaria_SP2_Nova.xlsm</t>
  </si>
  <si>
    <t>E:\BK_final\Vilarinho\Vilarinho - Trabalho\Segurança - Erica\2014\Orcamento\RESULTADO\ARQUIVOS PREPARATORIOS\Memoria Patrimonial\SP2\Portaria\Nova\082014_Portaria_SP2_Nova.xlsm</t>
  </si>
  <si>
    <t>092014_Portaria_SP2_Nova.xlsm</t>
  </si>
  <si>
    <t>E:\BK_final\Vilarinho\Vilarinho - Trabalho\Segurança - Erica\2014\Orcamento\RESULTADO\ARQUIVOS PREPARATORIOS\Memoria Patrimonial\SP2\Portaria\Nova\092014_Portaria_SP2_Nova.xlsm</t>
  </si>
  <si>
    <t>102014_Portaria_SP2_Nova.xlsm</t>
  </si>
  <si>
    <t>E:\BK_final\Vilarinho\Vilarinho - Trabalho\Segurança - Erica\2014\Orcamento\RESULTADO\ARQUIVOS PREPARATORIOS\Memoria Patrimonial\SP2\Portaria\Nova\102014_Portaria_SP2_Nova.xlsm</t>
  </si>
  <si>
    <t>112014_Portaria_SP2_Nova.xlsm</t>
  </si>
  <si>
    <t>E:\BK_final\Vilarinho\Vilarinho - Trabalho\Segurança - Erica\2014\Orcamento\RESULTADO\ARQUIVOS PREPARATORIOS\Memoria Patrimonial\SP2\Portaria\Nova\112014_Portaria_SP2_Nova.xlsm</t>
  </si>
  <si>
    <t>122014_Portaria_SP2_Nova.xlsm</t>
  </si>
  <si>
    <t>E:\BK_final\Vilarinho\Vilarinho - Trabalho\Segurança - Erica\2014\Orcamento\RESULTADO\ARQUIVOS PREPARATORIOS\Memoria Patrimonial\SP2\Portaria\Nova\122014_Portaria_SP2_Nova.xlsm</t>
  </si>
  <si>
    <t>11/21/2019 16:47:36</t>
  </si>
  <si>
    <t>D:\2014\Orcamento\RESULTADO\ARQUIVOS PREPARATORIOS\Memoria Patrimonial\SP2\Vigilancia\</t>
  </si>
  <si>
    <t>2014 - Vigilancia SP2 - I.xlsx</t>
  </si>
  <si>
    <t>E:\BK_final\Vilarinho\Vilarinho - Trabalho\Segurança - Erica\2014\Orcamento\RESULTADO\ARQUIVOS PREPARATORIOS\Memoria Patrimonial\SP2\Vigilancia\2014 - Vigilancia SP2 - I.xlsx</t>
  </si>
  <si>
    <t>D:\2014\Orcamento\RESULTADO\ARQUIVOS PREPARATORIOS\Memoria Patrimonial\SP2\Vigilancia\Cancelada\</t>
  </si>
  <si>
    <t>012014_Vigilancia_SP2_Cancelada.xlsm</t>
  </si>
  <si>
    <t>E:\BK_final\Vilarinho\Vilarinho - Trabalho\Segurança - Erica\2014\Orcamento\RESULTADO\ARQUIVOS PREPARATORIOS\Memoria Patrimonial\SP2\Vigilancia\Cancelada\012014_Vigilancia_SP2_Cancelada.xlsm</t>
  </si>
  <si>
    <t>022014_Vigilancia_SP2_Cancelada.xlsm</t>
  </si>
  <si>
    <t>E:\BK_final\Vilarinho\Vilarinho - Trabalho\Segurança - Erica\2014\Orcamento\RESULTADO\ARQUIVOS PREPARATORIOS\Memoria Patrimonial\SP2\Vigilancia\Cancelada\022014_Vigilancia_SP2_Cancelada.xlsm</t>
  </si>
  <si>
    <t>032014_Vigilancia_SP2_Cancelada.xlsm</t>
  </si>
  <si>
    <t>E:\BK_final\Vilarinho\Vilarinho - Trabalho\Segurança - Erica\2014\Orcamento\RESULTADO\ARQUIVOS PREPARATORIOS\Memoria Patrimonial\SP2\Vigilancia\Cancelada\032014_Vigilancia_SP2_Cancelada.xlsm</t>
  </si>
  <si>
    <t>042014_Vigilancia_SP2_Cancelada.xlsm</t>
  </si>
  <si>
    <t>E:\BK_final\Vilarinho\Vilarinho - Trabalho\Segurança - Erica\2014\Orcamento\RESULTADO\ARQUIVOS PREPARATORIOS\Memoria Patrimonial\SP2\Vigilancia\Cancelada\042014_Vigilancia_SP2_Cancelada.xlsm</t>
  </si>
  <si>
    <t>052014_Vigilancia_SP2_Cancelada.xlsm</t>
  </si>
  <si>
    <t>E:\BK_final\Vilarinho\Vilarinho - Trabalho\Segurança - Erica\2014\Orcamento\RESULTADO\ARQUIVOS PREPARATORIOS\Memoria Patrimonial\SP2\Vigilancia\Cancelada\052014_Vigilancia_SP2_Cancelada.xlsm</t>
  </si>
  <si>
    <t>062014_Vigilancia_SP2_Cancelada.xlsm</t>
  </si>
  <si>
    <t>E:\BK_final\Vilarinho\Vilarinho - Trabalho\Segurança - Erica\2014\Orcamento\RESULTADO\ARQUIVOS PREPARATORIOS\Memoria Patrimonial\SP2\Vigilancia\Cancelada\062014_Vigilancia_SP2_Cancelada.xlsm</t>
  </si>
  <si>
    <t>11/21/2019 16:47:37</t>
  </si>
  <si>
    <t>072014_Vigilancia_SP2_Cancelada.xlsm</t>
  </si>
  <si>
    <t>E:\BK_final\Vilarinho\Vilarinho - Trabalho\Segurança - Erica\2014\Orcamento\RESULTADO\ARQUIVOS PREPARATORIOS\Memoria Patrimonial\SP2\Vigilancia\Cancelada\072014_Vigilancia_SP2_Cancelada.xlsm</t>
  </si>
  <si>
    <t>082014_Vigilancia_SP2_Cancelada.xlsm</t>
  </si>
  <si>
    <t>E:\BK_final\Vilarinho\Vilarinho - Trabalho\Segurança - Erica\2014\Orcamento\RESULTADO\ARQUIVOS PREPARATORIOS\Memoria Patrimonial\SP2\Vigilancia\Cancelada\082014_Vigilancia_SP2_Cancelada.xlsm</t>
  </si>
  <si>
    <t>092014_Vigilancia_SP2_Cancelada.xlsm</t>
  </si>
  <si>
    <t>E:\BK_final\Vilarinho\Vilarinho - Trabalho\Segurança - Erica\2014\Orcamento\RESULTADO\ARQUIVOS PREPARATORIOS\Memoria Patrimonial\SP2\Vigilancia\Cancelada\092014_Vigilancia_SP2_Cancelada.xlsm</t>
  </si>
  <si>
    <t>102014_Vigilancia_SP2_Cancelada.xlsm</t>
  </si>
  <si>
    <t>E:\BK_final\Vilarinho\Vilarinho - Trabalho\Segurança - Erica\2014\Orcamento\RESULTADO\ARQUIVOS PREPARATORIOS\Memoria Patrimonial\SP2\Vigilancia\Cancelada\102014_Vigilancia_SP2_Cancelada.xlsm</t>
  </si>
  <si>
    <t>112014_Vigilancia_SP2_Cancelada.xlsm</t>
  </si>
  <si>
    <t>E:\BK_final\Vilarinho\Vilarinho - Trabalho\Segurança - Erica\2014\Orcamento\RESULTADO\ARQUIVOS PREPARATORIOS\Memoria Patrimonial\SP2\Vigilancia\Cancelada\112014_Vigilancia_SP2_Cancelada.xlsm</t>
  </si>
  <si>
    <t>122014_Vigilancia_SP2_Cancelada.xlsm</t>
  </si>
  <si>
    <t>E:\BK_final\Vilarinho\Vilarinho - Trabalho\Segurança - Erica\2014\Orcamento\RESULTADO\ARQUIVOS PREPARATORIOS\Memoria Patrimonial\SP2\Vigilancia\Cancelada\122014_Vigilancia_SP2_Cancelada.xlsm</t>
  </si>
  <si>
    <t>D:\2014\Orcamento\RESULTADO\ARQUIVOS PREPARATORIOS\Memoria Patrimonial\SP2\Vigilancia\Extra\</t>
  </si>
  <si>
    <t>012014_Vigilancia_SP2_Extra.xlsm</t>
  </si>
  <si>
    <t>E:\BK_final\Vilarinho\Vilarinho - Trabalho\Segurança - Erica\2014\Orcamento\RESULTADO\ARQUIVOS PREPARATORIOS\Memoria Patrimonial\SP2\Vigilancia\Extra\012014_Vigilancia_SP2_Extra.xlsm</t>
  </si>
  <si>
    <t>11/21/2019 16:47:38</t>
  </si>
  <si>
    <t>022014_Vigilancia_SP2_Extra.xlsm</t>
  </si>
  <si>
    <t>E:\BK_final\Vilarinho\Vilarinho - Trabalho\Segurança - Erica\2014\Orcamento\RESULTADO\ARQUIVOS PREPARATORIOS\Memoria Patrimonial\SP2\Vigilancia\Extra\022014_Vigilancia_SP2_Extra.xlsm</t>
  </si>
  <si>
    <t>032014_Vigilancia_SP2_Extra.xlsm</t>
  </si>
  <si>
    <t>E:\BK_final\Vilarinho\Vilarinho - Trabalho\Segurança - Erica\2014\Orcamento\RESULTADO\ARQUIVOS PREPARATORIOS\Memoria Patrimonial\SP2\Vigilancia\Extra\032014_Vigilancia_SP2_Extra.xlsm</t>
  </si>
  <si>
    <t>042014_Vigilancia_SP2_Extra.xlsm</t>
  </si>
  <si>
    <t>E:\BK_final\Vilarinho\Vilarinho - Trabalho\Segurança - Erica\2014\Orcamento\RESULTADO\ARQUIVOS PREPARATORIOS\Memoria Patrimonial\SP2\Vigilancia\Extra\042014_Vigilancia_SP2_Extra.xlsm</t>
  </si>
  <si>
    <t>052014_Vigilancia_SP2_Extra.xlsm</t>
  </si>
  <si>
    <t>E:\BK_final\Vilarinho\Vilarinho - Trabalho\Segurança - Erica\2014\Orcamento\RESULTADO\ARQUIVOS PREPARATORIOS\Memoria Patrimonial\SP2\Vigilancia\Extra\052014_Vigilancia_SP2_Extra.xlsm</t>
  </si>
  <si>
    <t>062014_Vigilancia_SP2_Extra.xlsm</t>
  </si>
  <si>
    <t>E:\BK_final\Vilarinho\Vilarinho - Trabalho\Segurança - Erica\2014\Orcamento\RESULTADO\ARQUIVOS PREPARATORIOS\Memoria Patrimonial\SP2\Vigilancia\Extra\062014_Vigilancia_SP2_Extra.xlsm</t>
  </si>
  <si>
    <t>072014_Vigilancia_SP2_Extra.xlsm</t>
  </si>
  <si>
    <t>E:\BK_final\Vilarinho\Vilarinho - Trabalho\Segurança - Erica\2014\Orcamento\RESULTADO\ARQUIVOS PREPARATORIOS\Memoria Patrimonial\SP2\Vigilancia\Extra\072014_Vigilancia_SP2_Extra.xlsm</t>
  </si>
  <si>
    <t>082014_Vigilancia_SP2_Extra.xlsm</t>
  </si>
  <si>
    <t>E:\BK_final\Vilarinho\Vilarinho - Trabalho\Segurança - Erica\2014\Orcamento\RESULTADO\ARQUIVOS PREPARATORIOS\Memoria Patrimonial\SP2\Vigilancia\Extra\082014_Vigilancia_SP2_Extra.xlsm</t>
  </si>
  <si>
    <t>11/21/2019 16:47:39</t>
  </si>
  <si>
    <t>092014_Vigilancia_SP2_Extra.xlsm</t>
  </si>
  <si>
    <t>E:\BK_final\Vilarinho\Vilarinho - Trabalho\Segurança - Erica\2014\Orcamento\RESULTADO\ARQUIVOS PREPARATORIOS\Memoria Patrimonial\SP2\Vigilancia\Extra\092014_Vigilancia_SP2_Extra.xlsm</t>
  </si>
  <si>
    <t>102014_Vigilancia_SP2_Extra.xlsm</t>
  </si>
  <si>
    <t>E:\BK_final\Vilarinho\Vilarinho - Trabalho\Segurança - Erica\2014\Orcamento\RESULTADO\ARQUIVOS PREPARATORIOS\Memoria Patrimonial\SP2\Vigilancia\Extra\102014_Vigilancia_SP2_Extra.xlsm</t>
  </si>
  <si>
    <t>112014_Vigilancia_SP2_Extra.xlsm</t>
  </si>
  <si>
    <t>E:\BK_final\Vilarinho\Vilarinho - Trabalho\Segurança - Erica\2014\Orcamento\RESULTADO\ARQUIVOS PREPARATORIOS\Memoria Patrimonial\SP2\Vigilancia\Extra\112014_Vigilancia_SP2_Extra.xlsm</t>
  </si>
  <si>
    <t>11/21/2019 16:47:40</t>
  </si>
  <si>
    <t>122014_Vigilancia_SP2_Extra.xlsm</t>
  </si>
  <si>
    <t>E:\BK_final\Vilarinho\Vilarinho - Trabalho\Segurança - Erica\2014\Orcamento\RESULTADO\ARQUIVOS PREPARATORIOS\Memoria Patrimonial\SP2\Vigilancia\Extra\122014_Vigilancia_SP2_Extra.xlsm</t>
  </si>
  <si>
    <t>D:\2014\Orcamento\RESULTADO\ARQUIVOS PREPARATORIOS\Memoria Patrimonial\SP2\Vigilancia\Nova\</t>
  </si>
  <si>
    <t>012014_Vigilancia_SP2_Nova.xlsm</t>
  </si>
  <si>
    <t>E:\BK_final\Vilarinho\Vilarinho - Trabalho\Segurança - Erica\2014\Orcamento\RESULTADO\ARQUIVOS PREPARATORIOS\Memoria Patrimonial\SP2\Vigilancia\Nova\012014_Vigilancia_SP2_Nova.xlsm</t>
  </si>
  <si>
    <t>11/21/2019 16:47:41</t>
  </si>
  <si>
    <t>022014_Vigilancia_SP2_Nova.xlsm</t>
  </si>
  <si>
    <t>E:\BK_final\Vilarinho\Vilarinho - Trabalho\Segurança - Erica\2014\Orcamento\RESULTADO\ARQUIVOS PREPARATORIOS\Memoria Patrimonial\SP2\Vigilancia\Nova\022014_Vigilancia_SP2_Nova.xlsm</t>
  </si>
  <si>
    <t>032014_Vigilancia_SP2_Nova.xlsm</t>
  </si>
  <si>
    <t>E:\BK_final\Vilarinho\Vilarinho - Trabalho\Segurança - Erica\2014\Orcamento\RESULTADO\ARQUIVOS PREPARATORIOS\Memoria Patrimonial\SP2\Vigilancia\Nova\032014_Vigilancia_SP2_Nova.xlsm</t>
  </si>
  <si>
    <t>042014_Vigilancia_SP2_Nova.xlsm</t>
  </si>
  <si>
    <t>E:\BK_final\Vilarinho\Vilarinho - Trabalho\Segurança - Erica\2014\Orcamento\RESULTADO\ARQUIVOS PREPARATORIOS\Memoria Patrimonial\SP2\Vigilancia\Nova\042014_Vigilancia_SP2_Nova.xlsm</t>
  </si>
  <si>
    <t>052014_Vigilancia_SP2_Nova.xlsm</t>
  </si>
  <si>
    <t>E:\BK_final\Vilarinho\Vilarinho - Trabalho\Segurança - Erica\2014\Orcamento\RESULTADO\ARQUIVOS PREPARATORIOS\Memoria Patrimonial\SP2\Vigilancia\Nova\052014_Vigilancia_SP2_Nova.xlsm</t>
  </si>
  <si>
    <t>11/21/2019 16:47:42</t>
  </si>
  <si>
    <t>062014_Vigilancia_SP2_Nova.xlsm</t>
  </si>
  <si>
    <t>E:\BK_final\Vilarinho\Vilarinho - Trabalho\Segurança - Erica\2014\Orcamento\RESULTADO\ARQUIVOS PREPARATORIOS\Memoria Patrimonial\SP2\Vigilancia\Nova\062014_Vigilancia_SP2_Nova.xlsm</t>
  </si>
  <si>
    <t>E:\BK_final\Vilarinho\Vilarinho - Trabalho\Segurança - Erica\2014\Orcamento\RESULTADO\ARQUIVOS PREPARATORIOS\Memoria Patrimonial\SP2\Vigilancia\Nova\072014_Vigilancia_SP2_Nova.xlsm</t>
  </si>
  <si>
    <t>082014_Vigilancia_SP2_Nova.xlsm</t>
  </si>
  <si>
    <t>E:\BK_final\Vilarinho\Vilarinho - Trabalho\Segurança - Erica\2014\Orcamento\RESULTADO\ARQUIVOS PREPARATORIOS\Memoria Patrimonial\SP2\Vigilancia\Nova\082014_Vigilancia_SP2_Nova.xlsm</t>
  </si>
  <si>
    <t>092014_Vigilancia_SP2_Nova.xlsm</t>
  </si>
  <si>
    <t>E:\BK_final\Vilarinho\Vilarinho - Trabalho\Segurança - Erica\2014\Orcamento\RESULTADO\ARQUIVOS PREPARATORIOS\Memoria Patrimonial\SP2\Vigilancia\Nova\092014_Vigilancia_SP2_Nova.xlsm</t>
  </si>
  <si>
    <t>102014_Vigilancia_SP2_Nova.xlsm</t>
  </si>
  <si>
    <t>E:\BK_final\Vilarinho\Vilarinho - Trabalho\Segurança - Erica\2014\Orcamento\RESULTADO\ARQUIVOS PREPARATORIOS\Memoria Patrimonial\SP2\Vigilancia\Nova\102014_Vigilancia_SP2_Nova.xlsm</t>
  </si>
  <si>
    <t>11/21/2019 16:47:43</t>
  </si>
  <si>
    <t>112014_Vigilancia_SP2_Nova.xlsm</t>
  </si>
  <si>
    <t>E:\BK_final\Vilarinho\Vilarinho - Trabalho\Segurança - Erica\2014\Orcamento\RESULTADO\ARQUIVOS PREPARATORIOS\Memoria Patrimonial\SP2\Vigilancia\Nova\112014_Vigilancia_SP2_Nova.xlsm</t>
  </si>
  <si>
    <t>122014_Vigilancia_SP2_Nova.xlsm</t>
  </si>
  <si>
    <t>E:\BK_final\Vilarinho\Vilarinho - Trabalho\Segurança - Erica\2014\Orcamento\RESULTADO\ARQUIVOS PREPARATORIOS\Memoria Patrimonial\SP2\Vigilancia\Nova\122014_Vigilancia_SP2_Nova.xlsm</t>
  </si>
  <si>
    <t>D:\2014\Orcamento\RESULTADO\ARQUIVOS PREPARATORIOS\Memoria Patrimonial_2PROJ\</t>
  </si>
  <si>
    <t>E:\BK_final\Vilarinho\Vilarinho - Trabalho\Segurança - Erica\2014\Orcamento\RESULTADO\ARQUIVOS PREPARATORIOS\Memoria Patrimonial_2PROJ\2014_DRE_CONSOLIDADA.xlsx</t>
  </si>
  <si>
    <t>E:\BK_final\Vilarinho\Vilarinho - Trabalho\Segurança - Erica\2014\Orcamento\RESULTADO\ARQUIVOS PREPARATORIOS\Memoria Patrimonial_2PROJ\2014_DRE_Portaria.xlsx</t>
  </si>
  <si>
    <t>E:\BK_final\Vilarinho\Vilarinho - Trabalho\Segurança - Erica\2014\Orcamento\RESULTADO\ARQUIVOS PREPARATORIOS\Memoria Patrimonial_2PROJ\2014_DRE_Vigilancia.xlsx</t>
  </si>
  <si>
    <t>11/21/2019 16:47:45</t>
  </si>
  <si>
    <t>D:\2014\Orcamento\RESULTADO\ARQUIVOS PREPARATORIOS\Memoria Patrimonial_2PROJ\Arquivos base\GO\</t>
  </si>
  <si>
    <t>E:\BK_final\Vilarinho\Vilarinho - Trabalho\Segurança - Erica\2014\Orcamento\RESULTADO\ARQUIVOS PREPARATORIOS\Memoria Patrimonial_2PROJ\Arquivos base\GO\Portaria 24h - GO - Plan Anterior.xlsx</t>
  </si>
  <si>
    <t>11/21/2019 16:47:46</t>
  </si>
  <si>
    <t>E:\BK_final\Vilarinho\Vilarinho - Trabalho\Segurança - Erica\2014\Orcamento\RESULTADO\ARQUIVOS PREPARATORIOS\Memoria Patrimonial_2PROJ\Arquivos base\GO\Portaria 24h - GO II.xlsm</t>
  </si>
  <si>
    <t>E:\BK_final\Vilarinho\Vilarinho - Trabalho\Segurança - Erica\2014\Orcamento\RESULTADO\ARQUIVOS PREPARATORIOS\Memoria Patrimonial_2PROJ\Arquivos base\GO\Portaria 24h - GO.xlsm</t>
  </si>
  <si>
    <t>E:\BK_final\Vilarinho\Vilarinho - Trabalho\Segurança - Erica\2014\Orcamento\RESULTADO\ARQUIVOS PREPARATORIOS\Memoria Patrimonial_2PROJ\Arquivos base\GO\Vigilância 24h - GO - Plan Anterior.xlsx</t>
  </si>
  <si>
    <t>11/21/2019 16:47:47</t>
  </si>
  <si>
    <t>E:\BK_final\Vilarinho\Vilarinho - Trabalho\Segurança - Erica\2014\Orcamento\RESULTADO\ARQUIVOS PREPARATORIOS\Memoria Patrimonial_2PROJ\Arquivos base\GO\Vigilância 24h - GO - Reajustado.xlsm</t>
  </si>
  <si>
    <t>E:\BK_final\Vilarinho\Vilarinho - Trabalho\Segurança - Erica\2014\Orcamento\RESULTADO\ARQUIVOS PREPARATORIOS\Memoria Patrimonial_2PROJ\Arquivos base\GO\Vigilância 24h - GO II.xlsm</t>
  </si>
  <si>
    <t>E:\BK_final\Vilarinho\Vilarinho - Trabalho\Segurança - Erica\2014\Orcamento\RESULTADO\ARQUIVOS PREPARATORIOS\Memoria Patrimonial_2PROJ\Arquivos base\GO\Vigilância 24h - GO.xlsm</t>
  </si>
  <si>
    <t>D:\2014\Orcamento\RESULTADO\ARQUIVOS PREPARATORIOS\Memoria Patrimonial_2PROJ\Arquivos base\MG\</t>
  </si>
  <si>
    <t>E:\BK_final\Vilarinho\Vilarinho - Trabalho\Segurança - Erica\2014\Orcamento\RESULTADO\ARQUIVOS PREPARATORIOS\Memoria Patrimonial_2PROJ\Arquivos base\MG\Portaria 24h - MG - Plan Anterior.xlsx</t>
  </si>
  <si>
    <t>11/21/2019 16:47:48</t>
  </si>
  <si>
    <t>E:\BK_final\Vilarinho\Vilarinho - Trabalho\Segurança - Erica\2014\Orcamento\RESULTADO\ARQUIVOS PREPARATORIOS\Memoria Patrimonial_2PROJ\Arquivos base\MG\Portaria 24h - MG.xlsm</t>
  </si>
  <si>
    <t>E:\BK_final\Vilarinho\Vilarinho - Trabalho\Segurança - Erica\2014\Orcamento\RESULTADO\ARQUIVOS PREPARATORIOS\Memoria Patrimonial_2PROJ\Arquivos base\MG\Portaria 24h - MG1 II - Cópia - Cópia.xlsm</t>
  </si>
  <si>
    <t>E:\BK_final\Vilarinho\Vilarinho - Trabalho\Segurança - Erica\2014\Orcamento\RESULTADO\ARQUIVOS PREPARATORIOS\Memoria Patrimonial_2PROJ\Arquivos base\MG\Portaria 24h - MG1 II - Cópia.xlsm</t>
  </si>
  <si>
    <t>11/21/2019 16:47:49</t>
  </si>
  <si>
    <t>E:\BK_final\Vilarinho\Vilarinho - Trabalho\Segurança - Erica\2014\Orcamento\RESULTADO\ARQUIVOS PREPARATORIOS\Memoria Patrimonial_2PROJ\Arquivos base\MG\Portaria 24h - MG1 II.xlsm</t>
  </si>
  <si>
    <t>E:\BK_final\Vilarinho\Vilarinho - Trabalho\Segurança - Erica\2014\Orcamento\RESULTADO\ARQUIVOS PREPARATORIOS\Memoria Patrimonial_2PROJ\Arquivos base\MG\Portaria 24h - MG2 II.xlsm</t>
  </si>
  <si>
    <t>E:\BK_final\Vilarinho\Vilarinho - Trabalho\Segurança - Erica\2014\Orcamento\RESULTADO\ARQUIVOS PREPARATORIOS\Memoria Patrimonial_2PROJ\Arquivos base\MG\Vigilância 24h - MG - Cópia.xlsm</t>
  </si>
  <si>
    <t>E:\BK_final\Vilarinho\Vilarinho - Trabalho\Segurança - Erica\2014\Orcamento\RESULTADO\ARQUIVOS PREPARATORIOS\Memoria Patrimonial_2PROJ\Arquivos base\MG\Vigilância 24h - MG - Plan Anterior.xlsx</t>
  </si>
  <si>
    <t>E:\BK_final\Vilarinho\Vilarinho - Trabalho\Segurança - Erica\2014\Orcamento\RESULTADO\ARQUIVOS PREPARATORIOS\Memoria Patrimonial_2PROJ\Arquivos base\MG\Vigilância 24h - MG.xlsm</t>
  </si>
  <si>
    <t>E:\BK_final\Vilarinho\Vilarinho - Trabalho\Segurança - Erica\2014\Orcamento\RESULTADO\ARQUIVOS PREPARATORIOS\Memoria Patrimonial_2PROJ\Arquivos base\MG\Vigilância 24h - MG1 II - Cópia - Cópia.xlsm</t>
  </si>
  <si>
    <t>E:\BK_final\Vilarinho\Vilarinho - Trabalho\Segurança - Erica\2014\Orcamento\RESULTADO\ARQUIVOS PREPARATORIOS\Memoria Patrimonial_2PROJ\Arquivos base\MG\Vigilância 24h - MG1 II - Cópia.xlsm</t>
  </si>
  <si>
    <t>11/21/2019 16:47:50</t>
  </si>
  <si>
    <t>E:\BK_final\Vilarinho\Vilarinho - Trabalho\Segurança - Erica\2014\Orcamento\RESULTADO\ARQUIVOS PREPARATORIOS\Memoria Patrimonial_2PROJ\Arquivos base\MG\Vigilância 24h - MG1 II.xlsm</t>
  </si>
  <si>
    <t>E:\BK_final\Vilarinho\Vilarinho - Trabalho\Segurança - Erica\2014\Orcamento\RESULTADO\ARQUIVOS PREPARATORIOS\Memoria Patrimonial_2PROJ\Arquivos base\MG\Vigilância 24h - MG2 II.xlsm</t>
  </si>
  <si>
    <t>D:\2014\Orcamento\RESULTADO\ARQUIVOS PREPARATORIOS\Memoria Patrimonial_2PROJ\Arquivos base\MS\</t>
  </si>
  <si>
    <t>E:\BK_final\Vilarinho\Vilarinho - Trabalho\Segurança - Erica\2014\Orcamento\RESULTADO\ARQUIVOS PREPARATORIOS\Memoria Patrimonial_2PROJ\Arquivos base\MS\Portaria 24h - MS - Plan Anterior.xlsx</t>
  </si>
  <si>
    <t>E:\BK_final\Vilarinho\Vilarinho - Trabalho\Segurança - Erica\2014\Orcamento\RESULTADO\ARQUIVOS PREPARATORIOS\Memoria Patrimonial_2PROJ\Arquivos base\MS\Portaria 24h - MS II - Cópia.xlsm</t>
  </si>
  <si>
    <t>E:\BK_final\Vilarinho\Vilarinho - Trabalho\Segurança - Erica\2014\Orcamento\RESULTADO\ARQUIVOS PREPARATORIOS\Memoria Patrimonial_2PROJ\Arquivos base\MS\Portaria 24h - MS II.xlsm</t>
  </si>
  <si>
    <t>E:\BK_final\Vilarinho\Vilarinho - Trabalho\Segurança - Erica\2014\Orcamento\RESULTADO\ARQUIVOS PREPARATORIOS\Memoria Patrimonial_2PROJ\Arquivos base\MS\Portaria 24h - MS.xlsm</t>
  </si>
  <si>
    <t>E:\BK_final\Vilarinho\Vilarinho - Trabalho\Segurança - Erica\2014\Orcamento\RESULTADO\ARQUIVOS PREPARATORIOS\Memoria Patrimonial_2PROJ\Arquivos base\MS\Vigilância 24h - MS - Plan Anterior.xlsx</t>
  </si>
  <si>
    <t>E:\BK_final\Vilarinho\Vilarinho - Trabalho\Segurança - Erica\2014\Orcamento\RESULTADO\ARQUIVOS PREPARATORIOS\Memoria Patrimonial_2PROJ\Arquivos base\MS\Vigilância 24h - MS II - Cópia.xlsm</t>
  </si>
  <si>
    <t>11/21/2019 16:47:51</t>
  </si>
  <si>
    <t>E:\BK_final\Vilarinho\Vilarinho - Trabalho\Segurança - Erica\2014\Orcamento\RESULTADO\ARQUIVOS PREPARATORIOS\Memoria Patrimonial_2PROJ\Arquivos base\MS\Vigilância 24h - MS II.xlsm</t>
  </si>
  <si>
    <t>E:\BK_final\Vilarinho\Vilarinho - Trabalho\Segurança - Erica\2014\Orcamento\RESULTADO\ARQUIVOS PREPARATORIOS\Memoria Patrimonial_2PROJ\Arquivos base\MS\Vigilância 24h - MS.xlsm</t>
  </si>
  <si>
    <t>D:\2014\Orcamento\RESULTADO\ARQUIVOS PREPARATORIOS\Memoria Patrimonial_2PROJ\Arquivos base\MT\</t>
  </si>
  <si>
    <t>E:\BK_final\Vilarinho\Vilarinho - Trabalho\Segurança - Erica\2014\Orcamento\RESULTADO\ARQUIVOS PREPARATORIOS\Memoria Patrimonial_2PROJ\Arquivos base\MT\Portaria 24h - MT - Plan Anterior.xlsx</t>
  </si>
  <si>
    <t>E:\BK_final\Vilarinho\Vilarinho - Trabalho\Segurança - Erica\2014\Orcamento\RESULTADO\ARQUIVOS PREPARATORIOS\Memoria Patrimonial_2PROJ\Arquivos base\MT\Portaria 24h - MT.xlsm</t>
  </si>
  <si>
    <t>E:\BK_final\Vilarinho\Vilarinho - Trabalho\Segurança - Erica\2014\Orcamento\RESULTADO\ARQUIVOS PREPARATORIOS\Memoria Patrimonial_2PROJ\Arquivos base\MT\Vigilância 24h - MT - Plan Anterior.xlsx</t>
  </si>
  <si>
    <t>11/21/2019 16:47:52</t>
  </si>
  <si>
    <t>E:\BK_final\Vilarinho\Vilarinho - Trabalho\Segurança - Erica\2014\Orcamento\RESULTADO\ARQUIVOS PREPARATORIOS\Memoria Patrimonial_2PROJ\Arquivos base\MT\Vigilância 24h - MT II - Cópia.xlsm</t>
  </si>
  <si>
    <t>/o=exchangelabs/ou=exchange administrative group (fydibohf23spdlt)/cn=recipients/cn=2f13f6d577d947158c5f81c08b0e5faf-tatiane dor;tatiane.castro@bradesco.com.br;</t>
  </si>
  <si>
    <t>Depara ORG_Cartoes.xlsx</t>
  </si>
  <si>
    <t>/o=exchangelabs/ou=exchange administrative group (fydibohf23spdlt)/cn=recipients/cn=2f13f6d577d947158c5f81c08b0e5faf-tatiane dor,tatiane.castro@bradesco.com.br</t>
  </si>
  <si>
    <t>11/21/2019 16:50:51</t>
  </si>
  <si>
    <t>11/21/2019 16:53:30</t>
  </si>
  <si>
    <t>/o=exchangelabs/ou=exchange administrative group (fydibohf23spdlt)/cn=recipients/cn=8ab5e44d485043d59eb4f21463e63e6a-tays dos sa;/o=exchangelabs/ou=exchange administrative group (fydibohf23spdlt)/cn=recipients/cn=dd3fe7bcac2641dea6394a8de77d1eef-elma maria;/o=exchangelabs/ou=exchange administrative group (fydibohf23spdlt)/cn=recipients/cn=f50351055a2944cebcbdc18a918945d6-gustavo res;</t>
  </si>
  <si>
    <t>RES: CREDITO TAYS</t>
  </si>
  <si>
    <t>Saldo viagem 21_11.xls</t>
  </si>
  <si>
    <t>/o=exchangelabs/ou=exchange administrative group (fydibohf23spdlt)/cn=recipients/cn=8ab5e44d485043d59eb4f21463e63e6a-tays dos sa,/o=exchangelabs/ou=exchange administrative group (fydibohf23spdlt)/cn=recipients/cn=dd3fe7bcac2641dea6394a8de77d1eef-elma maria,/o=exchangelabs/ou=exchange administrative group (fydibohf23spdlt)/cn=recipients/cn=f50351055a2944cebcbdc18a918945d6-gustavo res</t>
  </si>
  <si>
    <t>E:\BK_final\Vilarinho\Vilarinho - Trabalho\Segurança - Erica\2014\Orcamento\RESULTADO\ARQUIVOS PREPARATORIOS\Memoria Patrimonial_2PROJ\Arquivos base\MT\Vigilância 24h - MT II.xlsm</t>
  </si>
  <si>
    <t>E:\BK_final\Vilarinho\Vilarinho - Trabalho\Segurança - Erica\2014\Orcamento\RESULTADO\ARQUIVOS PREPARATORIOS\Memoria Patrimonial_2PROJ\Arquivos base\MT\Vigilância 24h - MT.xlsm</t>
  </si>
  <si>
    <t>11/21/2019 16:47:53</t>
  </si>
  <si>
    <t>D:\2014\Orcamento\RESULTADO\ARQUIVOS PREPARATORIOS\Memoria Patrimonial_2PROJ\Arquivos base\PR\</t>
  </si>
  <si>
    <t>E:\BK_final\Vilarinho\Vilarinho - Trabalho\Segurança - Erica\2014\Orcamento\RESULTADO\ARQUIVOS PREPARATORIOS\Memoria Patrimonial_2PROJ\Arquivos base\PR\Portaria 24h - PR - Cópia.xlsm</t>
  </si>
  <si>
    <t>E:\BK_final\Vilarinho\Vilarinho - Trabalho\Segurança - Erica\2014\Orcamento\RESULTADO\ARQUIVOS PREPARATORIOS\Memoria Patrimonial_2PROJ\Arquivos base\PR\Portaria 24h - PR - III.xlsm</t>
  </si>
  <si>
    <t>E:\BK_final\Vilarinho\Vilarinho - Trabalho\Segurança - Erica\2014\Orcamento\RESULTADO\ARQUIVOS PREPARATORIOS\Memoria Patrimonial_2PROJ\Arquivos base\PR\Portaria 24h - PR - Plan Anterior.xlsx</t>
  </si>
  <si>
    <t>11/21/2019 16:47:54</t>
  </si>
  <si>
    <t>E:\BK_final\Vilarinho\Vilarinho - Trabalho\Segurança - Erica\2014\Orcamento\RESULTADO\ARQUIVOS PREPARATORIOS\Memoria Patrimonial_2PROJ\Arquivos base\PR\Portaria 24h - PR II.xlsm</t>
  </si>
  <si>
    <t>E:\BK_final\Vilarinho\Vilarinho - Trabalho\Segurança - Erica\2014\Orcamento\RESULTADO\ARQUIVOS PREPARATORIOS\Memoria Patrimonial_2PROJ\Arquivos base\PR\Portaria 24h - PR.xlsm</t>
  </si>
  <si>
    <t>E:\BK_final\Vilarinho\Vilarinho - Trabalho\Segurança - Erica\2014\Orcamento\RESULTADO\ARQUIVOS PREPARATORIOS\Memoria Patrimonial_2PROJ\Arquivos base\PR\Vigilância 24h - PR - Plan Anterior.xlsx</t>
  </si>
  <si>
    <t>E:\BK_final\Vilarinho\Vilarinho - Trabalho\Segurança - Erica\2014\Orcamento\RESULTADO\ARQUIVOS PREPARATORIOS\Memoria Patrimonial_2PROJ\Arquivos base\PR\Vigilância 24h - PR II - Cópia.xlsm</t>
  </si>
  <si>
    <t>11/21/2019 16:47:55</t>
  </si>
  <si>
    <t>E:\BK_final\Vilarinho\Vilarinho - Trabalho\Segurança - Erica\2014\Orcamento\RESULTADO\ARQUIVOS PREPARATORIOS\Memoria Patrimonial_2PROJ\Arquivos base\PR\Vigilância 24h - PR II.xlsm</t>
  </si>
  <si>
    <t>E:\BK_final\Vilarinho\Vilarinho - Trabalho\Segurança - Erica\2014\Orcamento\RESULTADO\ARQUIVOS PREPARATORIOS\Memoria Patrimonial_2PROJ\Arquivos base\PR\Vigilância 24h - PR.xlsm</t>
  </si>
  <si>
    <t>D:\2014\Orcamento\RESULTADO\ARQUIVOS PREPARATORIOS\Memoria Patrimonial_2PROJ\Arquivos base\SP\</t>
  </si>
  <si>
    <t>E:\BK_final\Vilarinho\Vilarinho - Trabalho\Segurança - Erica\2014\Orcamento\RESULTADO\ARQUIVOS PREPARATORIOS\Memoria Patrimonial_2PROJ\Arquivos base\SP\Portaria 24h - SP - Plan Anterior.xlsx</t>
  </si>
  <si>
    <t>E:\BK_final\Vilarinho\Vilarinho - Trabalho\Segurança - Erica\2014\Orcamento\RESULTADO\ARQUIVOS PREPARATORIOS\Memoria Patrimonial_2PROJ\Arquivos base\SP\Portaria 24h - SP.xlsm</t>
  </si>
  <si>
    <t>E:\BK_final\Vilarinho\Vilarinho - Trabalho\Segurança - Erica\2014\Orcamento\RESULTADO\ARQUIVOS PREPARATORIOS\Memoria Patrimonial_2PROJ\Arquivos base\SP\Portaria 24h - SP1 II.xlsm</t>
  </si>
  <si>
    <t>E:\BK_final\Vilarinho\Vilarinho - Trabalho\Segurança - Erica\2014\Orcamento\RESULTADO\ARQUIVOS PREPARATORIOS\Memoria Patrimonial_2PROJ\Arquivos base\SP\Portaria 24h - SP2 II - Cópia - Cópia.xlsm</t>
  </si>
  <si>
    <t>E:\BK_final\Vilarinho\Vilarinho - Trabalho\Segurança - Erica\2014\Orcamento\RESULTADO\ARQUIVOS PREPARATORIOS\Memoria Patrimonial_2PROJ\Arquivos base\SP\Portaria 24h - SP2 II - Cópia.xlsm</t>
  </si>
  <si>
    <t>11/21/2019 16:47:56</t>
  </si>
  <si>
    <t>E:\BK_final\Vilarinho\Vilarinho - Trabalho\Segurança - Erica\2014\Orcamento\RESULTADO\ARQUIVOS PREPARATORIOS\Memoria Patrimonial_2PROJ\Arquivos base\SP\Vigilância 24h - SP - Plan Anterior.xlsx</t>
  </si>
  <si>
    <t>E:\BK_final\Vilarinho\Vilarinho - Trabalho\Segurança - Erica\2014\Orcamento\RESULTADO\ARQUIVOS PREPARATORIOS\Memoria Patrimonial_2PROJ\Arquivos base\SP\Vigilância 24h - SP.xlsm</t>
  </si>
  <si>
    <t>11/21/2019 16:47:57</t>
  </si>
  <si>
    <t>E:\BK_final\Vilarinho\Vilarinho - Trabalho\Segurança - Erica\2014\Orcamento\RESULTADO\ARQUIVOS PREPARATORIOS\Memoria Patrimonial_2PROJ\Arquivos base\SP\Vigilância 24h - SP1 II .xlsm</t>
  </si>
  <si>
    <t>E:\BK_final\Vilarinho\Vilarinho - Trabalho\Segurança - Erica\2014\Orcamento\RESULTADO\ARQUIVOS PREPARATORIOS\Memoria Patrimonial_2PROJ\Arquivos base\SP\Vigilância 24h - SP2 II - Cópia.xlsm</t>
  </si>
  <si>
    <t>11/21/2019 16:47:59</t>
  </si>
  <si>
    <t>D:\2014\Orcamento\RESULTADO\ARQUIVOS PREPARATORIOS\Memoria Patrimonial_2PROJ\GO\</t>
  </si>
  <si>
    <t>E:\BK_final\Vilarinho\Vilarinho - Trabalho\Segurança - Erica\2014\Orcamento\RESULTADO\ARQUIVOS PREPARATORIOS\Memoria Patrimonial_2PROJ\GO\2014_DRE_CONSOLIDADA_GO.xlsx</t>
  </si>
  <si>
    <t>D:\2014\Orcamento\RESULTADO\ARQUIVOS PREPARATORIOS\Memoria Patrimonial_2PROJ\GO\Portaria\</t>
  </si>
  <si>
    <t>E:\BK_final\Vilarinho\Vilarinho - Trabalho\Segurança - Erica\2014\Orcamento\RESULTADO\ARQUIVOS PREPARATORIOS\Memoria Patrimonial_2PROJ\GO\Portaria\2014 - Portaria GO - I.xlsx</t>
  </si>
  <si>
    <t>D:\2014\Orcamento\RESULTADO\ARQUIVOS PREPARATORIOS\Memoria Patrimonial_2PROJ\GO\Portaria\Nova\</t>
  </si>
  <si>
    <t>E:\BK_final\Vilarinho\Vilarinho - Trabalho\Segurança - Erica\2014\Orcamento\RESULTADO\ARQUIVOS PREPARATORIOS\Memoria Patrimonial_2PROJ\GO\Portaria\Nova\012014_Portaria_GO_Nova.xlsm</t>
  </si>
  <si>
    <t>D:\2014\Orcamento\RESULTADO\ARQUIVOS PREPARATORIOS\Memoria Patrimonial_2PROJ\GO\Vigilancia\</t>
  </si>
  <si>
    <t>E:\BK_final\Vilarinho\Vilarinho - Trabalho\Segurança - Erica\2014\Orcamento\RESULTADO\ARQUIVOS PREPARATORIOS\Memoria Patrimonial_2PROJ\GO\Vigilancia\2014 - Vigilancia GO - I.xlsx</t>
  </si>
  <si>
    <t>11/21/2019 16:48:00</t>
  </si>
  <si>
    <t>D:\2014\Orcamento\RESULTADO\ARQUIVOS PREPARATORIOS\Memoria Patrimonial_2PROJ\GO\Vigilancia\Cancelada\</t>
  </si>
  <si>
    <t>E:\BK_final\Vilarinho\Vilarinho - Trabalho\Segurança - Erica\2014\Orcamento\RESULTADO\ARQUIVOS PREPARATORIOS\Memoria Patrimonial_2PROJ\GO\Vigilancia\Cancelada\012014_Vigilancia_GO_Cancelada.xlsm</t>
  </si>
  <si>
    <t>E:\BK_final\Vilarinho\Vilarinho - Trabalho\Segurança - Erica\2014\Orcamento\RESULTADO\ARQUIVOS PREPARATORIOS\Memoria Patrimonial_2PROJ\GO\Vigilancia\Cancelada\022014_Vigilancia_GO_Cancelada.xlsm</t>
  </si>
  <si>
    <t>E:\BK_final\Vilarinho\Vilarinho - Trabalho\Segurança - Erica\2014\Orcamento\RESULTADO\ARQUIVOS PREPARATORIOS\Memoria Patrimonial_2PROJ\GO\Vigilancia\Cancelada\032014_Vigilancia_GO_Cancelada.xlsm</t>
  </si>
  <si>
    <t>E:\BK_final\Vilarinho\Vilarinho - Trabalho\Segurança - Erica\2014\Orcamento\RESULTADO\ARQUIVOS PREPARATORIOS\Memoria Patrimonial_2PROJ\GO\Vigilancia\Cancelada\042014_Vigilancia_GO_Cancelada.xlsm</t>
  </si>
  <si>
    <t>E:\BK_final\Vilarinho\Vilarinho - Trabalho\Segurança - Erica\2014\Orcamento\RESULTADO\ARQUIVOS PREPARATORIOS\Memoria Patrimonial_2PROJ\GO\Vigilancia\Cancelada\052014_Vigilancia_GO_Cancelada.xlsm</t>
  </si>
  <si>
    <t>E:\BK_final\Vilarinho\Vilarinho - Trabalho\Segurança - Erica\2014\Orcamento\RESULTADO\ARQUIVOS PREPARATORIOS\Memoria Patrimonial_2PROJ\GO\Vigilancia\Cancelada\062014_Vigilancia_GO_Cancelada.xlsm</t>
  </si>
  <si>
    <t>11/21/2019 16:48:01</t>
  </si>
  <si>
    <t>E:\BK_final\Vilarinho\Vilarinho - Trabalho\Segurança - Erica\2014\Orcamento\RESULTADO\ARQUIVOS PREPARATORIOS\Memoria Patrimonial_2PROJ\GO\Vigilancia\Cancelada\072014_Vigilancia_GO_Cancelada.xlsm</t>
  </si>
  <si>
    <t>E:\BK_final\Vilarinho\Vilarinho - Trabalho\Segurança - Erica\2014\Orcamento\RESULTADO\ARQUIVOS PREPARATORIOS\Memoria Patrimonial_2PROJ\GO\Vigilancia\Cancelada\082014_Vigilancia_GO_Cancelada.xlsm</t>
  </si>
  <si>
    <t>E:\BK_final\Vilarinho\Vilarinho - Trabalho\Segurança - Erica\2014\Orcamento\RESULTADO\ARQUIVOS PREPARATORIOS\Memoria Patrimonial_2PROJ\GO\Vigilancia\Cancelada\092014_Vigilancia_GO_Cancelada.xlsm</t>
  </si>
  <si>
    <t>E:\BK_final\Vilarinho\Vilarinho - Trabalho\Segurança - Erica\2014\Orcamento\RESULTADO\ARQUIVOS PREPARATORIOS\Memoria Patrimonial_2PROJ\GO\Vigilancia\Cancelada\102014_Vigilancia_GO_Cancelada.xlsm</t>
  </si>
  <si>
    <t>E:\BK_final\Vilarinho\Vilarinho - Trabalho\Segurança - Erica\2014\Orcamento\RESULTADO\ARQUIVOS PREPARATORIOS\Memoria Patrimonial_2PROJ\GO\Vigilancia\Cancelada\112014_Vigilancia_GO_Cancelada.xlsm</t>
  </si>
  <si>
    <t>E:\BK_final\Vilarinho\Vilarinho - Trabalho\Segurança - Erica\2014\Orcamento\RESULTADO\ARQUIVOS PREPARATORIOS\Memoria Patrimonial_2PROJ\GO\Vigilancia\Cancelada\122014_Vigilancia_GO_Cancelada.xlsm</t>
  </si>
  <si>
    <t>11/21/2019 16:54:30</t>
  </si>
  <si>
    <t>D:\2014\Orcamento\RESULTADO\ARQUIVOS PREPARATORIOS\Memoria Patrimonial_2PROJ\GO\Vigilancia\Extra\</t>
  </si>
  <si>
    <t>E:\BK_final\Vilarinho\Vilarinho - Trabalho\Segurança - Erica\2014\Orcamento\RESULTADO\ARQUIVOS PREPARATORIOS\Memoria Patrimonial_2PROJ\GO\Vigilancia\Extra\012014_Vigilancia_GO_Extra.xlsm</t>
  </si>
  <si>
    <t>11/21/2019 16:48:02</t>
  </si>
  <si>
    <t>E:\BK_final\Vilarinho\Vilarinho - Trabalho\Segurança - Erica\2014\Orcamento\RESULTADO\ARQUIVOS PREPARATORIOS\Memoria Patrimonial_2PROJ\GO\Vigilancia\Extra\022014_Vigilancia_GO_Extra.xlsm</t>
  </si>
  <si>
    <t>E:\BK_final\Vilarinho\Vilarinho - Trabalho\Segurança - Erica\2014\Orcamento\RESULTADO\ARQUIVOS PREPARATORIOS\Memoria Patrimonial_2PROJ\GO\Vigilancia\Extra\032014_Vigilancia_GO_Extra.xlsm</t>
  </si>
  <si>
    <t>E:\BK_final\Vilarinho\Vilarinho - Trabalho\Segurança - Erica\2014\Orcamento\RESULTADO\ARQUIVOS PREPARATORIOS\Memoria Patrimonial_2PROJ\GO\Vigilancia\Extra\042014_Vigilancia_GO_Extra.xlsm</t>
  </si>
  <si>
    <t>E:\BK_final\Vilarinho\Vilarinho - Trabalho\Segurança - Erica\2014\Orcamento\RESULTADO\ARQUIVOS PREPARATORIOS\Memoria Patrimonial_2PROJ\GO\Vigilancia\Extra\052014_Vigilancia_GO_Extra.xlsm</t>
  </si>
  <si>
    <t>E:\BK_final\Vilarinho\Vilarinho - Trabalho\Segurança - Erica\2014\Orcamento\RESULTADO\ARQUIVOS PREPARATORIOS\Memoria Patrimonial_2PROJ\GO\Vigilancia\Extra\062014_Vigilancia_GO_Extra.xlsm</t>
  </si>
  <si>
    <t>E:\BK_final\Vilarinho\Vilarinho - Trabalho\Segurança - Erica\2014\Orcamento\RESULTADO\ARQUIVOS PREPARATORIOS\Memoria Patrimonial_2PROJ\GO\Vigilancia\Extra\072014_Vigilancia_GO_Extra.xlsm</t>
  </si>
  <si>
    <t>11/21/2019 16:48:03</t>
  </si>
  <si>
    <t>E:\BK_final\Vilarinho\Vilarinho - Trabalho\Segurança - Erica\2014\Orcamento\RESULTADO\ARQUIVOS PREPARATORIOS\Memoria Patrimonial_2PROJ\GO\Vigilancia\Extra\082014_Vigilancia_GO_Extra.xlsm</t>
  </si>
  <si>
    <t>E:\BK_final\Vilarinho\Vilarinho - Trabalho\Segurança - Erica\2014\Orcamento\RESULTADO\ARQUIVOS PREPARATORIOS\Memoria Patrimonial_2PROJ\GO\Vigilancia\Extra\092014_Vigilancia_GO_Extra.xlsm</t>
  </si>
  <si>
    <t>E:\BK_final\Vilarinho\Vilarinho - Trabalho\Segurança - Erica\2014\Orcamento\RESULTADO\ARQUIVOS PREPARATORIOS\Memoria Patrimonial_2PROJ\GO\Vigilancia\Extra\102014_Vigilancia_GO_Extra.xlsm</t>
  </si>
  <si>
    <t>E:\BK_final\Vilarinho\Vilarinho - Trabalho\Segurança - Erica\2014\Orcamento\RESULTADO\ARQUIVOS PREPARATORIOS\Memoria Patrimonial_2PROJ\GO\Vigilancia\Extra\112014_Vigilancia_GO_Extra.xlsm</t>
  </si>
  <si>
    <t>E:\BK_final\Vilarinho\Vilarinho - Trabalho\Segurança - Erica\2014\Orcamento\RESULTADO\ARQUIVOS PREPARATORIOS\Memoria Patrimonial_2PROJ\GO\Vigilancia\Extra\122014_Vigilancia_GO_Extra.xlsm</t>
  </si>
  <si>
    <t>D:\2014\Orcamento\RESULTADO\ARQUIVOS PREPARATORIOS\Memoria Patrimonial_2PROJ\GO\Vigilancia\Nova\</t>
  </si>
  <si>
    <t>E:\BK_final\Vilarinho\Vilarinho - Trabalho\Segurança - Erica\2014\Orcamento\RESULTADO\ARQUIVOS PREPARATORIOS\Memoria Patrimonial_2PROJ\GO\Vigilancia\Nova\012014_Vigilancia_GO_Nova.xlsm</t>
  </si>
  <si>
    <t>E:\BK_final\Vilarinho\Vilarinho - Trabalho\Segurança - Erica\2014\Orcamento\RESULTADO\ARQUIVOS PREPARATORIOS\Memoria Patrimonial_2PROJ\GO\Vigilancia\Nova\022014_Vigilancia_GO_Nova.xlsm</t>
  </si>
  <si>
    <t>11/21/2019 16:48:04</t>
  </si>
  <si>
    <t>E:\BK_final\Vilarinho\Vilarinho - Trabalho\Segurança - Erica\2014\Orcamento\RESULTADO\ARQUIVOS PREPARATORIOS\Memoria Patrimonial_2PROJ\GO\Vigilancia\Nova\032014_Vigilancia_GO_Nova.xlsm</t>
  </si>
  <si>
    <t>E:\BK_final\Vilarinho\Vilarinho - Trabalho\Segurança - Erica\2014\Orcamento\RESULTADO\ARQUIVOS PREPARATORIOS\Memoria Patrimonial_2PROJ\GO\Vigilancia\Nova\042014_Vigilancia_GO_Nova.xlsm</t>
  </si>
  <si>
    <t>E:\BK_final\Vilarinho\Vilarinho - Trabalho\Segurança - Erica\2014\Orcamento\RESULTADO\ARQUIVOS PREPARATORIOS\Memoria Patrimonial_2PROJ\GO\Vigilancia\Nova\052014_Vigilancia_GO_Nova.xlsm</t>
  </si>
  <si>
    <t>E:\BK_final\Vilarinho\Vilarinho - Trabalho\Segurança - Erica\2014\Orcamento\RESULTADO\ARQUIVOS PREPARATORIOS\Memoria Patrimonial_2PROJ\GO\Vigilancia\Nova\062014_Vigilancia_GO_Nova.xlsm</t>
  </si>
  <si>
    <t>11/21/2019 16:48:05</t>
  </si>
  <si>
    <t>E:\BK_final\Vilarinho\Vilarinho - Trabalho\Segurança - Erica\2014\Orcamento\RESULTADO\ARQUIVOS PREPARATORIOS\Memoria Patrimonial_2PROJ\GO\Vigilancia\Nova\072014_Vigilancia_GO_Nova.xlsm</t>
  </si>
  <si>
    <t>E:\BK_final\Vilarinho\Vilarinho - Trabalho\Segurança - Erica\2014\Orcamento\RESULTADO\ARQUIVOS PREPARATORIOS\Memoria Patrimonial_2PROJ\GO\Vigilancia\Nova\082014_Vigilancia_GO_Nova.xlsm</t>
  </si>
  <si>
    <t>E:\BK_final\Vilarinho\Vilarinho - Trabalho\Segurança - Erica\2014\Orcamento\RESULTADO\ARQUIVOS PREPARATORIOS\Memoria Patrimonial_2PROJ\GO\Vigilancia\Nova\092014_Vigilancia_GO_Nova.xlsm</t>
  </si>
  <si>
    <t>E:\BK_final\Vilarinho\Vilarinho - Trabalho\Segurança - Erica\2014\Orcamento\RESULTADO\ARQUIVOS PREPARATORIOS\Memoria Patrimonial_2PROJ\GO\Vigilancia\Nova\102014_Vigilancia_GO_Nova.xlsm</t>
  </si>
  <si>
    <t>E:\BK_final\Vilarinho\Vilarinho - Trabalho\Segurança - Erica\2014\Orcamento\RESULTADO\ARQUIVOS PREPARATORIOS\Memoria Patrimonial_2PROJ\GO\Vigilancia\Nova\112014_Vigilancia_GO_Nova.xlsm</t>
  </si>
  <si>
    <t>11/21/2019 16:48:06</t>
  </si>
  <si>
    <t>E:\BK_final\Vilarinho\Vilarinho - Trabalho\Segurança - Erica\2014\Orcamento\RESULTADO\ARQUIVOS PREPARATORIOS\Memoria Patrimonial_2PROJ\GO\Vigilancia\Nova\122014_Vigilancia_GO_Nova.xlsm</t>
  </si>
  <si>
    <t>11/21/2019 16:48:08</t>
  </si>
  <si>
    <t>D:\2014\Orcamento\RESULTADO\ARQUIVOS PREPARATORIOS\Memoria Patrimonial_2PROJ\MG1\</t>
  </si>
  <si>
    <t>E:\BK_final\Vilarinho\Vilarinho - Trabalho\Segurança - Erica\2014\Orcamento\RESULTADO\ARQUIVOS PREPARATORIOS\Memoria Patrimonial_2PROJ\MG1\2014_DRE_CONSOLIDADA_MG1.xlsx</t>
  </si>
  <si>
    <t>D:\2014\Orcamento\RESULTADO\ARQUIVOS PREPARATORIOS\Memoria Patrimonial_2PROJ\MG1\Portaria\</t>
  </si>
  <si>
    <t>E:\BK_final\Vilarinho\Vilarinho - Trabalho\Segurança - Erica\2014\Orcamento\RESULTADO\ARQUIVOS PREPARATORIOS\Memoria Patrimonial_2PROJ\MG1\Portaria\2014 - Portaria MG1 - I.xlsx</t>
  </si>
  <si>
    <t>D:\2014\Orcamento\RESULTADO\ARQUIVOS PREPARATORIOS\Memoria Patrimonial_2PROJ\MG1\Portaria\Cancelada\</t>
  </si>
  <si>
    <t>E:\BK_final\Vilarinho\Vilarinho - Trabalho\Segurança - Erica\2014\Orcamento\RESULTADO\ARQUIVOS PREPARATORIOS\Memoria Patrimonial_2PROJ\MG1\Portaria\Cancelada\012014_Portaria_MG1_Cancelada.xlsm</t>
  </si>
  <si>
    <t>E:\BK_final\Vilarinho\Vilarinho - Trabalho\Segurança - Erica\2014\Orcamento\RESULTADO\ARQUIVOS PREPARATORIOS\Memoria Patrimonial_2PROJ\MG1\Portaria\Cancelada\022014_Portaria_MG1_Cancelada.xlsm</t>
  </si>
  <si>
    <t>E:\BK_final\Vilarinho\Vilarinho - Trabalho\Segurança - Erica\2014\Orcamento\RESULTADO\ARQUIVOS PREPARATORIOS\Memoria Patrimonial_2PROJ\MG1\Portaria\Cancelada\032014_Portaria_MG1_Cancelada.xlsm</t>
  </si>
  <si>
    <t>11/21/2019 16:48:09</t>
  </si>
  <si>
    <t>E:\BK_final\Vilarinho\Vilarinho - Trabalho\Segurança - Erica\2014\Orcamento\RESULTADO\ARQUIVOS PREPARATORIOS\Memoria Patrimonial_2PROJ\MG1\Portaria\Cancelada\042014_Portaria_MG1_Cancelada.xlsm</t>
  </si>
  <si>
    <t>E:\BK_final\Vilarinho\Vilarinho - Trabalho\Segurança - Erica\2014\Orcamento\RESULTADO\ARQUIVOS PREPARATORIOS\Memoria Patrimonial_2PROJ\MG1\Portaria\Cancelada\052014_Portaria_MG1_Cancelada.xlsm</t>
  </si>
  <si>
    <t>E:\BK_final\Vilarinho\Vilarinho - Trabalho\Segurança - Erica\2014\Orcamento\RESULTADO\ARQUIVOS PREPARATORIOS\Memoria Patrimonial_2PROJ\MG1\Portaria\Cancelada\062014_Portaria_MG1_Cancelada.xlsm</t>
  </si>
  <si>
    <t>E:\BK_final\Vilarinho\Vilarinho - Trabalho\Segurança - Erica\2014\Orcamento\RESULTADO\ARQUIVOS PREPARATORIOS\Memoria Patrimonial_2PROJ\MG1\Portaria\Cancelada\072014_Portaria_MG1_Cancelada.xlsm</t>
  </si>
  <si>
    <t>E:\BK_final\Vilarinho\Vilarinho - Trabalho\Segurança - Erica\2014\Orcamento\RESULTADO\ARQUIVOS PREPARATORIOS\Memoria Patrimonial_2PROJ\MG1\Portaria\Cancelada\082014_Portaria_MG1_Cancelada.xlsm</t>
  </si>
  <si>
    <t>E:\BK_final\Vilarinho\Vilarinho - Trabalho\Segurança - Erica\2014\Orcamento\RESULTADO\ARQUIVOS PREPARATORIOS\Memoria Patrimonial_2PROJ\MG1\Portaria\Cancelada\092014_Portaria_MG1_Cancelada.xlsm</t>
  </si>
  <si>
    <t>11/21/2019 16:48:10</t>
  </si>
  <si>
    <t>E:\BK_final\Vilarinho\Vilarinho - Trabalho\Segurança - Erica\2014\Orcamento\RESULTADO\ARQUIVOS PREPARATORIOS\Memoria Patrimonial_2PROJ\MG1\Portaria\Cancelada\102014_Portaria_MG1_Cancelada.xlsm</t>
  </si>
  <si>
    <t>E:\BK_final\Vilarinho\Vilarinho - Trabalho\Segurança - Erica\2014\Orcamento\RESULTADO\ARQUIVOS PREPARATORIOS\Memoria Patrimonial_2PROJ\MG1\Portaria\Cancelada\112014_Portaria_MG1_Cancelada.xlsm</t>
  </si>
  <si>
    <t>E:\BK_final\Vilarinho\Vilarinho - Trabalho\Segurança - Erica\2014\Orcamento\RESULTADO\ARQUIVOS PREPARATORIOS\Memoria Patrimonial_2PROJ\MG1\Portaria\Cancelada\122014_Portaria_MG1_Cancelada.xlsm</t>
  </si>
  <si>
    <t>D:\2014\Orcamento\RESULTADO\ARQUIVOS PREPARATORIOS\Memoria Patrimonial_2PROJ\MG1\Portaria\Nova\</t>
  </si>
  <si>
    <t>E:\BK_final\Vilarinho\Vilarinho - Trabalho\Segurança - Erica\2014\Orcamento\RESULTADO\ARQUIVOS PREPARATORIOS\Memoria Patrimonial_2PROJ\MG1\Portaria\Nova\012014_Portaria_MG1_Nova.xlsm</t>
  </si>
  <si>
    <t>E:\BK_final\Vilarinho\Vilarinho - Trabalho\Segurança - Erica\2014\Orcamento\RESULTADO\ARQUIVOS PREPARATORIOS\Memoria Patrimonial_2PROJ\MG1\Portaria\Nova\022014_Portaria_MG1_Nova.xlsm</t>
  </si>
  <si>
    <t>E:\BK_final\Vilarinho\Vilarinho - Trabalho\Segurança - Erica\2014\Orcamento\RESULTADO\ARQUIVOS PREPARATORIOS\Memoria Patrimonial_2PROJ\MG1\Portaria\Nova\032014_Portaria_MG1_Nova.xlsm</t>
  </si>
  <si>
    <t>11/21/2019 16:48:11</t>
  </si>
  <si>
    <t>E:\BK_final\Vilarinho\Vilarinho - Trabalho\Segurança - Erica\2014\Orcamento\RESULTADO\ARQUIVOS PREPARATORIOS\Memoria Patrimonial_2PROJ\MG1\Portaria\Nova\042014_Portaria_MG1_Nova.xlsm</t>
  </si>
  <si>
    <t>E:\BK_final\Vilarinho\Vilarinho - Trabalho\Segurança - Erica\2014\Orcamento\RESULTADO\ARQUIVOS PREPARATORIOS\Memoria Patrimonial_2PROJ\MG1\Portaria\Nova\052014_Portaria_MG1_Nova.xlsm</t>
  </si>
  <si>
    <t>E:\BK_final\Vilarinho\Vilarinho - Trabalho\Segurança - Erica\2014\Orcamento\RESULTADO\ARQUIVOS PREPARATORIOS\Memoria Patrimonial_2PROJ\MG1\Portaria\Nova\062014_Portaria_MG1_Nova.xlsm</t>
  </si>
  <si>
    <t>E:\BK_final\Vilarinho\Vilarinho - Trabalho\Segurança - Erica\2014\Orcamento\RESULTADO\ARQUIVOS PREPARATORIOS\Memoria Patrimonial_2PROJ\MG1\Portaria\Nova\072014_Portaria_MG1_Nova.xlsm</t>
  </si>
  <si>
    <t>E:\BK_final\Vilarinho\Vilarinho - Trabalho\Segurança - Erica\2014\Orcamento\RESULTADO\ARQUIVOS PREPARATORIOS\Memoria Patrimonial_2PROJ\MG1\Portaria\Nova\082014_Portaria_MG1_Nova.xlsm</t>
  </si>
  <si>
    <t>E:\BK_final\Vilarinho\Vilarinho - Trabalho\Segurança - Erica\2014\Orcamento\RESULTADO\ARQUIVOS PREPARATORIOS\Memoria Patrimonial_2PROJ\MG1\Portaria\Nova\092014_Portaria_MG1_Nova.xlsm</t>
  </si>
  <si>
    <t>11/21/2019 16:48:12</t>
  </si>
  <si>
    <t>E:\BK_final\Vilarinho\Vilarinho - Trabalho\Segurança - Erica\2014\Orcamento\RESULTADO\ARQUIVOS PREPARATORIOS\Memoria Patrimonial_2PROJ\MG1\Portaria\Nova\102014_Portaria_MG1_Nova.xlsm</t>
  </si>
  <si>
    <t>E:\BK_final\Vilarinho\Vilarinho - Trabalho\Segurança - Erica\2014\Orcamento\RESULTADO\ARQUIVOS PREPARATORIOS\Memoria Patrimonial_2PROJ\MG1\Portaria\Nova\112014_Portaria_MG1_Nova.xlsm</t>
  </si>
  <si>
    <t>E:\BK_final\Vilarinho\Vilarinho - Trabalho\Segurança - Erica\2014\Orcamento\RESULTADO\ARQUIVOS PREPARATORIOS\Memoria Patrimonial_2PROJ\MG1\Portaria\Nova\122014_Portaria_MG1_Nova.xlsm</t>
  </si>
  <si>
    <t>D:\2014\Orcamento\RESULTADO\ARQUIVOS PREPARATORIOS\Memoria Patrimonial_2PROJ\MG1\Vigilancia\</t>
  </si>
  <si>
    <t>E:\BK_final\Vilarinho\Vilarinho - Trabalho\Segurança - Erica\2014\Orcamento\RESULTADO\ARQUIVOS PREPARATORIOS\Memoria Patrimonial_2PROJ\MG1\Vigilancia\2014 - Vigilancia MG1 - I.xlsx</t>
  </si>
  <si>
    <t>D:\2014\Orcamento\RESULTADO\ARQUIVOS PREPARATORIOS\Memoria Patrimonial_2PROJ\MG1\Vigilancia\Cancelada\</t>
  </si>
  <si>
    <t>E:\BK_final\Vilarinho\Vilarinho - Trabalho\Segurança - Erica\2014\Orcamento\RESULTADO\ARQUIVOS PREPARATORIOS\Memoria Patrimonial_2PROJ\MG1\Vigilancia\Cancelada\012014_Vigilancia_MG1_Cancelada.xlsm</t>
  </si>
  <si>
    <t>E:\BK_final\Vilarinho\Vilarinho - Trabalho\Segurança - Erica\2014\Orcamento\RESULTADO\ARQUIVOS PREPARATORIOS\Memoria Patrimonial_2PROJ\MG1\Vigilancia\Cancelada\022014_Vigilancia_MG1_Cancelada.xlsm</t>
  </si>
  <si>
    <t>E:\BK_final\Vilarinho\Vilarinho - Trabalho\Segurança - Erica\2014\Orcamento\RESULTADO\ARQUIVOS PREPARATORIOS\Memoria Patrimonial_2PROJ\MG1\Vigilancia\Cancelada\032014_Vigilancia_MG1_Cancelada.xlsm</t>
  </si>
  <si>
    <t>11/21/2019 16:48:13</t>
  </si>
  <si>
    <t>E:\BK_final\Vilarinho\Vilarinho - Trabalho\Segurança - Erica\2014\Orcamento\RESULTADO\ARQUIVOS PREPARATORIOS\Memoria Patrimonial_2PROJ\MG1\Vigilancia\Cancelada\042014_Vigilancia_MG1_Cancelada.xlsm</t>
  </si>
  <si>
    <t>E:\BK_final\Vilarinho\Vilarinho - Trabalho\Segurança - Erica\2014\Orcamento\RESULTADO\ARQUIVOS PREPARATORIOS\Memoria Patrimonial_2PROJ\MG1\Vigilancia\Cancelada\052014_Vigilancia_MG1_Cancelada.xlsm</t>
  </si>
  <si>
    <t>E:\BK_final\Vilarinho\Vilarinho - Trabalho\Segurança - Erica\2014\Orcamento\RESULTADO\ARQUIVOS PREPARATORIOS\Memoria Patrimonial_2PROJ\MG1\Vigilancia\Cancelada\062014_Vigilancia_MG1_Cancelada.xlsm</t>
  </si>
  <si>
    <t>E:\BK_final\Vilarinho\Vilarinho - Trabalho\Segurança - Erica\2014\Orcamento\RESULTADO\ARQUIVOS PREPARATORIOS\Memoria Patrimonial_2PROJ\MG1\Vigilancia\Cancelada\072014_Vigilancia_MG1_Cancelada.xlsm</t>
  </si>
  <si>
    <t>E:\BK_final\Vilarinho\Vilarinho - Trabalho\Segurança - Erica\2014\Orcamento\RESULTADO\ARQUIVOS PREPARATORIOS\Memoria Patrimonial_2PROJ\MG1\Vigilancia\Cancelada\082014_Vigilancia_MG1_Cancelada.xlsm</t>
  </si>
  <si>
    <t>E:\BK_final\Vilarinho\Vilarinho - Trabalho\Segurança - Erica\2014\Orcamento\RESULTADO\ARQUIVOS PREPARATORIOS\Memoria Patrimonial_2PROJ\MG1\Vigilancia\Cancelada\092014_Vigilancia_MG1_Cancelada.xlsm</t>
  </si>
  <si>
    <t>11/21/2019 16:48:14</t>
  </si>
  <si>
    <t>E:\BK_final\Vilarinho\Vilarinho - Trabalho\Segurança - Erica\2014\Orcamento\RESULTADO\ARQUIVOS PREPARATORIOS\Memoria Patrimonial_2PROJ\MG1\Vigilancia\Cancelada\102014_Vigilancia_MG1_Cancelada.xlsm</t>
  </si>
  <si>
    <t>E:\BK_final\Vilarinho\Vilarinho - Trabalho\Segurança - Erica\2014\Orcamento\RESULTADO\ARQUIVOS PREPARATORIOS\Memoria Patrimonial_2PROJ\MG1\Vigilancia\Cancelada\112014_Vigilancia_MG1_Cancelada.xlsm</t>
  </si>
  <si>
    <t>E:\BK_final\Vilarinho\Vilarinho - Trabalho\Segurança - Erica\2014\Orcamento\RESULTADO\ARQUIVOS PREPARATORIOS\Memoria Patrimonial_2PROJ\MG1\Vigilancia\Cancelada\122014_Vigilancia_MG1_Cancelada.xlsm</t>
  </si>
  <si>
    <t>11/21/2019 16:48:16</t>
  </si>
  <si>
    <t>D:\2014\Orcamento\RESULTADO\ARQUIVOS PREPARATORIOS\Memoria Patrimonial_2PROJ\MG1\Vigilancia\Extra\</t>
  </si>
  <si>
    <t>E:\BK_final\Vilarinho\Vilarinho - Trabalho\Segurança - Erica\2014\Orcamento\RESULTADO\ARQUIVOS PREPARATORIOS\Memoria Patrimonial_2PROJ\MG1\Vigilancia\Extra\012014_Vigilancia_MG1_Extra.xlsm</t>
  </si>
  <si>
    <t>E:\BK_final\Vilarinho\Vilarinho - Trabalho\Segurança - Erica\2014\Orcamento\RESULTADO\ARQUIVOS PREPARATORIOS\Memoria Patrimonial_2PROJ\MG1\Vigilancia\Extra\022014_Vigilancia_MG1_Extra.xlsm</t>
  </si>
  <si>
    <t>11/21/2019 16:48:17</t>
  </si>
  <si>
    <t>E:\BK_final\Vilarinho\Vilarinho - Trabalho\Segurança - Erica\2014\Orcamento\RESULTADO\ARQUIVOS PREPARATORIOS\Memoria Patrimonial_2PROJ\MG1\Vigilancia\Extra\032014_Vigilancia_MG1_Extra.xlsm</t>
  </si>
  <si>
    <t>E:\BK_final\Vilarinho\Vilarinho - Trabalho\Segurança - Erica\2014\Orcamento\RESULTADO\ARQUIVOS PREPARATORIOS\Memoria Patrimonial_2PROJ\MG1\Vigilancia\Extra\042014_Vigilancia_MG1_Extra.xlsm</t>
  </si>
  <si>
    <t>E:\BK_final\Vilarinho\Vilarinho - Trabalho\Segurança - Erica\2014\Orcamento\RESULTADO\ARQUIVOS PREPARATORIOS\Memoria Patrimonial_2PROJ\MG1\Vigilancia\Extra\052014_Vigilancia_MG1_Extra.xlsm</t>
  </si>
  <si>
    <t>E:\BK_final\Vilarinho\Vilarinho - Trabalho\Segurança - Erica\2014\Orcamento\RESULTADO\ARQUIVOS PREPARATORIOS\Memoria Patrimonial_2PROJ\MG1\Vigilancia\Extra\062014_Vigilancia_MG1_Extra.xlsm</t>
  </si>
  <si>
    <t>E:\BK_final\Vilarinho\Vilarinho - Trabalho\Segurança - Erica\2014\Orcamento\RESULTADO\ARQUIVOS PREPARATORIOS\Memoria Patrimonial_2PROJ\MG1\Vigilancia\Extra\072014_Vigilancia_MG1_Extra.xlsm</t>
  </si>
  <si>
    <t>E:\BK_final\Vilarinho\Vilarinho - Trabalho\Segurança - Erica\2014\Orcamento\RESULTADO\ARQUIVOS PREPARATORIOS\Memoria Patrimonial_2PROJ\MG1\Vigilancia\Extra\082014_Vigilancia_MG1_Extra.xlsm</t>
  </si>
  <si>
    <t>11/21/2019 16:48:18</t>
  </si>
  <si>
    <t>E:\BK_final\Vilarinho\Vilarinho - Trabalho\Segurança - Erica\2014\Orcamento\RESULTADO\ARQUIVOS PREPARATORIOS\Memoria Patrimonial_2PROJ\MG1\Vigilancia\Extra\092014_Vigilancia_MG1_Extra.xlsm</t>
  </si>
  <si>
    <t>E:\BK_final\Vilarinho\Vilarinho - Trabalho\Segurança - Erica\2014\Orcamento\RESULTADO\ARQUIVOS PREPARATORIOS\Memoria Patrimonial_2PROJ\MG1\Vigilancia\Extra\102014_Vigilancia_MG1_Extra.xlsm</t>
  </si>
  <si>
    <t>E:\BK_final\Vilarinho\Vilarinho - Trabalho\Segurança - Erica\2014\Orcamento\RESULTADO\ARQUIVOS PREPARATORIOS\Memoria Patrimonial_2PROJ\MG1\Vigilancia\Extra\112014_Vigilancia_MG1_Extra.xlsm</t>
  </si>
  <si>
    <t>E:\BK_final\Vilarinho\Vilarinho - Trabalho\Segurança - Erica\2014\Orcamento\RESULTADO\ARQUIVOS PREPARATORIOS\Memoria Patrimonial_2PROJ\MG1\Vigilancia\Extra\122014_Vigilancia_MG1_Extra.xlsm</t>
  </si>
  <si>
    <t>D:\2014\Orcamento\RESULTADO\ARQUIVOS PREPARATORIOS\Memoria Patrimonial_2PROJ\MG1\Vigilancia\Nova\</t>
  </si>
  <si>
    <t>E:\BK_final\Vilarinho\Vilarinho - Trabalho\Segurança - Erica\2014\Orcamento\RESULTADO\ARQUIVOS PREPARATORIOS\Memoria Patrimonial_2PROJ\MG1\Vigilancia\Nova\012014_Vigilancia_MG1_Nova.xlsm</t>
  </si>
  <si>
    <t>E:\BK_final\Vilarinho\Vilarinho - Trabalho\Segurança - Erica\2014\Orcamento\RESULTADO\ARQUIVOS PREPARATORIOS\Memoria Patrimonial_2PROJ\MG1\Vigilancia\Nova\022014_Vigilancia_MG1_Nova.xlsm</t>
  </si>
  <si>
    <t>E:\BK_final\Vilarinho\Vilarinho - Trabalho\Segurança - Erica\2014\Orcamento\RESULTADO\ARQUIVOS PREPARATORIOS\Memoria Patrimonial_2PROJ\MG1\Vigilancia\Nova\032014_Vigilancia_MG1_Nova.xlsm</t>
  </si>
  <si>
    <t>11/21/2019 16:48:19</t>
  </si>
  <si>
    <t>E:\BK_final\Vilarinho\Vilarinho - Trabalho\Segurança - Erica\2014\Orcamento\RESULTADO\ARQUIVOS PREPARATORIOS\Memoria Patrimonial_2PROJ\MG1\Vigilancia\Nova\042014_Vigilancia_MG1_Nova.xlsm</t>
  </si>
  <si>
    <t>E:\BK_final\Vilarinho\Vilarinho - Trabalho\Segurança - Erica\2014\Orcamento\RESULTADO\ARQUIVOS PREPARATORIOS\Memoria Patrimonial_2PROJ\MG1\Vigilancia\Nova\052014_Vigilancia_MG1_Nova.xlsm</t>
  </si>
  <si>
    <t>E:\BK_final\Vilarinho\Vilarinho - Trabalho\Segurança - Erica\2014\Orcamento\RESULTADO\ARQUIVOS PREPARATORIOS\Memoria Patrimonial_2PROJ\MG1\Vigilancia\Nova\062014_Vigilancia_MG1_Nova.xlsm</t>
  </si>
  <si>
    <t>E:\BK_final\Vilarinho\Vilarinho - Trabalho\Segurança - Erica\2014\Orcamento\RESULTADO\ARQUIVOS PREPARATORIOS\Memoria Patrimonial_2PROJ\MG1\Vigilancia\Nova\072014_Vigilancia_MG1_Nova.xlsm</t>
  </si>
  <si>
    <t>E:\BK_final\Vilarinho\Vilarinho - Trabalho\Segurança - Erica\2014\Orcamento\RESULTADO\ARQUIVOS PREPARATORIOS\Memoria Patrimonial_2PROJ\MG1\Vigilancia\Nova\082014_Vigilancia_MG1_Nova.xlsm</t>
  </si>
  <si>
    <t>E:\BK_final\Vilarinho\Vilarinho - Trabalho\Segurança - Erica\2014\Orcamento\RESULTADO\ARQUIVOS PREPARATORIOS\Memoria Patrimonial_2PROJ\MG1\Vigilancia\Nova\092014_Vigilancia_MG1_Nova.xlsm</t>
  </si>
  <si>
    <t>11/21/2019 16:48:20</t>
  </si>
  <si>
    <t>E:\BK_final\Vilarinho\Vilarinho - Trabalho\Segurança - Erica\2014\Orcamento\RESULTADO\ARQUIVOS PREPARATORIOS\Memoria Patrimonial_2PROJ\MG1\Vigilancia\Nova\102014_Vigilancia_MG1_Nova.xlsm</t>
  </si>
  <si>
    <t>E:\BK_final\Vilarinho\Vilarinho - Trabalho\Segurança - Erica\2014\Orcamento\RESULTADO\ARQUIVOS PREPARATORIOS\Memoria Patrimonial_2PROJ\MG1\Vigilancia\Nova\112014_Vigilancia_MG1_Nova.xlsm</t>
  </si>
  <si>
    <t>E:\BK_final\Vilarinho\Vilarinho - Trabalho\Segurança - Erica\2014\Orcamento\RESULTADO\ARQUIVOS PREPARATORIOS\Memoria Patrimonial_2PROJ\MG1\Vigilancia\Nova\122014_Vigilancia_MG1_Nova.xlsm</t>
  </si>
  <si>
    <t>D:\2014\Orcamento\RESULTADO\ARQUIVOS PREPARATORIOS\Memoria Patrimonial_2PROJ\MG2\</t>
  </si>
  <si>
    <t>E:\BK_final\Vilarinho\Vilarinho - Trabalho\Segurança - Erica\2014\Orcamento\RESULTADO\ARQUIVOS PREPARATORIOS\Memoria Patrimonial_2PROJ\MG2\2014_DRE_CONSOLIDADA_MG2.xlsx</t>
  </si>
  <si>
    <t>D:\2014\Orcamento\RESULTADO\ARQUIVOS PREPARATORIOS\Memoria Patrimonial_2PROJ\MG2\Portaria\</t>
  </si>
  <si>
    <t>E:\BK_final\Vilarinho\Vilarinho - Trabalho\Segurança - Erica\2014\Orcamento\RESULTADO\ARQUIVOS PREPARATORIOS\Memoria Patrimonial_2PROJ\MG2\Portaria\2014 - Portaria MG2 - I.xlsx</t>
  </si>
  <si>
    <t>D:\2014\Orcamento\RESULTADO\ARQUIVOS PREPARATORIOS\Memoria Patrimonial_2PROJ\MG2\Portaria\Cancelada\</t>
  </si>
  <si>
    <t>E:\BK_final\Vilarinho\Vilarinho - Trabalho\Segurança - Erica\2014\Orcamento\RESULTADO\ARQUIVOS PREPARATORIOS\Memoria Patrimonial_2PROJ\MG2\Portaria\Cancelada\012014_Portaria_MG2_Cancelada.xlsm</t>
  </si>
  <si>
    <t>E:\BK_final\Vilarinho\Vilarinho - Trabalho\Segurança - Erica\2014\Orcamento\RESULTADO\ARQUIVOS PREPARATORIOS\Memoria Patrimonial_2PROJ\MG2\Portaria\Cancelada\022014_Portaria_MG2_Cancelada.xlsm</t>
  </si>
  <si>
    <t>11/21/2019 16:48:21</t>
  </si>
  <si>
    <t>E:\BK_final\Vilarinho\Vilarinho - Trabalho\Segurança - Erica\2014\Orcamento\RESULTADO\ARQUIVOS PREPARATORIOS\Memoria Patrimonial_2PROJ\MG2\Portaria\Cancelada\032014_Portaria_MG2_Cancelada.xlsm</t>
  </si>
  <si>
    <t>E:\BK_final\Vilarinho\Vilarinho - Trabalho\Segurança - Erica\2014\Orcamento\RESULTADO\ARQUIVOS PREPARATORIOS\Memoria Patrimonial_2PROJ\MG2\Portaria\Cancelada\042014_Portaria_MG2_Cancelada.xlsm</t>
  </si>
  <si>
    <t>E:\BK_final\Vilarinho\Vilarinho - Trabalho\Segurança - Erica\2014\Orcamento\RESULTADO\ARQUIVOS PREPARATORIOS\Memoria Patrimonial_2PROJ\MG2\Portaria\Cancelada\052014_Portaria_MG2_Cancelada.xlsm</t>
  </si>
  <si>
    <t>E:\BK_final\Vilarinho\Vilarinho - Trabalho\Segurança - Erica\2014\Orcamento\RESULTADO\ARQUIVOS PREPARATORIOS\Memoria Patrimonial_2PROJ\MG2\Portaria\Cancelada\062014_Portaria_MG2_Cancelada.xlsm</t>
  </si>
  <si>
    <t>E:\BK_final\Vilarinho\Vilarinho - Trabalho\Segurança - Erica\2014\Orcamento\RESULTADO\ARQUIVOS PREPARATORIOS\Memoria Patrimonial_2PROJ\MG2\Portaria\Cancelada\072014_Portaria_MG2_Cancelada.xlsm</t>
  </si>
  <si>
    <t>E:\BK_final\Vilarinho\Vilarinho - Trabalho\Segurança - Erica\2014\Orcamento\RESULTADO\ARQUIVOS PREPARATORIOS\Memoria Patrimonial_2PROJ\MG2\Portaria\Cancelada\082014_Portaria_MG2_Cancelada.xlsm</t>
  </si>
  <si>
    <t>E:\BK_final\Vilarinho\Vilarinho - Trabalho\Segurança - Erica\2014\Orcamento\RESULTADO\ARQUIVOS PREPARATORIOS\Memoria Patrimonial_2PROJ\MG2\Portaria\Cancelada\092014_Portaria_MG2_Cancelada.xlsm</t>
  </si>
  <si>
    <t>11/21/2019 16:48:22</t>
  </si>
  <si>
    <t>E:\BK_final\Vilarinho\Vilarinho - Trabalho\Segurança - Erica\2014\Orcamento\RESULTADO\ARQUIVOS PREPARATORIOS\Memoria Patrimonial_2PROJ\MG2\Portaria\Cancelada\102014_Portaria_MG2_Cancelada.xlsm</t>
  </si>
  <si>
    <t>E:\BK_final\Vilarinho\Vilarinho - Trabalho\Segurança - Erica\2014\Orcamento\RESULTADO\ARQUIVOS PREPARATORIOS\Memoria Patrimonial_2PROJ\MG2\Portaria\Cancelada\112014_Portaria_MG2_Cancelada.xlsm</t>
  </si>
  <si>
    <t>E:\BK_final\Vilarinho\Vilarinho - Trabalho\Segurança - Erica\2014\Orcamento\RESULTADO\ARQUIVOS PREPARATORIOS\Memoria Patrimonial_2PROJ\MG2\Portaria\Cancelada\122014_Portaria_MG2_Cancelada.xlsm</t>
  </si>
  <si>
    <t>D:\2014\Orcamento\RESULTADO\ARQUIVOS PREPARATORIOS\Memoria Patrimonial_2PROJ\MG2\Portaria\Nova\</t>
  </si>
  <si>
    <t>E:\BK_final\Vilarinho\Vilarinho - Trabalho\Segurança - Erica\2014\Orcamento\RESULTADO\ARQUIVOS PREPARATORIOS\Memoria Patrimonial_2PROJ\MG2\Portaria\Nova\012014_Portaria_MG2_Nova.xlsm</t>
  </si>
  <si>
    <t>E:\BK_final\Vilarinho\Vilarinho - Trabalho\Segurança - Erica\2014\Orcamento\RESULTADO\ARQUIVOS PREPARATORIOS\Memoria Patrimonial_2PROJ\MG2\Portaria\Nova\022014_Portaria_MG2_Nova.xlsm</t>
  </si>
  <si>
    <t>E:\BK_final\Vilarinho\Vilarinho - Trabalho\Segurança - Erica\2014\Orcamento\RESULTADO\ARQUIVOS PREPARATORIOS\Memoria Patrimonial_2PROJ\MG2\Portaria\Nova\032014_Portaria_MG2_Nova.xlsm</t>
  </si>
  <si>
    <t>11/21/2019 16:48:23</t>
  </si>
  <si>
    <t>E:\BK_final\Vilarinho\Vilarinho - Trabalho\Segurança - Erica\2014\Orcamento\RESULTADO\ARQUIVOS PREPARATORIOS\Memoria Patrimonial_2PROJ\MG2\Portaria\Nova\042014_Portaria_MG2_Nova.xlsm</t>
  </si>
  <si>
    <t>E:\BK_final\Vilarinho\Vilarinho - Trabalho\Segurança - Erica\2014\Orcamento\RESULTADO\ARQUIVOS PREPARATORIOS\Memoria Patrimonial_2PROJ\MG2\Portaria\Nova\052014_Portaria_MG2_Nova.xlsm</t>
  </si>
  <si>
    <t>E:\BK_final\Vilarinho\Vilarinho - Trabalho\Segurança - Erica\2014\Orcamento\RESULTADO\ARQUIVOS PREPARATORIOS\Memoria Patrimonial_2PROJ\MG2\Portaria\Nova\062014_Portaria_MG2_Nova.xlsm</t>
  </si>
  <si>
    <t>E:\BK_final\Vilarinho\Vilarinho - Trabalho\Segurança - Erica\2014\Orcamento\RESULTADO\ARQUIVOS PREPARATORIOS\Memoria Patrimonial_2PROJ\MG2\Portaria\Nova\072014_Portaria_MG2_Nova.xlsm</t>
  </si>
  <si>
    <t>E:\BK_final\Vilarinho\Vilarinho - Trabalho\Segurança - Erica\2014\Orcamento\RESULTADO\ARQUIVOS PREPARATORIOS\Memoria Patrimonial_2PROJ\MG2\Portaria\Nova\082014_Portaria_MG2_Nova.xlsm</t>
  </si>
  <si>
    <t>E:\BK_final\Vilarinho\Vilarinho - Trabalho\Segurança - Erica\2014\Orcamento\RESULTADO\ARQUIVOS PREPARATORIOS\Memoria Patrimonial_2PROJ\MG2\Portaria\Nova\092014_Portaria_MG2_Nova.xlsm</t>
  </si>
  <si>
    <t>11/21/2019 16:48:24</t>
  </si>
  <si>
    <t>E:\BK_final\Vilarinho\Vilarinho - Trabalho\Segurança - Erica\2014\Orcamento\RESULTADO\ARQUIVOS PREPARATORIOS\Memoria Patrimonial_2PROJ\MG2\Portaria\Nova\102014_Portaria_MG2_Nova.xlsm</t>
  </si>
  <si>
    <t>E:\BK_final\Vilarinho\Vilarinho - Trabalho\Segurança - Erica\2014\Orcamento\RESULTADO\ARQUIVOS PREPARATORIOS\Memoria Patrimonial_2PROJ\MG2\Portaria\Nova\112014_Portaria_MG2_Nova.xlsm</t>
  </si>
  <si>
    <t>E:\BK_final\Vilarinho\Vilarinho - Trabalho\Segurança - Erica\2014\Orcamento\RESULTADO\ARQUIVOS PREPARATORIOS\Memoria Patrimonial_2PROJ\MG2\Portaria\Nova\122014_Portaria_MG2_Nova.xlsm</t>
  </si>
  <si>
    <t>11/21/2019 16:48:26</t>
  </si>
  <si>
    <t>D:\2014\Orcamento\RESULTADO\ARQUIVOS PREPARATORIOS\Memoria Patrimonial_2PROJ\MG2\Vigilancia\</t>
  </si>
  <si>
    <t>E:\BK_final\Vilarinho\Vilarinho - Trabalho\Segurança - Erica\2014\Orcamento\RESULTADO\ARQUIVOS PREPARATORIOS\Memoria Patrimonial_2PROJ\MG2\Vigilancia\2014 - Vigilancia MG2 - I.xlsx</t>
  </si>
  <si>
    <t>D:\2014\Orcamento\RESULTADO\ARQUIVOS PREPARATORIOS\Memoria Patrimonial_2PROJ\MG2\Vigilancia\Cancelada\</t>
  </si>
  <si>
    <t>E:\BK_final\Vilarinho\Vilarinho - Trabalho\Segurança - Erica\2014\Orcamento\RESULTADO\ARQUIVOS PREPARATORIOS\Memoria Patrimonial_2PROJ\MG2\Vigilancia\Cancelada\012014_Vigilancia_MG2_Cancelada.xlsm</t>
  </si>
  <si>
    <t>E:\BK_final\Vilarinho\Vilarinho - Trabalho\Segurança - Erica\2014\Orcamento\RESULTADO\ARQUIVOS PREPARATORIOS\Memoria Patrimonial_2PROJ\MG2\Vigilancia\Cancelada\022014_Vigilancia_MG2_Cancelada.xlsm</t>
  </si>
  <si>
    <t>E:\BK_final\Vilarinho\Vilarinho - Trabalho\Segurança - Erica\2014\Orcamento\RESULTADO\ARQUIVOS PREPARATORIOS\Memoria Patrimonial_2PROJ\MG2\Vigilancia\Cancelada\032014_Vigilancia_MG2_Cancelada.xlsm</t>
  </si>
  <si>
    <t>11/21/2019 16:48:27</t>
  </si>
  <si>
    <t>E:\BK_final\Vilarinho\Vilarinho - Trabalho\Segurança - Erica\2014\Orcamento\RESULTADO\ARQUIVOS PREPARATORIOS\Memoria Patrimonial_2PROJ\MG2\Vigilancia\Cancelada\042014_Vigilancia_MG2_Cancelada.xlsm</t>
  </si>
  <si>
    <t>E:\BK_final\Vilarinho\Vilarinho - Trabalho\Segurança - Erica\2014\Orcamento\RESULTADO\ARQUIVOS PREPARATORIOS\Memoria Patrimonial_2PROJ\MG2\Vigilancia\Cancelada\052014_Vigilancia_MG2_Cancelada.xlsm</t>
  </si>
  <si>
    <t>E:\BK_final\Vilarinho\Vilarinho - Trabalho\Segurança - Erica\2014\Orcamento\RESULTADO\ARQUIVOS PREPARATORIOS\Memoria Patrimonial_2PROJ\MG2\Vigilancia\Cancelada\062014_Vigilancia_MG2_Cancelada.xlsm</t>
  </si>
  <si>
    <t>E:\BK_final\Vilarinho\Vilarinho - Trabalho\Segurança - Erica\2014\Orcamento\RESULTADO\ARQUIVOS PREPARATORIOS\Memoria Patrimonial_2PROJ\MG2\Vigilancia\Cancelada\072014_Vigilancia_MG2_Cancelada.xlsm</t>
  </si>
  <si>
    <t>11/21/2019 16:48:28</t>
  </si>
  <si>
    <t>E:\BK_final\Vilarinho\Vilarinho - Trabalho\Segurança - Erica\2014\Orcamento\RESULTADO\ARQUIVOS PREPARATORIOS\Memoria Patrimonial_2PROJ\MG2\Vigilancia\Cancelada\082014_Vigilancia_MG2_Cancelada.xlsm</t>
  </si>
  <si>
    <t>E:\BK_final\Vilarinho\Vilarinho - Trabalho\Segurança - Erica\2014\Orcamento\RESULTADO\ARQUIVOS PREPARATORIOS\Memoria Patrimonial_2PROJ\MG2\Vigilancia\Cancelada\092014_Vigilancia_MG2_Cancelada.xlsm</t>
  </si>
  <si>
    <t>E:\BK_final\Vilarinho\Vilarinho - Trabalho\Segurança - Erica\2014\Orcamento\RESULTADO\ARQUIVOS PREPARATORIOS\Memoria Patrimonial_2PROJ\MG2\Vigilancia\Cancelada\102014_Vigilancia_MG2_Cancelada.xlsm</t>
  </si>
  <si>
    <t>E:\BK_final\Vilarinho\Vilarinho - Trabalho\Segurança - Erica\2014\Orcamento\RESULTADO\ARQUIVOS PREPARATORIOS\Memoria Patrimonial_2PROJ\MG2\Vigilancia\Cancelada\112014_Vigilancia_MG2_Cancelada.xlsm</t>
  </si>
  <si>
    <t>E:\BK_final\Vilarinho\Vilarinho - Trabalho\Segurança - Erica\2014\Orcamento\RESULTADO\ARQUIVOS PREPARATORIOS\Memoria Patrimonial_2PROJ\MG2\Vigilancia\Cancelada\122014_Vigilancia_MG2_Cancelada.xlsm</t>
  </si>
  <si>
    <t>D:\2014\Orcamento\RESULTADO\ARQUIVOS PREPARATORIOS\Memoria Patrimonial_2PROJ\MG2\Vigilancia\Extra\</t>
  </si>
  <si>
    <t>E:\BK_final\Vilarinho\Vilarinho - Trabalho\Segurança - Erica\2014\Orcamento\RESULTADO\ARQUIVOS PREPARATORIOS\Memoria Patrimonial_2PROJ\MG2\Vigilancia\Extra\012014_Vigilancia_MG2_Extra.xlsm</t>
  </si>
  <si>
    <t>E:\BK_final\Vilarinho\Vilarinho - Trabalho\Segurança - Erica\2014\Orcamento\RESULTADO\ARQUIVOS PREPARATORIOS\Memoria Patrimonial_2PROJ\MG2\Vigilancia\Extra\022014_Vigilancia_MG2_Extra.xlsm</t>
  </si>
  <si>
    <t>E:\BK_final\Vilarinho\Vilarinho - Trabalho\Segurança - Erica\2014\Orcamento\RESULTADO\ARQUIVOS PREPARATORIOS\Memoria Patrimonial_2PROJ\MG2\Vigilancia\Extra\032014_Vigilancia_MG2_Extra.xlsm</t>
  </si>
  <si>
    <t>E:\BK_final\Vilarinho\Vilarinho - Trabalho\Segurança - Erica\2014\Orcamento\RESULTADO\ARQUIVOS PREPARATORIOS\Memoria Patrimonial_2PROJ\MG2\Vigilancia\Extra\042014_Vigilancia_MG2_Extra.xlsm</t>
  </si>
  <si>
    <t>E:\BK_final\Vilarinho\Vilarinho - Trabalho\Segurança - Erica\2014\Orcamento\RESULTADO\ARQUIVOS PREPARATORIOS\Memoria Patrimonial_2PROJ\MG2\Vigilancia\Extra\052014_Vigilancia_MG2_Extra.xlsm</t>
  </si>
  <si>
    <t>E:\BK_final\Vilarinho\Vilarinho - Trabalho\Segurança - Erica\2014\Orcamento\RESULTADO\ARQUIVOS PREPARATORIOS\Memoria Patrimonial_2PROJ\MG2\Vigilancia\Extra\062014_Vigilancia_MG2_Extra.xlsm</t>
  </si>
  <si>
    <t>E:\BK_final\Vilarinho\Vilarinho - Trabalho\Segurança - Erica\2014\Orcamento\RESULTADO\ARQUIVOS PREPARATORIOS\Memoria Patrimonial_2PROJ\MG2\Vigilancia\Extra\072014_Vigilancia_MG2_Extra.xlsm</t>
  </si>
  <si>
    <t>E:\BK_final\Vilarinho\Vilarinho - Trabalho\Segurança - Erica\2014\Orcamento\RESULTADO\ARQUIVOS PREPARATORIOS\Memoria Patrimonial_2PROJ\MG2\Vigilancia\Extra\082014_Vigilancia_MG2_Extra.xlsm</t>
  </si>
  <si>
    <t>E:\BK_final\Vilarinho\Vilarinho - Trabalho\Segurança - Erica\2014\Orcamento\RESULTADO\ARQUIVOS PREPARATORIOS\Memoria Patrimonial_2PROJ\MG2\Vigilancia\Extra\092014_Vigilancia_MG2_Extra.xlsm</t>
  </si>
  <si>
    <t>E:\BK_final\Vilarinho\Vilarinho - Trabalho\Segurança - Erica\2014\Orcamento\RESULTADO\ARQUIVOS PREPARATORIOS\Memoria Patrimonial_2PROJ\MG2\Vigilancia\Extra\102014_Vigilancia_MG2_Extra.xlsm</t>
  </si>
  <si>
    <t>E:\BK_final\Vilarinho\Vilarinho - Trabalho\Segurança - Erica\2014\Orcamento\RESULTADO\ARQUIVOS PREPARATORIOS\Memoria Patrimonial_2PROJ\MG2\Vigilancia\Extra\112014_Vigilancia_MG2_Extra.xlsm</t>
  </si>
  <si>
    <t>11/21/2019 16:48:31</t>
  </si>
  <si>
    <t>E:\BK_final\Vilarinho\Vilarinho - Trabalho\Segurança - Erica\2014\Orcamento\RESULTADO\ARQUIVOS PREPARATORIOS\Memoria Patrimonial_2PROJ\MG2\Vigilancia\Extra\122014_Vigilancia_MG2_Extra.xlsm</t>
  </si>
  <si>
    <t>D:\2014\Orcamento\RESULTADO\ARQUIVOS PREPARATORIOS\Memoria Patrimonial_2PROJ\MG2\Vigilancia\Nova\</t>
  </si>
  <si>
    <t>E:\BK_final\Vilarinho\Vilarinho - Trabalho\Segurança - Erica\2014\Orcamento\RESULTADO\ARQUIVOS PREPARATORIOS\Memoria Patrimonial_2PROJ\MG2\Vigilancia\Nova\012014_Vigilancia_MG2_Nova.xlsm</t>
  </si>
  <si>
    <t>E:\BK_final\Vilarinho\Vilarinho - Trabalho\Segurança - Erica\2014\Orcamento\RESULTADO\ARQUIVOS PREPARATORIOS\Memoria Patrimonial_2PROJ\MG2\Vigilancia\Nova\022014_Vigilancia_MG2_Nova.xlsm</t>
  </si>
  <si>
    <t>E:\BK_final\Vilarinho\Vilarinho - Trabalho\Segurança - Erica\2014\Orcamento\RESULTADO\ARQUIVOS PREPARATORIOS\Memoria Patrimonial_2PROJ\MG2\Vigilancia\Nova\032014_Vigilancia_MG2_Nova.xlsm</t>
  </si>
  <si>
    <t>E:\BK_final\Vilarinho\Vilarinho - Trabalho\Segurança - Erica\2014\Orcamento\RESULTADO\ARQUIVOS PREPARATORIOS\Memoria Patrimonial_2PROJ\MG2\Vigilancia\Nova\042014_Vigilancia_MG2_Nova.xlsm</t>
  </si>
  <si>
    <t>E:\BK_final\Vilarinho\Vilarinho - Trabalho\Segurança - Erica\2014\Orcamento\RESULTADO\ARQUIVOS PREPARATORIOS\Memoria Patrimonial_2PROJ\MG2\Vigilancia\Nova\052014_Vigilancia_MG2_Nova.xlsm</t>
  </si>
  <si>
    <t>11/21/2019 16:48:32</t>
  </si>
  <si>
    <t>E:\BK_final\Vilarinho\Vilarinho - Trabalho\Segurança - Erica\2014\Orcamento\RESULTADO\ARQUIVOS PREPARATORIOS\Memoria Patrimonial_2PROJ\MG2\Vigilancia\Nova\062014_Vigilancia_MG2_Nova.xlsm</t>
  </si>
  <si>
    <t>E:\BK_final\Vilarinho\Vilarinho - Trabalho\Segurança - Erica\2014\Orcamento\RESULTADO\ARQUIVOS PREPARATORIOS\Memoria Patrimonial_2PROJ\MG2\Vigilancia\Nova\072014_Vigilancia_MG2_Nova.xlsm</t>
  </si>
  <si>
    <t>E:\BK_final\Vilarinho\Vilarinho - Trabalho\Segurança - Erica\2014\Orcamento\RESULTADO\ARQUIVOS PREPARATORIOS\Memoria Patrimonial_2PROJ\MG2\Vigilancia\Nova\082014_Vigilancia_MG2_Nova.xlsm</t>
  </si>
  <si>
    <t>E:\BK_final\Vilarinho\Vilarinho - Trabalho\Segurança - Erica\2014\Orcamento\RESULTADO\ARQUIVOS PREPARATORIOS\Memoria Patrimonial_2PROJ\MG2\Vigilancia\Nova\092014_Vigilancia_MG2_Nova.xlsm</t>
  </si>
  <si>
    <t>E:\BK_final\Vilarinho\Vilarinho - Trabalho\Segurança - Erica\2014\Orcamento\RESULTADO\ARQUIVOS PREPARATORIOS\Memoria Patrimonial_2PROJ\MG2\Vigilancia\Nova\102014_Vigilancia_MG2_Nova.xlsm</t>
  </si>
  <si>
    <t>E:\BK_final\Vilarinho\Vilarinho - Trabalho\Segurança - Erica\2014\Orcamento\RESULTADO\ARQUIVOS PREPARATORIOS\Memoria Patrimonial_2PROJ\MG2\Vigilancia\Nova\112014_Vigilancia_MG2_Nova.xlsm</t>
  </si>
  <si>
    <t>11/21/2019 16:48:33</t>
  </si>
  <si>
    <t>E:\BK_final\Vilarinho\Vilarinho - Trabalho\Segurança - Erica\2014\Orcamento\RESULTADO\ARQUIVOS PREPARATORIOS\Memoria Patrimonial_2PROJ\MG2\Vigilancia\Nova\122014_Vigilancia_MG2_Nova.xlsm</t>
  </si>
  <si>
    <t>11/21/2019 16:48:35</t>
  </si>
  <si>
    <t>D:\2014\Orcamento\RESULTADO\ARQUIVOS PREPARATORIOS\Memoria Patrimonial_2PROJ\MS\</t>
  </si>
  <si>
    <t>E:\BK_final\Vilarinho\Vilarinho - Trabalho\Segurança - Erica\2014\Orcamento\RESULTADO\ARQUIVOS PREPARATORIOS\Memoria Patrimonial_2PROJ\MS\2014_DRE_CONSOLIDADA_MS.xlsx</t>
  </si>
  <si>
    <t>D:\2014\Orcamento\RESULTADO\ARQUIVOS PREPARATORIOS\Memoria Patrimonial_2PROJ\MS\Portaria\</t>
  </si>
  <si>
    <t>E:\BK_final\Vilarinho\Vilarinho - Trabalho\Segurança - Erica\2014\Orcamento\RESULTADO\ARQUIVOS PREPARATORIOS\Memoria Patrimonial_2PROJ\MS\Portaria\2014 - Portaria MS - I.xlsx</t>
  </si>
  <si>
    <t>D:\2014\Orcamento\RESULTADO\ARQUIVOS PREPARATORIOS\Memoria Patrimonial_2PROJ\MS\Vigilancia\</t>
  </si>
  <si>
    <t>E:\BK_final\Vilarinho\Vilarinho - Trabalho\Segurança - Erica\2014\Orcamento\RESULTADO\ARQUIVOS PREPARATORIOS\Memoria Patrimonial_2PROJ\MS\Vigilancia\2014 - Vigilancia MS - I.xlsx</t>
  </si>
  <si>
    <t>D:\2014\Orcamento\RESULTADO\ARQUIVOS PREPARATORIOS\Memoria Patrimonial_2PROJ\MS\Vigilancia\Nova\</t>
  </si>
  <si>
    <t>E:\BK_final\Vilarinho\Vilarinho - Trabalho\Segurança - Erica\2014\Orcamento\RESULTADO\ARQUIVOS PREPARATORIOS\Memoria Patrimonial_2PROJ\MS\Vigilancia\Nova\012014_Vigilancia_MS_Nova.xlsm</t>
  </si>
  <si>
    <t>11/21/2019 16:48:36</t>
  </si>
  <si>
    <t>E:\BK_final\Vilarinho\Vilarinho - Trabalho\Segurança - Erica\2014\Orcamento\RESULTADO\ARQUIVOS PREPARATORIOS\Memoria Patrimonial_2PROJ\MS\Vigilancia\Nova\022014_Vigilancia_MS_Nova.xlsm</t>
  </si>
  <si>
    <t>11/21/2019 16:55:33</t>
  </si>
  <si>
    <t>11/21/2019 16:57:30</t>
  </si>
  <si>
    <t>reportDIEGO.csv</t>
  </si>
  <si>
    <t>11/21/2019 16:55:15</t>
  </si>
  <si>
    <t>11/21/2019 16:59:30</t>
  </si>
  <si>
    <t>10.200.32.42</t>
  </si>
  <si>
    <t>acacio@algartech.com;adalbertoms@algartech.com;adrianarsl@algartech.com;adriane.santiago@algartech.com;agnaldo.siqueira@algartech.com;agnaldo@espm.br;ailton.silva@algartech.com;alexandreaga@algartech.com;alexandreapi@algartech.com;alexandrej@algartech.com;aline.de.almeida@algartech.com;alinesf@algartech.com;anaccpc@algartech.com;anapsof@algartech.com;anderson.paula@algartech.com;andressa.cosentino@algartech.com;antonia.araujo@algartech.com;beatrizcsa@algartech.com;brauliopf@algartech.com;bruna.ferreira@algartech.com;brunacro@algartech.com;bsantos.algar@toyota.com.br;camila.o.lopes@algartech.com;camiladod@algartech.com;camilavs@algartech.com;claudioaj@algartech.com;cleonice.souza@algartech.com;csavino@algartech.com;daniel.nemer@algartech.com;danieldom@algartech.com;danielsfe@algartech.com;diegoals@algartech.com;diegovser@algartech.com;diogo.milanez@algartech.com;douglasxm@algartech.com;eliane.keneno@algartech.com;ewertonrm@algartech.com;fabianopdo@algartech.com;fabiorb@algartech.com;felipe.pacheco@algartech.co</t>
  </si>
  <si>
    <t>acacio@algartech.com,adalbertoms@algartech.com,adrianarsl@algartech.com,adriane.santiago@algartech.com,agnaldo.siqueira@algartech.com,agnaldo@espm.br,ailton.silva@algartech.com,alexandreaga@algartech.com,alexandreapi@algartech.com,alexandrej@algartech.com,aline.de.almeida@algartech.com,alinesf@algartech.com,anaccpc@algartech.com,anapsof@algartech.com,anderson.paula@algartech.com,andressa.cosentino@algartech.com,antonia.araujo@algartech.com,beatrizcsa@algartech.com,brauliopf@algartech.com,bruna.ferreira@algartech.com,brunacro@algartech.com,bsantos.algar@toyota.com.br,camila.o.lopes@algartech.com,camiladod@algartech.com,camilavs@algartech.com,claudioaj@algartech.com,cleonice.souza@algartech.com,csavino@algartech.com,daniel.nemer@algartech.com,danieldom@algartech.com,danielsfe@algartech.com,diegoals@algartech.com,diegovser@algartech.com,diogo.milanez@algartech.com,douglasxm@algartech.com,eliane.keneno@algartech.com,ewertonrm@algartech.com,fabianopdo@algartech.com,fabiorb@algartech.com,felipe.pacheco@algartech.co</t>
  </si>
  <si>
    <t>11/21/2019 17:01:17</t>
  </si>
  <si>
    <t>11/21/2019 17:02:30</t>
  </si>
  <si>
    <t>karendfs@algartech.com;</t>
  </si>
  <si>
    <t>Evidencias PA BACEN E CONSUMIDOR.GOV.xlsx</t>
  </si>
  <si>
    <t>karendfs@algartech.com</t>
  </si>
  <si>
    <t>11/21/2019 17:04:25</t>
  </si>
  <si>
    <t>11/21/2019 17:05:30</t>
  </si>
  <si>
    <t>10.200.35.233</t>
  </si>
  <si>
    <t>/o=exchangelabs/ou=exchange administrative group (fydibohf23spdlt)/cn=recipients/cn=3daf2f0b162f40c696c00f9ecbb7d69a-ana laura t;/o=exchangelabs/ou=exchange administrative group (fydibohf23spdlt)/cn=recipients/cn=6da98ab9b2254d688a75ce822637acbf-ricardo de;/o=exchangelabs/ou=exchange administrative group (fydibohf23spdlt)/cn=recipients/cn=7010366a38334f4ea93ff55da14a3fd0-supervisore;/o=exchangelabs/ou=exchange administrative group (fydibohf23spdlt)/cn=recipients/cn=b1f7688b183f4d74a7993976c4ad8f5e-diogenes pa;</t>
  </si>
  <si>
    <t>ENC: Relatório Treinamento NR-17 - 35ª Parcial 2019 – Não tivemos evolução</t>
  </si>
  <si>
    <t>Farol NR-17 - 35ª Parcial 2019.xlsb</t>
  </si>
  <si>
    <t>/o=exchangelabs/ou=exchange administrative group (fydibohf23spdlt)/cn=recipients/cn=3daf2f0b162f40c696c00f9ecbb7d69a-ana laura t,/o=exchangelabs/ou=exchange administrative group (fydibohf23spdlt)/cn=recipients/cn=6da98ab9b2254d688a75ce822637acbf-ricardo de,/o=exchangelabs/ou=exchange administrative group (fydibohf23spdlt)/cn=recipients/cn=7010366a38334f4ea93ff55da14a3fd0-supervisore,/o=exchangelabs/ou=exchange administrative group (fydibohf23spdlt)/cn=recipients/cn=b1f7688b183f4d74a7993976c4ad8f5e-diogenes pa</t>
  </si>
  <si>
    <t>11/21/2019 17:06:49</t>
  </si>
  <si>
    <t>11/21/2019 17:08:30</t>
  </si>
  <si>
    <t>c:\users\ythiakgm\downloads\</t>
  </si>
  <si>
    <t>grupo algar - th - _relatório de cadastro geral.xlsx</t>
  </si>
  <si>
    <t>11/21/2019 17:08:04</t>
  </si>
  <si>
    <t>11/21/2019 17:13:29</t>
  </si>
  <si>
    <t>11/21/2019 17:11:10</t>
  </si>
  <si>
    <t>11/21/2019 17:14:29</t>
  </si>
  <si>
    <t>192.168.1.105</t>
  </si>
  <si>
    <t>/o=exchangelabs/ou=exchange administrative group (fydibohf23spdlt)/cn=recipients/cn=02b715e2a3c744dbab0f4054efc9d2d2-raquel corr;rpdoliveira@timbrasil.com.br;vcoelho_act@timbrasil.com.br;</t>
  </si>
  <si>
    <t>ENC: Controle de penalidades setembro 2019 - justificativas</t>
  </si>
  <si>
    <t>Controle de Penalidades de Setembro 2019 - Análise TIM X ALGAR.xlsx</t>
  </si>
  <si>
    <t>/o=exchangelabs/ou=exchange administrative group (fydibohf23spdlt)/cn=recipients/cn=02b715e2a3c744dbab0f4054efc9d2d2-raquel corr,rpdoliveira@timbrasil.com.br,vcoelho_act@timbrasil.com.br</t>
  </si>
  <si>
    <t>11/21/2019 17:13:34</t>
  </si>
  <si>
    <t>11/21/2019 17:15:29</t>
  </si>
  <si>
    <t>11/21/2019 17:12:31</t>
  </si>
  <si>
    <t>11/21/2019 17:17:29</t>
  </si>
  <si>
    <t>ENC: Segue</t>
  </si>
  <si>
    <t>11/21/2019 17:15:13</t>
  </si>
  <si>
    <t>11/21/2019 17:20:30</t>
  </si>
  <si>
    <t>11/21/2019 17:18:19</t>
  </si>
  <si>
    <t>11/21/2019 17:22:30</t>
  </si>
  <si>
    <t>11/21/2019 17:19:38</t>
  </si>
  <si>
    <t>11/21/2019 17:19:58</t>
  </si>
  <si>
    <t>11/21/2019 17:23:29</t>
  </si>
  <si>
    <t>ENC: CREDITO TAYS</t>
  </si>
  <si>
    <t>11/21/2019 17:22:34</t>
  </si>
  <si>
    <t>11/21/2019 17:25:29</t>
  </si>
  <si>
    <t>C:\Users\vanessasara\Desktop\</t>
  </si>
  <si>
    <t>FORMULARIO_DE_CADASTRO_DE_FORNECEDOR.xlsx</t>
  </si>
  <si>
    <t>11/21/2019 17:21:49</t>
  </si>
  <si>
    <t>11/21/2019 17:27:29</t>
  </si>
  <si>
    <t>ENC: Consolidado 21/11</t>
  </si>
  <si>
    <t>11/21/2019 17:36:08</t>
  </si>
  <si>
    <t>11/21/2019 17:39:30</t>
  </si>
  <si>
    <t>11/21/2019 17:36:46</t>
  </si>
  <si>
    <t>11/21/2019 17:41:30</t>
  </si>
  <si>
    <t>/o=exchangelabs/ou=exchange administrative group (fydibohf23spdlt)/cn=recipients/cn=groupd5c96cfa;</t>
  </si>
  <si>
    <t>Tays dos Santos.xlsx</t>
  </si>
  <si>
    <t>/o=exchangelabs/ou=exchange administrative group (fydibohf23spdlt)/cn=recipients/cn=groupd5c96cfa</t>
  </si>
  <si>
    <t>11/21/2019 17:38:39</t>
  </si>
  <si>
    <t>/o=exchangelabs/ou=exchange administrative group (fydibohf23spdlt)/cn=recipients/cn=0b12aab521944ecb8b32eb8c0929be5c-rafael gonz;/o=exchangelabs/ou=exchange administrative group (fydibohf23spdlt)/cn=recipients/cn=9b52022a6e624c30a92f50cf4538a4bf-talmaia rod;raphael.balmant@bv.com.br;</t>
  </si>
  <si>
    <t>ENC: Comparativo de notas outubro - Algar - Fechamento - Pós contestações</t>
  </si>
  <si>
    <t>Fechamento Outubro_Monitorias 4º Ciclo_Algar - Fechamento pós contestações - Outubro.xlsx</t>
  </si>
  <si>
    <t>/o=exchangelabs/ou=exchange administrative group (fydibohf23spdlt)/cn=recipients/cn=0b12aab521944ecb8b32eb8c0929be5c-rafael gonz,/o=exchangelabs/ou=exchange administrative group (fydibohf23spdlt)/cn=recipients/cn=9b52022a6e624c30a92f50cf4538a4bf-talmaia rod,raphael.balmant@bv.com.br</t>
  </si>
  <si>
    <t>11/21/2019 17:42:04</t>
  </si>
  <si>
    <t>11/21/2019 17:44:31</t>
  </si>
  <si>
    <t>/o=exchangelabs/ou=exchange administrative group (fydibohf23spdlt)/cn=recipients/cn=002ec1cd4de64cd68f3e33ca3518cc0b-fernando ro;/o=exchangelabs/ou=exchange administrative group (fydibohf23spdlt)/cn=recipients/cn=0a343ab60c904ee9b25c54f941bc50a2-elincon pis;/o=exchangelabs/ou=exchange administrative group (fydibohf23spdlt)/cn=recipients/cn=3bff4ffb267e4ea2a4a3347f6a4c5cf8-tatiane mag;/o=exchangelabs/ou=exchange administrative group (fydibohf23spdlt)/cn=recipients/cn=4097402e2d3e4073b597d33928140586-paulo sergi;/o=exchangelabs/ou=exchange administrative group (fydibohf23spdlt)/cn=recipients/cn=42aadbe8775e4c2cb37c145f9d092a4e-carlos west;/o=exchangelabs/ou=exchange administrative group (fydibohf23spdlt)/cn=recipients/cn=435be7f7fc8c4dcfb9b8cfee6270553e-vinicius jo;/o=exchangelabs/ou=exchange administrative group (fydibohf23spdlt)/cn=recipients/cn=5eb8447f1992416c986b6f95f45fc7f7-jose paixao;/o=exchangelabs/ou=exchange administrative group (fydibohf23spdlt)/cn=recipients/cn=5f81fe805d734dda80651a0797d779be-paul</t>
  </si>
  <si>
    <t>ENC: Penalidades - Outubro/2019</t>
  </si>
  <si>
    <t>Controle de Penalidades de Outubro de 2019.xlsx</t>
  </si>
  <si>
    <t>/o=exchangelabs/ou=exchange administrative group (fydibohf23spdlt)/cn=recipients/cn=002ec1cd4de64cd68f3e33ca3518cc0b-fernando ro,/o=exchangelabs/ou=exchange administrative group (fydibohf23spdlt)/cn=recipients/cn=0a343ab60c904ee9b25c54f941bc50a2-elincon pis,/o=exchangelabs/ou=exchange administrative group (fydibohf23spdlt)/cn=recipients/cn=3bff4ffb267e4ea2a4a3347f6a4c5cf8-tatiane mag,/o=exchangelabs/ou=exchange administrative group (fydibohf23spdlt)/cn=recipients/cn=4097402e2d3e4073b597d33928140586-paulo sergi,/o=exchangelabs/ou=exchange administrative group (fydibohf23spdlt)/cn=recipients/cn=42aadbe8775e4c2cb37c145f9d092a4e-carlos west,/o=exchangelabs/ou=exchange administrative group (fydibohf23spdlt)/cn=recipients/cn=435be7f7fc8c4dcfb9b8cfee6270553e-vinicius jo,/o=exchangelabs/ou=exchange administrative group (fydibohf23spdlt)/cn=recipients/cn=5eb8447f1992416c986b6f95f45fc7f7-jose paixao,/o=exchangelabs/ou=exchange administrative group (fydibohf23spdlt)/cn=recipients/cn=5f81fe805d734dda80651a0797d779be-paul</t>
  </si>
  <si>
    <t>11/21/2019 17:41:26</t>
  </si>
  <si>
    <t>11/21/2019 17:45:30</t>
  </si>
  <si>
    <t>11/21/2019 17:41:36</t>
  </si>
  <si>
    <t>11/21/2019 17:46:31</t>
  </si>
  <si>
    <t>11/21/2019 17:42:03</t>
  </si>
  <si>
    <t>/o=exchangelabs/ou=exchange administrative group (fydibohf23spdlt)/cn=recipients/cn=d6cce5a70d504cc2ad89cee834cd59a9-luciana rib;gvieira@toyota.com.br;rutiyama@toyota.com.br;</t>
  </si>
  <si>
    <t>/o=exchangelabs/ou=exchange administrative group (fydibohf23spdlt)/cn=recipients/cn=d6cce5a70d504cc2ad89cee834cd59a9-luciana rib,gvieira@toyota.com.br,rutiyama@toyota.com.br</t>
  </si>
  <si>
    <t>11/21/2019 17:48:43</t>
  </si>
  <si>
    <t>11/21/2019 17:49:30</t>
  </si>
  <si>
    <t>RATEIO EBIT</t>
  </si>
  <si>
    <t>12_EBIT Cinthia CR 341200071 341200039 341500036.xlsm</t>
  </si>
  <si>
    <t>11/21/2019 17:45:45</t>
  </si>
  <si>
    <t>11/21/2019 17:50:30</t>
  </si>
  <si>
    <t>/o=exchangelabs/ou=exchange administrative group (fydibohf23spdlt)/cn=recipients/cn=2b69c7de1a3641269a7eed0596e1ddc2-wayner oliv;/o=exchangelabs/ou=exchange administrative group (fydibohf23spdlt)/cn=recipients/cn=76d765d676864fe79b29c865fa21a2c7-leticia rez;</t>
  </si>
  <si>
    <t>RES: Rateio EBIT - Orçamento 2020</t>
  </si>
  <si>
    <t>VOLUMETRIA_HELIEL_v3.xlsx</t>
  </si>
  <si>
    <t>/o=exchangelabs/ou=exchange administrative group (fydibohf23spdlt)/cn=recipients/cn=2b69c7de1a3641269a7eed0596e1ddc2-wayner oliv,/o=exchangelabs/ou=exchange administrative group (fydibohf23spdlt)/cn=recipients/cn=76d765d676864fe79b29c865fa21a2c7-leticia rez</t>
  </si>
  <si>
    <t>11/21/2019 17:49:28</t>
  </si>
  <si>
    <t>ENC: RATEIO EBIT</t>
  </si>
  <si>
    <t>11/21/2019 17:45:36</t>
  </si>
  <si>
    <t>11/21/2019 17:45:46</t>
  </si>
  <si>
    <t>11/21/2019 17:51:30</t>
  </si>
  <si>
    <t>ENC: Relatório - Reclame Aqui/Consumidor.Gov</t>
  </si>
  <si>
    <t>Relatório Mensal Toyota - Outubro.pptx\</t>
  </si>
  <si>
    <t>11/21/2019 17:47:00</t>
  </si>
  <si>
    <t>/o=exchangelabs/ou=exchange administrative group (fydibohf23spdlt)/cn=recipients/cn=bf5c8ee8081a4a4cbf005372e2697869-tassiane ci;/o=exchangelabs/ou=exchange administrative group (fydibohf23spdlt)/cn=recipients/cn=group19021abd;</t>
  </si>
  <si>
    <t>/o=exchangelabs/ou=exchange administrative group (fydibohf23spdlt)/cn=recipients/cn=bf5c8ee8081a4a4cbf005372e2697869-tassiane ci,/o=exchangelabs/ou=exchange administrative group (fydibohf23spdlt)/cn=recipients/cn=group19021abd</t>
  </si>
  <si>
    <t>11/21/2019 17:48:28</t>
  </si>
  <si>
    <t>11/21/2019 17:52:30</t>
  </si>
  <si>
    <t>alexmarques.silva@avon.com;anderson.negrisoli@avon.com;rosana.scalabrin@avon.com;</t>
  </si>
  <si>
    <t>Produtividade BKO</t>
  </si>
  <si>
    <t>alexmarques.silva@avon.com,anderson.negrisoli@avon.com,rosana.scalabrin@avon.com</t>
  </si>
  <si>
    <t>11/21/2019 17:50:06</t>
  </si>
  <si>
    <t>11/21/2019 17:55:30</t>
  </si>
  <si>
    <t>11/21/2019 17:55:39</t>
  </si>
  <si>
    <t>11/21/2019 18:02:30</t>
  </si>
  <si>
    <t>Goodyear Licitação: Classificação de Ativos</t>
  </si>
  <si>
    <t>Classificaca de Ativos_Goodyear Licitacao_v1.xlsx</t>
  </si>
  <si>
    <t>11/21/2019 17:58:27</t>
  </si>
  <si>
    <t>11/21/2019 17:58:37</t>
  </si>
  <si>
    <t>Controle_Troca.xlsx</t>
  </si>
  <si>
    <t>11/21/2019 17:58:49</t>
  </si>
  <si>
    <t>Dados_833710.xlsx</t>
  </si>
  <si>
    <t>11/21/2019 18:01:04</t>
  </si>
  <si>
    <t>11/21/2019 18:03:30</t>
  </si>
  <si>
    <t>C:\Users\lucasfbr\OneDrive - Grupo Algar\Documentos\Meus Arquivos Recebidos\</t>
  </si>
  <si>
    <t>RelatorioCadastroGeralAlgar_20Nov19.xlsb</t>
  </si>
  <si>
    <t>11/21/2019 18:01:43</t>
  </si>
  <si>
    <t>11/21/2019 18:05:29</t>
  </si>
  <si>
    <t>/o=exchangelabs/ou=exchange administrative group (fydibohf23spdlt)/cn=recipients/cn=3413db88139646dd84da089392cb5e0d-elida franc;/o=exchangelabs/ou=exchange administrative group (fydibohf23spdlt)/cn=recipients/cn=363af2e6e56746febce0b409a64e9677-anne caroli;/o=exchangelabs/ou=exchange administrative group (fydibohf23spdlt)/cn=recipients/cn=5337d7b73bdf49cdb93dda704a6dde96-maira da ro;/o=exchangelabs/ou=exchange administrative group (fydibohf23spdlt)/cn=recipients/cn=668a768851804aa4b0e4858ed2624f18-maria daian;/o=exchangelabs/ou=exchange administrative group (fydibohf23spdlt)/cn=recipients/cn=7a833dffdb3c4e9baa653653380e47b7-user;thallitaarg@algartech.com;</t>
  </si>
  <si>
    <t>Distribuição - 3ª Dezena</t>
  </si>
  <si>
    <t>Distribuição - 3ª Dezena.xls</t>
  </si>
  <si>
    <t>/o=exchangelabs/ou=exchange administrative group (fydibohf23spdlt)/cn=recipients/cn=3413db88139646dd84da089392cb5e0d-elida franc,/o=exchangelabs/ou=exchange administrative group (fydibohf23spdlt)/cn=recipients/cn=363af2e6e56746febce0b409a64e9677-anne caroli,/o=exchangelabs/ou=exchange administrative group (fydibohf23spdlt)/cn=recipients/cn=5337d7b73bdf49cdb93dda704a6dde96-maira da ro,/o=exchangelabs/ou=exchange administrative group (fydibohf23spdlt)/cn=recipients/cn=668a768851804aa4b0e4858ed2624f18-maria daian,/o=exchangelabs/ou=exchange administrative group (fydibohf23spdlt)/cn=recipients/cn=7a833dffdb3c4e9baa653653380e47b7-user,thallitaarg@algartech.com</t>
  </si>
  <si>
    <t>11/21/2019 18:05:19</t>
  </si>
  <si>
    <t>10.200.99.103</t>
  </si>
  <si>
    <t>C:\Users\victorvgar\Desktop\AVON\Planejamento de TRN\</t>
  </si>
  <si>
    <t>11/21/2019 18:06:14</t>
  </si>
  <si>
    <t>11/21/2019 18:07:30</t>
  </si>
  <si>
    <t>Evidência Caixa Capitalização - Nov.19</t>
  </si>
  <si>
    <t>Evidência Caixa Capitalização - Nov.19.xlsx</t>
  </si>
  <si>
    <t>11/21/2019 18:12:15</t>
  </si>
  <si>
    <t>11/21/2019 18:13:29</t>
  </si>
  <si>
    <t>11/21/2019 18:12:50</t>
  </si>
  <si>
    <t>C:\Users\fellypcsj\OneDrive - Grupo Algar\Engeset\ADMINISTRATIVO FINANCEIRO\GEO GOVERNANÇA\LOGISTÍCA\ESTOQUE TERCEIRO\APRESENTAÇÃO\Mensal\Padrão Relatórios\Lista Mestra\</t>
  </si>
  <si>
    <t>Lista mestra.xlsx</t>
  </si>
  <si>
    <t>11/21/2019 18:09:44</t>
  </si>
  <si>
    <t>11/21/2019 18:14:30</t>
  </si>
  <si>
    <t>Proporcionalidade da depreciação dez/19</t>
  </si>
  <si>
    <t>CH28-20_20191121_175401.xls</t>
  </si>
  <si>
    <t>11/21/2019 18:11:39</t>
  </si>
  <si>
    <t>11/21/2019 18:15:29</t>
  </si>
  <si>
    <t>Análise Evasão e TD Caixa.xlsx</t>
  </si>
  <si>
    <t>11/21/2019 18:13:23</t>
  </si>
  <si>
    <t>11/21/2019 18:18:29</t>
  </si>
  <si>
    <t>Lista mestra BI.xlsx</t>
  </si>
  <si>
    <t>11/21/2019 18:17:31</t>
  </si>
  <si>
    <t>11/21/2019 18:20:29</t>
  </si>
  <si>
    <t>Ficha do Risco - Segurança da Informação - 21112019.xlsx</t>
  </si>
  <si>
    <t>11/21/2019 18:22:30</t>
  </si>
  <si>
    <t>11/21/2019 18:27:30</t>
  </si>
  <si>
    <t>11/21/2019 18:22:37</t>
  </si>
  <si>
    <t>BP 206431 - Goodyear v4.2.xlsb</t>
  </si>
  <si>
    <t>C:\Users\elainemdlp\OD\_Projetos\Em andamento\Goodyear Licitacao\01 - Iniciacao\BP 206431 - Goodyear v4.2.xlsb\</t>
  </si>
  <si>
    <t>11/21/2019 18:45:45</t>
  </si>
  <si>
    <t>11/21/2019 18:50:30</t>
  </si>
  <si>
    <t>/o=exchangelabs/ou=exchange administrative group (fydibohf23spdlt)/cn=recipients/cn=109f6d628834480fabc1188cbdef64fa-antonia apa;/o=exchangelabs/ou=exchange administrative group (fydibohf23spdlt)/cn=recipients/cn=91f3ef961d644e629e519da4c82beec3-vinicius go;/o=exchangelabs/ou=exchange administrative group (fydibohf23spdlt)/cn=recipients/cn=a2244b2f9e6a4f3689f1c93d321bdc33-debora apar;</t>
  </si>
  <si>
    <t>Base de conhecimento Electrolux</t>
  </si>
  <si>
    <t>BaseConhecimento_Electrolux.xlsx</t>
  </si>
  <si>
    <t>/o=exchangelabs/ou=exchange administrative group (fydibohf23spdlt)/cn=recipients/cn=109f6d628834480fabc1188cbdef64fa-antonia apa,/o=exchangelabs/ou=exchange administrative group (fydibohf23spdlt)/cn=recipients/cn=91f3ef961d644e629e519da4c82beec3-vinicius go,/o=exchangelabs/ou=exchange administrative group (fydibohf23spdlt)/cn=recipients/cn=a2244b2f9e6a4f3689f1c93d321bdc33-debora apar</t>
  </si>
  <si>
    <t>11/21/2019 19:05:06</t>
  </si>
  <si>
    <t>11/21/2019 19:10:29</t>
  </si>
  <si>
    <t>11/21/2019 19:11:12</t>
  </si>
  <si>
    <t>11/21/2019 19:16:30</t>
  </si>
  <si>
    <t>10.200.99.161</t>
  </si>
  <si>
    <t>Relatório Chamadas Longas</t>
  </si>
  <si>
    <t>Chamadas Longas - NOV.19.xlsx</t>
  </si>
  <si>
    <t>11/21/2019 20:29:44</t>
  </si>
  <si>
    <t>11/21/2019 20:34:30</t>
  </si>
  <si>
    <t>Formulário TTV - Lançamento de Hora Extra (5) (1).xlsx</t>
  </si>
  <si>
    <t>11/21/2019 20:29:46</t>
  </si>
  <si>
    <t>11/21/2019 20:44:39</t>
  </si>
  <si>
    <t>11/21/2019 20:48:30</t>
  </si>
  <si>
    <t>11/21/2019 17:33:54</t>
  </si>
  <si>
    <t>11/21/2019 21:42:29</t>
  </si>
  <si>
    <t>C:\Users\robertacmf\Desktop\Auditoria Notas\</t>
  </si>
  <si>
    <t>10316.xlsx</t>
  </si>
  <si>
    <t>11/21/2019 17:33:55</t>
  </si>
  <si>
    <t>10436.xlsx</t>
  </si>
  <si>
    <t>28412 28523 28525 28654 28761 28868 28973 29075 29199 29097valor fixo.xlsx</t>
  </si>
  <si>
    <t>11/21/2019 17:33:56</t>
  </si>
  <si>
    <t>28412.xlsx</t>
  </si>
  <si>
    <t>28423.xlsx</t>
  </si>
  <si>
    <t>11/21/2019 17:34:02</t>
  </si>
  <si>
    <t>28534.xlsx</t>
  </si>
  <si>
    <t>11/21/2019 22:00:59</t>
  </si>
  <si>
    <t>11/21/2019 22:06:30</t>
  </si>
  <si>
    <t>RES: Criação de acesso - Omni e HSV</t>
  </si>
  <si>
    <t>d04a62b4cd69e60d87fffb1cacc7f08d.xlsx</t>
  </si>
  <si>
    <t>11/21/2019 22:35:39</t>
  </si>
  <si>
    <t>11/21/2019 22:36:31</t>
  </si>
  <si>
    <t>11/21/2019 23:06:15</t>
  </si>
  <si>
    <t>11/21/2019 23:07:30</t>
  </si>
  <si>
    <t>adrianoms@algartech.com;alinemds@algartech.com;anapscl@algartech.com;fabianapm@algartech.com;fabio.ribeiro@algarnet.onmicrosoft.com;fabiolacc@algartecnologia.com.br;fredericobs@algartecnologia.com.br;katiargf@algartech.com;kelencgt@algartech.com;khassiomp@algartech.com;leandrolds@algartech.com;luanaaoli@algartech.com;lucieneili@algartech.com;polati@algartech.com;rafaelaas@algartech.com;rodrigormc@algartech.com;sabrinagc@algartech.com;tatianedc@algartech.com;</t>
  </si>
  <si>
    <t>Provisão Novembro.xlsm</t>
  </si>
  <si>
    <t>adrianoms@algartech.com,alinemds@algartech.com,anapscl@algartech.com,fabianapm@algartech.com,fabio.ribeiro@algarnet.onmicrosoft.com,fabiolacc@algartecnologia.com.br,fredericobs@algartecnologia.com.br,katiargf@algartech.com,kelencgt@algartech.com,khassiomp@algartech.com,leandrolds@algartech.com,luanaaoli@algartech.com,lucieneili@algartech.com,polati@algartech.com,rafaelaas@algartech.com,rodrigormc@algartech.com,sabrinagc@algartech.com,tatianedc@algartech.com</t>
  </si>
  <si>
    <t>11/21/2019 23:09:38</t>
  </si>
  <si>
    <t>11/21/2019 23:12:30</t>
  </si>
  <si>
    <t>adrianoms@algartech.com;alinemds@algartech.com;anapscl@algartech.com;antoniojr@algartech.com;fabianapm@algartech.com;fabio.ribeiro@algarnet.onmicrosoft.com;fabiolacc@algartecnologia.com.br;fredericobs@algartecnologia.com.br;katiargf@algartech.com;kelencgt@algartech.com;khassiomp@algartech.com;leandrolds@algartech.com;luanaaoli@algartech.com;lucieneili@algartech.com;polati@algartech.com;rafaelaas@algartech.com;rodrigormc@algartech.com;sabrinagc@algartech.com;tatianedc@algartech.com;</t>
  </si>
  <si>
    <t>adrianoms@algartech.com,alinemds@algartech.com,anapscl@algartech.com,antoniojr@algartech.com,fabianapm@algartech.com,fabio.ribeiro@algarnet.onmicrosoft.com,fabiolacc@algartecnologia.com.br,fredericobs@algartecnologia.com.br,katiargf@algartech.com,kelencgt@algartech.com,khassiomp@algartech.com,leandrolds@algartech.com,luanaaoli@algartech.com,lucieneili@algartech.com,polati@algartech.com,rafaelaas@algartech.com,rodrigormc@algartech.com,sabrinagc@algartech.com,tatianedc@algartech.com</t>
  </si>
  <si>
    <t>11/21/2019 23:10:35</t>
  </si>
  <si>
    <t>11/21/2019 23:19:15</t>
  </si>
  <si>
    <t>11/21/2019 23:23:31</t>
  </si>
  <si>
    <t>Relação Migração_Full_v6.xlsx</t>
  </si>
  <si>
    <t>11/22/2019 00:57:39</t>
  </si>
  <si>
    <t>11/22/2019 00:58:31</t>
  </si>
  <si>
    <t>mail.google.com/_/upload?authuser=0&amp;dcp=asu-n&amp;upload_id=AEnB2Up_wAYuKuEK8h--5UKu65vr_MQzXGsDcpHc20W2VwaVM1Ig6RLvP7a9UgAjuK-rgY-0RRLQWN0RR7JnMUysowKi9hstGw&amp;upload_protocol=resumable</t>
  </si>
  <si>
    <t>1 - [TEMPLATE - MIGRAÇÃO] Relação de Usuários_GLOBAL GO LIVE.xlsx</t>
  </si>
  <si>
    <t>11/22/2019 01:03:08</t>
  </si>
  <si>
    <t>11/22/2019 01:08:31</t>
  </si>
  <si>
    <t>(TECH) Lista dos usuários no Painel Google .xlsx</t>
  </si>
  <si>
    <t>11/22/2019 01:04:25</t>
  </si>
  <si>
    <t>mail.google.com/_/upload?authuser=0&amp;dcp=asu-n&amp;upload_id=AEnB2UofM849p1Yg3rVLtS-Vpg-6P5vnWTS1GsL8dGl2Ol5TdYd1GYaEZcSWPW-DuyGc_0Dt30RdShXDHeoto4GvLvv0UAXH0g&amp;upload_protocol=resumable</t>
  </si>
  <si>
    <t>C:\Users\lucasfbr\Grupo Algar\Gerenciamento da Configuração - Documentos\Licenciamento\PROJETO GOOGLE G SUITE\IMPLANTAÇÃO\GSUITE\Coleta de Informações\Expurgo Bradesco\</t>
  </si>
  <si>
    <t>Dep_Bradesco_Fred_retorno.xlsx</t>
  </si>
  <si>
    <t>11/22/2019 06:23:30</t>
  </si>
  <si>
    <t>11/22/2019 06:25:34</t>
  </si>
  <si>
    <t>0ANALYSIS_PATTERN - 2019-11-22T062304.702.csv</t>
  </si>
  <si>
    <t>11/22/2019 06:31:07</t>
  </si>
  <si>
    <t>11/22/2019 06:35:34</t>
  </si>
  <si>
    <t>0ANALYSIS_PATTERN - 2019-11-22T063022.214.csv</t>
  </si>
  <si>
    <t>11/21/2019 18:57:39</t>
  </si>
  <si>
    <t>11/22/2019 07:29:36</t>
  </si>
  <si>
    <t>mail.google.com/_/upload?authuser=1&amp;dcp=asu-n&amp;upload_id=AEnB2Uqf04MBcocRCLyaj-6OUySOd6b4NptMRP1f_urhqKa0FK30hKX16dFuETnQn_yjz_W2w1lblf3jrENWrawTXFoqXQIl2bRmsT6aqX1t26Em1N6DOss&amp;upload_protocol=resumable</t>
  </si>
  <si>
    <t>11/22/2019 07:50:34</t>
  </si>
  <si>
    <t>11/22/2019 07:55:36</t>
  </si>
  <si>
    <t>C:\Users\rodrigombu\OneDrive - Grupo Algar\Whirlpool\2019\11 - Novembro\Arquivo\PA DIGITAL\Ressinulação - Aderência\</t>
  </si>
  <si>
    <t>11/22/2019 07:56:15</t>
  </si>
  <si>
    <t>11/22/2019 08:00:36</t>
  </si>
  <si>
    <t>01- DIMENS_PA DIG_NOV - RFP_NS - Ressimulação.xlsm</t>
  </si>
  <si>
    <t>11/21/2019 21:31:01</t>
  </si>
  <si>
    <t>11/22/2019 08:01:36</t>
  </si>
  <si>
    <t>10.200.206.5</t>
  </si>
  <si>
    <t>ENC: [TRANSFORMAÇÃO GEXP] Discussões Finais</t>
  </si>
  <si>
    <t>20190405_Assessment BKO_CCM_Regulatorio_Check-list de Pre-Vendas.xlsx</t>
  </si>
  <si>
    <t>11/21/2019 21:18:08</t>
  </si>
  <si>
    <t>11/22/2019 08:08:36</t>
  </si>
  <si>
    <t>vocabulario atualizado- 21-11-19.xlsx</t>
  </si>
  <si>
    <t>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ure,quotabytesused,shareable,shared,sharedwith,sharedwithmedate,subscribed,thumbnailversion,title,userpermission(role)</t>
  </si>
  <si>
    <t>11/21/2019 09:06:18</t>
  </si>
  <si>
    <t>11/22/2019 08:15:36</t>
  </si>
  <si>
    <t>RES: RESCISÕES PENDENTES</t>
  </si>
  <si>
    <t>11/21/2019 10:02:30</t>
  </si>
  <si>
    <t>/o=exchangelabs/ou=exchange administrative group (fydibohf23spdlt)/cn=recipients/cn=68f0b0e85da24da0bef3b6b109ed099e-daliane soa;/o=exchangelabs/ou=exchange administrative group (fydibohf23spdlt)/cn=recipients/cn=741ddf52d7254566b58abdfaef6b9055-geison jose;</t>
  </si>
  <si>
    <t>RES: ASSOCIADA ATIVA TAYNA NUNES DA SILVA - 29:102759</t>
  </si>
  <si>
    <t>/o=exchangelabs/ou=exchange administrative group (fydibohf23spdlt)/cn=recipients/cn=68f0b0e85da24da0bef3b6b109ed099e-daliane soa,/o=exchangelabs/ou=exchange administrative group (fydibohf23spdlt)/cn=recipients/cn=741ddf52d7254566b58abdfaef6b9055-geison jose</t>
  </si>
  <si>
    <t>11/22/2019 08:02:19</t>
  </si>
  <si>
    <t>11/22/2019 08:18:36</t>
  </si>
  <si>
    <t>mail.google.com/_/upload?authuser=0&amp;dcp=asu-n&amp;upload_id=AEnB2UrieFoNZvEYy0Z5CHJFJLZPX0hqnXJcPUoibqw6WLCybEG7c2fH4pU_57qXjVSKV05QPOCoKZEmxdpRRo1JkinmkV8OHQ&amp;upload_protocol=resumable</t>
  </si>
  <si>
    <t>C:\Users\raphaelapm\Documents\Meus Arquivos Recebidos\</t>
  </si>
  <si>
    <t>Email Rapido.xlsx</t>
  </si>
  <si>
    <t>11/22/2019 08:18:05</t>
  </si>
  <si>
    <t>Matriz de Risco - ID24 - Cópia.xls</t>
  </si>
  <si>
    <t>11/21/2019 21:14:14</t>
  </si>
  <si>
    <t>11/22/2019 08:21:36</t>
  </si>
  <si>
    <t>C:\Segatto\Algar2019\Prudential\</t>
  </si>
  <si>
    <t>InventarioBasesPrudential.xlsx</t>
  </si>
  <si>
    <t>11/21/2019 21:14:16</t>
  </si>
  <si>
    <t>mail.google.com/_/upload?authuser=1&amp;dcp=asu-n&amp;upload_id=AEnB2UqpTm__6Z30M9DiRImh-wJ1-Zn-a2QttVbRfsXu6mWnjFfLO5ekc5lEt-_1-lwBoFjbuBEWfxrHNXbwed6JeO9sZJnqVgzicInAlVuhC--H0SGF824&amp;upload_protocol=resumable</t>
  </si>
  <si>
    <t>11/21/2019 16:54:23</t>
  </si>
  <si>
    <t>11/22/2019 08:24:36</t>
  </si>
  <si>
    <t>alessandrar@algartech.com;antoniocoj@algartech.com;cpccontroldeskctbc@algartech.com;cqe-qualidadeudi@algartech.com;cqe-regionalcps@algartech.com;cqe-uberaba@algartech.com;danilormo@algartech.com;dgrc.coordenadores.cps.cwb@algartech.com;dgrc.coordenadores.udi.iua@algartech.com;dgrc.gerentes@algartech.com;dgrc.supervisores.cps@algartech.com;dgrc.supervisores.cwb@algartech.com;dgrc.supervisores.udi.iua@algartech.com;gabrielaf@algartech.com;hugooc@algartech.com;juliocedo@algartech.com;karolynecj@algartech.com;mateusms@algartech.com;octavio.vasconcellos@algartech.com;olivar@algar.com.br;sesmt-regionalcps@algartech.com;sesmt-regionaludi@algartech.com;wasleylc@algartech.com;</t>
  </si>
  <si>
    <t>alessandrar@algartech.com,antoniocoj@algartech.com,cpccontroldeskctbc@algartech.com,cqe-qualidadeudi@algartech.com,cqe-regionalcps@algartech.com,cqe-uberaba@algartech.com,danilormo@algartech.com,dgrc.coordenadores.cps.cwb@algartech.com,dgrc.coordenadores.udi.iua@algartech.com,dgrc.gerentes@algartech.com,dgrc.supervisores.cps@algartech.com,dgrc.supervisores.cwb@algartech.com,dgrc.supervisores.udi.iua@algartech.com,gabrielaf@algartech.com,hugooc@algartech.com,juliocedo@algartech.com,karolynecj@algartech.com,mateusms@algartech.com,octavio.vasconcellos@algartech.com,olivar@algar.com.br,sesmt-regionalcps@algartech.com,sesmt-regionaludi@algartech.com,wasleylc@algartech.com</t>
  </si>
  <si>
    <t>11/22/2019 08:25:28</t>
  </si>
  <si>
    <t>11/22/2019 08:27:36</t>
  </si>
  <si>
    <t>jessica_l_assuncao@whirlpool.com;</t>
  </si>
  <si>
    <t>ENC: Árvore Procon</t>
  </si>
  <si>
    <t>jessica_l_assuncao@whirlpool.com</t>
  </si>
  <si>
    <t>11/22/2019 08:26:16</t>
  </si>
  <si>
    <t>11/22/2019 08:28:35</t>
  </si>
  <si>
    <t>Matriz de Risco - ID24_JUR.xls</t>
  </si>
  <si>
    <t>11/22/2019 08:26:54</t>
  </si>
  <si>
    <t>/o=exchangelabs/ou=exchange administrative group (fydibohf23spdlt)/cn=recipients/cn=userb4ca559d;</t>
  </si>
  <si>
    <t>ENC: RES: Escopo de contrato por OC assinada - Projeto Simplificação</t>
  </si>
  <si>
    <t>/o=exchangelabs/ou=exchange administrative group (fydibohf23spdlt)/cn=recipients/cn=userb4ca559d</t>
  </si>
  <si>
    <t>11/22/2019 08:28:43</t>
  </si>
  <si>
    <t>11/22/2019 08:33:35</t>
  </si>
  <si>
    <t>11/22/2019 08:34:23</t>
  </si>
  <si>
    <t>11/22/2019 08:35:35</t>
  </si>
  <si>
    <t>11/21/2019 18:19:43</t>
  </si>
  <si>
    <t>11/22/2019 08:39:35</t>
  </si>
  <si>
    <t>11/22/2019 08:41:57</t>
  </si>
  <si>
    <t>11/22/2019 08:42:35</t>
  </si>
  <si>
    <t>ENC: Chamado: 3434702;</t>
  </si>
  <si>
    <t>CDI_MANUAL1.xlsx</t>
  </si>
  <si>
    <t>11/21/2019 20:05:14</t>
  </si>
  <si>
    <t>11/22/2019 08:45:36</t>
  </si>
  <si>
    <t>C:\Users\suelenmm\OneDrive - Grupo Algar\desktop\Contratos para assinatura TIM\Aceitacao de sites\2 - ANEXO I - ESPEC TECNICA\</t>
  </si>
  <si>
    <t>ANEXO 2 - ACEITAÇÃO FÍSICA EPQTO ACESSO HUAWEI - REV 291116.xlsx</t>
  </si>
  <si>
    <t>D:\21_11_2019 - PC ALGAR TECH\desktop\Contratos para assinatura TIM\Aceitacao de sites\2 - ANEXO I - ESPEC TECNICA\ANEXO 2 - ACEITAÇÃO FÍSICA EPQTO ACESSO HUAWEI - REV 291116.xlsx</t>
  </si>
  <si>
    <t>11/21/2019 20:05:15</t>
  </si>
  <si>
    <t>ANEXO 3 - ACEITAÇÃO FÍSICA EPQTO ACESSO NOKIA - REV 291116.xlsx</t>
  </si>
  <si>
    <t>D:\21_11_2019 - PC ALGAR TECH\desktop\Contratos para assinatura TIM\Aceitacao de sites\2 - ANEXO I - ESPEC TECNICA\ANEXO 3 - ACEITAÇÃO FÍSICA EPQTO ACESSO NOKIA - REV 291116.xlsx</t>
  </si>
  <si>
    <t>ANEXO 4 - ACEITAÇÃO FÍSICA EQPTO RÁDIO MW - REV 291116.xlsx</t>
  </si>
  <si>
    <t>D:\21_11_2019 - PC ALGAR TECH\desktop\Contratos para assinatura TIM\Aceitacao de sites\2 - ANEXO I - ESPEC TECNICA\ANEXO 4 - ACEITAÇÃO FÍSICA EQPTO RÁDIO MW - REV 291116.xlsx</t>
  </si>
  <si>
    <t>11/21/2019 20:05:16</t>
  </si>
  <si>
    <t>ANEXO 5 - ACEITAÇÃO FÍSICA EPQTOS ÓPTICOS - REV 291116.xlsx</t>
  </si>
  <si>
    <t>D:\21_11_2019 - PC ALGAR TECH\desktop\Contratos para assinatura TIM\Aceitacao de sites\2 - ANEXO I - ESPEC TECNICA\ANEXO 5 - ACEITAÇÃO FÍSICA EPQTOS ÓPTICOS - REV 291116.xlsx</t>
  </si>
  <si>
    <t>ANEXO 6 - ACEITAÇÃO FÍSICA EQPTO DWDM - REV 291116.xlsx</t>
  </si>
  <si>
    <t>D:\21_11_2019 - PC ALGAR TECH\desktop\Contratos para assinatura TIM\Aceitacao de sites\2 - ANEXO I - ESPEC TECNICA\ANEXO 6 - ACEITAÇÃO FÍSICA EQPTO DWDM - REV 291116.xlsx</t>
  </si>
  <si>
    <t>ANEXO 7 - ACEITAÇÃO FÍSICA EQPTO MSAN-BN - REV 291116.xlsx</t>
  </si>
  <si>
    <t>D:\21_11_2019 - PC ALGAR TECH\desktop\Contratos para assinatura TIM\Aceitacao de sites\2 - ANEXO I - ESPEC TECNICA\ANEXO 7 - ACEITAÇÃO FÍSICA EQPTO MSAN-BN - REV 291116.xlsx</t>
  </si>
  <si>
    <t>ANEXO 8 - ACEITAÇÃO FÍSICA EQPTO AP WI-FI - REV 291116.xlsx</t>
  </si>
  <si>
    <t>D:\21_11_2019 - PC ALGAR TECH\desktop\Contratos para assinatura TIM\Aceitacao de sites\2 - ANEXO I - ESPEC TECNICA\ANEXO 8 - ACEITAÇÃO FÍSICA EQPTO AP WI-FI - REV 291116.xlsx</t>
  </si>
  <si>
    <t>ANEXO 9 - ACEITAÇÃO FÍSICA EQPTO SATÉLITE - REV 291116.xlsx</t>
  </si>
  <si>
    <t>D:\21_11_2019 - PC ALGAR TECH\desktop\Contratos para assinatura TIM\Aceitacao de sites\2 - ANEXO I - ESPEC TECNICA\ANEXO 9 - ACEITAÇÃO FÍSICA EQPTO SATÉLITE - REV 291116.xlsx</t>
  </si>
  <si>
    <t>11/21/2019 20:05:17</t>
  </si>
  <si>
    <t>C:\Users\suelenmm\OneDrive - Grupo Algar\desktop\Contratos para assinatura TIM\Aceitacao de sites\2 - ANEXO I - ESPEC TECNICA\ET_NW_OPM_16_015 - Serviços de aceitação física de novos NEs e Infra - REV8 120117 (2).doc\</t>
  </si>
  <si>
    <t>D:\21_11_2019 - PC ALGAR TECH\desktop\Contratos para assinatura TIM\Aceitacao de sites\2 - ANEXO I - ESPEC TECNICA\ET_NW_OPM_16_015 - Serviços de aceitação física de novos NEs e Infra - REV8 120117 (2).doc</t>
  </si>
  <si>
    <t>VOLUMETRIA ESTIMADA ACEITACAO.xlsx</t>
  </si>
  <si>
    <t>D:\21_11_2019 - PC ALGAR TECH\desktop\Contratos para assinatura TIM\Aceitacao de sites\2 - ANEXO I - ESPEC TECNICA\VOLUMETRIA ESTIMADA ACEITACAO.xlsx</t>
  </si>
  <si>
    <t>C:\Users\suelenmm\OneDrive - Grupo Algar\desktop\Contratos para assinatura TIM\ADITIVO FMM-FMT\</t>
  </si>
  <si>
    <t>10 - A1 - LPU FMM.xlsx</t>
  </si>
  <si>
    <t>D:\21_11_2019 - PC ALGAR TECH\desktop\Contratos para assinatura TIM\ADITIVO FMM-FMT\10 - A1 - LPU FMM.xlsx</t>
  </si>
  <si>
    <t>11 - A2 - FATURA B - LPU GMG FMM TIM CO_NE - FAT A.xls</t>
  </si>
  <si>
    <t>D:\21_11_2019 - PC ALGAR TECH\desktop\Contratos para assinatura TIM\ADITIVO FMM-FMT\11 - A2 - FATURA B - LPU GMG FMM TIM CO_NE - FAT A.xls</t>
  </si>
  <si>
    <t>12 - B1 - FATURA B - LPU FMM CO_NE - FAT B - APENDICE B.xls</t>
  </si>
  <si>
    <t>D:\21_11_2019 - PC ALGAR TECH\desktop\Contratos para assinatura TIM\ADITIVO FMM-FMT\12 - B1 - FATURA B - LPU FMM CO_NE - FAT B - APENDICE B.xls</t>
  </si>
  <si>
    <t>13 - B2 - FATURA B - LPU FMM INFRA CO-NE - REV 03-NB-SUELENMM.xlsx</t>
  </si>
  <si>
    <t>D:\21_11_2019 - PC ALGAR TECH\desktop\Contratos para assinatura TIM\ADITIVO FMM-FMT\13 - B2 - FATURA B - LPU FMM INFRA CO-NE - REV 03-NB-SUELENMM.xlsx</t>
  </si>
  <si>
    <t>11/21/2019 20:05:18</t>
  </si>
  <si>
    <t>13 - B2 - FATURA B - LPU FMM INFRA CO-NE - REV 03.xlsx</t>
  </si>
  <si>
    <t>D:\21_11_2019 - PC ALGAR TECH\desktop\Contratos para assinatura TIM\ADITIVO FMM-FMT\13 - B2 - FATURA B - LPU FMM INFRA CO-NE - REV 03.xlsx</t>
  </si>
  <si>
    <t>14 - LPU FMT.xlsx</t>
  </si>
  <si>
    <t>D:\21_11_2019 - PC ALGAR TECH\desktop\Contratos para assinatura TIM\ADITIVO FMM-FMT\14 - LPU FMT.xlsx</t>
  </si>
  <si>
    <t>15 - REVISÃO LPU FMT - REV 110516.xlsx</t>
  </si>
  <si>
    <t>D:\21_11_2019 - PC ALGAR TECH\desktop\Contratos para assinatura TIM\ADITIVO FMM-FMT\15 - REVISÃO LPU FMT - REV 110516.xlsx</t>
  </si>
  <si>
    <t>11/21/2019 20:05:19</t>
  </si>
  <si>
    <t>32.1 (2c) - Serviço de Manutenção de Campo Rede Satélite.xlsx</t>
  </si>
  <si>
    <t>D:\21_11_2019 - PC ALGAR TECH\desktop\Contratos para assinatura TIM\ADITIVO FMM-FMT\32.1 (2c) - Serviço de Manutenção de Campo Rede Satélite.xlsx</t>
  </si>
  <si>
    <t>11/21/2019 20:05:20</t>
  </si>
  <si>
    <t>36 - A1 - LPU FMM.xlsx</t>
  </si>
  <si>
    <t>D:\21_11_2019 - PC ALGAR TECH\desktop\Contratos para assinatura TIM\ADITIVO FMM-FMT\36 - A1 - LPU FMM.xlsx</t>
  </si>
  <si>
    <t>37 - A2 - FATURA B - LPU GMG FMM TIM CO_NE - FAT A.xls</t>
  </si>
  <si>
    <t>D:\21_11_2019 - PC ALGAR TECH\desktop\Contratos para assinatura TIM\ADITIVO FMM-FMT\37 - A2 - FATURA B - LPU GMG FMM TIM CO_NE - FAT A.xls</t>
  </si>
  <si>
    <t>38 - B1 - FATURA B - LPU FMM CO_NE - FAT B - APENDICE B.xls</t>
  </si>
  <si>
    <t>D:\21_11_2019 - PC ALGAR TECH\desktop\Contratos para assinatura TIM\ADITIVO FMM-FMT\38 - B1 - FATURA B - LPU FMM CO_NE - FAT B - APENDICE B.xls</t>
  </si>
  <si>
    <t>39 - B2 - FATURA B - LPU FMM INFRA CO-NE - REV 03.xlsx</t>
  </si>
  <si>
    <t>D:\21_11_2019 - PC ALGAR TECH\desktop\Contratos para assinatura TIM\ADITIVO FMM-FMT\39 - B2 - FATURA B - LPU FMM INFRA CO-NE - REV 03.xlsx</t>
  </si>
  <si>
    <t>40 - LPU FMT.xlsx</t>
  </si>
  <si>
    <t>D:\21_11_2019 - PC ALGAR TECH\desktop\Contratos para assinatura TIM\ADITIVO FMM-FMT\40 - LPU FMT.xlsx</t>
  </si>
  <si>
    <t>41- REVISÃO LPU FMT - REV 110516.xlsx</t>
  </si>
  <si>
    <t>D:\21_11_2019 - PC ALGAR TECH\desktop\Contratos para assinatura TIM\ADITIVO FMM-FMT\41- REVISÃO LPU FMT - REV 110516.xlsx</t>
  </si>
  <si>
    <t>42 (3c)- LPU - Serviços de Reforço Preventivo de Estruturas Verticais - REV1 110216.xls</t>
  </si>
  <si>
    <t>D:\21_11_2019 - PC ALGAR TECH\desktop\Contratos para assinatura TIM\ADITIVO FMM-FMT\42 (3c)- LPU - Serviços de Reforço Preventivo de Estruturas Verticais - REV1 110216.xls</t>
  </si>
  <si>
    <t>11/21/2019 20:05:21</t>
  </si>
  <si>
    <t>43 (3c)- LPU COW.xlsx</t>
  </si>
  <si>
    <t>D:\21_11_2019 - PC ALGAR TECH\desktop\Contratos para assinatura TIM\ADITIVO FMM-FMT\43 (3c)- LPU COW.xlsx</t>
  </si>
  <si>
    <t>44 (3c)- LPU Manutenção de Campo VSATs - v3.xlsx</t>
  </si>
  <si>
    <t>D:\21_11_2019 - PC ALGAR TECH\desktop\Contratos para assinatura TIM\ADITIVO FMM-FMT\44 (3c)- LPU Manutenção de Campo VSATs - v3.xlsx</t>
  </si>
  <si>
    <t>45 (3c)- LPU Otimização Física.xlsx</t>
  </si>
  <si>
    <t>D:\21_11_2019 - PC ALGAR TECH\desktop\Contratos para assinatura TIM\ADITIVO FMM-FMT\45 (3c)- LPU Otimização Física.xlsx</t>
  </si>
  <si>
    <t>46 (3c)- LPU SEGURANÇA DE SITES.xlsx</t>
  </si>
  <si>
    <t>D:\21_11_2019 - PC ALGAR TECH\desktop\Contratos para assinatura TIM\ADITIVO FMM-FMT\46 (3c)- LPU SEGURANÇA DE SITES.xlsx</t>
  </si>
  <si>
    <t>11/21/2019 20:05:27</t>
  </si>
  <si>
    <t>C:\Users\suelenmm\OneDrive - Grupo Algar\desktop\Contratos para assinatura TIM\ADITIVO FMM-FMT\RES INFORMAÇÃO LPU - FMM-TCO.msg\s46\ADITIVO FMM-FMT.zip\ADITIVO FMM-FMT\</t>
  </si>
  <si>
    <t>D:\21_11_2019 - PC ALGAR TECH\desktop\Contratos para assinatura TIM\ADITIVO FMM-FMT\RES INFORMAÇÃO LPU - FMM-TCO.msg</t>
  </si>
  <si>
    <t>15 - REVISÇO LPU FMT - REV 110516.xlsx</t>
  </si>
  <si>
    <t>32.1 (2c) - Servi‡o de Manuten‡Æo de Campo Rede Sat‚lite.xlsx</t>
  </si>
  <si>
    <t>41- REVISÇO LPU FMT - REV 110516.xlsx</t>
  </si>
  <si>
    <t>42 (3c)- LPU - Servi‡os de Refor‡o Preventivo de Estruturas Verticais - REV1 110216.xls</t>
  </si>
  <si>
    <t>11/21/2019 20:05:28</t>
  </si>
  <si>
    <t>44 (3c)- LPU Manuten‡Æo de Campo VSATs - v3.xlsx</t>
  </si>
  <si>
    <t>45 (3c)- LPU Otimiza‡Æo F¡sica.xlsx</t>
  </si>
  <si>
    <t>46 (3c)- LPU SEGURAN€A DE SITES.xlsx</t>
  </si>
  <si>
    <t>C:\Users\suelenmm\OneDrive - Grupo Algar\desktop\Contratos para assinatura TIM\ADITIVO FMM-FMT\RES RES Combustível pendente _ Utilização GMG AlgarTech_TCO-FMM.msg\s46\</t>
  </si>
  <si>
    <t>A2 - FATURA B - LPU GMG FMM TIM CO_NE - FAT A.xls</t>
  </si>
  <si>
    <t>D:\21_11_2019 - PC ALGAR TECH\desktop\Contratos para assinatura TIM\ADITIVO FMM-FMT\RES RES Combustível pendente _ Utilização GMG AlgarTech_TCO-FMM.msg</t>
  </si>
  <si>
    <t>C:\Users\suelenmm\OneDrive - Grupo Algar\desktop\Contratos para assinatura TIM\Migracao Circuitos\</t>
  </si>
  <si>
    <t>2.1 - Volumetria_1.xlsx</t>
  </si>
  <si>
    <t>D:\21_11_2019 - PC ALGAR TECH\desktop\Contratos para assinatura TIM\Migracao Circuitos\2.1 - Volumetria_1.xlsx</t>
  </si>
  <si>
    <t>3 - LPU - Jumper - CO - TIM.xlsx</t>
  </si>
  <si>
    <t>D:\21_11_2019 - PC ALGAR TECH\desktop\Contratos para assinatura TIM\Migracao Circuitos\3 - LPU - Jumper - CO - TIM.xlsx</t>
  </si>
  <si>
    <t>11/21/2019 20:05:30</t>
  </si>
  <si>
    <t>C:\Users\suelenmm\OneDrive - Grupo Algar\desktop\Contratos para assinatura TIM\Remanejamento de Enlaces\2 - Anexo I - Especificação Técnica Enlace.doc\</t>
  </si>
  <si>
    <t>D:\21_11_2019 - PC ALGAR TECH\desktop\Contratos para assinatura TIM\Remanejamento de Enlaces\2 - Anexo I - Especificação Técnica Enlace.doc</t>
  </si>
  <si>
    <t>C:\Users\suelenmm\OneDrive - Grupo Algar\desktop\Contratos para assinatura TIM\Remanejamento de Enlaces\2 - Anexo I - Especificação Técnica Enlace.doc\s19\</t>
  </si>
  <si>
    <t>C:\Users\suelenmm\OneDrive - Grupo Algar\desktop\Contratos para assinatura TIM\Remanejamento de Enlaces\2 - Anexo I - Especificação Técnica Enlace.doc\Package1.docx\</t>
  </si>
  <si>
    <t>C:\Users\suelenmm\OneDrive - Grupo Algar\desktop\Contratos para assinatura TIM\Remanejamento de Enlaces\</t>
  </si>
  <si>
    <t>3 - Anexo II - LPU Servicos - ENGESET.xlsx</t>
  </si>
  <si>
    <t>D:\21_11_2019 - PC ALGAR TECH\desktop\Contratos para assinatura TIM\Remanejamento de Enlaces\3 - Anexo II - LPU Servicos - ENGESET.xlsx</t>
  </si>
  <si>
    <t>11/21/2019 20:05:35</t>
  </si>
  <si>
    <t>C:\Users\suelenmm\OneDrive - Grupo Algar\desktop\Negociação Anexo Técnico e Fatura B\</t>
  </si>
  <si>
    <t>Cópia de Acionamentos TIM de 01_10_14 a 30_09_16.xlsx</t>
  </si>
  <si>
    <t>D:\21_11_2019 - PC ALGAR TECH\desktop\Negociação Anexo Técnico e Fatura B\Cópia de Acionamentos TIM de 01_10_14 a 30_09_16.xlsx</t>
  </si>
  <si>
    <t>11/21/2019 20:05:36</t>
  </si>
  <si>
    <t>ENGESET LPU FINAL.xls</t>
  </si>
  <si>
    <t>D:\21_11_2019 - PC ALGAR TECH\desktop\Negociação Anexo Técnico e Fatura B\ENGESET LPU FINAL.xls</t>
  </si>
  <si>
    <t>Penalidades TIM.xlsx</t>
  </si>
  <si>
    <t>D:\21_11_2019 - PC ALGAR TECH\desktop\Negociação Anexo Técnico e Fatura B\Penalidades TIM.xlsx</t>
  </si>
  <si>
    <t>Produtos errados.xlsx</t>
  </si>
  <si>
    <t>D:\21_11_2019 - PC ALGAR TECH\desktop\Negociação Anexo Técnico e Fatura B\Produtos errados.xlsx</t>
  </si>
  <si>
    <t>11/21/2019 20:05:37</t>
  </si>
  <si>
    <t>C:\Users\suelenmm\OneDrive - Grupo Algar\desktop\Pendências TIM\Alteração SCO\Ajuste de BOQ via portal.msg\s103\</t>
  </si>
  <si>
    <t>BOQ ENGESET.xlsx</t>
  </si>
  <si>
    <t>D:\21_11_2019 - PC ALGAR TECH\desktop\Pendências TIM\Alteração SCO\Ajuste de BOQ via portal.msg</t>
  </si>
  <si>
    <t>11/21/2019 20:05:38</t>
  </si>
  <si>
    <t>C:\Users\suelenmm\OneDrive - Grupo Algar\desktop\Pendências TIM\Vistoria Palmares\ENC Contrato Tapa Buraco - Seção D.msg\s78\</t>
  </si>
  <si>
    <t>RELATORIO DE VISTORIA INTELIG 06-03-2017 à 10-03-2017.xlsx</t>
  </si>
  <si>
    <t>D:\21_11_2019 - PC ALGAR TECH\desktop\Pendências TIM\Vistoria Palmares\ENC Contrato Tapa Buraco - Seção D.msg</t>
  </si>
  <si>
    <t>Relatorio Vistoria Engeset 02-02 a 06-02-2015.xlsx</t>
  </si>
  <si>
    <t>Relatorio Vistoria Engeset 14-03 a 18-03-2016.xlsx</t>
  </si>
  <si>
    <t>Relatorio Vistoria Engeset 24-03 a 28-03-2014.xlsx</t>
  </si>
  <si>
    <t>11/21/2019 20:06:13</t>
  </si>
  <si>
    <t>C:\Users\suelenmm\OneDrive - Grupo Algar\CEF\</t>
  </si>
  <si>
    <t>Custos e Pricing Estimado.xlsx</t>
  </si>
  <si>
    <t>D:\21_11_2019 - PC ALGAR TECH\CEF\Custos e Pricing Estimado.xlsx</t>
  </si>
  <si>
    <t>11/21/2019 20:06:15</t>
  </si>
  <si>
    <t>C:\Users\suelenmm\OneDrive - Grupo Algar\CEF\LOCALIDADES.msg\s128\</t>
  </si>
  <si>
    <t>Distribuição TFL - 2013.xlsx</t>
  </si>
  <si>
    <t>D:\21_11_2019 - PC ALGAR TECH\CEF\LOCALIDADES.msg</t>
  </si>
  <si>
    <t>11/21/2019 20:06:17</t>
  </si>
  <si>
    <t>C:\Users\suelenmm\OneDrive - Grupo Algar\CEF\RES_ Pontos relevantes Edital CAIXA.msg\s132\</t>
  </si>
  <si>
    <t>Cadastro Agências Lotéricas - 27Set2019.xlsx</t>
  </si>
  <si>
    <t>D:\21_11_2019 - PC ALGAR TECH\CEF\RES_ Pontos relevantes Edital CAIXA.msg</t>
  </si>
  <si>
    <t>11/21/2019 20:12:44</t>
  </si>
  <si>
    <t>D:\21_11_2019 - PC ALGAR TECH\Desktop - 12-11-19\188270_v3 - PAN FINAL.xlsb</t>
  </si>
  <si>
    <t>11/21/2019 20:12:46</t>
  </si>
  <si>
    <t>D:\21_11_2019 - PC ALGAR TECH\Desktop - 12-11-19\188270_v3 - Plan Precificacao C017 B017 Last Call r4 17_10_2019_r3 - suelen.xlsb</t>
  </si>
  <si>
    <t>11/21/2019 20:12:48</t>
  </si>
  <si>
    <t>D:\21_11_2019 - PC ALGAR TECH\Desktop - 12-11-19\199274_IBM_v5_Bodyshop_MULTI_(C017_B0171 - rev5 - BP COM CARGOS ATUALIZADOS.xlsb</t>
  </si>
  <si>
    <t>11/21/2019 20:12:50</t>
  </si>
  <si>
    <t>D:\21_11_2019 - PC ALGAR TECH\Desktop - 12-11-19\214371 - Plan Precificacao C017 B017.xlsb</t>
  </si>
  <si>
    <t>11/21/2019 20:12:56</t>
  </si>
  <si>
    <t>D:\21_11_2019 - PC ALGAR TECH\Desktop - 12-11-19\Apresentacao - Business Performance_Renault v1.0 - Ata.pptx</t>
  </si>
  <si>
    <t>11/21/2019 20:13:03</t>
  </si>
  <si>
    <t>D:\21_11_2019 - PC ALGAR TECH\Desktop - 12-11-19\Apresentacao - Business Performance_Renault v1.0 - Ata.zip</t>
  </si>
  <si>
    <t>11/21/2019 20:13:12</t>
  </si>
  <si>
    <t>D:\21_11_2019 - PC ALGAR TECH\Desktop - 12-11-19\Apresentacao - Business Performance_Renault v1.0 - Suelen.pptx</t>
  </si>
  <si>
    <t>11/21/2019 20:13:13</t>
  </si>
  <si>
    <t>11/21/2019 20:13:24</t>
  </si>
  <si>
    <t>D:\21_11_2019 - PC ALGAR TECH\Desktop - 12-11-19\Apresentacao - Business Performance_Renault v1.0 - Suelen.zip</t>
  </si>
  <si>
    <t>11/21/2019 20:13:58</t>
  </si>
  <si>
    <t>D:\21_11_2019 - PC ALGAR TECH\Desktop - 12-11-19\Base Fusion.xlsx</t>
  </si>
  <si>
    <t>11/21/2019 20:14:01</t>
  </si>
  <si>
    <t>D:\21_11_2019 - PC ALGAR TECH\Desktop - 12-11-19\BP Preço C017 B017-Renault Latam LOT5 (insite) v1.7 - 26%MC (fechamento pós BAFO) - Suelen.xlsb</t>
  </si>
  <si>
    <t>11/21/2019 20:14:02</t>
  </si>
  <si>
    <t>D:\21_11_2019 - PC ALGAR TECH\Desktop - 12-11-19\Capilaridade Field Service GAT v2.xlsx</t>
  </si>
  <si>
    <t>D:\21_11_2019 - PC ALGAR TECH\Desktop - 12-11-19\Catalogo de produtos.xlsx</t>
  </si>
  <si>
    <t>11/21/2019 20:14:04</t>
  </si>
  <si>
    <t>D:\21_11_2019 - PC ALGAR TECH\Desktop - 12-11-19\Cópia de Cópia de 188270_v3 - PAN FINAL - 30_10_2019 rMaluf.xlsb</t>
  </si>
  <si>
    <t>D:\21_11_2019 - PC ALGAR TECH\Desktop - 12-11-19\Cópia de Dimensionamento_SD (Semana).xlsx</t>
  </si>
  <si>
    <t>11/21/2019 20:14:05</t>
  </si>
  <si>
    <t>D:\21_11_2019 - PC ALGAR TECH\Desktop - 12-11-19\Defesa Tecnica Renault v2.5.pptx</t>
  </si>
  <si>
    <t>11/21/2019 20:14:06</t>
  </si>
  <si>
    <t>D:\21_11_2019 - PC ALGAR TECH\Desktop - 12-11-19\Demandas - 11-10.xlsx</t>
  </si>
  <si>
    <t>D:\21_11_2019 - PC ALGAR TECH\Desktop - 12-11-19\Demandas 02-09-19.xlsx</t>
  </si>
  <si>
    <t>11/21/2019 20:14:07</t>
  </si>
  <si>
    <t>D:\21_11_2019 - PC ALGAR TECH\Desktop - 12-11-19\Demandas.xlsx</t>
  </si>
  <si>
    <t>D:\21_11_2019 - PC ALGAR TECH\Desktop - 12-11-19\ErlangXL97.xla</t>
  </si>
  <si>
    <t>D:\21_11_2019 - PC ALGAR TECH\Desktop - 12-11-19\Formulário Solicitações Cancelamento de Férias Fora do Portal.xls</t>
  </si>
  <si>
    <t>D:\21_11_2019 - PC ALGAR TECH\Desktop - 12-11-19\Hierarquia_Pesquisa de Clima_GAT - Suélen.xlsx</t>
  </si>
  <si>
    <t>D:\21_11_2019 - PC ALGAR TECH\Desktop - 12-11-19\Mapa GAT 06-11-2019.xlsx</t>
  </si>
  <si>
    <t>11/21/2019 20:14:08</t>
  </si>
  <si>
    <t>D:\21_11_2019 - PC ALGAR TECH\Desktop - 12-11-19\objetivos.xlsx</t>
  </si>
  <si>
    <t>11/21/2019 20:14:12</t>
  </si>
  <si>
    <t>D:\21_11_2019 - PC ALGAR TECH\Desktop - 12-11-19\Oportunidades por data criação - bu approval - SEM NO GO E DUPLICADAS.xlsx</t>
  </si>
  <si>
    <t>11/21/2019 20:14:13</t>
  </si>
  <si>
    <t>D:\21_11_2019 - PC ALGAR TECH\Desktop - 12-11-19\Pensão e Produtos detamatologista.xlsx</t>
  </si>
  <si>
    <t>11/21/2019 20:14:14</t>
  </si>
  <si>
    <t>D:\21_11_2019 - PC ALGAR TECH\Desktop - 12-11-19\Plan Precificacao C017 B017_v12082018 V2.xlsb</t>
  </si>
  <si>
    <t>11/21/2019 20:14:16</t>
  </si>
  <si>
    <t>D:\21_11_2019 - PC ALGAR TECH\Desktop - 12-11-19\Plan Precificacao C017 B017_v12082018 v3.xlsb</t>
  </si>
  <si>
    <t>11/21/2019 20:14:17</t>
  </si>
  <si>
    <t>D:\21_11_2019 - PC ALGAR TECH\Desktop - 12-11-19\Plan Precificacao C017 B017_v12082018 v4.xlsb</t>
  </si>
  <si>
    <t>11/21/2019 20:14:18</t>
  </si>
  <si>
    <t>D:\21_11_2019 - PC ALGAR TECH\Desktop - 12-11-19\Plan Precificacao C017 B017_v12082018 v5.xlsb</t>
  </si>
  <si>
    <t>11/21/2019 20:14:20</t>
  </si>
  <si>
    <t>D:\21_11_2019 - PC ALGAR TECH\Desktop - 12-11-19\Plan Precificacao C017 B017_v12082018 v6.xlsb</t>
  </si>
  <si>
    <t>11/21/2019 20:14:22</t>
  </si>
  <si>
    <t>D:\21_11_2019 - PC ALGAR TECH\Desktop - 12-11-19\Propostas Pendentes Comitê de Business.xlsx</t>
  </si>
  <si>
    <t>11/21/2019 20:14:23</t>
  </si>
  <si>
    <t>D:\21_11_2019 - PC ALGAR TECH\Desktop - 12-11-19\Quantidade Técnicos x Cidade - SCC.xlsx</t>
  </si>
  <si>
    <t>D:\21_11_2019 - PC ALGAR TECH\Desktop - 12-11-19\Soluções 30-10-2019.pptx</t>
  </si>
  <si>
    <t>11/21/2019 20:14:24</t>
  </si>
  <si>
    <t>D:\21_11_2019 - PC ALGAR TECH\Desktop - 12-11-19\teste de planilha (Latam - Insite) - 26% MC v1.2 (fechamento) - Suelen.xlsx</t>
  </si>
  <si>
    <t>11/21/2019 20:14:41</t>
  </si>
  <si>
    <t>D:\21_11_2019 - PC ALGAR TECH\Desktop - 12-11-19\Vale - Apresentacao - Business Performance_ VF3 18_10_2019.pptx</t>
  </si>
  <si>
    <t>11/21/2019 20:14:42</t>
  </si>
  <si>
    <t>11/21/2019 20:14:43</t>
  </si>
  <si>
    <t>11/21/2019 20:14:44</t>
  </si>
  <si>
    <t>11/21/2019 20:15:04</t>
  </si>
  <si>
    <t>D:\21_11_2019 - PC ALGAR TECH\Desktop - 12-11-19\Vale - Apresentacao - Business Performance_ VF3 18_10_2019.zip</t>
  </si>
  <si>
    <t>11/21/2019 20:15:05</t>
  </si>
  <si>
    <t>11/21/2019 20:15:06</t>
  </si>
  <si>
    <t>11/22/2019 08:46:36</t>
  </si>
  <si>
    <t>11/21/2019 20:15:07</t>
  </si>
  <si>
    <t>11/21/2019 20:15:11</t>
  </si>
  <si>
    <t>D:\21_11_2019 - PC ALGAR TECH\Desktop - 12-11-19\Download\18e139cde2de4372825902960e6dad43.xls</t>
  </si>
  <si>
    <t>11/21/2019 20:15:12</t>
  </si>
  <si>
    <t>D:\21_11_2019 - PC ALGAR TECH\Desktop - 12-11-19\Download\2zrevcce.24l.csv</t>
  </si>
  <si>
    <t>D:\21_11_2019 - PC ALGAR TECH\Desktop - 12-11-19\Download\2zrevcce.24l.csv:Zone.Identifier</t>
  </si>
  <si>
    <t>11/21/2019 20:15:14</t>
  </si>
  <si>
    <t>C:\Users\suelenmm\OneDrive - Grupo Algar\desktop 11-12\</t>
  </si>
  <si>
    <t>1 tri.xlsx</t>
  </si>
  <si>
    <t>D:\21_11_2019 - PC ALGAR TECH\desktop 11-12\1 tri.xlsx</t>
  </si>
  <si>
    <t>11/21/2019 20:15:15</t>
  </si>
  <si>
    <t>D:\21_11_2019 - PC ALGAR TECH\Desktop - 12-11-19\Download\5duox23l.zkt (1).csv</t>
  </si>
  <si>
    <t>D:\21_11_2019 - PC ALGAR TECH\Desktop - 12-11-19\Download\5duox23l.zkt (1).csv:Zone.Identifier</t>
  </si>
  <si>
    <t>D:\21_11_2019 - PC ALGAR TECH\Desktop - 12-11-19\Download\5duox23l.zkt.csv</t>
  </si>
  <si>
    <t>D:\21_11_2019 - PC ALGAR TECH\Desktop - 12-11-19\Download\5duox23l.zkt.csv:Zone.Identifier</t>
  </si>
  <si>
    <t>D:\21_11_2019 - PC ALGAR TECH\Desktop - 12-11-19\Download\77bc503d1f12420b9b06152f04ab7304.csv</t>
  </si>
  <si>
    <t>D:\21_11_2019 - PC ALGAR TECH\Desktop - 12-11-19\Download\77bc503d1f12420b9b06152f04ab7304.csv:Zone.Identifier</t>
  </si>
  <si>
    <t>D:\21_11_2019 - PC ALGAR TECH\Desktop - 12-11-19\Download\a4ojcwdi.3qd.csv</t>
  </si>
  <si>
    <t>D:\21_11_2019 - PC ALGAR TECH\Desktop - 12-11-19\Download\a4ojcwdi.3qd.csv:Zone.Identifier</t>
  </si>
  <si>
    <t>11/21/2019 20:15:23</t>
  </si>
  <si>
    <t>C:\Users\suelenmm\OneDrive - Grupo Algar\desktop 11-12\Anexo Técnico - Manutenção Backbone Nacional.msg\s43\</t>
  </si>
  <si>
    <t>Franquia v2.xlsx</t>
  </si>
  <si>
    <t>D:\21_11_2019 - PC ALGAR TECH\desktop 11-12\Anexo Técnico - Manutenção Backbone Nacional.msg</t>
  </si>
  <si>
    <t>11/21/2019 20:15:25</t>
  </si>
  <si>
    <t>Ativos TIM - Locação.xlsx</t>
  </si>
  <si>
    <t>D:\21_11_2019 - PC ALGAR TECH\desktop 11-12\Ativos TIM - Locação.xlsx</t>
  </si>
  <si>
    <t>Base SG TELECOM - CALCULO COM TAPS APROVADOS v2.xlsx</t>
  </si>
  <si>
    <t>D:\21_11_2019 - PC ALGAR TECH\desktop 11-12\Base SG TELECOM - CALCULO COM TAPS APROVADOS v2.xlsx</t>
  </si>
  <si>
    <t>11/21/2019 20:15:28</t>
  </si>
  <si>
    <t>BP Preço C008 B008 DataCenter.xlsb</t>
  </si>
  <si>
    <t>D:\21_11_2019 - PC ALGAR TECH\desktop 11-12\BP Preço C008 B008 DataCenter.xlsb</t>
  </si>
  <si>
    <t>C:\Users\suelenmm\OneDrive - Grupo Algar\desktop 11-12\BP Preço C008 B008 DataCenter.xlsb\</t>
  </si>
  <si>
    <t>11/21/2019 20:15:29</t>
  </si>
  <si>
    <t>D:\21_11_2019 - PC ALGAR TECH\desktop 11-12\BP Preço C010 B010.xlsb</t>
  </si>
  <si>
    <t>C:\Users\suelenmm\OneDrive - Grupo Algar\desktop 11-12\BP Preço C010 B010.xlsb\</t>
  </si>
  <si>
    <t>11/21/2019 20:15:30</t>
  </si>
  <si>
    <t>BP Preço C010 B011 Desonerada - DFP TIM.xlsb</t>
  </si>
  <si>
    <t>D:\21_11_2019 - PC ALGAR TECH\desktop 11-12\BP Preço C010 B011 Desonerada - DFP TIM.xlsb</t>
  </si>
  <si>
    <t>C:\Users\suelenmm\OneDrive - Grupo Algar\desktop 11-12\BP Preço C010 B011 Desonerada - DFP TIM.xlsb\</t>
  </si>
  <si>
    <t>11/21/2019 20:15:34</t>
  </si>
  <si>
    <t>Carteira_consultores_lista de distribuição.xlsx</t>
  </si>
  <si>
    <t>D:\21_11_2019 - PC ALGAR TECH\desktop 11-12\Carteira_consultores_lista de distribuição.xlsx</t>
  </si>
  <si>
    <t>Comissão.xlsx</t>
  </si>
  <si>
    <t>D:\21_11_2019 - PC ALGAR TECH\desktop 11-12\Comissão.xlsx</t>
  </si>
  <si>
    <t>11/21/2019 20:15:35</t>
  </si>
  <si>
    <t>COW TLE.xlsx</t>
  </si>
  <si>
    <t>D:\21_11_2019 - PC ALGAR TECH\desktop 11-12\COW TLE.xlsx</t>
  </si>
  <si>
    <t>Cópia de 2263_TI_novo.xlsx</t>
  </si>
  <si>
    <t>D:\21_11_2019 - PC ALGAR TECH\desktop 11-12\Cópia de 2263_TI_novo.xlsx</t>
  </si>
  <si>
    <t>11/21/2019 20:15:37</t>
  </si>
  <si>
    <t>Cópia de ACOMPANHAMENTO COMPROMISSADO TIM (002).xlsx</t>
  </si>
  <si>
    <t>D:\21_11_2019 - PC ALGAR TECH\desktop 11-12\Cópia de ACOMPANHAMENTO COMPROMISSADO TIM (002).xlsx</t>
  </si>
  <si>
    <t>11/21/2019 20:15:38</t>
  </si>
  <si>
    <t>Cópia de Acompanhamento Pré-vendas Algar 2016 e 2017 (002).xlsx</t>
  </si>
  <si>
    <t>D:\21_11_2019 - PC ALGAR TECH\desktop 11-12\Cópia de Acompanhamento Pré-vendas Algar 2016 e 2017 (002).xlsx</t>
  </si>
  <si>
    <t>11/21/2019 20:15:39</t>
  </si>
  <si>
    <t>Cópia de Banco Forecast 10-2017.xlsx</t>
  </si>
  <si>
    <t>D:\21_11_2019 - PC ALGAR TECH\desktop 11-12\Cópia de Banco Forecast 10-2017.xlsx</t>
  </si>
  <si>
    <t>Cópia de COMPROMISSADO 2017(CONTRATO 4600022941) (002).xlsx</t>
  </si>
  <si>
    <t>D:\21_11_2019 - PC ALGAR TECH\desktop 11-12\Cópia de COMPROMISSADO 2017(CONTRATO 4600022941) (002).xlsx</t>
  </si>
  <si>
    <t>Cópia de Detalhamento de Itens - TIM FMM FMT - Classificado (002).xlsx</t>
  </si>
  <si>
    <t>D:\21_11_2019 - PC ALGAR TECH\desktop 11-12\Cópia de Detalhamento de Itens - TIM FMM FMT - Classificado (002).xlsx</t>
  </si>
  <si>
    <t>Cópia de Itens em cotação - Michel.xls</t>
  </si>
  <si>
    <t>D:\21_11_2019 - PC ALGAR TECH\desktop 11-12\Cópia de Itens em cotação - Michel.xls</t>
  </si>
  <si>
    <t>11/21/2019 20:15:40</t>
  </si>
  <si>
    <t>Cópia de MATRIZ DE TRIBUTACAO - Algar Tech - out 2016.xlsx</t>
  </si>
  <si>
    <t>D:\21_11_2019 - PC ALGAR TECH\desktop 11-12\Cópia de MATRIZ DE TRIBUTACAO - Algar Tech - out 2016.xlsx</t>
  </si>
  <si>
    <t>11/21/2019 20:15:41</t>
  </si>
  <si>
    <t>Cópia de Oportunidades por data criação - lorena.xlsx</t>
  </si>
  <si>
    <t>D:\21_11_2019 - PC ALGAR TECH\desktop 11-12\Cópia de Oportunidades por data criação - lorena.xlsx</t>
  </si>
  <si>
    <t>Cópia de Opps Abertas Consolidada.xlsx</t>
  </si>
  <si>
    <t>D:\21_11_2019 - PC ALGAR TECH\desktop 11-12\Cópia de Opps Abertas Consolidada.xlsx</t>
  </si>
  <si>
    <t>11/21/2019 20:15:42</t>
  </si>
  <si>
    <t>Cópia de Pre Vendas.xlsx</t>
  </si>
  <si>
    <t>D:\21_11_2019 - PC ALGAR TECH\desktop 11-12\Cópia de Pre Vendas.xlsx</t>
  </si>
  <si>
    <t>Cópia de Projeto PPA.xlsx</t>
  </si>
  <si>
    <t>D:\21_11_2019 - PC ALGAR TECH\desktop 11-12\Cópia de Projeto PPA.xlsx</t>
  </si>
  <si>
    <t>11/21/2019 20:15:43</t>
  </si>
  <si>
    <t>Cópia de RFI - Manutencao - CCR.xlsx</t>
  </si>
  <si>
    <t>D:\21_11_2019 - PC ALGAR TECH\desktop 11-12\Cópia de RFI - Manutencao - CCR.xlsx</t>
  </si>
  <si>
    <t>11/21/2019 20:15:44</t>
  </si>
  <si>
    <t>D:\21_11_2019 - PC ALGAR TECH\desktop 11-12\DFP.xlsx</t>
  </si>
  <si>
    <t>11/21/2019 20:15:45</t>
  </si>
  <si>
    <t>Estrutura REAL DC_AN.xlsx</t>
  </si>
  <si>
    <t>D:\21_11_2019 - PC ALGAR TECH\desktop 11-12\Estrutura REAL DC_AN.xlsx</t>
  </si>
  <si>
    <t>11/21/2019 20:15:47</t>
  </si>
  <si>
    <t>Estrutura REMANEJADA DC_AN.xlsx</t>
  </si>
  <si>
    <t>D:\21_11_2019 - PC ALGAR TECH\desktop 11-12\Estrutura REMANEJADA DC_AN.xlsx</t>
  </si>
  <si>
    <t>11/21/2019 20:15:48</t>
  </si>
  <si>
    <t>ferias.xlsx</t>
  </si>
  <si>
    <t>D:\21_11_2019 - PC ALGAR TECH\desktop 11-12\ferias.xlsx</t>
  </si>
  <si>
    <t>FMM - FATURA B TIM.xlsx</t>
  </si>
  <si>
    <t>D:\21_11_2019 - PC ALGAR TECH\desktop 11-12\FMM - FATURA B TIM.xlsx</t>
  </si>
  <si>
    <t>11/21/2019 20:15:49</t>
  </si>
  <si>
    <t>FMT - FATURA B TIM.xlsx</t>
  </si>
  <si>
    <t>D:\21_11_2019 - PC ALGAR TECH\desktop 11-12\FMT - FATURA B TIM.xlsx</t>
  </si>
  <si>
    <t>11/21/2019 20:15:53</t>
  </si>
  <si>
    <t>Franquia Geral v2.xlsx</t>
  </si>
  <si>
    <t>D:\21_11_2019 - PC ALGAR TECH\desktop 11-12\Franquia Geral v2.xlsx</t>
  </si>
  <si>
    <t>11/21/2019 20:15:57</t>
  </si>
  <si>
    <t>Franquia v3.xlsx</t>
  </si>
  <si>
    <t>D:\21_11_2019 - PC ALGAR TECH\desktop 11-12\Franquia v3.xlsx</t>
  </si>
  <si>
    <t>11/21/2019 20:15:58</t>
  </si>
  <si>
    <t>GNF - BP Revenda_11-12-2017-RevisadoImpostos - rev com st saida.xls</t>
  </si>
  <si>
    <t>D:\21_11_2019 - PC ALGAR TECH\desktop 11-12\GNF - BP Revenda_11-12-2017-RevisadoImpostos - rev com st saida.xls</t>
  </si>
  <si>
    <t>11/21/2019 20:15:59</t>
  </si>
  <si>
    <t>GNF - BP Revenda_11-12-2017-RevisadoImpostos - SUELEN v2.xls</t>
  </si>
  <si>
    <t>D:\21_11_2019 - PC ALGAR TECH\desktop 11-12\GNF - BP Revenda_11-12-2017-RevisadoImpostos - SUELEN v2.xls</t>
  </si>
  <si>
    <t>GNF - BP Revenda_11-12-2017-RevisadoImpostos - SUELEN.xls</t>
  </si>
  <si>
    <t>D:\21_11_2019 - PC ALGAR TECH\desktop 11-12\GNF - BP Revenda_11-12-2017-RevisadoImpostos - SUELEN.xls</t>
  </si>
  <si>
    <t>11/21/2019 20:16:01</t>
  </si>
  <si>
    <t>IMPOSTOS TIM v2.xlsx</t>
  </si>
  <si>
    <t>D:\21_11_2019 - PC ALGAR TECH\desktop 11-12\IMPOSTOS TIM v2.xlsx</t>
  </si>
  <si>
    <t>IMPOSTOS TIM.xlsx</t>
  </si>
  <si>
    <t>D:\21_11_2019 - PC ALGAR TECH\desktop 11-12\IMPOSTOS TIM.xlsx</t>
  </si>
  <si>
    <t>Inventario Documentação Vendas_v2.xlsx</t>
  </si>
  <si>
    <t>D:\21_11_2019 - PC ALGAR TECH\desktop 11-12\Inventario Documentação Vendas_v2.xlsx</t>
  </si>
  <si>
    <t>11/21/2019 20:16:02</t>
  </si>
  <si>
    <t>Lista de Sites.xlsx</t>
  </si>
  <si>
    <t>D:\21_11_2019 - PC ALGAR TECH\desktop 11-12\Lista de Sites.xlsx</t>
  </si>
  <si>
    <t>11/21/2019 20:16:03</t>
  </si>
  <si>
    <t>Logística FMM-FMT TLE.xlsx</t>
  </si>
  <si>
    <t>D:\21_11_2019 - PC ALGAR TECH\desktop 11-12\Logística FMM-FMT TLE.xlsx</t>
  </si>
  <si>
    <t>11/21/2019 20:16:04</t>
  </si>
  <si>
    <t>Logística FMM-FMT v13 - Cenário Tech - 60 dias - GMGs revisado.xlsx</t>
  </si>
  <si>
    <t>D:\21_11_2019 - PC ALGAR TECH\desktop 11-12\Logística FMM-FMT v13 - Cenário Tech - 60 dias - GMGs revisado.xlsx</t>
  </si>
  <si>
    <t>LPU SEGURANCA DE SITES.xlsx</t>
  </si>
  <si>
    <t>D:\21_11_2019 - PC ALGAR TECH\desktop 11-12\LPU SEGURANCA DE SITES.xlsx</t>
  </si>
  <si>
    <t>MATRIZ DE TRIBUTACAO - Algar Tech - out 2016.xlsx</t>
  </si>
  <si>
    <t>D:\21_11_2019 - PC ALGAR TECH\desktop 11-12\MATRIZ DE TRIBUTACAO - Algar Tech - out 2016.xlsx</t>
  </si>
  <si>
    <t>Oportunidades Forecast.xlsx</t>
  </si>
  <si>
    <t>D:\21_11_2019 - PC ALGAR TECH\desktop 11-12\Oportunidades Forecast.xlsx</t>
  </si>
  <si>
    <t>11/21/2019 20:16:06</t>
  </si>
  <si>
    <t>Oportunidades por data criação (System Date) v4 (2) - alçadas de aprovação.xlsx</t>
  </si>
  <si>
    <t>D:\21_11_2019 - PC ALGAR TECH\desktop 11-12\Oportunidades por data criação (System Date) v4 (2) - alçadas de aprovação.xlsx</t>
  </si>
  <si>
    <t>11/21/2019 20:16:07</t>
  </si>
  <si>
    <t>Opps Abertas.xlsx</t>
  </si>
  <si>
    <t>D:\21_11_2019 - PC ALGAR TECH\desktop 11-12\Opps Abertas.xlsx</t>
  </si>
  <si>
    <t>Orçamento Incremental 2018_proposta_SG TELECOM.xlsx</t>
  </si>
  <si>
    <t>D:\21_11_2019 - PC ALGAR TECH\desktop 11-12\Orçamento Incremental 2018_proposta_SG TELECOM.xlsx</t>
  </si>
  <si>
    <t>11/21/2019 20:16:08</t>
  </si>
  <si>
    <t>Orçamento Incremental 2018_proposta_SG TELECOM_v1.xlsx</t>
  </si>
  <si>
    <t>D:\21_11_2019 - PC ALGAR TECH\desktop 11-12\Orçamento Incremental 2018_proposta_SG TELECOM_v1.xlsx</t>
  </si>
  <si>
    <t>Parceiros EGS.xlsx</t>
  </si>
  <si>
    <t>D:\21_11_2019 - PC ALGAR TECH\desktop 11-12\Parceiros EGS.xlsx</t>
  </si>
  <si>
    <t>11/21/2019 20:16:09</t>
  </si>
  <si>
    <t>Pif Paf.xlsx</t>
  </si>
  <si>
    <t>D:\21_11_2019 - PC ALGAR TECH\desktop 11-12\Pif Paf.xlsx</t>
  </si>
  <si>
    <t>Planhilha Base - Prédio de Compressores_V3 (003) - abertura difal.xlsx</t>
  </si>
  <si>
    <t>D:\21_11_2019 - PC ALGAR TECH\desktop 11-12\Planhilha Base - Prédio de Compressores_V3 (003) - abertura difal.xlsx</t>
  </si>
  <si>
    <t>Processo de Compras.xlsx</t>
  </si>
  <si>
    <t>D:\21_11_2019 - PC ALGAR TECH\desktop 11-12\Processo de Compras.xlsx</t>
  </si>
  <si>
    <t>11/21/2019 20:16:10</t>
  </si>
  <si>
    <t>PRODESP.xlsx</t>
  </si>
  <si>
    <t>D:\21_11_2019 - PC ALGAR TECH\desktop 11-12\PRODESP.xlsx</t>
  </si>
  <si>
    <t>Remuneração TIM.xlsx</t>
  </si>
  <si>
    <t>D:\21_11_2019 - PC ALGAR TECH\desktop 11-12\Remuneração TIM.xlsx</t>
  </si>
  <si>
    <t>11/21/2019 20:16:13</t>
  </si>
  <si>
    <t>RFI - Manutencao - CCR.xlsx</t>
  </si>
  <si>
    <t>D:\21_11_2019 - PC ALGAR TECH\desktop 11-12\RFI - Manutencao - CCR.xlsx</t>
  </si>
  <si>
    <t>11/21/2019 20:16:14</t>
  </si>
  <si>
    <t>Segurança de Sites.xlsx</t>
  </si>
  <si>
    <t>D:\21_11_2019 - PC ALGAR TECH\desktop 11-12\Segurança de Sites.xlsx</t>
  </si>
  <si>
    <t>D:\21_11_2019 - PC ALGAR TECH\Desktop - 12-11-19\Download\ca60c31a3ac14c10b930efc1c8a52755.xls</t>
  </si>
  <si>
    <t>Sites FMT.xlsx</t>
  </si>
  <si>
    <t>D:\21_11_2019 - PC ALGAR TECH\desktop 11-12\Sites FMT.xlsx</t>
  </si>
  <si>
    <t>11/21/2019 20:16:18</t>
  </si>
  <si>
    <t>SOP - Gestão de Ambientes de Tecnologia - Agenda 1 - dez-17 GAT.xlsb</t>
  </si>
  <si>
    <t>D:\21_11_2019 - PC ALGAR TECH\desktop 11-12\SOP - Gestão de Ambientes de Tecnologia - Agenda 1 - dez-17 GAT.xlsb</t>
  </si>
  <si>
    <t>11/21/2019 20:16:20</t>
  </si>
  <si>
    <t>SOP - Gestão de Ambientes de Tecnologia - Agenda 1 - GAT.xlsb</t>
  </si>
  <si>
    <t>D:\21_11_2019 - PC ALGAR TECH\desktop 11-12\SOP - Gestão de Ambientes de Tecnologia - Agenda 1 - GAT.xlsb</t>
  </si>
  <si>
    <t>11/21/2019 20:16:21</t>
  </si>
  <si>
    <t>SOP - Gestão de Serviços de Telecom - Agenda 1 - dez-17 - SGT.xlsb</t>
  </si>
  <si>
    <t>D:\21_11_2019 - PC ALGAR TECH\desktop 11-12\SOP - Gestão de Serviços de Telecom - Agenda 1 - dez-17 - SGT.xlsb</t>
  </si>
  <si>
    <t>11/21/2019 20:16:23</t>
  </si>
  <si>
    <t>SOP - Gestão de Serviços de Telecom - Agenda 1 - NOV-17 - SGT.xlsb</t>
  </si>
  <si>
    <t>D:\21_11_2019 - PC ALGAR TECH\desktop 11-12\SOP - Gestão de Serviços de Telecom - Agenda 1 - NOV-17 - SGT.xlsb</t>
  </si>
  <si>
    <t>11/21/2019 20:16:24</t>
  </si>
  <si>
    <t>D:\21_11_2019 - PC ALGAR TECH\Desktop - 12-11-19\Download\DE ACORDO MARGEM - 141417 - WEG - RFP Service Desk (1).msg</t>
  </si>
  <si>
    <t>11/21/2019 20:16:25</t>
  </si>
  <si>
    <t>tabela terceiros.xlsx</t>
  </si>
  <si>
    <t>D:\21_11_2019 - PC ALGAR TECH\desktop 11-12\tabela terceiros.xlsx</t>
  </si>
  <si>
    <t>11/21/2019 20:16:27</t>
  </si>
  <si>
    <t>D:\21_11_2019 - PC ALGAR TECH\Desktop - 12-11-19\Download\DE ACORDO MARGEM - 141417 - WEG - RFP Service Desk (2).msg</t>
  </si>
  <si>
    <t>v_celula11082017 Suelen.xls</t>
  </si>
  <si>
    <t>D:\21_11_2019 - PC ALGAR TECH\desktop 11-12\v_celula11082017 Suelen.xls</t>
  </si>
  <si>
    <t>11/21/2019 20:16:28</t>
  </si>
  <si>
    <t>D:\21_11_2019 - PC ALGAR TECH\Desktop - 12-11-19\Download\DE ACORDO MARGEM - 141417 - WEG - RFP Service Desk.msg</t>
  </si>
  <si>
    <t>11/21/2019 20:16:30</t>
  </si>
  <si>
    <t>C:\Users\suelenmm\OneDrive - Grupo Algar\Desktop 01-02\</t>
  </si>
  <si>
    <t>142999 - Toyota - Supervisores - BP Preço C011 B012 Desonerada - Rev 01.xlsb</t>
  </si>
  <si>
    <t>D:\21_11_2019 - PC ALGAR TECH\Desktop 01-02\142999 - Toyota - Supervisores - BP Preço C011 B012 Desonerada - Rev 01.xlsb</t>
  </si>
  <si>
    <t>C:\Users\suelenmm\OneDrive - Grupo Algar\Desktop 01-02\142999 - Toyota - Supervisores - BP Preço C011 B012 Desonerada - Rev 01.xlsb\</t>
  </si>
  <si>
    <t>11/21/2019 20:16:31</t>
  </si>
  <si>
    <t>C:\Users\suelenmm\OneDrive - Grupo Algar\Desktop 01-02\144783-DesenhoProjeto_TIM_Final v2.pptx\</t>
  </si>
  <si>
    <t>D:\21_11_2019 - PC ALGAR TECH\Desktop 01-02\144783-DesenhoProjeto_TIM_Final v2.pptx</t>
  </si>
  <si>
    <t>11/21/2019 20:16:32</t>
  </si>
  <si>
    <t>145316-2017 - AAM - Body Shop_v3 (com Ferista e target) - BP Preço C011 B012 Desonerada - revisado.xlsb</t>
  </si>
  <si>
    <t>D:\21_11_2019 - PC ALGAR TECH\Desktop 01-02\145316-2017 - AAM - Body Shop_v3 (com Ferista e target) - BP Preço C011 B012 Desonerada - revisado.xlsb</t>
  </si>
  <si>
    <t>C:\Users\suelenmm\OneDrive - Grupo Algar\Desktop 01-02\145316-2017 - AAM - Body Shop_v3 (com Ferista e target) - BP Preço C011 B012 Desonerada - revisado.xlsb\</t>
  </si>
  <si>
    <t>145316-2018 - AAM - Body Shop (Distribuição dos Valores).xlsx</t>
  </si>
  <si>
    <t>D:\21_11_2019 - PC ALGAR TECH\Desktop 01-02\145316-2018 - AAM - Body Shop (Distribuição dos Valores).xlsx</t>
  </si>
  <si>
    <t>11/21/2019 20:16:33</t>
  </si>
  <si>
    <t>Analise PRODESP.xlsx</t>
  </si>
  <si>
    <t>D:\21_11_2019 - PC ALGAR TECH\Desktop 01-02\Analise PRODESP.xlsx</t>
  </si>
  <si>
    <t>11/21/2019 20:16:36</t>
  </si>
  <si>
    <t>apuracao anual aplicacoes v2.xlsx</t>
  </si>
  <si>
    <t>D:\21_11_2019 - PC ALGAR TECH\Desktop 01-02\apuracao anual aplicacoes v2.xlsx</t>
  </si>
  <si>
    <t>D:\21_11_2019 - PC ALGAR TECH\Desktop - 12-11-19\Download\em4yqxpj.hyp.csv</t>
  </si>
  <si>
    <t>D:\21_11_2019 - PC ALGAR TECH\Desktop - 12-11-19\Download\em4yqxpj.hyp.csv:Zone.Identifier</t>
  </si>
  <si>
    <t>CAPEX_2018_Consolidado.xlsx</t>
  </si>
  <si>
    <t>D:\21_11_2019 - PC ALGAR TECH\Desktop 01-02\CAPEX_2018_Consolidado.xlsx</t>
  </si>
  <si>
    <t>11/21/2019 20:16:38</t>
  </si>
  <si>
    <t>C:\Users\suelenmm\OneDrive - Grupo Algar\Desktop 01-02\Coordenação de Soluções de Negócios - Apresentação wkp Cml V3.pptx\</t>
  </si>
  <si>
    <t>D:\21_11_2019 - PC ALGAR TECH\Desktop 01-02\Coordenação de Soluções de Negócios - Apresentação wkp Cml V3.pptx</t>
  </si>
  <si>
    <t>11/21/2019 20:16:41</t>
  </si>
  <si>
    <t>C:\Users\suelenmm\OneDrive - Grupo Algar\Desktop 01-02\Coordenação de Soluções de Negócios v2.pptx\</t>
  </si>
  <si>
    <t>D:\21_11_2019 - PC ALGAR TECH\Desktop 01-02\Coordenação de Soluções de Negócios v2.pptx</t>
  </si>
  <si>
    <t>11/21/2019 20:16:44</t>
  </si>
  <si>
    <t>C:\Users\suelenmm\OneDrive - Grupo Algar\Desktop 01-02\Coordenação de Soluções de Negócios.pptx\</t>
  </si>
  <si>
    <t>D:\21_11_2019 - PC ALGAR TECH\Desktop 01-02\Coordenação de Soluções de Negócios.pptx</t>
  </si>
  <si>
    <t>11/21/2019 20:16:45</t>
  </si>
  <si>
    <t>Cópia de BP Preço C011 B012 Desonerada teste.xlsb</t>
  </si>
  <si>
    <t>D:\21_11_2019 - PC ALGAR TECH\Desktop 01-02\Cópia de BP Preço C011 B012 Desonerada teste.xlsb</t>
  </si>
  <si>
    <t>C:\Users\suelenmm\OneDrive - Grupo Algar\Desktop 01-02\Cópia de BP Preço C011 B012 Desonerada teste.xlsb\</t>
  </si>
  <si>
    <t>Cópia de TI.xlsx</t>
  </si>
  <si>
    <t>D:\21_11_2019 - PC ALGAR TECH\Desktop 01-02\Cópia de TI.xlsx</t>
  </si>
  <si>
    <t>D:\21_11_2019 - PC ALGAR TECH\Desktop 01-02\departamental.csv</t>
  </si>
  <si>
    <t>11/21/2019 20:16:48</t>
  </si>
  <si>
    <t>C:\Users\suelenmm\OneDrive - Grupo Algar\Desktop 01-02\ENC Concurso Manutenção Backbone VIVO - Solicitação de propostas.msg\s56\Caderno_de_encargos_Manut. Backbone Fibra.zip\</t>
  </si>
  <si>
    <t>28 Anexo 07a - Ata de Controle de Qualidade Fibra.xls</t>
  </si>
  <si>
    <t>D:\21_11_2019 - PC ALGAR TECH\Desktop 01-02\ENC Concurso Manutenção Backbone VIVO - Solicitação de propostas.msg</t>
  </si>
  <si>
    <t>30 Anexo 08a - Planilha de Avalia‡Æo Qualidade.xls</t>
  </si>
  <si>
    <t>32 LPU Concurso Manuten‡Æo_jan_18.xlsx</t>
  </si>
  <si>
    <t>Quadro de metas e indicadores e SLAs minimos.xlsx</t>
  </si>
  <si>
    <t>C:\Users\suelenmm\OneDrive - Grupo Algar\Desktop 01-02\ENC Concurso Manutenção Backbone VIVO - Solicitação de propostas.msg\s56\DataRoom e Mapa de Rotas.rar\</t>
  </si>
  <si>
    <t>Data_room_concurso.xlsx</t>
  </si>
  <si>
    <t>C:\Users\suelenmm\OneDrive - Grupo Algar\Desktop 01-02\ENC Concurso Manutenção Backbone VIVO - Solicitação de propostas.msg\s56\Planilhas Comerciais.rar\</t>
  </si>
  <si>
    <t>Planilha Comercial de PreÃ§os padrÃ£o - Lote 1.xls</t>
  </si>
  <si>
    <t>Planilha Comercial de PreÃ§os padrÃ£o - Lote 2.xls</t>
  </si>
  <si>
    <t>Planilha Comercial de PreÃ§os padrÃ£o - Lote 3.xls</t>
  </si>
  <si>
    <t>Planilha Comercial de PreÃ§os padrÃ£o - Lote 4.xls</t>
  </si>
  <si>
    <t>Planilha Comercial de PreÃ§os padrÃ£o - Lote 5.xls</t>
  </si>
  <si>
    <t>Planilha Comercial de PreÃ§os padrÃ£o - Lote 6.xls</t>
  </si>
  <si>
    <t>D:\21_11_2019 - PC ALGAR TECH\Desktop - 12-11-19\Download\Formulario_Ferias_Irregulares_-_Algar_Tech (1).xls</t>
  </si>
  <si>
    <t>D:\21_11_2019 - PC ALGAR TECH\Desktop - 12-11-19\Download\Formulario_Ferias_Irregulares_-_Algar_Tech (2).xls</t>
  </si>
  <si>
    <t>D:\21_11_2019 - PC ALGAR TECH\Desktop - 12-11-19\Download\Formulario_Ferias_Irregulares_-_Algar_Tech.xls</t>
  </si>
  <si>
    <t>C:\Users\suelenmm\OneDrive - Grupo Algar\Desktop 01-02\ENC Formulário de Retirada .msg\s115\</t>
  </si>
  <si>
    <t>Formulário de Liberação de Ativos CLU.xlsx</t>
  </si>
  <si>
    <t>D:\21_11_2019 - PC ALGAR TECH\Desktop 01-02\ENC Formulário de Retirada .msg</t>
  </si>
  <si>
    <t>FATURA B FMM ALGARXEZENTIS.xls</t>
  </si>
  <si>
    <t>D:\21_11_2019 - PC ALGAR TECH\Desktop 01-02\FATURA B FMM ALGARXEZENTIS.xls</t>
  </si>
  <si>
    <t>D:\21_11_2019 - PC ALGAR TECH\Desktop 01-02\FATURAS_B FMM_consolidado regionais_REV2 - para Suprimentos 08122017 V2.xls</t>
  </si>
  <si>
    <t>11/21/2019 20:16:49</t>
  </si>
  <si>
    <t>gmg.xlsx</t>
  </si>
  <si>
    <t>D:\21_11_2019 - PC ALGAR TECH\Desktop 01-02\gmg.xlsx</t>
  </si>
  <si>
    <t>D:\21_11_2019 - PC ALGAR TECH\Desktop - 12-11-19\Download\gbxawqoe.3fv (1).csv</t>
  </si>
  <si>
    <t>D:\21_11_2019 - PC ALGAR TECH\Desktop 01-02\log.csv</t>
  </si>
  <si>
    <t>D:\21_11_2019 - PC ALGAR TECH\Desktop - 12-11-19\Download\gbxawqoe.3fv (1).csv:Zone.Identifier</t>
  </si>
  <si>
    <t>D:\21_11_2019 - PC ALGAR TECH\Desktop - 12-11-19\Download\gbxawqoe.3fv.csv</t>
  </si>
  <si>
    <t>D:\21_11_2019 - PC ALGAR TECH\Desktop - 12-11-19\Download\gbxawqoe.3fv.csv:Zone.Identifier</t>
  </si>
  <si>
    <t>D:\21_11_2019 - PC ALGAR TECH\Desktop 01-02\LPU_DataCenter_Comercial_V2.xlsm</t>
  </si>
  <si>
    <t>D:\21_11_2019 - PC ALGAR TECH\Desktop - 12-11-19\Download\ggdmlw55.tyi.csv</t>
  </si>
  <si>
    <t>D:\21_11_2019 - PC ALGAR TECH\Desktop - 12-11-19\Download\ggdmlw55.tyi.csv:Zone.Identifier</t>
  </si>
  <si>
    <t>Plano de Formação GAT.xlsx</t>
  </si>
  <si>
    <t>D:\21_11_2019 - PC ALGAR TECH\Desktop 01-02\Plano de Formação GAT.xlsx</t>
  </si>
  <si>
    <t>D:\21_11_2019 - PC ALGAR TECH\Desktop 01-02\Processo de Compras.xlsx</t>
  </si>
  <si>
    <t>11/21/2019 20:16:52</t>
  </si>
  <si>
    <t>SOP - Gestão de Ambientes de Tecnologia - Jan-18.xlsb</t>
  </si>
  <si>
    <t>D:\21_11_2019 - PC ALGAR TECH\Desktop 01-02\SOP - Gestão de Ambientes de Tecnologia - Jan-18.xlsb</t>
  </si>
  <si>
    <t>11/21/2019 20:16:55</t>
  </si>
  <si>
    <t>SOP - Gestão de Serviços de Telecom - jan-18.xlsb</t>
  </si>
  <si>
    <t>D:\21_11_2019 - PC ALGAR TECH\Desktop 01-02\SOP - Gestão de Serviços de Telecom - jan-18.xlsb</t>
  </si>
  <si>
    <t>D:\21_11_2019 - PC ALGAR TECH\Desktop - 12-11-19\Download\Mapa GAT 06-11-2019.xlsx</t>
  </si>
  <si>
    <t>11/21/2019 20:16:56</t>
  </si>
  <si>
    <t>D:\21_11_2019 - PC ALGAR TECH\Desktop - 12-11-19\Download\Meta e Real 3º Tri v2 - Inclusao PV na base.xlsx</t>
  </si>
  <si>
    <t>11/21/2019 20:16:58</t>
  </si>
  <si>
    <t>D:\21_11_2019 - PC ALGAR TECH\Desktop 01-02\Vendas Detalhado.xlsx</t>
  </si>
  <si>
    <t>11/21/2019 20:17:02</t>
  </si>
  <si>
    <t>D:\21_11_2019 - PC ALGAR TECH\Desktop - 12-11-19\Download\ok24zv04.05a (1).csv</t>
  </si>
  <si>
    <t>D:\21_11_2019 - PC ALGAR TECH\Desktop - 12-11-19\Download\ok24zv04.05a (1).csv:Zone.Identifier</t>
  </si>
  <si>
    <t>D:\21_11_2019 - PC ALGAR TECH\Desktop - 12-11-19\Download\ok24zv04.05a.csv</t>
  </si>
  <si>
    <t>D:\21_11_2019 - PC ALGAR TECH\Desktop - 12-11-19\Download\ok24zv04.05a.csv:Zone.Identifier</t>
  </si>
  <si>
    <t>D:\21_11_2019 - PC ALGAR TECH\Desktop - 12-11-19\Download\Oportunidades por data criação - bu approval - COM NO GO.xlsx</t>
  </si>
  <si>
    <t>11/21/2019 20:17:03</t>
  </si>
  <si>
    <t>D:\21_11_2019 - PC ALGAR TECH\Desktop - 12-11-19\Download\Oportunidades por data criação - bu approval - SEM NO GO E DUPLICADAS.xlsx</t>
  </si>
  <si>
    <t>11/21/2019 20:17:04</t>
  </si>
  <si>
    <t>D:\21_11_2019 - PC ALGAR TECH\Desktop - 12-11-19\Download\Oportunidades por data criação - bu approval.xlsx</t>
  </si>
  <si>
    <t>11/21/2019 20:17:07</t>
  </si>
  <si>
    <t>D:\21_11_2019 - PC ALGAR TECH\Desktop - 12-11-19\Download\Oportunidades por data criação - detalhado - emissão proposta (1).xlsx</t>
  </si>
  <si>
    <t>11/21/2019 20:17:08</t>
  </si>
  <si>
    <t>D:\21_11_2019 - PC ALGAR TECH\Desktop - 12-11-19\Download\Oportunidades por data criação - detalhado - emissão proposta (2).xlsx</t>
  </si>
  <si>
    <t>11/21/2019 20:17:13</t>
  </si>
  <si>
    <t>D:\21_11_2019 - PC ALGAR TECH\Desktop - 12-11-19\Download\Oportunidades por data criação - detalhado - emissão proposta.xlsx</t>
  </si>
  <si>
    <t>11/21/2019 20:17:15</t>
  </si>
  <si>
    <t>D:\21_11_2019 - PC ALGAR TECH\Desktop - 12-11-19\Download\Pipeline Detalhado emissão proposta (1).xlsx</t>
  </si>
  <si>
    <t>11/21/2019 20:17:19</t>
  </si>
  <si>
    <t>D:\21_11_2019 - PC ALGAR TECH\Desktop 22-07-19\(Rotas)_TIM - BBN.XLSX</t>
  </si>
  <si>
    <t>11/21/2019 20:17:20</t>
  </si>
  <si>
    <t>D:\21_11_2019 - PC ALGAR TECH\Desktop - 12-11-19\Download\Pipeline Detalhado emissão proposta (2).xlsx</t>
  </si>
  <si>
    <t>11/21/2019 20:17:23</t>
  </si>
  <si>
    <t>D:\21_11_2019 - PC ALGAR TECH\Desktop - 12-11-19\Download\Pipeline Detalhado emissão proposta.xlsx</t>
  </si>
  <si>
    <t>D:\21_11_2019 - PC ALGAR TECH\Desktop - 12-11-19\Download\PosicaoHistorico_3044719.xls</t>
  </si>
  <si>
    <t>11/21/2019 20:17:26</t>
  </si>
  <si>
    <t>D:\21_11_2019 - PC ALGAR TECH\Desktop 22-07-19\145999 - BP Preço C011 B012 - sem ad..xlsb</t>
  </si>
  <si>
    <t>11/21/2019 20:17:29</t>
  </si>
  <si>
    <t>D:\21_11_2019 - PC ALGAR TECH\Desktop 22-07-19\167227 - IBM - Rollout - v1 - BP Preço C015 B014 Desonerada v1.xlsb</t>
  </si>
  <si>
    <t>11/21/2019 20:17:30</t>
  </si>
  <si>
    <t>D:\21_11_2019 - PC ALGAR TECH\Desktop - 12-11-19\Download\Vendas Detalhado com CAPEX_OPEX.xlsx</t>
  </si>
  <si>
    <t>11/21/2019 20:17:40</t>
  </si>
  <si>
    <t>D:\21_11_2019 - PC ALGAR TECH\Desktop 22-07-19\20180924_Algar Tech_Vendas Exponenciais.pptx</t>
  </si>
  <si>
    <t>11/21/2019 20:17:41</t>
  </si>
  <si>
    <t>11/21/2019 20:17:42</t>
  </si>
  <si>
    <t>11/21/2019 20:17:43</t>
  </si>
  <si>
    <t>11/21/2019 20:17:44</t>
  </si>
  <si>
    <t>11/21/2019 20:17:45</t>
  </si>
  <si>
    <t>11/21/2019 20:17:46</t>
  </si>
  <si>
    <t>11/21/2019 20:17:47</t>
  </si>
  <si>
    <t>D:\21_11_2019 - PC ALGAR TECH\Desktop - 12-11-19\Download\Vendas Detalhado.xlsx</t>
  </si>
  <si>
    <t>D:\21_11_2019 - PC ALGAR TECH\Desktop - 12-11-19\Download\vkauqcop.0fm (1).csv</t>
  </si>
  <si>
    <t>D:\21_11_2019 - PC ALGAR TECH\Desktop - 12-11-19\Download\vkauqcop.0fm (1).csv:Zone.Identifier</t>
  </si>
  <si>
    <t>11/21/2019 20:17:48</t>
  </si>
  <si>
    <t>D:\21_11_2019 - PC ALGAR TECH\Desktop - 12-11-19\Download\vkauqcop.0fm.csv</t>
  </si>
  <si>
    <t>11/21/2019 20:17:49</t>
  </si>
  <si>
    <t>D:\21_11_2019 - PC ALGAR TECH\Desktop - 12-11-19\Download\vkauqcop.0fm.csv:Zone.Identifier</t>
  </si>
  <si>
    <t>11/21/2019 20:17:50</t>
  </si>
  <si>
    <t>D:\21_11_2019 - PC ALGAR TECH\Desktop 22-07-19\Adicional Noturno - Fabio.xlsx</t>
  </si>
  <si>
    <t>11/21/2019 20:18:22</t>
  </si>
  <si>
    <t>D:\21_11_2019 - PC ALGAR TECH\Desktop 22-07-19\Alliance - GSD - Batch 2 - Financial Spreadsheet_v2b (Algar Tech - insite scenario).xlsx</t>
  </si>
  <si>
    <t>11/21/2019 20:18:23</t>
  </si>
  <si>
    <t>D:\21_11_2019 - PC ALGAR TECH\Desktop - 12-11-19\Download\xjissdhr.3xm (1).csv</t>
  </si>
  <si>
    <t>D:\21_11_2019 - PC ALGAR TECH\Desktop - 12-11-19\Download\xjissdhr.3xm (1).csv:Zone.Identifier</t>
  </si>
  <si>
    <t>D:\21_11_2019 - PC ALGAR TECH\Desktop - 12-11-19\Download\xjissdhr.3xm.csv</t>
  </si>
  <si>
    <t>D:\21_11_2019 - PC ALGAR TECH\Desktop - 12-11-19\Download\xjissdhr.3xm.csv:Zone.Identifier</t>
  </si>
  <si>
    <t>D:\21_11_2019 - PC ALGAR TECH\Desktop - 12-11-19\Download\xq0riycp.55q.csv</t>
  </si>
  <si>
    <t>D:\21_11_2019 - PC ALGAR TECH\Desktop - 12-11-19\Download\xq0riycp.55q.csv:Zone.Identifier</t>
  </si>
  <si>
    <t>11/21/2019 20:18:26</t>
  </si>
  <si>
    <t>D:\21_11_2019 - PC ALGAR TECH\Desktop - 12-11-19\Download\xxxx - BP Preço C015 B014- 4equipe +1 vistoriador v2.xlsb</t>
  </si>
  <si>
    <t>11/21/2019 20:18:27</t>
  </si>
  <si>
    <t>D:\21_11_2019 - PC ALGAR TECH\Desktop - 12-11-19\Download\Meus Arquivos Recebidos\144783-DesenhoProjeto_TIM_Final(1).pptx</t>
  </si>
  <si>
    <t>11/21/2019 20:18:28</t>
  </si>
  <si>
    <t>D:\21_11_2019 - PC ALGAR TECH\Desktop 22-07-19\Apresentação CenturyLink V2.pptx</t>
  </si>
  <si>
    <t>11/21/2019 20:18:31</t>
  </si>
  <si>
    <t>D:\21_11_2019 - PC ALGAR TECH\Desktop 22-07-19\Atividades Pre-Vendas.xlsx</t>
  </si>
  <si>
    <t>11/21/2019 20:18:32</t>
  </si>
  <si>
    <t>D:\21_11_2019 - PC ALGAR TECH\Desktop 22-07-19\Base Planilha - Tipos de Servicos por Negocio - v2.xlsx</t>
  </si>
  <si>
    <t>11/21/2019 20:18:35</t>
  </si>
  <si>
    <t>D:\21_11_2019 - PC ALGAR TECH\Desktop 22-07-19\BP - CFTV Petro - v6 cprb ok.xlsb</t>
  </si>
  <si>
    <t>D:\21_11_2019 - PC ALGAR TECH\Desktop 22-07-19\BP's vendidos.xlsx</t>
  </si>
  <si>
    <t>11/21/2019 20:18:36</t>
  </si>
  <si>
    <t>D:\21_11_2019 - PC ALGAR TECH\Desktop 22-07-19\Capilaridade Field Service GAT.xlsx</t>
  </si>
  <si>
    <t>11/21/2019 20:18:37</t>
  </si>
  <si>
    <t>D:\21_11_2019 - PC ALGAR TECH\Desktop 22-07-19\Century_2018-12_Departamental-GERAL.xlsb</t>
  </si>
  <si>
    <t>D:\21_11_2019 - PC ALGAR TECH\Desktop 22-07-19\Cha da Helena.xlsx</t>
  </si>
  <si>
    <t>11/21/2019 20:18:41</t>
  </si>
  <si>
    <t>D:\21_11_2019 - PC ALGAR TECH\Desktop 22-07-19\Coordenação de Soluções de Negócios - Apresentação wkp Cml V3.pptx</t>
  </si>
  <si>
    <t>11/21/2019 20:18:42</t>
  </si>
  <si>
    <t>D:\21_11_2019 - PC ALGAR TECH\Desktop 22-07-19\csc.xlsx</t>
  </si>
  <si>
    <t>11/21/2019 20:18:46</t>
  </si>
  <si>
    <t>D:\21_11_2019 - PC ALGAR TECH\Desktop 22-07-19\Cópia de 032018_Forecast de Receita Oficial_v08 - PREVIA ABR-18.xlsx</t>
  </si>
  <si>
    <t>11/21/2019 20:18:49</t>
  </si>
  <si>
    <t>D:\21_11_2019 - PC ALGAR TECH\Desktop 22-07-19\Cópia de 149022 - Sodexo - BP Preço C011 B012 Desonerada_ - estudo multiplicador.xlsb</t>
  </si>
  <si>
    <t>11/21/2019 20:18:55</t>
  </si>
  <si>
    <t>D:\21_11_2019 - PC ALGAR TECH\Desktop 22-07-19\Cópia de BP Preço C015 B014 Desonerada_RV PL SL. Mín._Final Sem Aluguel Car_100519 (002).xlsb</t>
  </si>
  <si>
    <t>11/21/2019 20:19:00</t>
  </si>
  <si>
    <t>D:\21_11_2019 - PC ALGAR TECH\Desktop 22-07-19\Cópia de Cópia de Tab Cargos V12 _Correção Pisos e Aux creche _Florianopolis -SC e Mato Groso-MS - Suelen (003).xlsx</t>
  </si>
  <si>
    <t>D:\21_11_2019 - PC ALGAR TECH\Desktop 22-07-19\Cópia de Formulário de Solicitação de Cartões de visita rev 1.xlsx</t>
  </si>
  <si>
    <t>D:\21_11_2019 - PC ALGAR TECH\Desktop 22-07-19\Cópia de Lista Usuários - CRM.xlsx</t>
  </si>
  <si>
    <t>11/21/2019 20:19:06</t>
  </si>
  <si>
    <t>D:\21_11_2019 - PC ALGAR TECH\Desktop 22-07-19\Cópia de Oportunidades por data criação (System Date) v4 (002) 7.xlsx</t>
  </si>
  <si>
    <t>D:\21_11_2019 - PC ALGAR TECH\Desktop 22-07-19\Cópia de Orçamento 2º semestre 2018.xls</t>
  </si>
  <si>
    <t>11/21/2019 20:19:11</t>
  </si>
  <si>
    <t>D:\21_11_2019 - PC ALGAR TECH\Desktop 22-07-19\Cópia de Tab Cargos V12 _Correção Pisos e Aux creche _Florianopolis -SC e Mato Groso-MS - Suelen.xlsx</t>
  </si>
  <si>
    <t>11/21/2019 20:19:12</t>
  </si>
  <si>
    <t>D:\21_11_2019 - PC ALGAR TECH\Desktop 22-07-19\Cópia de Template - Transferencia de GH.xlsx</t>
  </si>
  <si>
    <t>11/21/2019 20:19:14</t>
  </si>
  <si>
    <t>D:\21_11_2019 - PC ALGAR TECH\Desktop 22-07-19\Cópia de V2 148932 - BP Preço C011 B012 Desonerada v7 (004).xlsb</t>
  </si>
  <si>
    <t>11/21/2019 20:19:17</t>
  </si>
  <si>
    <t>D:\21_11_2019 - PC ALGAR TECH\Desktop 22-07-19\Cópia de V2 148932 - BP Preço C011 B012 Desonerada v7 (005).xlsb</t>
  </si>
  <si>
    <t>11/21/2019 20:19:20</t>
  </si>
  <si>
    <t>D:\21_11_2019 - PC ALGAR TECH\Desktop 22-07-19\Cópia de V2 148932 - BP Preço C011 B012 Desonerada v7 (006).xlsb</t>
  </si>
  <si>
    <t>11/21/2019 20:19:24</t>
  </si>
  <si>
    <t>D:\21_11_2019 - PC ALGAR TECH\Desktop 22-07-19\Demandas.xlsx</t>
  </si>
  <si>
    <t>11/21/2019 20:19:25</t>
  </si>
  <si>
    <t>D:\21_11_2019 - PC ALGAR TECH\Desktop 22-07-19\Elegibilidade v1.xlsx</t>
  </si>
  <si>
    <t>D:\21_11_2019 - PC ALGAR TECH\Desktop 22-07-19\Enxoval Helena.xlsx</t>
  </si>
  <si>
    <t>D:\21_11_2019 - PC ALGAR TECH\Desktop 22-07-19\Estrutura 2º semestre - Suelen.xlsx</t>
  </si>
  <si>
    <t>D:\21_11_2019 - PC ALGAR TECH\Desktop 22-07-19\Estrutura De_Para.xlsx</t>
  </si>
  <si>
    <t>D:\21_11_2019 - PC ALGAR TECH\Desktop 22-07-19\Estrutura Lote 6-2018.xlsx</t>
  </si>
  <si>
    <t>11/21/2019 20:19:26</t>
  </si>
  <si>
    <t>D:\21_11_2019 - PC ALGAR TECH\Desktop 22-07-19\Estudo Time Soluções.pptx</t>
  </si>
  <si>
    <t>D:\21_11_2019 - PC ALGAR TECH\Desktop 22-07-19\Expurgo.xlsx</t>
  </si>
  <si>
    <t>11/21/2019 20:19:29</t>
  </si>
  <si>
    <t>D:\21_11_2019 - PC ALGAR TECH\Desktop - 12-11-19\Download\Meus Arquivos Recebidos\BP C011 B012 Deson - Petrobras - Suporte-Melhorias Fabrica.xlsb</t>
  </si>
  <si>
    <t>11/21/2019 20:19:31</t>
  </si>
  <si>
    <t>D:\21_11_2019 - PC ALGAR TECH\Desktop - 12-11-19\Download\Meus Arquivos Recebidos\BP ITI.xlsb</t>
  </si>
  <si>
    <t>11/21/2019 20:19:35</t>
  </si>
  <si>
    <t>D:\21_11_2019 - PC ALGAR TECH\Desktop 22-07-19\Field v2.xlsb</t>
  </si>
  <si>
    <t>11/21/2019 20:19:36</t>
  </si>
  <si>
    <t>D:\21_11_2019 - PC ALGAR TECH\Desktop - 12-11-19\Download\Meus Arquivos Recebidos\BP-GEFCO-FINAL.xlsb</t>
  </si>
  <si>
    <t>11/21/2019 20:19:46</t>
  </si>
  <si>
    <t>D:\21_11_2019 - PC ALGAR TECH\Desktop 22-07-19\Fluxo_de_Caixa_2010_2011_2012_2013_2014_2015_2016 v1.xlsx</t>
  </si>
  <si>
    <t>11/21/2019 20:19:47</t>
  </si>
  <si>
    <t>D:\21_11_2019 - PC ALGAR TECH\Desktop 22-07-19\Formulário de Solicitação de Cartões de visita v2.xlsx</t>
  </si>
  <si>
    <t>D:\21_11_2019 - PC ALGAR TECH\Desktop 22-07-19\Formulário de Solicitação de Cartões de visita.xlsx</t>
  </si>
  <si>
    <t>D:\21_11_2019 - PC ALGAR TECH\Desktop - 12-11-19\Download\Meus Arquivos Recebidos\CAPEX EVOLUÇÃO DE VENDAS.xlsx</t>
  </si>
  <si>
    <t>11/21/2019 20:19:50</t>
  </si>
  <si>
    <t>D:\21_11_2019 - PC ALGAR TECH\Desktop - 12-11-19\Download\Meus Arquivos Recebidos\Comissão Força de Vendas - 3º Tri - 2018 - OFICIAL - Fabiano - CORRETO.xlsb</t>
  </si>
  <si>
    <t>D:\21_11_2019 - PC ALGAR TECH\Desktop 22-07-19\GH ALTERAÇÃO.xlsx</t>
  </si>
  <si>
    <t>11/21/2019 20:19:52</t>
  </si>
  <si>
    <t>D:\21_11_2019 - PC ALGAR TECH\Desktop - 12-11-19\Download\Meus Arquivos Recebidos\consolidado.xlsb</t>
  </si>
  <si>
    <t>11/21/2019 20:19:54</t>
  </si>
  <si>
    <t>D:\21_11_2019 - PC ALGAR TECH\Desktop - 12-11-19\Download\Meus Arquivos Recebidos\CV Moderno - Modelo .xlsx</t>
  </si>
  <si>
    <t>D:\21_11_2019 - PC ALGAR TECH\Desktop - 12-11-19\Download\Meus Arquivos Recebidos\Cópia de Anexo 2 – QQP_v4.xlsx</t>
  </si>
  <si>
    <t>11/21/2019 20:19:56</t>
  </si>
  <si>
    <t>D:\21_11_2019 - PC ALGAR TECH\Desktop 22-07-19\IMPUT HORAS ADICIONAIS.xlsb</t>
  </si>
  <si>
    <t>D:\21_11_2019 - PC ALGAR TECH\Desktop 22-07-19\levantamento_estrutura_bp - GAT.xlsx</t>
  </si>
  <si>
    <t>D:\21_11_2019 - PC ALGAR TECH\Desktop - 12-11-19\Download\Meus Arquivos Recebidos\Distribuição vs Comparativo_v2.xlsx</t>
  </si>
  <si>
    <t>11/21/2019 20:19:57</t>
  </si>
  <si>
    <t>D:\21_11_2019 - PC ALGAR TECH\Desktop 22-07-19\Lista (002).xlsx</t>
  </si>
  <si>
    <t>11/21/2019 20:19:58</t>
  </si>
  <si>
    <t>D:\21_11_2019 - PC ALGAR TECH\Desktop 22-07-19\Logística FMM-FMT v16.4.xlsx</t>
  </si>
  <si>
    <t>11/21/2019 20:20:01</t>
  </si>
  <si>
    <t>D:\21_11_2019 - PC ALGAR TECH\Desktop 22-07-19\Meta.xlsx</t>
  </si>
  <si>
    <t>D:\21_11_2019 - PC ALGAR TECH\Desktop 22-07-19\Niver Helena.xlsx</t>
  </si>
  <si>
    <t>11/21/2019 20:20:03</t>
  </si>
  <si>
    <t>D:\21_11_2019 - PC ALGAR TECH\Desktop 22-07-19\Oportunidades por data criação (System Date) v2.xlsx</t>
  </si>
  <si>
    <t>11/21/2019 20:20:10</t>
  </si>
  <si>
    <t>D:\21_11_2019 - PC ALGAR TECH\Desktop 22-07-19\Oportunidades por data criação (System Date) v3.xlsx</t>
  </si>
  <si>
    <t>11/21/2019 20:20:18</t>
  </si>
  <si>
    <t>D:\21_11_2019 - PC ALGAR TECH\Desktop 22-07-19\Oportunidades por data criação (System Date) v4.xlsx</t>
  </si>
  <si>
    <t>11/21/2019 20:20:33</t>
  </si>
  <si>
    <t>D:\21_11_2019 - PC ALGAR TECH\Desktop 22-07-19\Oportunidades por data fechamento - detalhado - emissão proposta (2) - v2 - alçadas.xlsx</t>
  </si>
  <si>
    <t>11/21/2019 20:20:50</t>
  </si>
  <si>
    <t>D:\21_11_2019 - PC ALGAR TECH\Desktop 22-07-19\Oportunidades por data fechamento - detalhado - emissão proposta (2) - v2.xlsx</t>
  </si>
  <si>
    <t>D:\21_11_2019 - PC ALGAR TECH\Desktop 22-07-19\Opps em Andamento.xlsx</t>
  </si>
  <si>
    <t>11/21/2019 20:20:52</t>
  </si>
  <si>
    <t>D:\21_11_2019 - PC ALGAR TECH\Desktop - 12-11-19\Download\Meus Arquivos Recebidos\Field.xlsb</t>
  </si>
  <si>
    <t>D:\21_11_2019 - PC ALGAR TECH\Desktop 22-07-19\password_2007_2010.xlam</t>
  </si>
  <si>
    <t>D:\21_11_2019 - PC ALGAR TECH\Desktop 22-07-19\PCoE v2.xlsx</t>
  </si>
  <si>
    <t>11/21/2019 20:20:54</t>
  </si>
  <si>
    <t>D:\21_11_2019 - PC ALGAR TECH\Desktop - 12-11-19\Download\Meus Arquivos Recebidos\FLEXFIELDS - Códigos de Contabilização OEBS - Algar Tech .xlsx</t>
  </si>
  <si>
    <t>D:\21_11_2019 - PC ALGAR TECH\Desktop 22-07-19\Pensao.xlsx</t>
  </si>
  <si>
    <t>11/21/2019 20:20:59</t>
  </si>
  <si>
    <t>D:\21_11_2019 - PC ALGAR TECH\Desktop - 12-11-19\Download\Meus Arquivos Recebidos\Forecast de Receita Oficial_2019(1).xlsx</t>
  </si>
  <si>
    <t>D:\21_11_2019 - PC ALGAR TECH\Desktop 22-07-19\Pensão e Produtos detamatologista.xlsx</t>
  </si>
  <si>
    <t>11/21/2019 20:21:02</t>
  </si>
  <si>
    <t>D:\21_11_2019 - PC ALGAR TECH\Desktop - 12-11-19\Download\Meus Arquivos Recebidos\Forecast de Receita Oficial_2019.xlsx</t>
  </si>
  <si>
    <t>D:\21_11_2019 - PC ALGAR TECH\Desktop 22-07-19\PETROBRAS MACAE v7.pptx</t>
  </si>
  <si>
    <t>D:\21_11_2019 - PC ALGAR TECH\Desktop - 12-11-19\Download\Meus Arquivos Recebidos\LPU_DataCenter_Comercial_V2.xlsm</t>
  </si>
  <si>
    <t>D:\21_11_2019 - PC ALGAR TECH\Desktop - 12-11-19\Download\Meus Arquivos Recebidos\LPU_DataCenter_Comercial_V6_Julho-2018.xlsm</t>
  </si>
  <si>
    <t>11/21/2019 20:21:03</t>
  </si>
  <si>
    <t>D:\21_11_2019 - PC ALGAR TECH\Desktop - 12-11-19\Download\Meus Arquivos Recebidos\LPU_DataCenter_Comercial_V8_Maio-2019.xlsm</t>
  </si>
  <si>
    <t>11/21/2019 20:21:04</t>
  </si>
  <si>
    <t>D:\21_11_2019 - PC ALGAR TECH\Desktop 22-07-19\PGP Gerproc atual-1-1.ppt</t>
  </si>
  <si>
    <t>11/21/2019 20:21:05</t>
  </si>
  <si>
    <t>D:\21_11_2019 - PC ALGAR TECH\Desktop - 12-11-19\Download\Meus Arquivos Recebidos\PlanilhaPreco_Base.xlsb</t>
  </si>
  <si>
    <t>D:\21_11_2019 - PC ALGAR TECH\Desktop - 12-11-19\Download\Meus Arquivos Recebidos\pricing.xlsx</t>
  </si>
  <si>
    <t>11/21/2019 20:21:06</t>
  </si>
  <si>
    <t>D:\21_11_2019 - PC ALGAR TECH\Desktop 22-07-19\Pre Sales Location (detail table).xlsx</t>
  </si>
  <si>
    <t>D:\21_11_2019 - PC ALGAR TECH\Desktop 22-07-19\Premissas TH.xlsx</t>
  </si>
  <si>
    <t>11/21/2019 20:21:11</t>
  </si>
  <si>
    <t>D:\21_11_2019 - PC ALGAR TECH\Desktop - 12-11-19\Download\Meus Arquivos Recebidos\Prudential - BP ISD - Versão Novembro 2019.xlsb</t>
  </si>
  <si>
    <t>D:\21_11_2019 - PC ALGAR TECH\Desktop 22-07-19\Product Catalog (3 níveis) (2).xlsx</t>
  </si>
  <si>
    <t>D:\21_11_2019 - PC ALGAR TECH\Desktop 22-07-19\Product Catalog (3 níveis) 22-04-19.xlsx</t>
  </si>
  <si>
    <t>D:\21_11_2019 - PC ALGAR TECH\Desktop 22-07-19\Product Catalog (3 níveis) 26-06-19.xlsx</t>
  </si>
  <si>
    <t>D:\21_11_2019 - PC ALGAR TECH\Desktop - 12-11-19\Download\Meus Arquivos Recebidos\pth_1.xlsx</t>
  </si>
  <si>
    <t>11/21/2019 20:21:12</t>
  </si>
  <si>
    <t>D:\21_11_2019 - PC ALGAR TECH\Desktop 22-07-19\Projeto CSC - Resumo Executivo.pptx</t>
  </si>
  <si>
    <t>D:\21_11_2019 - PC ALGAR TECH\Desktop - 12-11-19\Download\Meus Arquivos Recebidos\PTH_GAT_CML.xlsx</t>
  </si>
  <si>
    <t>11/21/2019 20:21:17</t>
  </si>
  <si>
    <t>D:\21_11_2019 - PC ALGAR TECH\Desktop - 12-11-19\Download\Meus Arquivos Recebidos\STH - Analista de Negócios PL.xlsx</t>
  </si>
  <si>
    <t>11/21/2019 20:21:21</t>
  </si>
  <si>
    <t>D:\21_11_2019 - PC ALGAR TECH\Desktop 22-07-19\Reunião Soluções 07-2019.pptx</t>
  </si>
  <si>
    <t>11/21/2019 20:21:26</t>
  </si>
  <si>
    <t>D:\21_11_2019 - PC ALGAR TECH\Desktop 22-07-19\RFP Prudential - GIAT - Cenário 1 - Fator 2.xlsb</t>
  </si>
  <si>
    <t>11/21/2019 20:21:29</t>
  </si>
  <si>
    <t>D:\21_11_2019 - PC ALGAR TECH\Desktop 22-07-19\Simulação Prodesp - v2.xlsb</t>
  </si>
  <si>
    <t>D:\21_11_2019 - PC ALGAR TECH\Desktop 22-07-19\Simulações comissão suélen.xlsx</t>
  </si>
  <si>
    <t>D:\21_11_2019 - PC ALGAR TECH\Desktop 22-07-19\SLAs Entre as Áreas.pptx</t>
  </si>
  <si>
    <t>D:\21_11_2019 - PC ALGAR TECH\Desktop - 12-11-19\Download\Meus Arquivos Recebidos\Template_Proposta_Transacional.xls</t>
  </si>
  <si>
    <t>D:\21_11_2019 - PC ALGAR TECH\Desktop 22-07-19\SLAs Entre Áreas v1.xlsx</t>
  </si>
  <si>
    <t>11/21/2019 20:21:30</t>
  </si>
  <si>
    <t>D:\21_11_2019 - PC ALGAR TECH\Desktop 22-07-19\SLAs Entre Áreas v2.xlsx</t>
  </si>
  <si>
    <t>D:\21_11_2019 - PC ALGAR TECH\Desktop 22-07-19\SLAs Entre Áreas v3.xlsx</t>
  </si>
  <si>
    <t>D:\21_11_2019 - PC ALGAR TECH\Desktop - 12-11-19\PreVendas - Governo Diogo\cotacao funarte.xlsx</t>
  </si>
  <si>
    <t>D:\21_11_2019 - PC ALGAR TECH\Desktop 22-07-19\SLAs Entre Áreas.xlsx</t>
  </si>
  <si>
    <t>D:\21_11_2019 - PC ALGAR TECH\Desktop - 12-11-19\PreVendas - Governo Diogo\Cálculo de Comissões.xlsx</t>
  </si>
  <si>
    <t>11/21/2019 20:21:32</t>
  </si>
  <si>
    <t>D:\21_11_2019 - PC ALGAR TECH\Desktop 22-07-19\SOP - GAT - Mar-18.xlsb</t>
  </si>
  <si>
    <t>11/21/2019 20:21:37</t>
  </si>
  <si>
    <t>D:\21_11_2019 - PC ALGAR TECH\Desktop 22-07-19\SOP - GST - Mar-18.xlsb</t>
  </si>
  <si>
    <t>11/21/2019 20:21:40</t>
  </si>
  <si>
    <t>D:\21_11_2019 - PC ALGAR TECH\Desktop - 12-11-19\PreVendas - Governo Diogo\Sylvio.xlsb</t>
  </si>
  <si>
    <t>D:\21_11_2019 - PC ALGAR TECH\Desktop - 12-11-19\PreVendas - Governo Diogo\ABDI\cotação Envio.xlsx</t>
  </si>
  <si>
    <t>D:\21_11_2019 - PC ALGAR TECH\Desktop - 12-11-19\PreVendas - Governo Diogo\ABDI\cotação.xlsx</t>
  </si>
  <si>
    <t>D:\21_11_2019 - PC ALGAR TECH\Desktop 22-07-19\Template DE Para para Promoção e Mérito - Suelen Moreira Marques.xlsx</t>
  </si>
  <si>
    <t>11/21/2019 20:21:42</t>
  </si>
  <si>
    <t>D:\21_11_2019 - PC ALGAR TECH\Desktop 22-07-19\Teste Wanessa.xlsb</t>
  </si>
  <si>
    <t>D:\21_11_2019 - PC ALGAR TECH\Desktop - 12-11-19\PreVendas - Governo Diogo\adasa\previa preço.xlsx</t>
  </si>
  <si>
    <t>11/21/2019 20:21:44</t>
  </si>
  <si>
    <t>D:\21_11_2019 - PC ALGAR TECH\Desktop 22-07-19\ULTIMA LOGÍSTICA.msg</t>
  </si>
  <si>
    <t>11/21/2019 20:21:45</t>
  </si>
  <si>
    <t>D:\21_11_2019 - PC ALGAR TECH\Desktop 22-07-19\Vallourec.xlsx</t>
  </si>
  <si>
    <t>D:\21_11_2019 - PC ALGAR TECH\Desktop - 12-11-19\PreVendas - Governo Diogo\ALESP\Preco.xlsb</t>
  </si>
  <si>
    <t>D:\21_11_2019 - PC ALGAR TECH\Desktop 22-07-19\vaoqv2u5.plh.xlsx</t>
  </si>
  <si>
    <t>11/21/2019 20:21:49</t>
  </si>
  <si>
    <t>D:\21_11_2019 - PC ALGAR TECH\Desktop - 12-11-19\PreVendas - Governo Diogo\Alphaville\Per Call Reset Senha.xlsb</t>
  </si>
  <si>
    <t>11/21/2019 20:21:50</t>
  </si>
  <si>
    <t>11/21/2019 20:21:51</t>
  </si>
  <si>
    <t>D:\21_11_2019 - PC ALGAR TECH\Desktop - 12-11-19\PreVendas - Governo Diogo\AMAGGI\Bilíngue compartilhado.xlsb</t>
  </si>
  <si>
    <t>11/21/2019 20:21:54</t>
  </si>
  <si>
    <t>D:\21_11_2019 - PC ALGAR TECH\Desktop - 12-11-19\PreVendas - Governo Diogo\AMAGGI\Bilíngue Dedicado.xlsb</t>
  </si>
  <si>
    <t>11/21/2019 20:21:55</t>
  </si>
  <si>
    <t>D:\21_11_2019 - PC ALGAR TECH\Desktop - 12-11-19\PreVendas - Governo Diogo\AMAGGI\Field.xlsb</t>
  </si>
  <si>
    <t>11/21/2019 20:21:56</t>
  </si>
  <si>
    <t>11/21/2019 20:21:59</t>
  </si>
  <si>
    <t>D:\21_11_2019 - PC ALGAR TECH\Desktop - 12-11-19\PreVendas - Governo Diogo\AMAGGI\NOC.xlsb</t>
  </si>
  <si>
    <t>11/21/2019 20:22:03</t>
  </si>
  <si>
    <t>D:\21_11_2019 - PC ALGAR TECH\Desktop - 12-11-19\PreVendas - Governo Diogo\AMAGGI\PS.xlsb</t>
  </si>
  <si>
    <t>11/21/2019 20:22:05</t>
  </si>
  <si>
    <t>D:\21_11_2019 - PC ALGAR TECH\Desktop - 12-11-19\PreVendas - Governo Diogo\AMAGGI\Revisão 1\Field.xlsb</t>
  </si>
  <si>
    <t>11/21/2019 20:22:11</t>
  </si>
  <si>
    <t>D:\21_11_2019 - PC ALGAR TECH\Desktop - 12-11-19\PreVendas - Governo Diogo\AMAGGI\Revisão 1\Revisão 1.zip</t>
  </si>
  <si>
    <t>11/21/2019 20:22:16</t>
  </si>
  <si>
    <t>D:\21_11_2019 - PC ALGAR TECH\Desktop - 12-11-19\PreVendas - Governo Diogo\AMAGGI\Revisão 1\SD.xlsb</t>
  </si>
  <si>
    <t>11/21/2019 20:22:18</t>
  </si>
  <si>
    <t>D:\21_11_2019 - PC ALGAR TECH\Desktop - 12-11-19\PreVendas - Governo Diogo\AMAGGI\Revisão 2\Field.xlsb</t>
  </si>
  <si>
    <t>11/21/2019 20:22:22</t>
  </si>
  <si>
    <t>D:\21_11_2019 - PC ALGAR TECH\Desktop - 12-11-19\PreVendas - Governo Diogo\AMAGGI\Revisão 2\SD N1.xlsb</t>
  </si>
  <si>
    <t>D:\21_11_2019 - PC ALGAR TECH\Desktop - 12-11-19\PreVendas - Governo Diogo\ANA\Cotação Infra\Proposta de Indicadores.xlsx</t>
  </si>
  <si>
    <t>11/21/2019 20:22:23</t>
  </si>
  <si>
    <t>D:\21_11_2019 - PC ALGAR TECH\Desktop 22-07-19\Download\00koyqtn.oh5.csv</t>
  </si>
  <si>
    <t>D:\21_11_2019 - PC ALGAR TECH\Desktop 22-07-19\Download\00koyqtn.oh5.csv:Zone.Identifier</t>
  </si>
  <si>
    <t>D:\21_11_2019 - PC ALGAR TECH\Desktop 22-07-19\Download\022a8356d9604955bae2bb83dd89378a.xls</t>
  </si>
  <si>
    <t>D:\21_11_2019 - PC ALGAR TECH\Desktop 22-07-19\Download\079ce4ca4d4f41e29e5662a16f8423ad.csv</t>
  </si>
  <si>
    <t>D:\21_11_2019 - PC ALGAR TECH\Desktop 22-07-19\Download\079ce4ca4d4f41e29e5662a16f8423ad.csv:Zone.Identifier</t>
  </si>
  <si>
    <t>11/21/2019 20:22:24</t>
  </si>
  <si>
    <t>D:\21_11_2019 - PC ALGAR TECH\Desktop - 12-11-19\PreVendas - Governo Diogo\ANA\Service-desk Publicado\Planilha de Preço - Serviços Gerenciados.xlsb</t>
  </si>
  <si>
    <t>D:\21_11_2019 - PC ALGAR TECH\Desktop 22-07-19\Download\0v1xz3fz.uu1.csv</t>
  </si>
  <si>
    <t>11/21/2019 20:22:26</t>
  </si>
  <si>
    <t>D:\21_11_2019 - PC ALGAR TECH\Desktop - 12-11-19\PreVendas - Governo Diogo\ANA\Service-desk Publicado\Preço Desonerado.xlsb</t>
  </si>
  <si>
    <t>D:\21_11_2019 - PC ALGAR TECH\Desktop 22-07-19\Download\0wgsdtsq.dfy (1).csv</t>
  </si>
  <si>
    <t>D:\21_11_2019 - PC ALGAR TECH\Desktop 22-07-19\Download\0wgsdtsq.dfy (1).csv:Zone.Identifier</t>
  </si>
  <si>
    <t>D:\21_11_2019 - PC ALGAR TECH\Desktop - 12-11-19\PreVendas - Governo Diogo\ANA\Service-desk Publicado\Volumetria.xlsx</t>
  </si>
  <si>
    <t>D:\21_11_2019 - PC ALGAR TECH\Desktop 22-07-19\Download\0wgsdtsq.dfy (2).csv</t>
  </si>
  <si>
    <t>D:\21_11_2019 - PC ALGAR TECH\Desktop 22-07-19\Download\0wgsdtsq.dfy (2).csv:Zone.Identifier</t>
  </si>
  <si>
    <t>D:\21_11_2019 - PC ALGAR TECH\Desktop - 12-11-19\PreVendas - Governo Diogo\ANAC\Estrutura e preço PS.xlsx</t>
  </si>
  <si>
    <t>D:\21_11_2019 - PC ALGAR TECH\Desktop 22-07-19\Download\0wgsdtsq.dfy.csv</t>
  </si>
  <si>
    <t>D:\21_11_2019 - PC ALGAR TECH\Desktop - 12-11-19\PreVendas - Governo Diogo\ANAC\2017\cotação\Cotação.xlsx</t>
  </si>
  <si>
    <t>11/21/2019 20:22:28</t>
  </si>
  <si>
    <t>D:\21_11_2019 - PC ALGAR TECH\Desktop - 12-11-19\PreVendas - Governo Diogo\ANATEL\Cenário 1.xlsb</t>
  </si>
  <si>
    <t>11/21/2019 20:22:29</t>
  </si>
  <si>
    <t>D:\21_11_2019 - PC ALGAR TECH\Desktop - 12-11-19\PreVendas - Governo Diogo\ANATEL\Cenário 2.xlsb</t>
  </si>
  <si>
    <t>11/21/2019 20:22:30</t>
  </si>
  <si>
    <t>D:\21_11_2019 - PC ALGAR TECH\Desktop - 12-11-19\PreVendas - Governo Diogo\ANATEL\2017\Infra\Cotação\Cotação Infra.xlsx</t>
  </si>
  <si>
    <t>D:\21_11_2019 - PC ALGAR TECH\Desktop 22-07-19\Download\12ae9bbf025c45b88cbfb18ed2134b41.xls</t>
  </si>
  <si>
    <t>11/21/2019 20:22:32</t>
  </si>
  <si>
    <t>D:\21_11_2019 - PC ALGAR TECH\Desktop 22-07-19\Download\13r3fkwf.oic.csv</t>
  </si>
  <si>
    <t>D:\21_11_2019 - PC ALGAR TECH\Desktop 22-07-19\Download\13r3fkwf.oic.csv:Zone.Identifier</t>
  </si>
  <si>
    <t>11/21/2019 20:22:33</t>
  </si>
  <si>
    <t>D:\21_11_2019 - PC ALGAR TECH\Desktop 22-07-19\Download\149032 - BP Preço C011 B012 Desonerada - Atento v1.0 - To Be.xlsb</t>
  </si>
  <si>
    <t>D:\21_11_2019 - PC ALGAR TECH\Desktop - 12-11-19\PreVendas - Governo Diogo\ANCINE\ANEEL\Desenho.xlsx</t>
  </si>
  <si>
    <t>11/21/2019 20:22:37</t>
  </si>
  <si>
    <t>D:\21_11_2019 - PC ALGAR TECH\Desktop - 12-11-19\PreVendas - Governo Diogo\ANCINE\ANEEL\Preço Consolidado.xlsb</t>
  </si>
  <si>
    <t>D:\21_11_2019 - PC ALGAR TECH\Desktop 22-07-19\Download\150tdotz.a22.csv</t>
  </si>
  <si>
    <t>D:\21_11_2019 - PC ALGAR TECH\Desktop 22-07-19\Download\150tdotz.a22.csv:Zone.Identifier</t>
  </si>
  <si>
    <t>D:\21_11_2019 - PC ALGAR TECH\Desktop - 12-11-19\PreVendas - Governo Diogo\ANCINE\ANEEL\Preço Migração + Treinamento.xlsb</t>
  </si>
  <si>
    <t>11/21/2019 20:22:39</t>
  </si>
  <si>
    <t>D:\21_11_2019 - PC ALGAR TECH\Desktop 22-07-19\Download\160191_IBM_SD_IBM_(BP Preço C015 B014).xlsb</t>
  </si>
  <si>
    <t>D:\21_11_2019 - PC ALGAR TECH\Desktop - 12-11-19\PreVendas - Governo Diogo\ANCINE\ANEEL\Preço Operação.xlsb</t>
  </si>
  <si>
    <t>D:\21_11_2019 - PC ALGAR TECH\Desktop 22-07-19\Download\191365982eb44a3bacf9553ecc042b22.xls</t>
  </si>
  <si>
    <t>D:\21_11_2019 - PC ALGAR TECH\Desktop - 12-11-19\PreVendas - Governo Diogo\ANCINE\ANEEL\2015\Cotação.xlsx</t>
  </si>
  <si>
    <t>D:\21_11_2019 - PC ALGAR TECH\Desktop 22-07-19\Download\1nj4bkf3.4mk.csv</t>
  </si>
  <si>
    <t>D:\21_11_2019 - PC ALGAR TECH\Desktop - 12-11-19\PreVendas - Governo Diogo\ANCINE\ANEEL\2018\SD\Pricing.xlsx</t>
  </si>
  <si>
    <t>D:\21_11_2019 - PC ALGAR TECH\Desktop 22-07-19\Download\1nj4bkf3.4mk.csv:Zone.Identifier</t>
  </si>
  <si>
    <t>11/21/2019 20:22:41</t>
  </si>
  <si>
    <t>D:\21_11_2019 - PC ALGAR TECH\Desktop 22-07-19\Download\219f826cc5434b70a09d4c780080f5dd.xls</t>
  </si>
  <si>
    <t>11/21/2019 20:22:42</t>
  </si>
  <si>
    <t>D:\21_11_2019 - PC ALGAR TECH\Desktop 22-07-19\Download\23998a33c8c643a581db32a44d5536ae.xls</t>
  </si>
  <si>
    <t>D:\21_11_2019 - PC ALGAR TECH\Desktop - 12-11-19\PreVendas - Governo Diogo\ANP\2018\Infraestrutura\Cotação\Cotação.xlsx</t>
  </si>
  <si>
    <t>D:\21_11_2019 - PC ALGAR TECH\Desktop - 12-11-19\PreVendas - Governo Diogo\ANS\Cotação.xlsx</t>
  </si>
  <si>
    <t>D:\21_11_2019 - PC ALGAR TECH\Desktop - 12-11-19\PreVendas - Governo Diogo\ANS\2016\Cotação 07-2016\Cotação.xlsx</t>
  </si>
  <si>
    <t>D:\21_11_2019 - PC ALGAR TECH\Desktop 22-07-19\Download\2aa01316e9974157967467ff4ee85385.xls</t>
  </si>
  <si>
    <t>11/21/2019 20:22:43</t>
  </si>
  <si>
    <t>D:\21_11_2019 - PC ALGAR TECH\Desktop 22-07-19\Download\2kbezo4v.xcd.csv</t>
  </si>
  <si>
    <t>D:\21_11_2019 - PC ALGAR TECH\Desktop 22-07-19\Download\2kbezo4v.xcd.csv:Zone.Identifier</t>
  </si>
  <si>
    <t>D:\21_11_2019 - PC ALGAR TECH\Desktop - 12-11-19\PreVendas - Governo Diogo\ANTT\Funcionalidades-Ferramenta-CA.xlsx</t>
  </si>
  <si>
    <t>D:\21_11_2019 - PC ALGAR TECH\Desktop 22-07-19\Download\2n4otkvp.rgd.csv</t>
  </si>
  <si>
    <t>D:\21_11_2019 - PC ALGAR TECH\Desktop 22-07-19\Download\2n4otkvp.rgd.csv:Zone.Identifier</t>
  </si>
  <si>
    <t>11/21/2019 20:22:44</t>
  </si>
  <si>
    <t>D:\21_11_2019 - PC ALGAR TECH\Desktop - 12-11-19\PreVendas - Governo Diogo\ANVISA\2016\SD\COTAÇÃO Planilha de Preços - ANVISA SD.xlsm</t>
  </si>
  <si>
    <t>11/21/2019 20:22:46</t>
  </si>
  <si>
    <t>D:\21_11_2019 - PC ALGAR TECH\Desktop - 12-11-19\PreVendas - Governo Diogo\ANVISA\2017\Cotação N1.xlsb</t>
  </si>
  <si>
    <t>11/21/2019 20:22:47</t>
  </si>
  <si>
    <t>D:\21_11_2019 - PC ALGAR TECH\Desktop - 12-11-19\PreVendas - Governo Diogo\ANVISA\2017\Cotação N2.xlsb</t>
  </si>
  <si>
    <t>11/21/2019 20:22:48</t>
  </si>
  <si>
    <t>D:\21_11_2019 - PC ALGAR TECH\Desktop - 12-11-19\PreVendas - Governo Diogo\ANVISA\2017\Resumo.xlsx</t>
  </si>
  <si>
    <t>11/21/2019 20:22:49</t>
  </si>
  <si>
    <t>D:\21_11_2019 - PC ALGAR TECH\Desktop - 12-11-19\PreVendas - Governo Diogo\ANVISA\2017\Edital Publicado\BP Preço C010 B011 Desonerada.xlsb</t>
  </si>
  <si>
    <t>11/21/2019 20:22:50</t>
  </si>
  <si>
    <t>D:\21_11_2019 - PC ALGAR TECH\Desktop - 12-11-19\PreVendas - Governo Diogo\ANVISA\Cotação\Cotação.xlsb</t>
  </si>
  <si>
    <t>D:\21_11_2019 - PC ALGAR TECH\Desktop 22-07-19\Download\327b6961aff34561a45b9bb95ccd6244.csv</t>
  </si>
  <si>
    <t>D:\21_11_2019 - PC ALGAR TECH\Desktop 22-07-19\Download\327b6961aff34561a45b9bb95ccd6244.csv:Zone.Identifier</t>
  </si>
  <si>
    <t>D:\21_11_2019 - PC ALGAR TECH\Desktop - 12-11-19\PreVendas - Governo Diogo\ANVISA\Cotação\Racional UST Cotação.xlsx</t>
  </si>
  <si>
    <t>D:\21_11_2019 - PC ALGAR TECH\Desktop 22-07-19\Download\332ecd22bcb2485f8303b8552602d269.csv</t>
  </si>
  <si>
    <t>D:\21_11_2019 - PC ALGAR TECH\Desktop 22-07-19\Download\332ecd22bcb2485f8303b8552602d269.csv:Zone.Identifier</t>
  </si>
  <si>
    <t>D:\21_11_2019 - PC ALGAR TECH\Desktop - 12-11-19\PreVendas - Governo Diogo\Arquivo Nacional\Cotação\Cotação.xlsx</t>
  </si>
  <si>
    <t>D:\21_11_2019 - PC ALGAR TECH\Desktop 22-07-19\Download\3c314148775448e9ab1431395be5d893.xls</t>
  </si>
  <si>
    <t>11/21/2019 20:22:52</t>
  </si>
  <si>
    <t>D:\21_11_2019 - PC ALGAR TECH\Desktop 22-07-19\Download\3c6ecf04b26f4f818a80a3f783440cce.xls</t>
  </si>
  <si>
    <t>11/21/2019 20:22:53</t>
  </si>
  <si>
    <t>D:\21_11_2019 - PC ALGAR TECH\Desktop - 12-11-19\PreVendas - Governo Diogo\BACEN\Preco.xlsb</t>
  </si>
  <si>
    <t>D:\21_11_2019 - PC ALGAR TECH\Desktop 22-07-19\Download\3e7d299171334d199183d2cdab9d2dcf.xls</t>
  </si>
  <si>
    <t>11/21/2019 20:22:54</t>
  </si>
  <si>
    <t>D:\21_11_2019 - PC ALGAR TECH\Desktop 22-07-19\Download\3itu5gz4.0is.csv</t>
  </si>
  <si>
    <t>D:\21_11_2019 - PC ALGAR TECH\Desktop - 12-11-19\PreVendas - Governo Diogo\BBTS\BBTS TV\Pricing.xlsx</t>
  </si>
  <si>
    <t>D:\21_11_2019 - PC ALGAR TECH\Desktop 22-07-19\Download\406aee30117c4a259b1527a8038a0cbe v2.xls</t>
  </si>
  <si>
    <t>11/21/2019 20:22:55</t>
  </si>
  <si>
    <t>D:\21_11_2019 - PC ALGAR TECH\Desktop - 12-11-19\PreVendas - Governo Diogo\BDMG\Final\Cotação BDMG.xlsb</t>
  </si>
  <si>
    <t>11/21/2019 20:22:56</t>
  </si>
  <si>
    <t>D:\21_11_2019 - PC ALGAR TECH\Desktop 22-07-19\Download\406aee30117c4a259b1527a8038a0cbe.xls</t>
  </si>
  <si>
    <t>D:\21_11_2019 - PC ALGAR TECH\Desktop - 12-11-19\PreVendas - Governo Diogo\BDMG\Final\dimensionamento Monitoramento.xlsx</t>
  </si>
  <si>
    <t>D:\21_11_2019 - PC ALGAR TECH\Desktop 22-07-19\Download\49236e87dad5407a8c7369d229e6fad2.xls</t>
  </si>
  <si>
    <t>11/21/2019 20:22:57</t>
  </si>
  <si>
    <t>D:\21_11_2019 - PC ALGAR TECH\Desktop 22-07-19\Download\4ad6ca991c6041229e4f172acb0e8947.csv</t>
  </si>
  <si>
    <t>D:\21_11_2019 - PC ALGAR TECH\Desktop 22-07-19\Download\4ad6ca991c6041229e4f172acb0e8947.csv:Zone.Identifier</t>
  </si>
  <si>
    <t>D:\21_11_2019 - PC ALGAR TECH\Desktop - 12-11-19\PreVendas - Governo Diogo\BNB\Map - Sistema de Precificação Novo Portifolio.xlsb</t>
  </si>
  <si>
    <t>11/21/2019 20:22:58</t>
  </si>
  <si>
    <t>D:\21_11_2019 - PC ALGAR TECH\Desktop 22-07-19\Download\4e65aded5c2f4213bfd0c4782bbb0710.xls</t>
  </si>
  <si>
    <t>D:\21_11_2019 - PC ALGAR TECH\Desktop - 12-11-19\PreVendas - Governo Diogo\BNB\Simulação - Valdeira.xlsx</t>
  </si>
  <si>
    <t>D:\21_11_2019 - PC ALGAR TECH\Desktop - 12-11-19\PreVendas - Governo Diogo\BNB\Simulação.xlsx</t>
  </si>
  <si>
    <t>D:\21_11_2019 - PC ALGAR TECH\Desktop 22-07-19\Download\4ow1pbky.ktu.csv</t>
  </si>
  <si>
    <t>D:\21_11_2019 - PC ALGAR TECH\Desktop 22-07-19\Download\4ow1pbky.ktu.csv:Zone.Identifier</t>
  </si>
  <si>
    <t>D:\21_11_2019 - PC ALGAR TECH\Desktop - 12-11-19\PreVendas - Governo Diogo\BNB\2015\Análise Macro BNB 2015.xlsx</t>
  </si>
  <si>
    <t>D:\21_11_2019 - PC ALGAR TECH\Desktop - 12-11-19\PreVendas - Governo Diogo\BNB\2015\Cópia de Map - Precificação MSV 15 &amp; CPRB V (Recuperado).xlsb</t>
  </si>
  <si>
    <t>D:\21_11_2019 - PC ALGAR TECH\Desktop 22-07-19\Download\50530cdee4104485990dd2b42f0ff24e.csv</t>
  </si>
  <si>
    <t>11/21/2019 20:22:59</t>
  </si>
  <si>
    <t>D:\21_11_2019 - PC ALGAR TECH\Desktop 22-07-19\Download\50530cdee4104485990dd2b42f0ff24e.csv:Zone.Identifier</t>
  </si>
  <si>
    <t>D:\21_11_2019 - PC ALGAR TECH\Desktop - 12-11-19\PreVendas - Governo Diogo\BNB\2015\Cópia de Map - Precificação MSV 15 &amp; CPRB V.2015-2-000.xlsb</t>
  </si>
  <si>
    <t>11/21/2019 20:23:01</t>
  </si>
  <si>
    <t>D:\21_11_2019 - PC ALGAR TECH\Desktop 22-07-19\Download\5211543a92f1405992a99a378212fea8.xls</t>
  </si>
  <si>
    <t>D:\21_11_2019 - PC ALGAR TECH\Desktop - 12-11-19\PreVendas - Governo Diogo\BNB\2018\SD\Cotação\Cotação.xlsx</t>
  </si>
  <si>
    <t>11/21/2019 20:23:02</t>
  </si>
  <si>
    <t>D:\21_11_2019 - PC ALGAR TECH\Desktop - 12-11-19\PreVendas - Governo Diogo\BNB\2018\SD\Cotação\Pricing.xlsb</t>
  </si>
  <si>
    <t>D:\21_11_2019 - PC ALGAR TECH\Desktop 22-07-19\Download\54a556d994b2426482df0ac03e789433.xls</t>
  </si>
  <si>
    <t>11/21/2019 20:23:03</t>
  </si>
  <si>
    <t>D:\21_11_2019 - PC ALGAR TECH\Desktop 22-07-19\Download\5828ae5978c24593b49407615e6c76fe.xls</t>
  </si>
  <si>
    <t>11/21/2019 20:23:04</t>
  </si>
  <si>
    <t>D:\21_11_2019 - PC ALGAR TECH\Desktop 22-07-19\Download\5c2b8682fe1a4b2d9d09e205390285ff.xls</t>
  </si>
  <si>
    <t>D:\21_11_2019 - PC ALGAR TECH\Desktop 22-07-19\Download\5xqoj1k1.sx3.csv</t>
  </si>
  <si>
    <t>D:\21_11_2019 - PC ALGAR TECH\Desktop 22-07-19\Download\5xqoj1k1.sx3.csv:Zone.Identifier</t>
  </si>
  <si>
    <t>11/21/2019 20:23:05</t>
  </si>
  <si>
    <t>D:\21_11_2019 - PC ALGAR TECH\Desktop 22-07-19\Download\664afeed755c4958844cbd13d67b2fa1.csv</t>
  </si>
  <si>
    <t>D:\21_11_2019 - PC ALGAR TECH\Desktop 22-07-19\Download\664afeed755c4958844cbd13d67b2fa1.csv:Zone.Identifier</t>
  </si>
  <si>
    <t>D:\21_11_2019 - PC ALGAR TECH\Desktop 22-07-19\Download\6745b0c6493c44cc915fd1f80b970564.xls</t>
  </si>
  <si>
    <t>D:\21_11_2019 - PC ALGAR TECH\Desktop 22-07-19\Download\6a9232a5cc0b45b084f03563d6e15d8e.xls</t>
  </si>
  <si>
    <t>11/21/2019 20:23:06</t>
  </si>
  <si>
    <t>D:\21_11_2019 - PC ALGAR TECH\Desktop - 12-11-19\PreVendas - Governo Diogo\BNB PS\Edital Publicado\Preificacao\BP Viagens.xlsb</t>
  </si>
  <si>
    <t>11/21/2019 20:23:07</t>
  </si>
  <si>
    <t>D:\21_11_2019 - PC ALGAR TECH\Desktop - 12-11-19\PreVendas - Governo Diogo\BNB PS\Edital Publicado\Preificacao\Preco Servico.xlsb</t>
  </si>
  <si>
    <t>D:\21_11_2019 - PC ALGAR TECH\Desktop - 12-11-19\PreVendas - Governo Diogo\BNB PS\Edital Republicado\Cargos_Banco_Nordeste.xls</t>
  </si>
  <si>
    <t>D:\21_11_2019 - PC ALGAR TECH\Desktop 22-07-19\Download\847c58607b734a1580feb1603c24fa34.xls</t>
  </si>
  <si>
    <t>D:\21_11_2019 - PC ALGAR TECH\Desktop - 12-11-19\PreVendas - Governo Diogo\BNB PS\Edital Republicado\Escala Preposto.xlsx</t>
  </si>
  <si>
    <t>D:\21_11_2019 - PC ALGAR TECH\Desktop 22-07-19\Download\87cbd3835e694aa1829dc067f27fcc89.csv</t>
  </si>
  <si>
    <t>11/21/2019 20:23:08</t>
  </si>
  <si>
    <t>D:\21_11_2019 - PC ALGAR TECH\Desktop - 12-11-19\PreVendas - Governo Diogo\BNB PS\Edital Republicado\Pricing Cheio.xlsb</t>
  </si>
  <si>
    <t>D:\21_11_2019 - PC ALGAR TECH\Desktop 22-07-19\Download\87cbd3835e694aa1829dc067f27fcc89.csv:Zone.Identifier</t>
  </si>
  <si>
    <t>11/21/2019 20:23:09</t>
  </si>
  <si>
    <t>D:\21_11_2019 - PC ALGAR TECH\Desktop - 12-11-19\PreVendas - Governo Diogo\BNB PS\Edital Republicado\Pricing Ganho Monitoramento.xlsb</t>
  </si>
  <si>
    <t>D:\21_11_2019 - PC ALGAR TECH\Desktop 22-07-19\Download\8a5230f15e9f4a2bb2eba33a284a086c.xls</t>
  </si>
  <si>
    <t>11/21/2019 20:23:11</t>
  </si>
  <si>
    <t>D:\21_11_2019 - PC ALGAR TECH\Desktop 22-07-19\Download\8f98d4bd6ee84e60bd5dffa56865b26b.xls</t>
  </si>
  <si>
    <t>D:\21_11_2019 - PC ALGAR TECH\Desktop 22-07-19\Download\91356aed355841f0824da5cb62ea6d5b.csv</t>
  </si>
  <si>
    <t>D:\21_11_2019 - PC ALGAR TECH\Desktop 22-07-19\Download\91356aed355841f0824da5cb62ea6d5b.csv:Zone.Identifier</t>
  </si>
  <si>
    <t>D:\21_11_2019 - PC ALGAR TECH\Desktop 22-07-19\Download\93ab01530a164e8a8b700a6cd416dde7.xls</t>
  </si>
  <si>
    <t>11/21/2019 20:23:14</t>
  </si>
  <si>
    <t>D:\21_11_2019 - PC ALGAR TECH\Desktop 22-07-19\Download\947334 - BP Preço C014 B014 Desonerada - ONS v1.10 %28revisão%29 - Cenário1 %28Conv e RV%29.xlsb</t>
  </si>
  <si>
    <t>D:\21_11_2019 - PC ALGAR TECH\Desktop - 12-11-19\PreVendas - Governo Diogo\BNDES\Planilha de Preço por ítem(REVISADO).xlsx</t>
  </si>
  <si>
    <t>11/21/2019 20:23:15</t>
  </si>
  <si>
    <t>D:\21_11_2019 - PC ALGAR TECH\Desktop 22-07-19\Download\aaf441f31d614e00ad3820121889f1a8.xls</t>
  </si>
  <si>
    <t>D:\21_11_2019 - PC ALGAR TECH\Desktop - 12-11-19\PreVendas - Governo Diogo\BNDES\Planilha de Preço por ítem.xlsx</t>
  </si>
  <si>
    <t>D:\21_11_2019 - PC ALGAR TECH\Desktop 22-07-19\Download\abr-19.csv</t>
  </si>
  <si>
    <t>D:\21_11_2019 - PC ALGAR TECH\Desktop 22-07-19\Download\abr-19.csv:Zone.Identifier</t>
  </si>
  <si>
    <t>11/21/2019 20:23:16</t>
  </si>
  <si>
    <t>D:\21_11_2019 - PC ALGAR TECH\Desktop - 12-11-19\PreVendas - Governo Diogo\BRB\Apresentação\Impacto X Urgência.xlsx</t>
  </si>
  <si>
    <t>D:\21_11_2019 - PC ALGAR TECH\Desktop 22-07-19\Download\alvcxg25.rrc.csv</t>
  </si>
  <si>
    <t>D:\21_11_2019 - PC ALGAR TECH\Desktop 22-07-19\Download\alvcxg25.rrc.csv:Zone.Identifier</t>
  </si>
  <si>
    <t>11/21/2019 20:23:17</t>
  </si>
  <si>
    <t>D:\21_11_2019 - PC ALGAR TECH\Desktop 22-07-19\Download\Anexo 4 - Cronograma.xlsx</t>
  </si>
  <si>
    <t>D:\21_11_2019 - PC ALGAR TECH\Desktop 22-07-19\Download\Anexo II - Formulário de Questionamentos (1).xlsx</t>
  </si>
  <si>
    <t>D:\21_11_2019 - PC ALGAR TECH\Desktop - 12-11-19\PreVendas - Governo Diogo\BRB_\Apresentação\Impacto X Urgência.xlsx</t>
  </si>
  <si>
    <t>D:\21_11_2019 - PC ALGAR TECH\Desktop 22-07-19\Download\Anexo II - Formulário de Questionamentos.xlsx</t>
  </si>
  <si>
    <t>11/21/2019 20:23:19</t>
  </si>
  <si>
    <t>D:\21_11_2019 - PC ALGAR TECH\Desktop - 12-11-19\PreVendas - Governo Diogo\CADE\BP Item 1.xlsb</t>
  </si>
  <si>
    <t>11/21/2019 20:23:21</t>
  </si>
  <si>
    <t>D:\21_11_2019 - PC ALGAR TECH\Desktop - 12-11-19\PreVendas - Governo Diogo\CADE\BP Item 2.xlsb</t>
  </si>
  <si>
    <t>D:\21_11_2019 - PC ALGAR TECH\Desktop 22-07-19\Download\aohkkzvd.dpd.csv</t>
  </si>
  <si>
    <t>D:\21_11_2019 - PC ALGAR TECH\Desktop 22-07-19\Download\aohkkzvd.dpd.csv:Zone.Identifier</t>
  </si>
  <si>
    <t>11/21/2019 20:23:22</t>
  </si>
  <si>
    <t>D:\21_11_2019 - PC ALGAR TECH\Desktop - 12-11-19\PreVendas - Governo Diogo\CADE\BP Item 4.xlsb</t>
  </si>
  <si>
    <t>11/21/2019 20:23:23</t>
  </si>
  <si>
    <t>D:\21_11_2019 - PC ALGAR TECH\Desktop - 12-11-19\PreVendas - Governo Diogo\CADE\Cotação.xlsx</t>
  </si>
  <si>
    <t>11/21/2019 20:23:24</t>
  </si>
  <si>
    <t>D:\21_11_2019 - PC ALGAR TECH\Desktop - 12-11-19\PreVendas - Governo Diogo\Caixa\2016\Republicado\Análise.xlsx</t>
  </si>
  <si>
    <t>11/21/2019 20:23:26</t>
  </si>
  <si>
    <t>D:\21_11_2019 - PC ALGAR TECH\Desktop - 12-11-19\PreVendas - Governo Diogo\Caixa\2016\Republicado\BP - BASE.xlsb</t>
  </si>
  <si>
    <t>11/21/2019 20:23:27</t>
  </si>
  <si>
    <t>D:\21_11_2019 - PC ALGAR TECH\Desktop - 12-11-19\PreVendas - Governo Diogo\Caixa\2016\Republicado\BP 1.0.xlsb</t>
  </si>
  <si>
    <t>11/21/2019 20:23:29</t>
  </si>
  <si>
    <t>D:\21_11_2019 - PC ALGAR TECH\Desktop - 12-11-19\PreVendas - Governo Diogo\Caixa\2016\Republicado\BP 1.1.xlsb</t>
  </si>
  <si>
    <t>11/21/2019 20:23:32</t>
  </si>
  <si>
    <t>D:\21_11_2019 - PC ALGAR TECH\Desktop - 12-11-19\PreVendas - Governo Diogo\Caixa\2016\Republicado\BP 1.2.xlsb</t>
  </si>
  <si>
    <t>D:\21_11_2019 - PC ALGAR TECH\Desktop 22-07-19\Download\Apuração de IR em branco (1).xlsx</t>
  </si>
  <si>
    <t>11/21/2019 20:23:34</t>
  </si>
  <si>
    <t>D:\21_11_2019 - PC ALGAR TECH\Desktop - 12-11-19\PreVendas - Governo Diogo\Caixa\2016\Republicado\BP 1.3.xlsb</t>
  </si>
  <si>
    <t>D:\21_11_2019 - PC ALGAR TECH\Desktop 22-07-19\Download\Apuração de IR em branco.xlsx</t>
  </si>
  <si>
    <t>11/21/2019 20:23:36</t>
  </si>
  <si>
    <t>D:\21_11_2019 - PC ALGAR TECH\Desktop - 12-11-19\PreVendas - Governo Diogo\Caixa\2016\Republicado\BP 1.4.xlsb</t>
  </si>
  <si>
    <t>11/21/2019 20:23:39</t>
  </si>
  <si>
    <t>D:\21_11_2019 - PC ALGAR TECH\Desktop - 12-11-19\PreVendas - Governo Diogo\Caixa\2016\Republicado\BP 1.5.xlsb</t>
  </si>
  <si>
    <t>11/21/2019 20:23:41</t>
  </si>
  <si>
    <t>D:\21_11_2019 - PC ALGAR TECH\Desktop - 12-11-19\PreVendas - Governo Diogo\Caixa\2016\Republicado\BP 1.6.xlsb</t>
  </si>
  <si>
    <t>D:\21_11_2019 - PC ALGAR TECH\Desktop 22-07-19\Download\Associados_jan-19 (1).xlsx</t>
  </si>
  <si>
    <t>11/21/2019 20:23:44</t>
  </si>
  <si>
    <t>D:\21_11_2019 - PC ALGAR TECH\Desktop - 12-11-19\PreVendas - Governo Diogo\Caixa\2016\Republicado\BP 1.7.xlsb</t>
  </si>
  <si>
    <t>D:\21_11_2019 - PC ALGAR TECH\Desktop 22-07-19\Download\Associados_jan-19.xlsx</t>
  </si>
  <si>
    <t>11/21/2019 20:23:46</t>
  </si>
  <si>
    <t>D:\21_11_2019 - PC ALGAR TECH\Desktop - 12-11-19\PreVendas - Governo Diogo\Caixa\2016\Republicado\BP 2.0.xlsb</t>
  </si>
  <si>
    <t>11/21/2019 20:23:47</t>
  </si>
  <si>
    <t>D:\21_11_2019 - PC ALGAR TECH\Desktop 22-07-19\Download\Atualização de Documentos %284%29.xlsx</t>
  </si>
  <si>
    <t>11/21/2019 20:23:49</t>
  </si>
  <si>
    <t>D:\21_11_2019 - PC ALGAR TECH\Desktop - 12-11-19\PreVendas - Governo Diogo\Caixa\2016\Republicado\BP 2.1.xlsb</t>
  </si>
  <si>
    <t>11/21/2019 20:23:52</t>
  </si>
  <si>
    <t>D:\21_11_2019 - PC ALGAR TECH\Desktop - 12-11-19\PreVendas - Governo Diogo\Caixa\2016\Republicado\BP 2.2.xlsb</t>
  </si>
  <si>
    <t>D:\21_11_2019 - PC ALGAR TECH\Desktop 22-07-19\Download\b23bdba8041c429b8c99978e29f321b8.xls</t>
  </si>
  <si>
    <t>D:\21_11_2019 - PC ALGAR TECH\Desktop 22-07-19\Download\byhscrxu.gse.csv</t>
  </si>
  <si>
    <t>D:\21_11_2019 - PC ALGAR TECH\Desktop 22-07-19\Download\byhscrxu.gse.csv:Zone.Identifier</t>
  </si>
  <si>
    <t>11/21/2019 20:23:55</t>
  </si>
  <si>
    <t>D:\21_11_2019 - PC ALGAR TECH\Desktop - 12-11-19\PreVendas - Governo Diogo\Caixa\2016\Republicado\BP 2.3.xlsb</t>
  </si>
  <si>
    <t>D:\21_11_2019 - PC ALGAR TECH\Desktop 22-07-19\Download\c23f293163224ec9b3201e6b3467a5fd.xls</t>
  </si>
  <si>
    <t>11/21/2019 20:23:57</t>
  </si>
  <si>
    <t>D:\21_11_2019 - PC ALGAR TECH\Desktop - 12-11-19\PreVendas - Governo Diogo\Caixa\2016\Republicado\BP FLEX.xlsb</t>
  </si>
  <si>
    <t>11/21/2019 20:23:58</t>
  </si>
  <si>
    <t>D:\21_11_2019 - PC ALGAR TECH\Desktop 22-07-19\Download\c31b30692d3b4568abed8f1b5f6c9ddd.xls</t>
  </si>
  <si>
    <t>D:\21_11_2019 - PC ALGAR TECH\Desktop - 12-11-19\PreVendas - Governo Diogo\Caixa\2016\Republicado\Intraday Real Caixa.xlsx</t>
  </si>
  <si>
    <t>11/21/2019 20:24:00</t>
  </si>
  <si>
    <t>D:\21_11_2019 - PC ALGAR TECH\Desktop - 12-11-19\PreVendas - Governo Diogo\Caixa\2016\SD Negócio - CERATI\Cópia de BP Preço C004 B006.xlsb</t>
  </si>
  <si>
    <t>11/21/2019 20:24:02</t>
  </si>
  <si>
    <t>D:\21_11_2019 - PC ALGAR TECH\Desktop - 12-11-19\PreVendas - Governo Diogo\Caixa\2016\SD Negócio - CERATI\Hist¢rico de Demandas do màs.xlsm</t>
  </si>
  <si>
    <t>D:\21_11_2019 - PC ALGAR TECH\Desktop - 12-11-19\PreVendas - Governo Diogo\Caixa\2016\SD Negócio - CERATI\Insumos SITE.xlsx</t>
  </si>
  <si>
    <t>11/21/2019 20:24:04</t>
  </si>
  <si>
    <t>D:\21_11_2019 - PC ALGAR TECH\Desktop - 12-11-19\PreVendas - Governo Diogo\Caixa\2016\SD Negócio - CERATI\Republicado.xlsb</t>
  </si>
  <si>
    <t>D:\21_11_2019 - PC ALGAR TECH\Desktop - 12-11-19\PreVendas - Governo Diogo\Caixa\2016\SD Negócio - CERATI\Resumo de Informação.xlsx</t>
  </si>
  <si>
    <t>11/21/2019 20:24:05</t>
  </si>
  <si>
    <t>D:\21_11_2019 - PC ALGAR TECH\Desktop - 12-11-19\PreVendas - Governo Diogo\Caixa\2016\SD Remoto\Estudos.xlsx</t>
  </si>
  <si>
    <t>D:\21_11_2019 - PC ALGAR TECH\Desktop 22-07-19\Download\cba81ed5fa7b4c9690936579752ba2fa.csv</t>
  </si>
  <si>
    <t>D:\21_11_2019 - PC ALGAR TECH\Desktop - 12-11-19\PreVendas - Governo Diogo\Caixa\2016\SD Remoto\Intraday Padrão SG.xlsx</t>
  </si>
  <si>
    <t>D:\21_11_2019 - PC ALGAR TECH\Desktop 22-07-19\Download\cba81ed5fa7b4c9690936579752ba2fa.csv:Zone.Identifier</t>
  </si>
  <si>
    <t>D:\21_11_2019 - PC ALGAR TECH\Desktop - 12-11-19\PreVendas - Governo Diogo\Caixa\2016\SD Remoto\Pre desenho.xlsx</t>
  </si>
  <si>
    <t>11/21/2019 20:24:07</t>
  </si>
  <si>
    <t>D:\21_11_2019 - PC ALGAR TECH\Desktop 22-07-19\Download\ccdafa3aa4bf49368a6b91e641376752.xls</t>
  </si>
  <si>
    <t>11/21/2019 20:24:08</t>
  </si>
  <si>
    <t>D:\21_11_2019 - PC ALGAR TECH\Desktop 22-07-19\Download\cd8f92f661884232910ef4ef3d80fc6e.xls</t>
  </si>
  <si>
    <t>D:\21_11_2019 - PC ALGAR TECH\Desktop - 12-11-19\PreVendas - Governo Diogo\Caixa Seguros\BP`s\MC28_SEM_PBM.xlsb</t>
  </si>
  <si>
    <t>D:\21_11_2019 - PC ALGAR TECH\Desktop 22-07-19\Download\cec8435c7dc94a61b5e28e3589b202ff.csv</t>
  </si>
  <si>
    <t>D:\21_11_2019 - PC ALGAR TECH\Desktop 22-07-19\Download\cec8435c7dc94a61b5e28e3589b202ff.csv:Zone.Identifier</t>
  </si>
  <si>
    <t>D:\21_11_2019 - PC ALGAR TECH\Desktop 22-07-19\Download\Century_2018-12_Departamental-GERAL.xlsb</t>
  </si>
  <si>
    <t>11/21/2019 20:24:09</t>
  </si>
  <si>
    <t>D:\21_11_2019 - PC ALGAR TECH\Desktop - 12-11-19\PreVendas - Governo Diogo\Caixa Seguros\RFP SD + HaaS 2019\bid_export.xlsx</t>
  </si>
  <si>
    <t>D:\21_11_2019 - PC ALGAR TECH\Desktop 22-07-19\Download\Check List_Algar Tech_v6.xlsx</t>
  </si>
  <si>
    <t>11/21/2019 20:24:10</t>
  </si>
  <si>
    <t>D:\21_11_2019 - PC ALGAR TECH\Desktop - 12-11-19\PreVendas - Governo Diogo\Caixa Seguros\RFP SD + HaaS 2019\BP.xlsb</t>
  </si>
  <si>
    <t>11/21/2019 20:24:12</t>
  </si>
  <si>
    <t>D:\21_11_2019 - PC ALGAR TECH\Desktop 22-07-19\Download\Comissão Força de Vendas - 1º Tri - 2018 - Suelen (1).xlsb</t>
  </si>
  <si>
    <t>11/21/2019 20:24:13</t>
  </si>
  <si>
    <t>D:\21_11_2019 - PC ALGAR TECH\Desktop 22-07-19\Download\Comissão Força de Vendas - 1º Tri - 2018 - Suelen (2).xlsb</t>
  </si>
  <si>
    <t>11/21/2019 20:24:15</t>
  </si>
  <si>
    <t>D:\21_11_2019 - PC ALGAR TECH\Desktop 22-07-19\Download\Comissão Força de Vendas - 1º Tri - 2018 - Suelen.xlsb</t>
  </si>
  <si>
    <t>11/21/2019 20:24:17</t>
  </si>
  <si>
    <t>D:\21_11_2019 - PC ALGAR TECH\Desktop - 12-11-19\PreVendas - Governo Diogo\CAPES\2016\red hat\Consultor.xlsb</t>
  </si>
  <si>
    <t>11/21/2019 20:24:19</t>
  </si>
  <si>
    <t>D:\21_11_2019 - PC ALGAR TECH\Desktop - 12-11-19\PreVendas - Governo Diogo\CAPES\2017\Consulta Pública\Novo SD 09-17\Cotação.xlsb</t>
  </si>
  <si>
    <t>11/21/2019 20:24:20</t>
  </si>
  <si>
    <t>D:\21_11_2019 - PC ALGAR TECH\Desktop 22-07-19\Download\cunr3vcm.nc4.csv</t>
  </si>
  <si>
    <t>D:\21_11_2019 - PC ALGAR TECH\Desktop 22-07-19\Download\cunr3vcm.nc4.csv:Zone.Identifier</t>
  </si>
  <si>
    <t>11/21/2019 20:24:23</t>
  </si>
  <si>
    <t>D:\21_11_2019 - PC ALGAR TECH\Desktop 22-07-19\Download\Cópia de BP Preço C015 B014 Desonerada_RV PL SL. Mín.xlsb</t>
  </si>
  <si>
    <t>11/21/2019 20:24:25</t>
  </si>
  <si>
    <t>11/22/2019 08:47:35</t>
  </si>
  <si>
    <t>D:\21_11_2019 - PC ALGAR TECH\Desktop 22-07-19\Download\Dados Empresa Cidadã 2018 - menor.xlsx</t>
  </si>
  <si>
    <t>D:\21_11_2019 - PC ALGAR TECH\Desktop - 12-11-19\PreVendas - Governo Diogo\CAPES\2018\Cotação\Cotação.xlsx</t>
  </si>
  <si>
    <t>11/21/2019 20:24:27</t>
  </si>
  <si>
    <t>D:\21_11_2019 - PC ALGAR TECH\Desktop - 12-11-19\PreVendas - Governo Diogo\CAPES\2018\Infra\BP CAPES GIAT 2018.xlsb</t>
  </si>
  <si>
    <t>D:\21_11_2019 - PC ALGAR TECH\Desktop - 12-11-19\PreVendas - Governo Diogo\CAPES\2018\Infra\pricing.xlsx</t>
  </si>
  <si>
    <t>D:\21_11_2019 - PC ALGAR TECH\Desktop 22-07-19\Download\db5a2511ab4949828815f9cd71c5d5d7.xls</t>
  </si>
  <si>
    <t>D:\21_11_2019 - PC ALGAR TECH\Desktop 22-07-19\Download\dbcie1v4.krd.csv</t>
  </si>
  <si>
    <t>D:\21_11_2019 - PC ALGAR TECH\Desktop 22-07-19\Download\dbcie1v4.krd.csv:Zone.Identifier</t>
  </si>
  <si>
    <t>11/21/2019 20:24:28</t>
  </si>
  <si>
    <t>D:\21_11_2019 - PC ALGAR TECH\Desktop - 12-11-19\PreVendas - Governo Diogo\CAPES\Infraestrutura\Comitês\Change CAPES - Sustentação de Infra V2.ppt</t>
  </si>
  <si>
    <t>D:\21_11_2019 - PC ALGAR TECH\Desktop - 12-11-19\PreVendas - Governo Diogo\CAPES\Infraestrutura\Comitês\Change CAPES - Sustentação de Infra.ppt</t>
  </si>
  <si>
    <t>D:\21_11_2019 - PC ALGAR TECH\Desktop 22-07-19\Download\de07659b66434acf91d1e8798582b02f.csv</t>
  </si>
  <si>
    <t>D:\21_11_2019 - PC ALGAR TECH\Desktop 22-07-19\Download\de07659b66434acf91d1e8798582b02f.csv:Zone.Identifier</t>
  </si>
  <si>
    <t>11/21/2019 20:24:29</t>
  </si>
  <si>
    <t>D:\21_11_2019 - PC ALGAR TECH\Desktop 22-07-19\Download\Demandas.xlsx</t>
  </si>
  <si>
    <t>11/21/2019 20:24:32</t>
  </si>
  <si>
    <t>D:\21_11_2019 - PC ALGAR TECH\Desktop 22-07-19\Download\Divisao carteira pre vendas recorrente.xlsx</t>
  </si>
  <si>
    <t>D:\21_11_2019 - PC ALGAR TECH\Desktop 22-07-19\Download\dwkj0wh2.tqx.csv</t>
  </si>
  <si>
    <t>D:\21_11_2019 - PC ALGAR TECH\Desktop 22-07-19\Download\dwkj0wh2.tqx.csv:Zone.Identifier</t>
  </si>
  <si>
    <t>11/21/2019 20:24:33</t>
  </si>
  <si>
    <t>D:\21_11_2019 - PC ALGAR TECH\Desktop 22-07-19\Download\e0ixmkzo.c5n.csv</t>
  </si>
  <si>
    <t>D:\21_11_2019 - PC ALGAR TECH\Desktop 22-07-19\Download\e0ixmkzo.c5n.csv:Zone.Identifier</t>
  </si>
  <si>
    <t>D:\21_11_2019 - PC ALGAR TECH\Desktop 22-07-19\Download\ea1f56f9ff154722b4e449dbd9099aad.xls</t>
  </si>
  <si>
    <t>11/21/2019 20:24:34</t>
  </si>
  <si>
    <t>D:\21_11_2019 - PC ALGAR TECH\Desktop 22-07-19\Download\empresa_cidada_10_05_18.xls</t>
  </si>
  <si>
    <t>11/21/2019 20:24:37</t>
  </si>
  <si>
    <t>D:\21_11_2019 - PC ALGAR TECH\Desktop - 12-11-19\PreVendas - Governo Diogo\CAPES\Infraestrutura\IN-02\IN-02 FULL.xlsx</t>
  </si>
  <si>
    <t>D:\21_11_2019 - PC ALGAR TECH\Desktop - 12-11-19\PreVendas - Governo Diogo\CAPES\Infraestrutura\IN-02\Jardini.xls</t>
  </si>
  <si>
    <t>D:\21_11_2019 - PC ALGAR TECH\Desktop - 12-11-19\PreVendas - Governo Diogo\CAPES\Infraestrutura\IN-02\Jardini.xlsx</t>
  </si>
  <si>
    <t>D:\21_11_2019 - PC ALGAR TECH\Desktop - 12-11-19\PreVendas - Governo Diogo\CAPES\Infraestrutura\IN-02\Planilhas da IN02.xlsx</t>
  </si>
  <si>
    <t>11/21/2019 20:24:39</t>
  </si>
  <si>
    <t>D:\21_11_2019 - PC ALGAR TECH\Desktop - 12-11-19\PreVendas - Governo Diogo\CAPES\Infraestrutura\Precificação\Atualizada.xlsb</t>
  </si>
  <si>
    <t>11/21/2019 20:24:40</t>
  </si>
  <si>
    <t>D:\21_11_2019 - PC ALGAR TECH\Desktop - 12-11-19\PreVendas - Governo Diogo\CAPES\Infraestrutura\Precificação\Cargos e Salários.xlsx</t>
  </si>
  <si>
    <t>11/21/2019 20:24:41</t>
  </si>
  <si>
    <t>D:\21_11_2019 - PC ALGAR TECH\Desktop - 12-11-19\PreVendas - Governo Diogo\CAPES\Infraestrutura\Precificação\Com Change V2.xlsb</t>
  </si>
  <si>
    <t>11/21/2019 20:24:44</t>
  </si>
  <si>
    <t>D:\21_11_2019 - PC ALGAR TECH\Desktop - 12-11-19\PreVendas - Governo Diogo\CAPES\Infraestrutura\Precificação\Com Change V3.xlsb</t>
  </si>
  <si>
    <t>11/21/2019 20:24:45</t>
  </si>
  <si>
    <t>D:\21_11_2019 - PC ALGAR TECH\Desktop - 12-11-19\PreVendas - Governo Diogo\CAPES\Infraestrutura\Precificação\Com Change V4.xlsb</t>
  </si>
  <si>
    <t>11/21/2019 20:24:47</t>
  </si>
  <si>
    <t>D:\21_11_2019 - PC ALGAR TECH\Desktop - 12-11-19\PreVendas - Governo Diogo\CAPES\Infraestrutura\Precificação\Com Change.xlsb</t>
  </si>
  <si>
    <t>D:\21_11_2019 - PC ALGAR TECH\Desktop - 12-11-19\PreVendas - Governo Diogo\CAPES\Infraestrutura\Precificação\Desenho.xlsx</t>
  </si>
  <si>
    <t>11/21/2019 20:24:49</t>
  </si>
  <si>
    <t>D:\21_11_2019 - PC ALGAR TECH\Desktop - 12-11-19\PreVendas - Governo Diogo\CAPES\Infraestrutura\Precificação\Precificação com Adoção.xlsb</t>
  </si>
  <si>
    <t>11/21/2019 20:24:50</t>
  </si>
  <si>
    <t>D:\21_11_2019 - PC ALGAR TECH\Desktop - 12-11-19\PreVendas - Governo Diogo\CAPES\Infraestrutura\Pregão\Posicionamento.xlsx</t>
  </si>
  <si>
    <t>D:\21_11_2019 - PC ALGAR TECH\Desktop 22-07-19\Download\Estrutura De_Para.xlsx</t>
  </si>
  <si>
    <t>D:\21_11_2019 - PC ALGAR TECH\Desktop - 12-11-19\PreVendas - Governo Diogo\CAPES\Infraestrutura\Repactuação\Planilhas da IN02.xlsx</t>
  </si>
  <si>
    <t>D:\21_11_2019 - PC ALGAR TECH\Desktop 22-07-19\Download\Exportação para Excel.xlsx</t>
  </si>
  <si>
    <t>11/21/2019 20:24:51</t>
  </si>
  <si>
    <t>D:\21_11_2019 - PC ALGAR TECH\Desktop - 12-11-19\PreVendas - Governo Diogo\CAPES\NOVO\Servicedesk\Estabilização Complementar.xlsb</t>
  </si>
  <si>
    <t>11/21/2019 20:24:52</t>
  </si>
  <si>
    <t>D:\21_11_2019 - PC ALGAR TECH\Desktop 22-07-19\Download\Expurgo.xlsx</t>
  </si>
  <si>
    <t>D:\21_11_2019 - PC ALGAR TECH\Desktop 22-07-19\Download\f9cd9bda6c9b4054a9f9fbd7fad58b65.xls</t>
  </si>
  <si>
    <t>11/21/2019 20:24:53</t>
  </si>
  <si>
    <t>D:\21_11_2019 - PC ALGAR TECH\Desktop - 12-11-19\PreVendas - Governo Diogo\CAPES\NOVO\Servicedesk\Estabilização Regular.xlsb</t>
  </si>
  <si>
    <t>D:\21_11_2019 - PC ALGAR TECH\Desktop 22-07-19\Download\faa618fa2b7a49a3bcac5324a638b0da.xls</t>
  </si>
  <si>
    <t>11/21/2019 20:24:54</t>
  </si>
  <si>
    <t>D:\21_11_2019 - PC ALGAR TECH\Desktop 22-07-19\Download\FATURA B FMM.xls</t>
  </si>
  <si>
    <t>D:\21_11_2019 - PC ALGAR TECH\Desktop 22-07-19\Download\FATURAS_B FMM_consolidado regionais_REV2 - para Suprimentos 08122017 V2.xls</t>
  </si>
  <si>
    <t>D:\21_11_2019 - PC ALGAR TECH\Desktop 22-07-19\Download\fd6eb0f7f19241378788a26a147bb9a7.csv</t>
  </si>
  <si>
    <t>11/21/2019 20:25:05</t>
  </si>
  <si>
    <t>D:\21_11_2019 - PC ALGAR TECH\Desktop - 12-11-19\PreVendas - Governo Diogo\CAPES\NOVO\Servicedesk\Publicado\Comitê de Soluções - CAPES SD.pptx</t>
  </si>
  <si>
    <t>11/21/2019 20:25:06</t>
  </si>
  <si>
    <t>D:\21_11_2019 - PC ALGAR TECH\Desktop 22-07-19\Download\fd6eb0f7f19241378788a26a147bb9a7.csv:Zone.Identifier</t>
  </si>
  <si>
    <t>11/21/2019 20:25:07</t>
  </si>
  <si>
    <t>D:\21_11_2019 - PC ALGAR TECH\Desktop 22-07-19\Download\fe58af34e9ab4a59bc77c4d3bbaed24b.xls</t>
  </si>
  <si>
    <t>D:\21_11_2019 - PC ALGAR TECH\Desktop 22-07-19\Download\fev-19.csv</t>
  </si>
  <si>
    <t>D:\21_11_2019 - PC ALGAR TECH\Desktop 22-07-19\Download\fev-19.csv:Zone.Identifier</t>
  </si>
  <si>
    <t>D:\21_11_2019 - PC ALGAR TECH\Desktop 22-07-19\Download\ff5562ef92764b9bb1752058b5ed0bbb.xls</t>
  </si>
  <si>
    <t>D:\21_11_2019 - PC ALGAR TECH\Desktop 22-07-19\Download\gamk01hy.b3v.csv</t>
  </si>
  <si>
    <t>D:\21_11_2019 - PC ALGAR TECH\Desktop 22-07-19\Download\gamk01hy.b3v.csv:Zone.Identifier</t>
  </si>
  <si>
    <t>11/21/2019 20:25:08</t>
  </si>
  <si>
    <t>D:\21_11_2019 - PC ALGAR TECH\Desktop 22-07-19\Download\GH_ALTERACAO.xlsx</t>
  </si>
  <si>
    <t>D:\21_11_2019 - PC ALGAR TECH\Desktop 22-07-19\Download\gnil5xlz.jf3.csv</t>
  </si>
  <si>
    <t>D:\21_11_2019 - PC ALGAR TECH\Desktop 22-07-19\Download\gnil5xlz.jf3.csv:Zone.Identifier</t>
  </si>
  <si>
    <t>D:\21_11_2019 - PC ALGAR TECH\Desktop - 12-11-19\PreVendas - Governo Diogo\CAPES\NOVO\Servicedesk\Publicado\dimensionamento.xlsx</t>
  </si>
  <si>
    <t>11/21/2019 20:25:11</t>
  </si>
  <si>
    <t>D:\21_11_2019 - PC ALGAR TECH\Desktop - 12-11-19\PreVendas - Governo Diogo\CAPES\NOVO\Servicedesk\Publicado\Equipe de Suporte.xlsb</t>
  </si>
  <si>
    <t>11/21/2019 20:25:15</t>
  </si>
  <si>
    <t>D:\21_11_2019 - PC ALGAR TECH\Desktop - 12-11-19\PreVendas - Governo Diogo\CAPES\NOVO\Servicedesk\Publicado\Estabilização Complementar.xlsb</t>
  </si>
  <si>
    <t>11/21/2019 20:25:18</t>
  </si>
  <si>
    <t>D:\21_11_2019 - PC ALGAR TECH\Desktop - 12-11-19\PreVendas - Governo Diogo\CAPES\NOVO\Servicedesk\Publicado\Estabilização Regular.xlsb</t>
  </si>
  <si>
    <t>D:\21_11_2019 - PC ALGAR TECH\Desktop - 12-11-19\PreVendas - Governo Diogo\CAPES\NOVO\Servicedesk\Publicado\PCP - Cenários e Premissas - CAPES.xlsx</t>
  </si>
  <si>
    <t>11/21/2019 20:25:19</t>
  </si>
  <si>
    <t>D:\21_11_2019 - PC ALGAR TECH\Desktop - 12-11-19\PreVendas - Governo Diogo\CAPES\NOVO\Servicedesk\Publicado\Perfis Profissionais.xlsx</t>
  </si>
  <si>
    <t>11/21/2019 20:25:21</t>
  </si>
  <si>
    <t>D:\21_11_2019 - PC ALGAR TECH\Desktop - 12-11-19\PreVendas - Governo Diogo\CEB\2017\Infra\Cotação\Cotaçãoxlsb.xlsb</t>
  </si>
  <si>
    <t>11/21/2019 20:25:22</t>
  </si>
  <si>
    <t>D:\21_11_2019 - PC ALGAR TECH\Desktop - 12-11-19\PreVendas - Governo Diogo\CEB\2017\Infra\Publicado\Preço Infra - MC20.xlsb</t>
  </si>
  <si>
    <t>11/21/2019 20:25:23</t>
  </si>
  <si>
    <t>D:\21_11_2019 - PC ALGAR TECH\Desktop - 12-11-19\PreVendas - Governo Diogo\CEB\2017\Infra\Publicado\Preço Infra.xlsb</t>
  </si>
  <si>
    <t>11/21/2019 20:25:25</t>
  </si>
  <si>
    <t>D:\21_11_2019 - PC ALGAR TECH\Desktop - 12-11-19\PreVendas - Governo Diogo\CEB\2017\Infra\Publicado\Preço Projetos - MC20.xlsb</t>
  </si>
  <si>
    <t>11/21/2019 20:25:26</t>
  </si>
  <si>
    <t>D:\21_11_2019 - PC ALGAR TECH\Desktop - 12-11-19\PreVendas - Governo Diogo\CEB\2017\Infra\Publicado\Preço Projetos.xlsb</t>
  </si>
  <si>
    <t>D:\21_11_2019 - PC ALGAR TECH\Desktop - 12-11-19\PreVendas - Governo Diogo\CEB\2017\Infra\Publicado\Proposta - MC20.xlsx</t>
  </si>
  <si>
    <t>D:\21_11_2019 - PC ALGAR TECH\Desktop - 12-11-19\PreVendas - Governo Diogo\CEB\2017\Infra\Publicado\Proposta.xlsx</t>
  </si>
  <si>
    <t>11/21/2019 20:25:27</t>
  </si>
  <si>
    <t>D:\21_11_2019 - PC ALGAR TECH\Desktop - 12-11-19\PreVendas - Governo Diogo\CEB\Adesão\adoção.xlsx</t>
  </si>
  <si>
    <t>D:\21_11_2019 - PC ALGAR TECH\Desktop - 12-11-19\PreVendas - Governo Diogo\CEB\Adesão\Catálogo Revisado.xlsx</t>
  </si>
  <si>
    <t>11/21/2019 20:25:29</t>
  </si>
  <si>
    <t>D:\21_11_2019 - PC ALGAR TECH\Desktop - 12-11-19\PreVendas - Governo Diogo\CEB\Adesão\Precificação com Adoção.xlsb</t>
  </si>
  <si>
    <t>11/21/2019 20:25:31</t>
  </si>
  <si>
    <t>D:\21_11_2019 - PC ALGAR TECH\Desktop 22-07-19\Download\IBM_HSBC_Técnico_Pleno_(BP Preço C015 B014)_v2.xlsb</t>
  </si>
  <si>
    <t>D:\21_11_2019 - PC ALGAR TECH\Desktop - 12-11-19\PreVendas - Governo Diogo\CEB\Adesão\Comitês\Change - CEB Sustentação de Infraestrutura.ppt</t>
  </si>
  <si>
    <t>D:\21_11_2019 - PC ALGAR TECH\Desktop - 12-11-19\PreVendas - Governo Diogo\CEB\Pregão\dimensionamento Monitoramento.xlsx</t>
  </si>
  <si>
    <t>D:\21_11_2019 - PC ALGAR TECH\Desktop - 12-11-19\PreVendas - Governo Diogo\CEB\Pregão\Planilha da Proposta.xlsx</t>
  </si>
  <si>
    <t>11/21/2019 20:25:33</t>
  </si>
  <si>
    <t>D:\21_11_2019 - PC ALGAR TECH\Desktop - 12-11-19\PreVendas - Governo Diogo\CEB\Pregão\Precificação com Adoção ano 2.xlsb</t>
  </si>
  <si>
    <t>11/21/2019 20:25:35</t>
  </si>
  <si>
    <t>D:\21_11_2019 - PC ALGAR TECH\Desktop - 12-11-19\PreVendas - Governo Diogo\CEB\Pregão\Precificação com Adoção.xlsb</t>
  </si>
  <si>
    <t>11/21/2019 20:25:37</t>
  </si>
  <si>
    <t>D:\21_11_2019 - PC ALGAR TECH\Desktop - 12-11-19\PreVendas - Governo Diogo\CENTRUS\Cópia de Planilha de Preço - Serviços Gerenciados.xlsb</t>
  </si>
  <si>
    <t>11/21/2019 20:25:38</t>
  </si>
  <si>
    <t>D:\21_11_2019 - PC ALGAR TECH\Desktop - 12-11-19\PreVendas - Governo Diogo\CEPEL\BP1 6 Suporte Jr.xlsb</t>
  </si>
  <si>
    <t>11/21/2019 20:25:39</t>
  </si>
  <si>
    <t>D:\21_11_2019 - PC ALGAR TECH\Desktop 22-07-19\Download\jan-19.csv</t>
  </si>
  <si>
    <t>D:\21_11_2019 - PC ALGAR TECH\Desktop 22-07-19\Download\jan-19.csv:Zone.Identifier</t>
  </si>
  <si>
    <t>D:\21_11_2019 - PC ALGAR TECH\Desktop - 12-11-19\PreVendas - Governo Diogo\CGU\Atividade Scripts.xlsb</t>
  </si>
  <si>
    <t>D:\21_11_2019 - PC ALGAR TECH\Desktop 22-07-19\Download\jun-19.csv</t>
  </si>
  <si>
    <t>11/21/2019 20:25:40</t>
  </si>
  <si>
    <t>D:\21_11_2019 - PC ALGAR TECH\Desktop 22-07-19\Download\jun-19.csv:Zone.Identifier</t>
  </si>
  <si>
    <t>11/21/2019 20:25:41</t>
  </si>
  <si>
    <t>D:\21_11_2019 - PC ALGAR TECH\Desktop - 12-11-19\PreVendas - Governo Diogo\CGU\Atividades de Redes.xlsb</t>
  </si>
  <si>
    <t>D:\21_11_2019 - PC ALGAR TECH\Desktop 22-07-19\Download\kaok33oc.x2t.csv</t>
  </si>
  <si>
    <t>D:\21_11_2019 - PC ALGAR TECH\Desktop 22-07-19\Download\kaok33oc.x2t.csv:Zone.Identifier</t>
  </si>
  <si>
    <t>D:\21_11_2019 - PC ALGAR TECH\Desktop 22-07-19\Download\kqcc1nbh.113.csv</t>
  </si>
  <si>
    <t>D:\21_11_2019 - PC ALGAR TECH\Desktop 22-07-19\Download\kqcc1nbh.113.csv:Zone.Identifier</t>
  </si>
  <si>
    <t>D:\21_11_2019 - PC ALGAR TECH\Desktop 22-07-19\Download\kytsdjt3.uha.csv</t>
  </si>
  <si>
    <t>D:\21_11_2019 - PC ALGAR TECH\Desktop 22-07-19\Download\kytsdjt3.uha.csv:Zone.Identifier</t>
  </si>
  <si>
    <t>11/21/2019 20:25:42</t>
  </si>
  <si>
    <t>D:\21_11_2019 - PC ALGAR TECH\Desktop 22-07-19\Download\l10b0nkr.ccy.csv</t>
  </si>
  <si>
    <t>D:\21_11_2019 - PC ALGAR TECH\Desktop 22-07-19\Download\l10b0nkr.ccy.csv:Zone.Identifier</t>
  </si>
  <si>
    <t>D:\21_11_2019 - PC ALGAR TECH\Desktop 22-07-19\Download\l3ubv1qa.ybi.csv</t>
  </si>
  <si>
    <t>D:\21_11_2019 - PC ALGAR TECH\Desktop 22-07-19\Download\l3ubv1qa.ybi.csv:Zone.Identifier</t>
  </si>
  <si>
    <t>11/21/2019 20:25:43</t>
  </si>
  <si>
    <t>D:\21_11_2019 - PC ALGAR TECH\Desktop - 12-11-19\PreVendas - Governo Diogo\CGU\2016\Infra\cotação.xlsx</t>
  </si>
  <si>
    <t>D:\21_11_2019 - PC ALGAR TECH\Desktop - 12-11-19\PreVendas - Governo Diogo\CGU\2017\Cotação\Cotação 1.xlsx</t>
  </si>
  <si>
    <t>D:\21_11_2019 - PC ALGAR TECH\Desktop - 12-11-19\PreVendas - Governo Diogo\CGU\2017\Cotação\Infra\Monitoramento 27-06.xlsx</t>
  </si>
  <si>
    <t>D:\21_11_2019 - PC ALGAR TECH\Desktop 22-07-19\Download\lj0s00ea.oa5.csv</t>
  </si>
  <si>
    <t>D:\21_11_2019 - PC ALGAR TECH\Desktop 22-07-19\Download\lj0s00ea.oa5.csv:Zone.Identifier</t>
  </si>
  <si>
    <t>11/21/2019 20:25:44</t>
  </si>
  <si>
    <t>D:\21_11_2019 - PC ALGAR TECH\Desktop - 12-11-19\PreVendas - Governo Diogo\CGU\2017\Edital\Infra\BP Preço C010 B011 Desonerada.xlsb</t>
  </si>
  <si>
    <t>D:\21_11_2019 - PC ALGAR TECH\Desktop 22-07-19\Download\LPU ENGESET FMM&amp;FMT.xlsx</t>
  </si>
  <si>
    <t>11/21/2019 20:25:45</t>
  </si>
  <si>
    <t>D:\21_11_2019 - PC ALGAR TECH\Desktop 22-07-19\Download\mai-19.csv</t>
  </si>
  <si>
    <t>11/21/2019 20:25:47</t>
  </si>
  <si>
    <t>D:\21_11_2019 - PC ALGAR TECH\Desktop - 12-11-19\PreVendas - Governo Diogo\CGU\2017\Edital\Infra\CGU Revisado Operação-Novembro.xlsb</t>
  </si>
  <si>
    <t>D:\21_11_2019 - PC ALGAR TECH\Desktop 22-07-19\Download\mai-19.csv:Zone.Identifier</t>
  </si>
  <si>
    <t>11/21/2019 20:25:48</t>
  </si>
  <si>
    <t>D:\21_11_2019 - PC ALGAR TECH\Desktop - 12-11-19\PreVendas - Governo Diogo\CGU\2017\Edital\Infra\CGU Revisado Operação.xlsb</t>
  </si>
  <si>
    <t>D:\21_11_2019 - PC ALGAR TECH\Desktop 22-07-19\Download\mar-19.csv</t>
  </si>
  <si>
    <t>D:\21_11_2019 - PC ALGAR TECH\Desktop 22-07-19\Download\mar-19.csv:Zone.Identifier</t>
  </si>
  <si>
    <t>11/21/2019 20:25:51</t>
  </si>
  <si>
    <t>D:\21_11_2019 - PC ALGAR TECH\Desktop - 12-11-19\PreVendas - Governo Diogo\CGU\2017\Edital\SD\BP Preço C010 B010.xlsb</t>
  </si>
  <si>
    <t>11/21/2019 20:25:53</t>
  </si>
  <si>
    <t>D:\21_11_2019 - PC ALGAR TECH\Desktop - 12-11-19\PreVendas - Governo Diogo\CGU\2017\Edital\SD\Cenário 1.xlsb</t>
  </si>
  <si>
    <t>11/21/2019 20:25:55</t>
  </si>
  <si>
    <t>D:\21_11_2019 - PC ALGAR TECH\Desktop 22-07-19\Download\MRS - Operação - v3 - Com Cervello - BP Preço C011 B012 Desonerada.xlsb</t>
  </si>
  <si>
    <t>11/21/2019 20:25:56</t>
  </si>
  <si>
    <t>D:\21_11_2019 - PC ALGAR TECH\Desktop - 12-11-19\PreVendas - Governo Diogo\CGU\2017\Edital\SD\Cenário 2.xlsb</t>
  </si>
  <si>
    <t>D:\21_11_2019 - PC ALGAR TECH\Desktop 22-07-19\Download\mvigainb.3ge.csv</t>
  </si>
  <si>
    <t>D:\21_11_2019 - PC ALGAR TECH\Desktop 22-07-19\Download\mvigainb.3ge.csv:Zone.Identifier</t>
  </si>
  <si>
    <t>11/21/2019 20:25:59</t>
  </si>
  <si>
    <t>D:\21_11_2019 - PC ALGAR TECH\Desktop - 12-11-19\PreVendas - Governo Diogo\CGU\2017\Edital\SD\Cenário 3.xlsb</t>
  </si>
  <si>
    <t>11/21/2019 20:26:00</t>
  </si>
  <si>
    <t>D:\21_11_2019 - PC ALGAR TECH\Desktop - 12-11-19\PreVendas - Governo Diogo\CGU\2017\Edital\SD\Compartilhado 10.xlsb</t>
  </si>
  <si>
    <t>11/21/2019 20:26:02</t>
  </si>
  <si>
    <t>D:\21_11_2019 - PC ALGAR TECH\Desktop - 12-11-19\PreVendas - Governo Diogo\CGU\2017\Edital\SD\Compartilhado 16.xlsb</t>
  </si>
  <si>
    <t>11/21/2019 20:26:04</t>
  </si>
  <si>
    <t>D:\21_11_2019 - PC ALGAR TECH\Desktop - 12-11-19\PreVendas - Governo Diogo\CGU\2017\Edital\SD\Compartilhado 23.xlsb</t>
  </si>
  <si>
    <t>D:\21_11_2019 - PC ALGAR TECH\Desktop 22-07-19\Download\nbjuitwb.rht.csv</t>
  </si>
  <si>
    <t>D:\21_11_2019 - PC ALGAR TECH\Desktop 22-07-19\Download\nbjuitwb.rht.csv:Zone.Identifier</t>
  </si>
  <si>
    <t>11/21/2019 20:26:05</t>
  </si>
  <si>
    <t>D:\21_11_2019 - PC ALGAR TECH\Desktop - 12-11-19\PreVendas - Governo Diogo\CGU\2017\Edital\SD\Custo Torre Onerado.xlsb</t>
  </si>
  <si>
    <t>11/21/2019 20:26:07</t>
  </si>
  <si>
    <t>D:\21_11_2019 - PC ALGAR TECH\Desktop - 12-11-19\PreVendas - Governo Diogo\CGU\2017\Edital\SD\Custo Torre VPL Ano 1 50%.xlsb</t>
  </si>
  <si>
    <t>11/21/2019 20:26:08</t>
  </si>
  <si>
    <t>D:\21_11_2019 - PC ALGAR TECH\Desktop - 12-11-19\PreVendas - Governo Diogo\CGU\2017\Edital\SD\Custo Torre VPL Ano 1.xlsb</t>
  </si>
  <si>
    <t>11/21/2019 20:26:10</t>
  </si>
  <si>
    <t>D:\21_11_2019 - PC ALGAR TECH\Desktop - 12-11-19\PreVendas - Governo Diogo\CGU\2017\Edital\SD\Custo Torre.xlsb</t>
  </si>
  <si>
    <t>D:\21_11_2019 - PC ALGAR TECH\Desktop 22-07-19\Download\omvn2wuq.1u0.csv</t>
  </si>
  <si>
    <t>D:\21_11_2019 - PC ALGAR TECH\Desktop 22-07-19\Download\omvn2wuq.1u0.csv:Zone.Identifier</t>
  </si>
  <si>
    <t>D:\21_11_2019 - PC ALGAR TECH\Desktop - 12-11-19\PreVendas - Governo Diogo\CGU\2018\SD\Cotação\Cotação.xlsx</t>
  </si>
  <si>
    <t>11/21/2019 20:26:12</t>
  </si>
  <si>
    <t>D:\21_11_2019 - PC ALGAR TECH\Desktop - 12-11-19\PreVendas - Governo Diogo\CGU\2018\SD\Publicado\Pricing CGU.xlsx</t>
  </si>
  <si>
    <t>11/21/2019 20:26:15</t>
  </si>
  <si>
    <t>D:\21_11_2019 - PC ALGAR TECH\Desktop 22-07-19\Download\Oportunidades por data criação (System Date).xlsx</t>
  </si>
  <si>
    <t>D:\21_11_2019 - PC ALGAR TECH\Desktop - 12-11-19\PreVendas - Governo Diogo\CGU\2019\cotação.xlsx</t>
  </si>
  <si>
    <t>D:\21_11_2019 - PC ALGAR TECH\Desktop 22-07-19\Download\Oportunidades por data criação - bu approval (1).xlsx</t>
  </si>
  <si>
    <t>11/21/2019 20:26:19</t>
  </si>
  <si>
    <t>D:\21_11_2019 - PC ALGAR TECH\Desktop 22-07-19\Download\Oportunidades por data criação - bu approval (10).xlsx</t>
  </si>
  <si>
    <t>11/21/2019 20:26:22</t>
  </si>
  <si>
    <t>D:\21_11_2019 - PC ALGAR TECH\Desktop 22-07-19\Download\Oportunidades por data criação - bu approval (11).xlsx</t>
  </si>
  <si>
    <t>11/21/2019 20:26:26</t>
  </si>
  <si>
    <t>D:\21_11_2019 - PC ALGAR TECH\Desktop 22-07-19\Download\Oportunidades por data criação - bu approval (12).xlsx</t>
  </si>
  <si>
    <t>11/21/2019 20:26:29</t>
  </si>
  <si>
    <t>D:\21_11_2019 - PC ALGAR TECH\Desktop 22-07-19\Download\Oportunidades por data criação - bu approval (13).xlsx</t>
  </si>
  <si>
    <t>11/21/2019 20:26:32</t>
  </si>
  <si>
    <t>D:\21_11_2019 - PC ALGAR TECH\Desktop 22-07-19\Download\Oportunidades por data criação - bu approval (14).xlsx</t>
  </si>
  <si>
    <t>11/21/2019 20:26:36</t>
  </si>
  <si>
    <t>D:\21_11_2019 - PC ALGAR TECH\Desktop 22-07-19\Download\Oportunidades por data criação - bu approval (15).xlsx</t>
  </si>
  <si>
    <t>D:\21_11_2019 - PC ALGAR TECH\Desktop - 12-11-19\PreVendas - Governo Diogo\CGU\Supressao\suporte local.xlsb</t>
  </si>
  <si>
    <t>11/21/2019 20:26:39</t>
  </si>
  <si>
    <t>D:\21_11_2019 - PC ALGAR TECH\Desktop 22-07-19\Download\Oportunidades por data criação - bu approval (16).xlsx</t>
  </si>
  <si>
    <t>11/21/2019 20:26:40</t>
  </si>
  <si>
    <t>D:\21_11_2019 - PC ALGAR TECH\Desktop - 12-11-19\PreVendas - Governo Diogo\CHS Sorocaba\Cotacao.xlsb</t>
  </si>
  <si>
    <t>11/21/2019 20:26:43</t>
  </si>
  <si>
    <t>D:\21_11_2019 - PC ALGAR TECH\Desktop 22-07-19\Download\Oportunidades por data criação - bu approval (17).xlsx</t>
  </si>
  <si>
    <t>11/21/2019 20:26:47</t>
  </si>
  <si>
    <t>D:\21_11_2019 - PC ALGAR TECH\Desktop 22-07-19\Download\Oportunidades por data criação - bu approval (18).xlsx</t>
  </si>
  <si>
    <t>11/21/2019 20:26:48</t>
  </si>
  <si>
    <t>D:\21_11_2019 - PC ALGAR TECH\Desktop - 12-11-19\PreVendas - Governo Diogo\Cidadão Digital\BP_Matheus.xlsb</t>
  </si>
  <si>
    <t>11/21/2019 20:26:52</t>
  </si>
  <si>
    <t>D:\21_11_2019 - PC ALGAR TECH\Desktop 22-07-19\Download\Oportunidades por data criação - bu approval (19).xlsx</t>
  </si>
  <si>
    <t>D:\21_11_2019 - PC ALGAR TECH\Desktop - 12-11-19\PreVendas - Governo Diogo\Cidadão Digital\Indicadores BP.xlsx</t>
  </si>
  <si>
    <t>D:\21_11_2019 - PC ALGAR TECH\Desktop - 12-11-19\PreVendas - Governo Diogo\CJF\Pontos Relevantes.xlsx</t>
  </si>
  <si>
    <t>11/21/2019 20:26:55</t>
  </si>
  <si>
    <t>D:\21_11_2019 - PC ALGAR TECH\Desktop 22-07-19\Download\Oportunidades por data criação - bu approval (2).xlsx</t>
  </si>
  <si>
    <t>11/21/2019 20:26:58</t>
  </si>
  <si>
    <t>D:\21_11_2019 - PC ALGAR TECH\Desktop 22-07-19\Download\Oportunidades por data criação - bu approval (20).xlsx</t>
  </si>
  <si>
    <t>11/21/2019 20:27:02</t>
  </si>
  <si>
    <t>D:\21_11_2019 - PC ALGAR TECH\Desktop 22-07-19\Download\Oportunidades por data criação - bu approval (21).xlsx</t>
  </si>
  <si>
    <t>D:\21_11_2019 - PC ALGAR TECH\Desktop 22-07-19\Download\Oportunidades por data criação - bu approval (22).xlsx</t>
  </si>
  <si>
    <t>11/21/2019 20:27:06</t>
  </si>
  <si>
    <t>D:\21_11_2019 - PC ALGAR TECH\Desktop 22-07-19\Download\Oportunidades por data criação - bu approval (23).xlsx</t>
  </si>
  <si>
    <t>11/21/2019 20:27:09</t>
  </si>
  <si>
    <t>D:\21_11_2019 - PC ALGAR TECH\Desktop 22-07-19\Download\Oportunidades por data criação - bu approval (24).xlsx</t>
  </si>
  <si>
    <t>D:\21_11_2019 - PC ALGAR TECH\Desktop - 12-11-19\PreVendas - Governo Diogo\CJF\2014\Infraestrutura\C&amp;R.xlsx</t>
  </si>
  <si>
    <t>11/21/2019 20:27:13</t>
  </si>
  <si>
    <t>D:\21_11_2019 - PC ALGAR TECH\Desktop 22-07-19\Download\Oportunidades por data criação - bu approval (3).xlsx</t>
  </si>
  <si>
    <t>D:\21_11_2019 - PC ALGAR TECH\Desktop - 12-11-19\PreVendas - Governo Diogo\CJF\2014\Infraestrutura\CJF Estudos Preliminares.xlsx</t>
  </si>
  <si>
    <t>D:\21_11_2019 - PC ALGAR TECH\Desktop - 12-11-19\PreVendas - Governo Diogo\CJF\2014\Infraestrutura\CJF Final.xlsx</t>
  </si>
  <si>
    <t>11/21/2019 20:27:16</t>
  </si>
  <si>
    <t>D:\21_11_2019 - PC ALGAR TECH\Desktop 22-07-19\Download\Oportunidades por data criação - bu approval (4).xlsx</t>
  </si>
  <si>
    <t>D:\21_11_2019 - PC ALGAR TECH\Desktop - 12-11-19\PreVendas - Governo Diogo\CJF\2014\Infraestrutura\Curva de OPEX.xlsx</t>
  </si>
  <si>
    <t>D:\21_11_2019 - PC ALGAR TECH\Desktop - 12-11-19\PreVendas - Governo Diogo\CJF\2014\Infraestrutura\Estratificação da Adoção.xlsx</t>
  </si>
  <si>
    <t>11/21/2019 20:27:19</t>
  </si>
  <si>
    <t>D:\21_11_2019 - PC ALGAR TECH\Desktop 22-07-19\Download\Oportunidades por data criação - bu approval (5).xlsx</t>
  </si>
  <si>
    <t>11/21/2019 20:27:20</t>
  </si>
  <si>
    <t>D:\21_11_2019 - PC ALGAR TECH\Desktop - 12-11-19\PreVendas - Governo Diogo\CJF\2014\Infraestrutura\Lote 1.xlsb</t>
  </si>
  <si>
    <t>11/21/2019 20:27:23</t>
  </si>
  <si>
    <t>D:\21_11_2019 - PC ALGAR TECH\Desktop 22-07-19\Download\Oportunidades por data criação - bu approval (6).xlsx</t>
  </si>
  <si>
    <t>11/21/2019 20:27:24</t>
  </si>
  <si>
    <t>D:\21_11_2019 - PC ALGAR TECH\Desktop - 12-11-19\PreVendas - Governo Diogo\CJF\2014\Infraestrutura\Lote 2.xlsb</t>
  </si>
  <si>
    <t>11/21/2019 20:27:27</t>
  </si>
  <si>
    <t>D:\21_11_2019 - PC ALGAR TECH\Desktop 22-07-19\Download\Oportunidades por data criação - bu approval (7).xlsx</t>
  </si>
  <si>
    <t>D:\21_11_2019 - PC ALGAR TECH\Desktop - 12-11-19\PreVendas - Governo Diogo\CJF\2014\Infraestrutura\Lote 3.xlsb</t>
  </si>
  <si>
    <t>11/21/2019 20:27:31</t>
  </si>
  <si>
    <t>D:\21_11_2019 - PC ALGAR TECH\Desktop 22-07-19\Download\Oportunidades por data criação - bu approval (8).xlsx</t>
  </si>
  <si>
    <t>D:\21_11_2019 - PC ALGAR TECH\Desktop - 12-11-19\PreVendas - Governo Diogo\CJF\2014\Segurança\Item 1.xlsb</t>
  </si>
  <si>
    <t>11/21/2019 20:27:34</t>
  </si>
  <si>
    <t>D:\21_11_2019 - PC ALGAR TECH\Desktop 22-07-19\Download\Oportunidades por data criação - bu approval (9).xlsx</t>
  </si>
  <si>
    <t>11/21/2019 20:28:36</t>
  </si>
  <si>
    <t>D:\21_11_2019 - PC ALGAR TECH\Desktop 22-07-19\Download\Oportunidades por data criação - bu approval 04-12.xlsx</t>
  </si>
  <si>
    <t>11/21/2019 20:28:37</t>
  </si>
  <si>
    <t>D:\21_11_2019 - PC ALGAR TECH\Desktop - 12-11-19\PreVendas - Governo Diogo\CJF\2016\SD\Pré Publicação\05-2016\Cotação.xlsx</t>
  </si>
  <si>
    <t>11/21/2019 20:28:38</t>
  </si>
  <si>
    <t>D:\21_11_2019 - PC ALGAR TECH\Desktop 22-07-19\Download\Oportunidades por data criação - bu approval.xlsx</t>
  </si>
  <si>
    <t>11/21/2019 20:28:40</t>
  </si>
  <si>
    <t>D:\21_11_2019 - PC ALGAR TECH\Desktop 22-07-19\Download\Oportunidades por data de fechamento v2 (sem filtros).xlsx</t>
  </si>
  <si>
    <t>11/21/2019 20:28:43</t>
  </si>
  <si>
    <t>D:\21_11_2019 - PC ALGAR TECH\Desktop 22-07-19\Download\Oportunidades por data fechamento - detalhado - emissão proposta (1).xlsx</t>
  </si>
  <si>
    <t>11/21/2019 20:28:47</t>
  </si>
  <si>
    <t>D:\21_11_2019 - PC ALGAR TECH\Desktop 22-07-19\Download\Oportunidades por data fechamento - detalhado - emissão proposta (2).xlsx</t>
  </si>
  <si>
    <t>11/21/2019 20:28:48</t>
  </si>
  <si>
    <t>D:\21_11_2019 - PC ALGAR TECH\Desktop 22-07-19\Download\Oportunidades por data fechamento - detalhado - emissão proposta (3).xlsx</t>
  </si>
  <si>
    <t>11/21/2019 20:28:49</t>
  </si>
  <si>
    <t>D:\21_11_2019 - PC ALGAR TECH\Desktop - 12-11-19\PreVendas - Governo Diogo\CJF\2016\SD\Publicado\BP.xlsb</t>
  </si>
  <si>
    <t>11/21/2019 20:28:51</t>
  </si>
  <si>
    <t>D:\21_11_2019 - PC ALGAR TECH\Desktop 22-07-19\Download\Oportunidades por data fechamento - detalhado - emissão proposta (4).xlsx</t>
  </si>
  <si>
    <t>11/21/2019 20:28:54</t>
  </si>
  <si>
    <t>D:\21_11_2019 - PC ALGAR TECH\Desktop 22-07-19\Download\Oportunidades por data fechamento - detalhado - emissão proposta (5).xlsx</t>
  </si>
  <si>
    <t>11/21/2019 20:28:55</t>
  </si>
  <si>
    <t>D:\21_11_2019 - PC ALGAR TECH\Desktop - 12-11-19\PreVendas - Governo Diogo\CJF\2016\SD\Publicado\Republicado\BP.xlsb</t>
  </si>
  <si>
    <t>11/21/2019 20:28:56</t>
  </si>
  <si>
    <t>D:\21_11_2019 - PC ALGAR TECH\Desktop 22-07-19\Download\Oportunidades por data fechamento - detalhado - emissão proposta (6).xlsx</t>
  </si>
  <si>
    <t>D:\21_11_2019 - PC ALGAR TECH\Desktop - 12-11-19\PreVendas - Governo Diogo\CJF\2016\SD\Publicado\Republicado\Insumos.xlsx</t>
  </si>
  <si>
    <t>11/21/2019 20:28:57</t>
  </si>
  <si>
    <t>D:\21_11_2019 - PC ALGAR TECH\Desktop - 12-11-19\PreVendas - Governo Diogo\CJF\2019\Infra\Cotação\Pricing 04-04.xlsx</t>
  </si>
  <si>
    <t>11/21/2019 20:29:00</t>
  </si>
  <si>
    <t>D:\21_11_2019 - PC ALGAR TECH\Desktop 22-07-19\Download\Oportunidades por data fechamento - detalhado - emissão proposta.xlsx</t>
  </si>
  <si>
    <t>11/21/2019 20:29:04</t>
  </si>
  <si>
    <t>D:\21_11_2019 - PC ALGAR TECH\Desktop 22-07-19\Download\Oportunidades por data fechamento DETALHADO.xlsx</t>
  </si>
  <si>
    <t>11/21/2019 20:29:05</t>
  </si>
  <si>
    <t>D:\21_11_2019 - PC ALGAR TECH\Desktop - 12-11-19\PreVendas - Governo Diogo\CMOC\Recorrente.xlsb</t>
  </si>
  <si>
    <t>11/21/2019 20:29:06</t>
  </si>
  <si>
    <t>D:\21_11_2019 - PC ALGAR TECH\Desktop - 12-11-19\PreVendas - Governo Diogo\CMOC\SETUP.xlsb</t>
  </si>
  <si>
    <t>11/21/2019 20:29:07</t>
  </si>
  <si>
    <t>D:\21_11_2019 - PC ALGAR TECH\Desktop 22-07-19\Download\Oportunidades por data fechamento v3.xlsx</t>
  </si>
  <si>
    <t>11/21/2019 20:29:08</t>
  </si>
  <si>
    <t>D:\21_11_2019 - PC ALGAR TECH\Desktop - 12-11-19\PreVendas - Governo Diogo\CNEN RJ\BP.xlsb</t>
  </si>
  <si>
    <t>D:\21_11_2019 - PC ALGAR TECH\Desktop 22-07-19\Download\ouwqxyth.12k.csv</t>
  </si>
  <si>
    <t>D:\21_11_2019 - PC ALGAR TECH\Desktop 22-07-19\Download\ouwqxyth.12k.csv:Zone.Identifier</t>
  </si>
  <si>
    <t>D:\21_11_2019 - PC ALGAR TECH\Desktop 22-07-19\Download\p2hdnsxn.5it.csv</t>
  </si>
  <si>
    <t>11/21/2019 20:29:09</t>
  </si>
  <si>
    <t>D:\21_11_2019 - PC ALGAR TECH\Desktop 22-07-19\Download\p2hdnsxn.5it.csv:Zone.Identifier</t>
  </si>
  <si>
    <t>11/21/2019 20:29:10</t>
  </si>
  <si>
    <t>D:\21_11_2019 - PC ALGAR TECH\Desktop - 12-11-19\PreVendas - Governo Diogo\CNJ\2015\Infra\Cópia de BP de Preços Projetos _Nova Início - V 2015-6-009.xlsb</t>
  </si>
  <si>
    <t>D:\21_11_2019 - PC ALGAR TECH\Desktop 22-07-19\Download\Pacote completo (1).xlsx</t>
  </si>
  <si>
    <t>11/21/2019 20:29:11</t>
  </si>
  <si>
    <t>D:\21_11_2019 - PC ALGAR TECH\Desktop 22-07-19\Download\Pacote completo.xlsx</t>
  </si>
  <si>
    <t>11/21/2019 20:29:13</t>
  </si>
  <si>
    <t>D:\21_11_2019 - PC ALGAR TECH\Desktop - 12-11-19\PreVendas - Governo Diogo\CNJ\2015\Infra\republicado\Cópia de BP de Preços Projetos _Nova Início - V 2015-6-009.xlsb</t>
  </si>
  <si>
    <t>D:\21_11_2019 - PC ALGAR TECH\Desktop - 12-11-19\PreVendas - Governo Diogo\CNJ\2015\Infra\republicado\Desenho.xlsx</t>
  </si>
  <si>
    <t>D:\21_11_2019 - PC ALGAR TECH\Desktop 22-07-19\Download\password_2007_2010.xlam</t>
  </si>
  <si>
    <t>D:\21_11_2019 - PC ALGAR TECH\Desktop - 12-11-19\PreVendas - Governo Diogo\CNJ\2015\Infra\republicado\IN-02-Diogo_note.xls</t>
  </si>
  <si>
    <t>D:\21_11_2019 - PC ALGAR TECH\Desktop - 12-11-19\PreVendas - Governo Diogo\CNJ\2015\Infra\republicado\IN-02.xls</t>
  </si>
  <si>
    <t>11/21/2019 20:29:14</t>
  </si>
  <si>
    <t>D:\21_11_2019 - PC ALGAR TECH\Desktop 22-07-19\Download\Pensao (1).xlsx</t>
  </si>
  <si>
    <t>D:\21_11_2019 - PC ALGAR TECH\Desktop 22-07-19\Download\Pensao.xlsx</t>
  </si>
  <si>
    <t>11/21/2019 20:29:15</t>
  </si>
  <si>
    <t>D:\21_11_2019 - PC ALGAR TECH\Desktop 22-07-19\Download\Petrobrás - 169229 - Análise de riscos.xlsx</t>
  </si>
  <si>
    <t>11/21/2019 20:29:17</t>
  </si>
  <si>
    <t>D:\21_11_2019 - PC ALGAR TECH\Desktop 22-07-19\Download\Pipeline Detalhado com CAPEX_ OPEX (1).xlsx</t>
  </si>
  <si>
    <t>11/21/2019 20:29:18</t>
  </si>
  <si>
    <t>D:\21_11_2019 - PC ALGAR TECH\Desktop - 12-11-19\PreVendas - Governo Diogo\CNJ\2017\SD\BP Preço C010 B009.xlsb</t>
  </si>
  <si>
    <t>11/21/2019 20:29:20</t>
  </si>
  <si>
    <t>D:\21_11_2019 - PC ALGAR TECH\Desktop 22-07-19\Download\Pipeline Detalhado com CAPEX_ OPEX (2).xlsx</t>
  </si>
  <si>
    <t>11/21/2019 20:29:21</t>
  </si>
  <si>
    <t>D:\21_11_2019 - PC ALGAR TECH\Desktop - 12-11-19\PreVendas - Governo Diogo\CNJ\2017\SD\desonerado.xlsb</t>
  </si>
  <si>
    <t>11/21/2019 20:29:23</t>
  </si>
  <si>
    <t>D:\21_11_2019 - PC ALGAR TECH\Desktop 22-07-19\Download\Pipeline Detalhado com CAPEX_ OPEX (3).xlsx</t>
  </si>
  <si>
    <t>D:\21_11_2019 - PC ALGAR TECH\Desktop - 12-11-19\PreVendas - Governo Diogo\CNJ\2017\SD\IN02 - GERAL.xlsx</t>
  </si>
  <si>
    <t>D:\21_11_2019 - PC ALGAR TECH\Desktop - 12-11-19\PreVendas - Governo Diogo\CNJ\2017\SD\Pasta de trabalho1.xlsx</t>
  </si>
  <si>
    <t>11/21/2019 20:29:24</t>
  </si>
  <si>
    <t>D:\21_11_2019 - PC ALGAR TECH\Desktop 22-07-19\Download\Pipeline Detalhado com CAPEX_ OPEX.xlsx</t>
  </si>
  <si>
    <t>11/21/2019 20:29:25</t>
  </si>
  <si>
    <t>D:\21_11_2019 - PC ALGAR TECH\Desktop - 12-11-19\PreVendas - Governo Diogo\CNJ\2017\SD\Republicado\144406 - 2017 - CNJ SD - Novembro.xlsb</t>
  </si>
  <si>
    <t>11/21/2019 20:29:27</t>
  </si>
  <si>
    <t>D:\21_11_2019 - PC ALGAR TECH\Desktop 22-07-19\Download\Pipeline Detalhado emissão proposta.xlsx</t>
  </si>
  <si>
    <t>11/21/2019 20:29:28</t>
  </si>
  <si>
    <t>D:\21_11_2019 - PC ALGAR TECH\Desktop - 12-11-19\PreVendas - Governo Diogo\CNJ\2017\SD\Republicado\CNJ_-_Pregão_Eletrônico_nº_22%2f2017_-_Edital_e_esclarecimentos.zip</t>
  </si>
  <si>
    <t>11/21/2019 20:29:30</t>
  </si>
  <si>
    <t>D:\21_11_2019 - PC ALGAR TECH\Desktop 22-07-19\Download\Pipeline Detalhado v2 (1).xlsx</t>
  </si>
  <si>
    <t>11/21/2019 20:29:31</t>
  </si>
  <si>
    <t>D:\21_11_2019 - PC ALGAR TECH\Desktop - 12-11-19\PreVendas - Governo Diogo\CNJ\2017\SD\Republicado\Cópia de BP Preço C010 B011 Desonerada.xlsb</t>
  </si>
  <si>
    <t>11/21/2019 20:29:33</t>
  </si>
  <si>
    <t>D:\21_11_2019 - PC ALGAR TECH\Desktop 22-07-19\Download\Pipeline Detalhado v2.xlsx</t>
  </si>
  <si>
    <t>D:\21_11_2019 - PC ALGAR TECH\Desktop - 12-11-19\PreVendas - Governo Diogo\CNJ\2017\SD\Republicado\CNJ_-_Pregão_Eletrônico_nº_22%2f2017_-_Edital_e_esclarecimentos\Planilha_de_Formacao_de_Precos_TIC_v2.xls</t>
  </si>
  <si>
    <t>D:\21_11_2019 - PC ALGAR TECH\Desktop - 12-11-19\PreVendas - Governo Diogo\CNJ\2017\SD\Republicado\CNJ_-_Pregão_Eletrônico_nº_22%2f2017_-_Edital_e_esclarecimentos\Planilha_de_Formacao_de_Precos_TIC_v3.xls</t>
  </si>
  <si>
    <t>D:\21_11_2019 - PC ALGAR TECH\Desktop 22-07-19\Download\Planilha - Gestão de Fornecedores de TI - Kraljic 21_11_18.xlsm</t>
  </si>
  <si>
    <t>11/21/2019 20:29:34</t>
  </si>
  <si>
    <t>D:\21_11_2019 - PC ALGAR TECH\Desktop 22-07-19\Download\Plan_Atualizada.xlsx</t>
  </si>
  <si>
    <t>11/21/2019 20:29:36</t>
  </si>
  <si>
    <t>D:\21_11_2019 - PC ALGAR TECH\Desktop - 12-11-19\PreVendas - Governo Diogo\CNJ\2019\Emergencial Segurança\BP de Preço.xlsb</t>
  </si>
  <si>
    <t>D:\21_11_2019 - PC ALGAR TECH\Desktop 22-07-19\Download\ppqb3kea.3o5.csv</t>
  </si>
  <si>
    <t>D:\21_11_2019 - PC ALGAR TECH\Desktop 22-07-19\Download\ppqb3kea.3o5.csv:Zone.Identifier</t>
  </si>
  <si>
    <t>11/21/2019 20:29:37</t>
  </si>
  <si>
    <t>D:\21_11_2019 - PC ALGAR TECH\Desktop 22-07-19\Download\Pre Sales Location (detail table).csv</t>
  </si>
  <si>
    <t>D:\21_11_2019 - PC ALGAR TECH\Desktop 22-07-19\Download\Pre Sales Location (detail table).csv:Zone.Identifier</t>
  </si>
  <si>
    <t>11/21/2019 20:29:38</t>
  </si>
  <si>
    <t>D:\21_11_2019 - PC ALGAR TECH\Desktop 22-07-19\Download\Pre Sales Location (detail table).xlsx</t>
  </si>
  <si>
    <t>11/21/2019 20:29:39</t>
  </si>
  <si>
    <t>D:\21_11_2019 - PC ALGAR TECH\Desktop - 12-11-19\PreVendas - Governo Diogo\CNJ\2019\INFRA ADITIVO\BP Aditivo CNJ Sobreaviso.xlsb</t>
  </si>
  <si>
    <t>D:\21_11_2019 - PC ALGAR TECH\Desktop 22-07-19\Download\Pre Sales Location (graph).xlsx</t>
  </si>
  <si>
    <t>11/21/2019 20:29:41</t>
  </si>
  <si>
    <t>D:\21_11_2019 - PC ALGAR TECH\Desktop - 12-11-19\PreVendas - Governo Diogo\CNJ\2019\INFRA ADITIVO\BP de Preço Recuperado.xlsb</t>
  </si>
  <si>
    <t>D:\21_11_2019 - PC ALGAR TECH\Desktop 22-07-19\Download\Preço final cliente.xlsx</t>
  </si>
  <si>
    <t>D:\21_11_2019 - PC ALGAR TECH\Desktop 22-07-19\Download\pricing.xlsx</t>
  </si>
  <si>
    <t>11/21/2019 20:29:42</t>
  </si>
  <si>
    <t>D:\21_11_2019 - PC ALGAR TECH\Desktop - 12-11-19\PreVendas - Governo Diogo\CNJ\2019\INFRA ADITIVO\BP de Preço.xlsb</t>
  </si>
  <si>
    <t>D:\21_11_2019 - PC ALGAR TECH\Desktop - 12-11-19\PreVendas - Governo Diogo\CNJ\2019\INFRA ADITIVO\IN-02.xls</t>
  </si>
  <si>
    <t>D:\21_11_2019 - PC ALGAR TECH\Desktop - 12-11-19\PreVendas - Governo Diogo\CNJ\2019\Monitoramento\BP CNJ NOC.xlsb</t>
  </si>
  <si>
    <t>D:\21_11_2019 - PC ALGAR TECH\Desktop - 12-11-19\PreVendas - Governo Diogo\CNJ\2019\Monitoramento\Dimensionamento NOC - CNJ.xlsx</t>
  </si>
  <si>
    <t>D:\21_11_2019 - PC ALGAR TECH\Desktop - 12-11-19\PreVendas - Governo Diogo\CNJ\2019\Monitoramento\Cotação\Cópia de BP Preço C012 B013 Desonerada.xlsb</t>
  </si>
  <si>
    <t>11/21/2019 20:29:48</t>
  </si>
  <si>
    <t>D:\21_11_2019 - PC ALGAR TECH\Desktop - 12-11-19\PreVendas - Governo Diogo\CNJ\2019\Repactuação INFRA\BP Repactuação Consolidado.xlsb</t>
  </si>
  <si>
    <t>11/21/2019 20:29:59</t>
  </si>
  <si>
    <t>D:\21_11_2019 - PC ALGAR TECH\Desktop 22-07-19\Download\Proposta Reajuste Soluções - 07_2019.pptx</t>
  </si>
  <si>
    <t>11/21/2019 20:30:00</t>
  </si>
  <si>
    <t>D:\21_11_2019 - PC ALGAR TECH\Desktop - 12-11-19\PreVendas - Governo Diogo\CNJ\2019\SD Aditivo\Aditivo 6x1150.xlsb</t>
  </si>
  <si>
    <t>11/21/2019 20:30:01</t>
  </si>
  <si>
    <t>D:\21_11_2019 - PC ALGAR TECH\Desktop - 12-11-19\PreVendas - Governo Diogo\CNJ\Pre-Publicação\BP.xlsm</t>
  </si>
  <si>
    <t>11/21/2019 20:30:03</t>
  </si>
  <si>
    <t>D:\21_11_2019 - PC ALGAR TECH\Desktop - 12-11-19\PreVendas - Governo Diogo\CNJ\Publicado\Planilha de Preço - Serviços Gerenciados.xlsb</t>
  </si>
  <si>
    <t>D:\21_11_2019 - PC ALGAR TECH\Desktop - 12-11-19\PreVendas - Governo Diogo\CNJ\Publicado\Premissas.xlsx</t>
  </si>
  <si>
    <t>D:\21_11_2019 - PC ALGAR TECH\Desktop - 12-11-19\PreVendas - Governo Diogo\CNMP\Racional.xlsx</t>
  </si>
  <si>
    <t>D:\21_11_2019 - PC ALGAR TECH\Desktop - 12-11-19\PreVendas - Governo Diogo\CNPq\CNPq.1.zip</t>
  </si>
  <si>
    <t>D:\21_11_2019 - PC ALGAR TECH\Desktop 22-07-19\Download\pze34qxf.2ua.csv</t>
  </si>
  <si>
    <t>D:\21_11_2019 - PC ALGAR TECH\Desktop 22-07-19\Download\pze34qxf.2ua.csv:Zone.Identifier</t>
  </si>
  <si>
    <t>D:\21_11_2019 - PC ALGAR TECH\Desktop 22-07-19\Download\qqhmsbcq.bai.csv</t>
  </si>
  <si>
    <t>11/21/2019 20:30:04</t>
  </si>
  <si>
    <t>D:\21_11_2019 - PC ALGAR TECH\Desktop 22-07-19\Download\qqhmsbcq.bai.csv:Zone.Identifier</t>
  </si>
  <si>
    <t>D:\21_11_2019 - PC ALGAR TECH\Desktop 22-07-19\Download\Quotation Number 7719171154 Suporte Grupo Profarma.msg</t>
  </si>
  <si>
    <t>11/21/2019 20:30:05</t>
  </si>
  <si>
    <t>D:\21_11_2019 - PC ALGAR TECH\Desktop 22-07-19\Download\qusye0ar.xed.csv</t>
  </si>
  <si>
    <t>D:\21_11_2019 - PC ALGAR TECH\Desktop 22-07-19\Download\qusye0ar.xed.csv:Zone.Identifier</t>
  </si>
  <si>
    <t>D:\21_11_2019 - PC ALGAR TECH\Desktop - 12-11-19\PreVendas - Governo Diogo\CNPq\2016\Desenho.xlsx</t>
  </si>
  <si>
    <t>D:\21_11_2019 - PC ALGAR TECH\Desktop - 12-11-19\PreVendas - Governo Diogo\CNPq\2016\LOTE 1 - IN02.xlsx</t>
  </si>
  <si>
    <t>D:\21_11_2019 - PC ALGAR TECH\Desktop - 12-11-19\PreVendas - Governo Diogo\CNPq\2016\LOTE 2 - IN02.xlsx</t>
  </si>
  <si>
    <t>D:\21_11_2019 - PC ALGAR TECH\Desktop - 12-11-19\PreVendas - Governo Diogo\CNPq\2016\LOTE 3 - IN02.xlsx</t>
  </si>
  <si>
    <t>11/21/2019 20:30:06</t>
  </si>
  <si>
    <t>D:\21_11_2019 - PC ALGAR TECH\Desktop - 12-11-19\PreVendas - Governo Diogo\CNPq\2016\Lote I.xlsb</t>
  </si>
  <si>
    <t>11/21/2019 20:30:08</t>
  </si>
  <si>
    <t>D:\21_11_2019 - PC ALGAR TECH\Desktop - 12-11-19\PreVendas - Governo Diogo\CNPq\2016\Lote II.xlsb</t>
  </si>
  <si>
    <t>11/21/2019 20:30:10</t>
  </si>
  <si>
    <t>D:\21_11_2019 - PC ALGAR TECH\Desktop - 12-11-19\PreVendas - Governo Diogo\CNPq\2018\1. DESENHO_SOLUÇÃO_SG_TI_V10.3.xlsx</t>
  </si>
  <si>
    <t>D:\21_11_2019 - PC ALGAR TECH\Desktop - 12-11-19\PreVendas - Governo Diogo\CNPq\2018\bckp.xlsx</t>
  </si>
  <si>
    <t>11/21/2019 20:30:11</t>
  </si>
  <si>
    <t>D:\21_11_2019 - PC ALGAR TECH\Desktop - 12-11-19\PreVendas - Governo Diogo\CNPq\2018\BP CNPq - BROADCOM.xlsb</t>
  </si>
  <si>
    <t>D:\21_11_2019 - PC ALGAR TECH\Desktop 22-07-19\Download\Relatório de Comprovação de Envio das Oportunidades (1).xlsx</t>
  </si>
  <si>
    <t>11/21/2019 20:30:13</t>
  </si>
  <si>
    <t>D:\21_11_2019 - PC ALGAR TECH\Desktop - 12-11-19\PreVendas - Governo Diogo\CNPq\2018\BP CNPq.xlsb</t>
  </si>
  <si>
    <t>D:\21_11_2019 - PC ALGAR TECH\Desktop 22-07-19\Download\Relatório de Comprovação de Envio das Oportunidades.xlsx</t>
  </si>
  <si>
    <t>D:\21_11_2019 - PC ALGAR TECH\Desktop - 12-11-19\PreVendas - Governo Diogo\CNPq\2018\CNPq - GIAT SD.xlsx</t>
  </si>
  <si>
    <t>D:\21_11_2019 - PC ALGAR TECH\Desktop 22-07-19\Download\Relatório de Comprovação de Envio do Relatório Executivo.xlsx</t>
  </si>
  <si>
    <t>D:\21_11_2019 - PC ALGAR TECH\Desktop - 12-11-19\PreVendas - Governo Diogo\CNPq\2018\Dimensionamento NOC_2018 v1.0.xlsx</t>
  </si>
  <si>
    <t>D:\21_11_2019 - PC ALGAR TECH\Desktop 22-07-19\Download\Relatório de Comprovação de Envio dos E-mails (1).xlsx</t>
  </si>
  <si>
    <t>D:\21_11_2019 - PC ALGAR TECH\Desktop 22-07-19\Download\Relatório de Comprovação de Envio dos E-mails (2).xlsx</t>
  </si>
  <si>
    <t>11/21/2019 20:30:15</t>
  </si>
  <si>
    <t>D:\21_11_2019 - PC ALGAR TECH\Desktop 22-07-19\Download\Relatório de Comprovação de Envio dos E-mails.xlsx</t>
  </si>
  <si>
    <t>D:\21_11_2019 - PC ALGAR TECH\Desktop - 12-11-19\PreVendas - Governo Diogo\CNPq\2018\FINAL CNPq - GIAT SD.xlsx</t>
  </si>
  <si>
    <t>D:\21_11_2019 - PC ALGAR TECH\Desktop 22-07-19\Download\RES RES Proposta Técnica e comercial Telcomp - Boulevard Barueri.msg</t>
  </si>
  <si>
    <t>11/21/2019 20:30:16</t>
  </si>
  <si>
    <t>D:\21_11_2019 - PC ALGAR TECH\Desktop - 12-11-19\PreVendas - Governo Diogo\CNPq\2019\Análise CNPJ Infra\Impactos.xlsx</t>
  </si>
  <si>
    <t>11/21/2019 20:30:19</t>
  </si>
  <si>
    <t>D:\21_11_2019 - PC ALGAR TECH\Desktop 22-07-19\Download\RES Você foi convidado para participar do evento Concurso SBE .msg</t>
  </si>
  <si>
    <t>D:\21_11_2019 - PC ALGAR TECH\Desktop - 12-11-19\PreVendas - Governo Diogo\CNPq\CNPq.1\Formulário de Proposta Comercial - Lote 4.xls</t>
  </si>
  <si>
    <t>11/21/2019 20:30:20</t>
  </si>
  <si>
    <t>D:\21_11_2019 - PC ALGAR TECH\Desktop - 12-11-19\PreVendas - Governo Diogo\CNPq\CNPq.1 2\2.1 - ADMINISTRADOR DE BANCO DE DADOS.xlsx</t>
  </si>
  <si>
    <t>D:\21_11_2019 - PC ALGAR TECH\Desktop - 12-11-19\PreVendas - Governo Diogo\CNPq\CNPq.1 2\2.2 - ANALISTA DE MIDLEWARE.xlsx</t>
  </si>
  <si>
    <t>D:\21_11_2019 - PC ALGAR TECH\Desktop 22-07-19\Download\RESPOSTA AOS QUESTIONAMENTOS E LPUS.zip</t>
  </si>
  <si>
    <t>D:\21_11_2019 - PC ALGAR TECH\Desktop - 12-11-19\PreVendas - Governo Diogo\CNPq\CNPq.1 2\2.3 - ANALISTA DE INTERNET_WEB.xlsx</t>
  </si>
  <si>
    <t>D:\21_11_2019 - PC ALGAR TECH\Desktop - 12-11-19\PreVendas - Governo Diogo\CNPq\CNPq.1 2\2.4 - ANALISTA DE MENSAGERIA E COLABORAÇÃO.xlsx</t>
  </si>
  <si>
    <t>11/21/2019 20:30:21</t>
  </si>
  <si>
    <t>D:\21_11_2019 - PC ALGAR TECH\Desktop - 12-11-19\PreVendas - Governo Diogo\CNPq\CNPq.1 2\Formulário de Proposta Comercial - Lote 4.xls</t>
  </si>
  <si>
    <t>D:\21_11_2019 - PC ALGAR TECH\Desktop 22-07-19\Download\Resumo estrutura.xlsx</t>
  </si>
  <si>
    <t>11/21/2019 20:31:09</t>
  </si>
  <si>
    <t>D:\21_11_2019 - PC ALGAR TECH\Desktop 22-07-19\Download\Revisão TIM.msg</t>
  </si>
  <si>
    <t>11/21/2019 20:31:10</t>
  </si>
  <si>
    <t>11/21/2019 20:31:11</t>
  </si>
  <si>
    <t>D:\21_11_2019 - PC ALGAR TECH\Desktop 22-07-19\Download\RFQ Instalação Servidores Trend Micro (1).xls</t>
  </si>
  <si>
    <t>D:\21_11_2019 - PC ALGAR TECH\Desktop 22-07-19\Download\RFQ Instalação Servidores Trend Micro (2).xls</t>
  </si>
  <si>
    <t>11/21/2019 20:31:12</t>
  </si>
  <si>
    <t>D:\21_11_2019 - PC ALGAR TECH\Desktop 22-07-19\Download\RFQ Instalação Servidores Trend Micro.xls</t>
  </si>
  <si>
    <t>D:\21_11_2019 - PC ALGAR TECH\Desktop - 12-11-19\PreVendas - Governo Diogo\CODEVASF\2019\Republicado\Cálculos USTs.xlsx</t>
  </si>
  <si>
    <t>D:\21_11_2019 - PC ALGAR TECH\Desktop 22-07-19\Download\rorbjjnz.kfn.csv</t>
  </si>
  <si>
    <t>D:\21_11_2019 - PC ALGAR TECH\Desktop 22-07-19\Download\rorbjjnz.kfn.csv:Zone.Identifier</t>
  </si>
  <si>
    <t>11/21/2019 20:31:15</t>
  </si>
  <si>
    <t>D:\21_11_2019 - PC ALGAR TECH\Desktop - 12-11-19\PreVendas - Governo Diogo\CODEVASF\2019\Republicado\Plan Precificacao C017 B017.xlsb</t>
  </si>
  <si>
    <t>D:\21_11_2019 - PC ALGAR TECH\Desktop 22-07-19\Download\s1esqymq.5cq.csv</t>
  </si>
  <si>
    <t>11/21/2019 20:31:16</t>
  </si>
  <si>
    <t>D:\21_11_2019 - PC ALGAR TECH\Desktop - 12-11-19\PreVendas - Governo Diogo\CODEVASF\2019\Republicado\Preço.xlsb</t>
  </si>
  <si>
    <t>D:\21_11_2019 - PC ALGAR TECH\Desktop 22-07-19\Download\sm1mnbkd.mtn.csv</t>
  </si>
  <si>
    <t>D:\21_11_2019 - PC ALGAR TECH\Desktop 22-07-19\Download\sm1mnbkd.mtn.csv:Zone.Identifier</t>
  </si>
  <si>
    <t>11/21/2019 20:31:17</t>
  </si>
  <si>
    <t>D:\21_11_2019 - PC ALGAR TECH\Desktop - 12-11-19\PreVendas - Governo Diogo\Compucenter\Rollout Bodyshop\Computacenter - Bodyshop - Rollout.xlsb</t>
  </si>
  <si>
    <t>11/21/2019 20:33:17</t>
  </si>
  <si>
    <t>D:\21_11_2019 - PC ALGAR TECH\Desktop - 12-11-19\PreVendas - Governo Diogo\CPFL\BP Central Algar.xlsb</t>
  </si>
  <si>
    <t>11/21/2019 20:33:18</t>
  </si>
  <si>
    <t>D:\21_11_2019 - PC ALGAR TECH\Desktop 22-07-19\Download\SUELEN_MOREIRA_MARQUES_-_CM_02.2019.xlsx</t>
  </si>
  <si>
    <t>11/21/2019 20:33:19</t>
  </si>
  <si>
    <t>D:\21_11_2019 - PC ALGAR TECH\Desktop - 12-11-19\PreVendas - Governo Diogo\CPFL\BP Preço C010 B011 Desonerada.xlsb</t>
  </si>
  <si>
    <t>11/21/2019 20:33:20</t>
  </si>
  <si>
    <t>D:\21_11_2019 - PC ALGAR TECH\Desktop - 12-11-19\PreVendas - Governo Diogo\CPFL\Duvidas_Respostas_CPFL.XLSX</t>
  </si>
  <si>
    <t>11/21/2019 20:33:21</t>
  </si>
  <si>
    <t>D:\21_11_2019 - PC ALGAR TECH\Desktop - 12-11-19\PreVendas - Governo Diogo\CPFL\Sizing.xlsx</t>
  </si>
  <si>
    <t>11/21/2019 20:33:28</t>
  </si>
  <si>
    <t>D:\21_11_2019 - PC ALGAR TECH\Desktop - 12-11-19\PreVendas - Governo Diogo\CPFL\TI Operação - Base .xlsx</t>
  </si>
  <si>
    <t>11/21/2019 20:33:31</t>
  </si>
  <si>
    <t>D:\21_11_2019 - PC ALGAR TECH\Desktop - 12-11-19\PreVendas - Governo Diogo\CPFL\Revisão 3\CPFL Cenário 02_v4_BP Preço C010 B011 Desonerada.xlsb</t>
  </si>
  <si>
    <t>11/21/2019 20:33:32</t>
  </si>
  <si>
    <t>D:\21_11_2019 - PC ALGAR TECH\Desktop - 12-11-19\PreVendas - Governo Diogo\CPFL\Revisão 3\CPFL Cenário 02_v4_REV3.xlsb</t>
  </si>
  <si>
    <t>D:\21_11_2019 - PC ALGAR TECH\Desktop 22-07-19\Download\Template_-_TRANSFERENCIA_ENTRE_EMPRESAS_-_Suelen.xlsx</t>
  </si>
  <si>
    <t>11/21/2019 20:33:33</t>
  </si>
  <si>
    <t>D:\21_11_2019 - PC ALGAR TECH\Desktop 22-07-19\Download\Template_Alteracao_CR_ou_Sindicato_(1).xlsx</t>
  </si>
  <si>
    <t>D:\21_11_2019 - PC ALGAR TECH\Desktop 22-07-19\Download\Template_Padrao_-_Transferencia.xlsx</t>
  </si>
  <si>
    <t>D:\21_11_2019 - PC ALGAR TECH\Desktop 22-07-19\Download\tmoypp14.dch.csv</t>
  </si>
  <si>
    <t>D:\21_11_2019 - PC ALGAR TECH\Desktop - 12-11-19\PreVendas - Governo Diogo\CPRM\Racionais.xlsx</t>
  </si>
  <si>
    <t>11/21/2019 20:33:34</t>
  </si>
  <si>
    <t>D:\21_11_2019 - PC ALGAR TECH\Desktop - 12-11-19\PreVendas - Governo Diogo\CREA-SP\BP_Final_36_Meses.xlsb</t>
  </si>
  <si>
    <t>D:\21_11_2019 - PC ALGAR TECH\Desktop 22-07-19\Download\twnlwyl0.fva.csv</t>
  </si>
  <si>
    <t>D:\21_11_2019 - PC ALGAR TECH\Desktop 22-07-19\Download\twnlwyl0.fva.csv:Zone.Identifier</t>
  </si>
  <si>
    <t>D:\21_11_2019 - PC ALGAR TECH\Desktop 22-07-19\Download\uaac1vus.mbb.csv</t>
  </si>
  <si>
    <t>D:\21_11_2019 - PC ALGAR TECH\Desktop 22-07-19\Download\uaac1vus.mbb.csv:Zone.Identifier</t>
  </si>
  <si>
    <t>11/21/2019 20:33:35</t>
  </si>
  <si>
    <t>D:\21_11_2019 - PC ALGAR TECH\Desktop 22-07-19\Download\uny1uzft.3ro.csv</t>
  </si>
  <si>
    <t>11/21/2019 20:33:36</t>
  </si>
  <si>
    <t>D:\21_11_2019 - PC ALGAR TECH\Desktop - 12-11-19\PreVendas - Governo Diogo\Cyrella\BS Field\Cyrella BS FS.xlsb</t>
  </si>
  <si>
    <t>D:\21_11_2019 - PC ALGAR TECH\Desktop 22-07-19\Download\uny1uzft.3ro.csv:Zone.Identifier</t>
  </si>
  <si>
    <t>11/21/2019 20:33:37</t>
  </si>
  <si>
    <t>D:\21_11_2019 - PC ALGAR TECH\Desktop - 12-11-19\PreVendas - Governo Diogo\Câmara\Cópia de Planilha de Preço - Serviços Gerenciados.xlsb</t>
  </si>
  <si>
    <t>D:\21_11_2019 - PC ALGAR TECH\Desktop 22-07-19\Download\vaoqv2u5.plh.csv</t>
  </si>
  <si>
    <t>D:\21_11_2019 - PC ALGAR TECH\Desktop 22-07-19\Download\vaoqv2u5.plh.csv:Zone.Identifier</t>
  </si>
  <si>
    <t>11/21/2019 20:33:39</t>
  </si>
  <si>
    <t>D:\21_11_2019 - PC ALGAR TECH\Desktop 22-07-19\Download\Vendas Detalhado (1).xlsx</t>
  </si>
  <si>
    <t>D:\21_11_2019 - PC ALGAR TECH\Desktop - 12-11-19\PreVendas - Governo Diogo\Câmara\Pasta1.xlsx</t>
  </si>
  <si>
    <t>D:\21_11_2019 - PC ALGAR TECH\Desktop 22-07-19\Download\Vendas Detalhado (2).xlsx</t>
  </si>
  <si>
    <t>11/21/2019 20:33:40</t>
  </si>
  <si>
    <t>D:\21_11_2019 - PC ALGAR TECH\Desktop - 12-11-19\PreVendas - Governo Diogo\Câmara\Planilha de Preço - Serviços Gerenciados.xlsb</t>
  </si>
  <si>
    <t>11/21/2019 20:33:41</t>
  </si>
  <si>
    <t>D:\21_11_2019 - PC ALGAR TECH\Desktop 22-07-19\Download\Vendas Detalhado (3).xlsx</t>
  </si>
  <si>
    <t>D:\21_11_2019 - PC ALGAR TECH\Desktop - 12-11-19\PreVendas - Governo Diogo\Câmara\Preço - Serviços Gerenciados COM PBM Aux. Alim..xlsb</t>
  </si>
  <si>
    <t>11/21/2019 20:33:42</t>
  </si>
  <si>
    <t>D:\21_11_2019 - PC ALGAR TECH\Desktop 22-07-19\Download\Vendas Detalhado (4).xlsx</t>
  </si>
  <si>
    <t>D:\21_11_2019 - PC ALGAR TECH\Desktop - 12-11-19\PreVendas - Governo Diogo\Câmara\Preço - Serviços Gerenciados COM PBM.xlsb</t>
  </si>
  <si>
    <t>D:\21_11_2019 - PC ALGAR TECH\Desktop 22-07-19\Download\Vendas Detalhado (5).xlsx</t>
  </si>
  <si>
    <t>11/21/2019 20:33:43</t>
  </si>
  <si>
    <t>D:\21_11_2019 - PC ALGAR TECH\Desktop - 12-11-19\PreVendas - Governo Diogo\Câmara\Preço - Serviços Gerenciados SEM PBM.xlsb</t>
  </si>
  <si>
    <t>D:\21_11_2019 - PC ALGAR TECH\Desktop 22-07-19\Download\Vendas Detalhado (6).xlsx</t>
  </si>
  <si>
    <t>11/21/2019 20:33:45</t>
  </si>
  <si>
    <t>D:\21_11_2019 - PC ALGAR TECH\Desktop - 12-11-19\PreVendas - Governo Diogo\Câmara\Atualizado\ABERTO - Planilha de Preço - Serviços Gerenciados V2.xlsb</t>
  </si>
  <si>
    <t>D:\21_11_2019 - PC ALGAR TECH\Desktop 22-07-19\Download\Vendas Detalhado - alteração fusion.xlsx</t>
  </si>
  <si>
    <t>D:\21_11_2019 - PC ALGAR TECH\Desktop - 12-11-19\PreVendas - Governo Diogo\Câmara\Atualizado\ABERTO - SEM MENOR E INSS.xlsb</t>
  </si>
  <si>
    <t>11/21/2019 20:33:50</t>
  </si>
  <si>
    <t>D:\21_11_2019 - PC ALGAR TECH\Desktop 22-07-19\Download\Vendas Detalhado v2.xlsx</t>
  </si>
  <si>
    <t>D:\21_11_2019 - PC ALGAR TECH\Desktop - 12-11-19\PreVendas - Governo Diogo\Câmara\Atualizado\custos câmara.xlsx</t>
  </si>
  <si>
    <t>11/21/2019 20:33:51</t>
  </si>
  <si>
    <t>D:\21_11_2019 - PC ALGAR TECH\Desktop - 12-11-19\PreVendas - Governo Diogo\Câmara\Atualizado\Planilha de Preço - Serviços Gerenciados V2.xlsb</t>
  </si>
  <si>
    <t>11/21/2019 20:33:52</t>
  </si>
  <si>
    <t>D:\21_11_2019 - PC ALGAR TECH\Desktop 22-07-19\Download\Vendas Detalhado.xlsx</t>
  </si>
  <si>
    <t>11/21/2019 20:33:53</t>
  </si>
  <si>
    <t>D:\21_11_2019 - PC ALGAR TECH\Desktop - 12-11-19\PreVendas - Governo Diogo\Câmara\Cervello SaaS\1.2 Parametrização.xlsb</t>
  </si>
  <si>
    <t>11/21/2019 20:33:54</t>
  </si>
  <si>
    <t>D:\21_11_2019 - PC ALGAR TECH\Desktop 22-07-19\Download\Vendas Resumido v6 (1).xlsx</t>
  </si>
  <si>
    <t>11/21/2019 20:33:55</t>
  </si>
  <si>
    <t>D:\21_11_2019 - PC ALGAR TECH\Desktop - 12-11-19\PreVendas - Governo Diogo\Câmara\Cervello SaaS\1.3 1.4 1.5 Treinamentos.xlsb</t>
  </si>
  <si>
    <t>11/21/2019 20:33:56</t>
  </si>
  <si>
    <t>D:\21_11_2019 - PC ALGAR TECH\Desktop 22-07-19\Download\Vendas Resumido v6.xlsx</t>
  </si>
  <si>
    <t>D:\21_11_2019 - PC ALGAR TECH\Desktop - 12-11-19\PreVendas - Governo Diogo\Câmara\Cervello SaaS\Consolidado.xlsx</t>
  </si>
  <si>
    <t>11/21/2019 20:33:58</t>
  </si>
  <si>
    <t>D:\21_11_2019 - PC ALGAR TECH\Desktop - 12-11-19\PreVendas - Governo Diogo\Câmara\Cervello SaaS\Licenças.xlsb</t>
  </si>
  <si>
    <t>D:\21_11_2019 - PC ALGAR TECH\Desktop 22-07-19\Download\vmifeiun.3hf.csv</t>
  </si>
  <si>
    <t>D:\21_11_2019 - PC ALGAR TECH\Desktop - 12-11-19\PreVendas - Governo Diogo\Câmara\Igor\Cópia de Planilha de Preço - Serviços Gerenciados.xlsb</t>
  </si>
  <si>
    <t>11/21/2019 20:33:59</t>
  </si>
  <si>
    <t>D:\21_11_2019 - PC ALGAR TECH\Desktop 22-07-19\Download\vqfdw1vb.o0r.csv</t>
  </si>
  <si>
    <t>D:\21_11_2019 - PC ALGAR TECH\Desktop 22-07-19\Download\vqfdw1vb.o0r.csv:Zone.Identifier</t>
  </si>
  <si>
    <t>D:\21_11_2019 - PC ALGAR TECH\Desktop - 12-11-19\PreVendas - Governo Diogo\Câmara\Igor\DRE.xlsx</t>
  </si>
  <si>
    <t>D:\21_11_2019 - PC ALGAR TECH\Desktop - 12-11-19\PreVendas - Governo Diogo\Câmara\Igor\Matriz Favorabilidade.xlsx</t>
  </si>
  <si>
    <t>11/21/2019 20:34:01</t>
  </si>
  <si>
    <t>D:\21_11_2019 - PC ALGAR TECH\Desktop - 12-11-19\PreVendas - Governo Diogo\Câmara Legislativa\BP.xlsb</t>
  </si>
  <si>
    <t>11/21/2019 20:34:02</t>
  </si>
  <si>
    <t>D:\21_11_2019 - PC ALGAR TECH\Desktop - 12-11-19\PreVendas - Governo Diogo\Datasus\2013\Catálogo.xlsx</t>
  </si>
  <si>
    <t>D:\21_11_2019 - PC ALGAR TECH\Desktop - 12-11-19\PreVendas - Governo Diogo\Datasus\2013\Dimensionamento Produtividade.xlsx</t>
  </si>
  <si>
    <t>11/21/2019 20:34:04</t>
  </si>
  <si>
    <t>D:\21_11_2019 - PC ALGAR TECH\Desktop - 12-11-19\PreVendas - Governo Diogo\Datasus\2013\Preço.xlsm</t>
  </si>
  <si>
    <t>D:\21_11_2019 - PC ALGAR TECH\Desktop - 12-11-19\PreVendas - Governo Diogo\Datasus\2017\SD\Auxiliar.xlsx</t>
  </si>
  <si>
    <t>11/21/2019 20:34:05</t>
  </si>
  <si>
    <t>D:\21_11_2019 - PC ALGAR TECH\Desktop - 12-11-19\PreVendas - Governo Diogo\Datasus\2017\SD\BP Preço C009 B009.xlsb</t>
  </si>
  <si>
    <t>D:\21_11_2019 - PC ALGAR TECH\Desktop - 12-11-19\PreVendas - Governo Diogo\Datasus\Assessoria\Pré Publicação\Documentos Enviados\Catálogo Macro.xlsx</t>
  </si>
  <si>
    <t>11/21/2019 20:34:06</t>
  </si>
  <si>
    <t>D:\21_11_2019 - PC ALGAR TECH\Desktop - 12-11-19\PreVendas - Governo Diogo\Datasus\Cotação\Cotação 2018.xlsx</t>
  </si>
  <si>
    <t>D:\21_11_2019 - PC ALGAR TECH\Desktop - 12-11-19\PreVendas - Governo Diogo\Datasus\Cotação\Desenho Cotação.xlsx</t>
  </si>
  <si>
    <t>D:\21_11_2019 - PC ALGAR TECH\Desktop 22-07-19\Download\wjnmksrp.o3d.csv</t>
  </si>
  <si>
    <t>D:\21_11_2019 - PC ALGAR TECH\Desktop - 12-11-19\PreVendas - Governo Diogo\DETRAN SP\Cotação.xlsx</t>
  </si>
  <si>
    <t>D:\21_11_2019 - PC ALGAR TECH\Desktop 22-07-19\Download\wnlksv3u.wy4.csv</t>
  </si>
  <si>
    <t>D:\21_11_2019 - PC ALGAR TECH\Desktop 22-07-19\Download\wnlksv3u.wy4.csv:Zone.Identifier</t>
  </si>
  <si>
    <t>D:\21_11_2019 - PC ALGAR TECH\Desktop - 12-11-19\PreVendas - Governo Diogo\DNIT\2019\Cotação\Cotação.xlsx</t>
  </si>
  <si>
    <t>D:\21_11_2019 - PC ALGAR TECH\Desktop 22-07-19\Download\wrlbx2jt.tv4.csv</t>
  </si>
  <si>
    <t>D:\21_11_2019 - PC ALGAR TECH\Desktop 22-07-19\Download\wrlbx2jt.tv4.csv:Zone.Identifier</t>
  </si>
  <si>
    <t>11/21/2019 20:34:08</t>
  </si>
  <si>
    <t>D:\21_11_2019 - PC ALGAR TECH\Desktop 22-07-19\Download\wsycc1ff.eye.csv</t>
  </si>
  <si>
    <t>D:\21_11_2019 - PC ALGAR TECH\Desktop 22-07-19\Download\wsycc1ff.eye.csv:Zone.Identifier</t>
  </si>
  <si>
    <t>D:\21_11_2019 - PC ALGAR TECH\Desktop 22-07-19\Download\ygucw45w.ttg.csv</t>
  </si>
  <si>
    <t>D:\21_11_2019 - PC ALGAR TECH\Desktop 22-07-19\Download\ygucw45w.ttg.csv:Zone.Identifier</t>
  </si>
  <si>
    <t>D:\21_11_2019 - PC ALGAR TECH\Desktop 22-07-19\Download\ywhxo2cu.j5y.csv</t>
  </si>
  <si>
    <t>11/21/2019 20:34:09</t>
  </si>
  <si>
    <t>D:\21_11_2019 - PC ALGAR TECH\Desktop 22-07-19\Download\ywhxo2cu.j5y.csv:Zone.Identifier</t>
  </si>
  <si>
    <t>D:\21_11_2019 - PC ALGAR TECH\Desktop 22-07-19\Download\zd1i0uvj.jbc.csv</t>
  </si>
  <si>
    <t>D:\21_11_2019 - PC ALGAR TECH\Desktop - 12-11-19\PreVendas - Governo Diogo\Documentação de Apoio\Cargos e Salários.xlsx</t>
  </si>
  <si>
    <t>D:\21_11_2019 - PC ALGAR TECH\Desktop - 12-11-19\PreVendas - Governo Diogo\Documentação de Apoio\Departamental - set11.xlsx</t>
  </si>
  <si>
    <t>D:\21_11_2019 - PC ALGAR TECH\Desktop - 12-11-19\PreVendas - Governo Diogo\Documentação de Apoio\dimensionamento Monitoramento.xlsx</t>
  </si>
  <si>
    <t>D:\21_11_2019 - PC ALGAR TECH\Desktop - 12-11-19\PreVendas - Governo Diogo\Documentação de Apoio\Impacto X Urgência.xlsx</t>
  </si>
  <si>
    <t>D:\21_11_2019 - PC ALGAR TECH\Desktop - 12-11-19\PreVendas - Governo Diogo\Documentação de Apoio\IN-02.xlsx</t>
  </si>
  <si>
    <t>11/21/2019 20:34:10</t>
  </si>
  <si>
    <t>D:\21_11_2019 - PC ALGAR TECH\Desktop - 12-11-19\PreVendas - Governo Diogo\Documentação de Apoio\Intradiario DIOGO.xls</t>
  </si>
  <si>
    <t>11/21/2019 20:34:11</t>
  </si>
  <si>
    <t>D:\21_11_2019 - PC ALGAR TECH\Desktop - 12-11-19\PreVendas - Governo Diogo\Documentação de Apoio\Planilha de Custos - Resumo e IN-02.xlsx</t>
  </si>
  <si>
    <t>11/21/2019 20:34:13</t>
  </si>
  <si>
    <t>D:\21_11_2019 - PC ALGAR TECH\Desktop - 12-11-19\PreVendas - Governo Diogo\Documentação de Apoio\Precificação com Adoção.xlsb</t>
  </si>
  <si>
    <t>D:\21_11_2019 - PC ALGAR TECH\Desktop - 12-11-19\PreVendas - Governo Diogo\Documentação de Apoio\Proposta de Resumo Executivo_v2.xlsx</t>
  </si>
  <si>
    <t>11/21/2019 20:34:14</t>
  </si>
  <si>
    <t>D:\21_11_2019 - PC ALGAR TECH\Desktop - 12-11-19\PreVendas - Governo Diogo\Documentação de Apoio\Simulação REAJUSTE.xlsx</t>
  </si>
  <si>
    <t>11/21/2019 20:34:15</t>
  </si>
  <si>
    <t>D:\21_11_2019 - PC ALGAR TECH\Desktop - 12-11-19\PreVendas - Governo Diogo\Documentação de Apoio\Sist. Precificação TI - BPO - BSA.xlsb</t>
  </si>
  <si>
    <t>11/21/2019 20:34:16</t>
  </si>
  <si>
    <t>D:\21_11_2019 - PC ALGAR TECH\Desktop - 12-11-19\PreVendas - Governo Diogo\Documentação de Apoio\Apoio a TR\SLA Infra.xlsx</t>
  </si>
  <si>
    <t>11/21/2019 20:34:17</t>
  </si>
  <si>
    <t>D:\21_11_2019 - PC ALGAR TECH\Desktop - 12-11-19\PreVendas - Governo Diogo\DPDF\BP Preço C009 B009.xlsb</t>
  </si>
  <si>
    <t>11/21/2019 20:34:18</t>
  </si>
  <si>
    <t>D:\21_11_2019 - PC ALGAR TECH\Desktop - 12-11-19\PreVendas - Governo Diogo\DPDF\Desenho.xlsx</t>
  </si>
  <si>
    <t>11/21/2019 20:34:19</t>
  </si>
  <si>
    <t>D:\21_11_2019 - PC ALGAR TECH\Desktop - 12-11-19\PreVendas - Governo Diogo\DPDF\Preço Final.xlsb</t>
  </si>
  <si>
    <t>D:\21_11_2019 - PC ALGAR TECH\Desktop - 12-11-19\PreVendas - Governo Diogo\DPF\Anexo 1 - Detalhe das macro-atividades.xlsx</t>
  </si>
  <si>
    <t>11/21/2019 20:34:21</t>
  </si>
  <si>
    <t>D:\21_11_2019 - PC ALGAR TECH\Desktop - 12-11-19\PreVendas - Governo Diogo\DPF\2015\Desenho.xlsx</t>
  </si>
  <si>
    <t>11/21/2019 20:34:23</t>
  </si>
  <si>
    <t>D:\21_11_2019 - PC ALGAR TECH\Desktop - 12-11-19\PreVendas - Governo Diogo\DPF\2015\INC\PS.xlsb</t>
  </si>
  <si>
    <t>11/21/2019 20:34:25</t>
  </si>
  <si>
    <t>D:\21_11_2019 - PC ALGAR TECH\Desktop - 12-11-19\PreVendas - Governo Diogo\DPF\2015\INC\SD.xlsb</t>
  </si>
  <si>
    <t>11/21/2019 20:34:28</t>
  </si>
  <si>
    <t>D:\21_11_2019 - PC ALGAR TECH\Desktop 22-07-19\GAS BRASILIANO\BP C015 B014_Desonerada - Suporte SAP AMS - Gas Brasiliano v4.xlsb</t>
  </si>
  <si>
    <t>D:\21_11_2019 - PC ALGAR TECH\Desktop 22-07-19\GAS BRASILIANO\BP C015 B014_Desonerada - Suporte SAP AMS - Gas Brasiliano.xlsb</t>
  </si>
  <si>
    <t>11/21/2019 20:34:31</t>
  </si>
  <si>
    <t>D:\21_11_2019 - PC ALGAR TECH\Desktop 22-07-19\GAS BRASILIANO\Anexos\ANEXO_12_-_QUESTIONÁRIO_DE_DDI_PARA_APLICAÇÃO_DO_GRI.XLSX</t>
  </si>
  <si>
    <t>11/21/2019 20:34:32</t>
  </si>
  <si>
    <t>D:\21_11_2019 - PC ALGAR TECH\Desktop 22-07-19\GAS BRASILIANO\Anexos\ANEXO_2_-_PLANILHA_DE_PREÇOS_UNITÁRIOS.XLS</t>
  </si>
  <si>
    <t>11/21/2019 20:34:35</t>
  </si>
  <si>
    <t>D:\21_11_2019 - PC ALGAR TECH\Desktop - 12-11-19\PreVendas - Governo Diogo\DPF\2015\Publicado Suporte e Infra\Republicado\BP CA 2017.xlsb</t>
  </si>
  <si>
    <t>11/21/2019 20:34:37</t>
  </si>
  <si>
    <t>D:\21_11_2019 - PC ALGAR TECH\Desktop - 12-11-19\PreVendas - Governo Diogo\DPF\2015\Publicado Suporte e Infra\Republicado\BP Cenário Aprovado.xlsb</t>
  </si>
  <si>
    <t>11/21/2019 20:34:39</t>
  </si>
  <si>
    <t>D:\21_11_2019 - PC ALGAR TECH\Desktop - 12-11-19\PreVendas - Governo Diogo\DPF\2015\Publicado Suporte e Infra\Republicado\BP Change 18-01-2016.xlsb</t>
  </si>
  <si>
    <t>11/21/2019 20:34:42</t>
  </si>
  <si>
    <t>D:\21_11_2019 - PC ALGAR TECH\Desktop - 12-11-19\PreVendas - Governo Diogo\DPF\2015\Publicado Suporte e Infra\Republicado\BP Change 22-12-2015.xlsb</t>
  </si>
  <si>
    <t>11/21/2019 20:34:44</t>
  </si>
  <si>
    <t>D:\21_11_2019 - PC ALGAR TECH\Desktop - 12-11-19\PreVendas - Governo Diogo\DPF\2015\Publicado Suporte e Infra\Republicado\BP Change CA Completa 36 meses.xlsb</t>
  </si>
  <si>
    <t>D:\21_11_2019 - PC ALGAR TECH\Desktop 22-07-19\GAS BRASILIANO\ok\Edital_PE-015-2018.zip</t>
  </si>
  <si>
    <t>11/21/2019 20:34:46</t>
  </si>
  <si>
    <t>D:\21_11_2019 - PC ALGAR TECH\Desktop - 12-11-19\PreVendas - Governo Diogo\DPF\2015\Publicado Suporte e Infra\Republicado\BP Change Implantação CA 2016 - 1,2MM.xlsb</t>
  </si>
  <si>
    <t>D:\21_11_2019 - PC ALGAR TECH\Desktop 22-07-19\GAS BRASILIANO\ok\Ficha da Oportunidade.xlsx</t>
  </si>
  <si>
    <t>11/21/2019 20:35:17</t>
  </si>
  <si>
    <t>D:\21_11_2019 - PC ALGAR TECH\Desktop 22-07-19\ITALTEL\AIT000230214 (Economic).zip</t>
  </si>
  <si>
    <t>11/21/2019 20:35:19</t>
  </si>
  <si>
    <t>D:\21_11_2019 - PC ALGAR TECH\Desktop - 12-11-19\PreVendas - Governo Diogo\DPF\2015\Publicado Suporte e Infra\Republicado\BP Change Implantação CA 2016 - 744K.xlsb</t>
  </si>
  <si>
    <t>11/21/2019 20:35:22</t>
  </si>
  <si>
    <t>D:\21_11_2019 - PC ALGAR TECH\Desktop - 12-11-19\PreVendas - Governo Diogo\DPF\2015\Publicado Suporte e Infra\Republicado\BP Change Implantação CA 2016 656k.xlsb</t>
  </si>
  <si>
    <t>11/21/2019 20:35:24</t>
  </si>
  <si>
    <t>D:\21_11_2019 - PC ALGAR TECH\Desktop - 12-11-19\PreVendas - Governo Diogo\DPF\2015\Publicado Suporte e Infra\Republicado\BP Change Implantação CA 2016.xlsb</t>
  </si>
  <si>
    <t>11/21/2019 20:35:26</t>
  </si>
  <si>
    <t>D:\21_11_2019 - PC ALGAR TECH\Desktop - 12-11-19\PreVendas - Governo Diogo\DPF\2015\Publicado Suporte e Infra\Republicado\BP Change Pessoas.xlsb</t>
  </si>
  <si>
    <t>D:\21_11_2019 - PC ALGAR TECH\Desktop - 12-11-19\PreVendas - Governo Diogo\DPF\2015\Publicado Suporte e Infra\Republicado\Diferença link.xlsx</t>
  </si>
  <si>
    <t>D:\21_11_2019 - PC ALGAR TECH\Desktop - 12-11-19\PreVendas - Governo Diogo\DPF\2015\Publicado Suporte e Infra\Republicado\IN-02.xls</t>
  </si>
  <si>
    <t>11/21/2019 20:35:28</t>
  </si>
  <si>
    <t>D:\21_11_2019 - PC ALGAR TECH\Desktop - 12-11-19\PreVendas - Governo Diogo\DPF\2015\SRDPF SP\BP.xlsb</t>
  </si>
  <si>
    <t>11/21/2019 20:35:40</t>
  </si>
  <si>
    <t>D:\21_11_2019 - PC ALGAR TECH\Desktop 22-07-19\Pendrive 05-03\Fluxo_de_Caixa_2010_2011_2012_2013_2014_2015_2016 v1.xlsx</t>
  </si>
  <si>
    <t>11/21/2019 20:35:42</t>
  </si>
  <si>
    <t>D:\21_11_2019 - PC ALGAR TECH\Desktop - 12-11-19\PreVendas - Governo Diogo\DPF\2016\EP\BP-EP.xlsb</t>
  </si>
  <si>
    <t>D:\21_11_2019 - PC ALGAR TECH\Desktop - 12-11-19\PreVendas - Governo Diogo\DPF\2017\Field + N3 Unidades\Consolidado.xlsx</t>
  </si>
  <si>
    <t>11/21/2019 20:35:43</t>
  </si>
  <si>
    <t>D:\21_11_2019 - PC ALGAR TECH\Desktop 22-07-19\Pendrive 05-03\Backup 01-07\BP de Preços Projetos _Nova Início - V 2015-6-009.xlsb</t>
  </si>
  <si>
    <t>11/21/2019 20:35:44</t>
  </si>
  <si>
    <t>D:\21_11_2019 - PC ALGAR TECH\Desktop - 12-11-19\PreVendas - Governo Diogo\DPF\2017\Field + N3 Unidades\Suporte Jr.xlsb</t>
  </si>
  <si>
    <t>D:\21_11_2019 - PC ALGAR TECH\Desktop 22-07-19\Pendrive 05-03\Backup 01-07\Fluxo_de_Caixa_2010_2011_2012_2013_2014_2015.xls</t>
  </si>
  <si>
    <t>11/21/2019 20:35:45</t>
  </si>
  <si>
    <t>D:\21_11_2019 - PC ALGAR TECH\Desktop - 12-11-19\PreVendas - Governo Diogo\DPF\2017\Field + N3 Unidades\SRSE\N2.xlsb</t>
  </si>
  <si>
    <t>D:\21_11_2019 - PC ALGAR TECH\Desktop 22-07-19\Pendrive 05-03\Backup 01-07\Processos de Mapeamento - Hardware_v1.pptx</t>
  </si>
  <si>
    <t>11/21/2019 20:35:46</t>
  </si>
  <si>
    <t>D:\21_11_2019 - PC ALGAR TECH\Desktop - 12-11-19\PreVendas - Governo Diogo\DPF\2017\Field + N3 Unidades\SRSE\N3.xlsb</t>
  </si>
  <si>
    <t>D:\21_11_2019 - PC ALGAR TECH\Desktop 22-07-19\Pendrive 05-03\Backup 01-07\viagem.xlsx</t>
  </si>
  <si>
    <t>11/21/2019 20:35:47</t>
  </si>
  <si>
    <t>D:\21_11_2019 - PC ALGAR TECH\Desktop 22-07-19\Pendrive 05-03\Backup 01-07\45233 - RFQ _ A4216_RFQ_29020 - Manutenção RJ_ES_SUL\RES Comissão TIM e Cálculos Jacimara.msg</t>
  </si>
  <si>
    <t>11/21/2019 20:35:48</t>
  </si>
  <si>
    <t>D:\21_11_2019 - PC ALGAR TECH\Desktop - 12-11-19\PreVendas - Governo Diogo\DPF\2017\Field + N3 Unidades\SRSE\Cenário 2\N2.xlsb</t>
  </si>
  <si>
    <t>11/21/2019 20:35:50</t>
  </si>
  <si>
    <t>D:\21_11_2019 - PC ALGAR TECH\Desktop 22-07-19\Pendrive 05-03\Backup 01-07\45233 - RFQ _ A4216_RFQ_29020 - Manutenção RJ_ES_SUL\1. Precificação\Antigos\45233 - BP Campo v1.xlsb</t>
  </si>
  <si>
    <t>11/21/2019 20:35:51</t>
  </si>
  <si>
    <t>D:\21_11_2019 - PC ALGAR TECH\Desktop - 12-11-19\PreVendas - Governo Diogo\DPF\2017\Field + N3 Unidades\SRSE\Cenário 2\N3.xlsb</t>
  </si>
  <si>
    <t>11/21/2019 20:35:52</t>
  </si>
  <si>
    <t>D:\21_11_2019 - PC ALGAR TECH\Desktop 22-07-19\Pendrive 05-03\Backup 01-07\45233 - RFQ _ A4216_RFQ_29020 - Manutenção RJ_ES_SUL\1. Precificação\Antigos\45233 - BP Campo v12 - Alterado Rogerio.xlsb</t>
  </si>
  <si>
    <t>11/21/2019 20:35:53</t>
  </si>
  <si>
    <t>D:\21_11_2019 - PC ALGAR TECH\Desktop - 12-11-19\PreVendas - Governo Diogo\DPF\2018\EP\VPL zero.xlsb</t>
  </si>
  <si>
    <t>11/21/2019 20:35:56</t>
  </si>
  <si>
    <t>D:\21_11_2019 - PC ALGAR TECH\Desktop 22-07-19\Pendrive 05-03\Backup 01-07\45233 - RFQ _ A4216_RFQ_29020 - Manutenção RJ_ES_SUL\1. Precificação\Antigos\45233 - BP Campo v12.xlsb</t>
  </si>
  <si>
    <t>D:\21_11_2019 - PC ALGAR TECH\Desktop - 12-11-19\PreVendas - Governo Diogo\DPF\2018\EP\Cotação\Racional.xlsx</t>
  </si>
  <si>
    <t>11/21/2019 20:35:58</t>
  </si>
  <si>
    <t>D:\21_11_2019 - PC ALGAR TECH\Desktop 22-07-19\Pendrive 05-03\Backup 01-07\45233 - RFQ _ A4216_RFQ_29020 - Manutenção RJ_ES_SUL\1. Precificação\Antigos\45233 - BP Campo v2 - + preventiva (2).xlsb</t>
  </si>
  <si>
    <t>D:\21_11_2019 - PC ALGAR TECH\Desktop - 12-11-19\PreVendas - Governo Diogo\DPF\2018\Suporte RJ\Habilitação.xlsx</t>
  </si>
  <si>
    <t>11/21/2019 20:36:01</t>
  </si>
  <si>
    <t>D:\21_11_2019 - PC ALGAR TECH\Desktop 22-07-19\Pendrive 05-03\Backup 01-07\45233 - RFQ _ A4216_RFQ_29020 - Manutenção RJ_ES_SUL\1. Precificação\Antigos\45233 - BP Campo v2 - + preventiva.xlsb</t>
  </si>
  <si>
    <t>11/21/2019 20:36:03</t>
  </si>
  <si>
    <t>D:\21_11_2019 - PC ALGAR TECH\Desktop 22-07-19\Pendrive 05-03\Backup 01-07\45233 - RFQ _ A4216_RFQ_29020 - Manutenção RJ_ES_SUL\1. Precificação\Antigos\45233 - BP Campo v2 - otimizado (2).xlsb</t>
  </si>
  <si>
    <t>D:\21_11_2019 - PC ALGAR TECH\Desktop - 12-11-19\PreVendas - Governo Diogo\DPF\2019\aditivo\Levantamento_aditivo_pf.xlsx</t>
  </si>
  <si>
    <t>D:\21_11_2019 - PC ALGAR TECH\Desktop - 12-11-19\PreVendas - Governo Diogo\DPF\2019\aditivo\racional.xlsx</t>
  </si>
  <si>
    <t>11/21/2019 20:36:04</t>
  </si>
  <si>
    <t>D:\21_11_2019 - PC ALGAR TECH\Desktop 22-07-19\Pendrive 05-03\Backup 01-07\45233 - RFQ _ A4216_RFQ_29020 - Manutenção RJ_ES_SUL\1. Precificação\Antigos\45233 - BP Campo v2 - otimizado.xlsb</t>
  </si>
  <si>
    <t>D:\21_11_2019 - PC ALGAR TECH\Desktop - 12-11-19\PreVendas - Governo Diogo\DPF\Repactuação\Lote 4\Lote 4.zip</t>
  </si>
  <si>
    <t>11/21/2019 20:36:07</t>
  </si>
  <si>
    <t>D:\21_11_2019 - PC ALGAR TECH\Desktop 22-07-19\Pendrive 05-03\Backup 01-07\45233 - RFQ _ A4216_RFQ_29020 - Manutenção RJ_ES_SUL\1. Precificação\Antigos\45233 - BP Campo v3 - + preventiva.xlsb</t>
  </si>
  <si>
    <t>D:\21_11_2019 - PC ALGAR TECH\Desktop - 12-11-19\PreVendas - Governo Diogo\DPF\Repactuação\Lote 4\5,49%\2 - Lote 4 - Consolidaá∆o dos preáos.xls</t>
  </si>
  <si>
    <t>11/21/2019 20:36:08</t>
  </si>
  <si>
    <t>D:\21_11_2019 - PC ALGAR TECH\Desktop 22-07-19\Pendrive 05-03\Backup 01-07\45233 - RFQ _ A4216_RFQ_29020 - Manutenção RJ_ES_SUL\1. Precificação\Antigos\45233 - BP Campo v3 - otimizado (2).xlsb</t>
  </si>
  <si>
    <t>D:\21_11_2019 - PC ALGAR TECH\Desktop - 12-11-19\PreVendas - Governo Diogo\DPF\Repactuação\Lote 4\5,49%\2.1 - Lote 4 - Assistente de Gerente de Projetos.xlsx</t>
  </si>
  <si>
    <t>11/21/2019 20:36:10</t>
  </si>
  <si>
    <t>D:\21_11_2019 - PC ALGAR TECH\Desktop - 12-11-19\PreVendas - Governo Diogo\DPF\Repactuação\Lote 4\5,49%\2.2 - Lote 4 - Gerente de Projetos Pleno.xlsx</t>
  </si>
  <si>
    <t>11/21/2019 20:36:12</t>
  </si>
  <si>
    <t>D:\21_11_2019 - PC ALGAR TECH\Desktop 22-07-19\Pendrive 05-03\Backup 01-07\45233 - RFQ _ A4216_RFQ_29020 - Manutenção RJ_ES_SUL\1. Precificação\Antigos\45233 - BP Campo v3 - otimizado.xlsb</t>
  </si>
  <si>
    <t>D:\21_11_2019 - PC ALGAR TECH\Desktop - 12-11-19\PreVendas - Governo Diogo\DPF\Repactuação\Lote 4\7%\2 - Lote 4 - Consolidaá∆o dos preáos.xls</t>
  </si>
  <si>
    <t>D:\21_11_2019 - PC ALGAR TECH\Desktop - 12-11-19\PreVendas - Governo Diogo\DPF\Repactuação\Lote 4\7%\2.1 - Lote 4 - Assistente de Gerente de Projetos.xlsx</t>
  </si>
  <si>
    <t>11/21/2019 20:36:14</t>
  </si>
  <si>
    <t>D:\21_11_2019 - PC ALGAR TECH\Desktop 22-07-19\Pendrive 05-03\Backup 01-07\45233 - RFQ _ A4216_RFQ_29020 - Manutenção RJ_ES_SUL\1. Precificação\Antigos\45233 - BP Campo v4 - + preventiva.xlsb</t>
  </si>
  <si>
    <t>D:\21_11_2019 - PC ALGAR TECH\Desktop - 12-11-19\PreVendas - Governo Diogo\DPF\Repactuação\Lote 4\7%\2.2 - Lote 4 - Gerente de Projetos Pleno.xlsx</t>
  </si>
  <si>
    <t>D:\21_11_2019 - PC ALGAR TECH\Desktop - 12-11-19\PreVendas - Governo Diogo\DPF\Repactuação\Lote 4\7%\2.3 - Lote 4 - Coordenador de Projetos.xlsx</t>
  </si>
  <si>
    <t>11/21/2019 20:36:16</t>
  </si>
  <si>
    <t>D:\21_11_2019 - PC ALGAR TECH\Desktop 22-07-19\Pendrive 05-03\Backup 01-07\45233 - RFQ _ A4216_RFQ_29020 - Manutenção RJ_ES_SUL\1. Precificação\Antigos\45233 - BP Campo v5 - + preventiva.xlsb</t>
  </si>
  <si>
    <t>D:\21_11_2019 - PC ALGAR TECH\Desktop - 12-11-19\PreVendas - Governo Diogo\DPF\Repactuação\Lote 4\Original\2 - Lote 4 - Consolidaá∆o dos preáos.xls</t>
  </si>
  <si>
    <t>D:\21_11_2019 - PC ALGAR TECH\Desktop - 12-11-19\PreVendas - Governo Diogo\DPF\Repactuação\Lote 4\Original\2.1 - Lote 4 - Assistente de Gerente de Projetos.xlsx</t>
  </si>
  <si>
    <t>D:\21_11_2019 - PC ALGAR TECH\Desktop 22-07-19\Pendrive 05-03\Backup 01-07\45233 - RFQ _ A4216_RFQ_29020 - Manutenção RJ_ES_SUL\1. Precificação\Antigos\45233 - BP Equipamentos v1.xlsb</t>
  </si>
  <si>
    <t>D:\21_11_2019 - PC ALGAR TECH\Desktop - 12-11-19\PreVendas - Governo Diogo\DPF\Repactuação\Lote 4\Original\2.2 - Lote 4 - Gerente de Projetos Pleno.xlsx</t>
  </si>
  <si>
    <t>D:\21_11_2019 - PC ALGAR TECH\Desktop - 12-11-19\PreVendas - Governo Diogo\DPF\Repactuação\Lote 4\Original\2.3 - Lote 4 - Coordenador de Projetos.xlsx</t>
  </si>
  <si>
    <t>11/21/2019 20:36:20</t>
  </si>
  <si>
    <t>D:\21_11_2019 - PC ALGAR TECH\Desktop 22-07-19\Pendrive 05-03\Backup 01-07\45233 - RFQ _ A4216_RFQ_29020 - Manutenção RJ_ES_SUL\1. Precificação\Antigos\45233 - BP Equipamentos v2 TRJ.xlsb</t>
  </si>
  <si>
    <t>D:\21_11_2019 - PC ALGAR TECH\Desktop - 12-11-19\PreVendas - Governo Diogo\DPRF\cotação.xlsx</t>
  </si>
  <si>
    <t>D:\21_11_2019 - PC ALGAR TECH\Desktop - 12-11-19\PreVendas - Governo Diogo\DPRF\2017\RFQ.xlsx</t>
  </si>
  <si>
    <t>11/21/2019 20:36:24</t>
  </si>
  <si>
    <t>D:\21_11_2019 - PC ALGAR TECH\Desktop 22-07-19\Pendrive 05-03\Backup 01-07\45233 - RFQ _ A4216_RFQ_29020 - Manutenção RJ_ES_SUL\1. Precificação\Antigos\45233 - BP Equipamentos v2 TSL.xlsb</t>
  </si>
  <si>
    <t>11/21/2019 20:36:27</t>
  </si>
  <si>
    <t>D:\21_11_2019 - PC ALGAR TECH\Desktop 22-07-19\Pendrive 05-03\Backup 01-07\45233 - RFQ _ A4216_RFQ_29020 - Manutenção RJ_ES_SUL\1. Precificação\Antigos\BP TIM - revisado 25-04.xlsb</t>
  </si>
  <si>
    <t>11/21/2019 20:36:29</t>
  </si>
  <si>
    <t>D:\21_11_2019 - PC ALGAR TECH\Desktop - 12-11-19\PreVendas - Governo Diogo\DPRF\2017\INFRA + SD\DPRF\Pricing (CAPEX) Com reajuste.xlsb</t>
  </si>
  <si>
    <t>11/21/2019 20:36:30</t>
  </si>
  <si>
    <t>D:\21_11_2019 - PC ALGAR TECH\Desktop 22-07-19\Pendrive 05-03\Backup 01-07\45233 - RFQ _ A4216_RFQ_29020 - Manutenção RJ_ES_SUL\1. Precificação\Antigos\BP TIM - REVISAO - 2.xlsb</t>
  </si>
  <si>
    <t>11/21/2019 20:36:33</t>
  </si>
  <si>
    <t>D:\21_11_2019 - PC ALGAR TECH\Desktop - 12-11-19\PreVendas - Governo Diogo\DPRF\2017\INFRA + SD\DPRF\Pricing (CAPEX).xlsb</t>
  </si>
  <si>
    <t>11/21/2019 20:36:34</t>
  </si>
  <si>
    <t>D:\21_11_2019 - PC ALGAR TECH\Desktop 22-07-19\Pendrive 05-03\Backup 01-07\45233 - RFQ _ A4216_RFQ_29020 - Manutenção RJ_ES_SUL\1. Precificação\Antigos\BP TIM - REVISAO - 3.xlsb</t>
  </si>
  <si>
    <t>11/21/2019 20:36:36</t>
  </si>
  <si>
    <t>D:\21_11_2019 - PC ALGAR TECH\Desktop - 12-11-19\PreVendas - Governo Diogo\DPRF\2017\INFRA + SD\DPRF\Pricing.xlsb</t>
  </si>
  <si>
    <t>11/21/2019 20:36:37</t>
  </si>
  <si>
    <t>D:\21_11_2019 - PC ALGAR TECH\Desktop 22-07-19\Pendrive 05-03\Backup 01-07\45233 - RFQ _ A4216_RFQ_29020 - Manutenção RJ_ES_SUL\1. Precificação\Antigos\BP TIM - REVISAO - 4.xlsb</t>
  </si>
  <si>
    <t>11/21/2019 20:36:38</t>
  </si>
  <si>
    <t>D:\21_11_2019 - PC ALGAR TECH\Desktop 22-07-19\Pendrive 05-03\Backup 01-07\45233 - RFQ _ A4216_RFQ_29020 - Manutenção RJ_ES_SUL\1. Precificação\Antigos\BP TIM - REVISAO - 5.xlsb</t>
  </si>
  <si>
    <t>11/21/2019 20:36:40</t>
  </si>
  <si>
    <t>D:\21_11_2019 - PC ALGAR TECH\Desktop 22-07-19\Pendrive 05-03\Backup 01-07\45233 - RFQ _ A4216_RFQ_29020 - Manutenção RJ_ES_SUL\1. Precificação\Antigos\BP TIM - REVISAO - 6.xlsb</t>
  </si>
  <si>
    <t>11/21/2019 20:36:41</t>
  </si>
  <si>
    <t>D:\21_11_2019 - PC ALGAR TECH\Desktop 22-07-19\Pendrive 05-03\Backup 01-07\45233 - RFQ _ A4216_RFQ_29020 - Manutenção RJ_ES_SUL\1. Precificação\Antigos\BP TIM - REVISAO.xlsb</t>
  </si>
  <si>
    <t>D:\21_11_2019 - PC ALGAR TECH\Desktop - 12-11-19\PreVendas - Governo Diogo\DPRF\2017\INFRA + SD\DPRF\PROPOSTA CIMCORP\CUSTOS DE MÃO DE OBRA.xlsx</t>
  </si>
  <si>
    <t>11/21/2019 20:36:42</t>
  </si>
  <si>
    <t>D:\21_11_2019 - PC ALGAR TECH\Desktop 22-07-19\Pendrive 05-03\Backup 01-07\45233 - RFQ _ A4216_RFQ_29020 - Manutenção RJ_ES_SUL\1. Precificação\Antigos\bp tim.xlsb</t>
  </si>
  <si>
    <t>11/21/2019 20:36:44</t>
  </si>
  <si>
    <t>D:\21_11_2019 - PC ALGAR TECH\Desktop 22-07-19\Pendrive 05-03\Backup 01-07\45233 - RFQ _ A4216_RFQ_29020 - Manutenção RJ_ES_SUL\1. Precificação\Antigos\Cópia de 45233 - BP Equipamentos v1 - pacote 1 a 10 correto.xlsb</t>
  </si>
  <si>
    <t>11/21/2019 20:36:46</t>
  </si>
  <si>
    <t>D:\21_11_2019 - PC ALGAR TECH\Desktop 22-07-19\Pendrive 05-03\Backup 01-07\45233 - RFQ _ A4216_RFQ_29020 - Manutenção RJ_ES_SUL\1. Precificação\Antigos\Cópia de 45233 - BP Equipamentos v1 - pacote 1 a 10.xlsb</t>
  </si>
  <si>
    <t>11/21/2019 20:36:49</t>
  </si>
  <si>
    <t>D:\21_11_2019 - PC ALGAR TECH\Desktop 22-07-19\Pendrive 05-03\Backup 01-07\45233 - RFQ _ A4216_RFQ_29020 - Manutenção RJ_ES_SUL\1. Precificação\Antigos\Cópia de 45233 - BP Equipamentos v1 - pacote 1 a 4.xlsb</t>
  </si>
  <si>
    <t>11/21/2019 20:36:50</t>
  </si>
  <si>
    <t>D:\21_11_2019 - PC ALGAR TECH\Desktop 22-07-19\Pendrive 05-03\Backup 01-07\45233 - RFQ _ A4216_RFQ_29020 - Manutenção RJ_ES_SUL\1. Precificação\Antigos\Cópia de 45233 - BP Equipamentos v1 - pacote 1 correto (2).xlsb</t>
  </si>
  <si>
    <t>11/21/2019 20:36:51</t>
  </si>
  <si>
    <t>D:\21_11_2019 - PC ALGAR TECH\Desktop 22-07-19\Pendrive 05-03\Backup 01-07\45233 - RFQ _ A4216_RFQ_29020 - Manutenção RJ_ES_SUL\1. Precificação\Antigos\Cópia de 45233 - BP Equipamentos v1 - pacote 1 correto.xlsb</t>
  </si>
  <si>
    <t>11/21/2019 20:36:52</t>
  </si>
  <si>
    <t>D:\21_11_2019 - PC ALGAR TECH\Desktop 22-07-19\Pendrive 05-03\Backup 01-07\45233 - RFQ _ A4216_RFQ_29020 - Manutenção RJ_ES_SUL\1. Precificação\Antigos\Cópia de 45233 - BP Equipamentos v1 - pacote 1 e 2.xlsb</t>
  </si>
  <si>
    <t>11/21/2019 20:36:53</t>
  </si>
  <si>
    <t>D:\21_11_2019 - PC ALGAR TECH\Desktop 22-07-19\Pendrive 05-03\Backup 01-07\45233 - RFQ _ A4216_RFQ_29020 - Manutenção RJ_ES_SUL\1. Precificação\Antigos\Cópia de 45233 - BP Equipamentos v1 - pacote 1.xlsb</t>
  </si>
  <si>
    <t>11/21/2019 20:36:54</t>
  </si>
  <si>
    <t>D:\21_11_2019 - PC ALGAR TECH\Desktop 22-07-19\Pendrive 05-03\Backup 01-07\45233 - RFQ _ A4216_RFQ_29020 - Manutenção RJ_ES_SUL\1. Precificação\Antigos\Cópia de 45233 - BP Equipamentos v1 - pacote 2 correto.xlsb</t>
  </si>
  <si>
    <t>11/21/2019 20:36:55</t>
  </si>
  <si>
    <t>D:\21_11_2019 - PC ALGAR TECH\Desktop 22-07-19\Pendrive 05-03\Backup 01-07\45233 - RFQ _ A4216_RFQ_29020 - Manutenção RJ_ES_SUL\1. Precificação\Antigos\Cópia de 45233 - BP Equipamentos v1 - pacote 2.xlsb</t>
  </si>
  <si>
    <t>11/21/2019 20:36:56</t>
  </si>
  <si>
    <t>D:\21_11_2019 - PC ALGAR TECH\Desktop 22-07-19\Pendrive 05-03\Backup 01-07\45233 - RFQ _ A4216_RFQ_29020 - Manutenção RJ_ES_SUL\1. Precificação\Antigos\Cópia de 45233 - BP Equipamentos v1 - pacote 3 correto.xlsb</t>
  </si>
  <si>
    <t>11/21/2019 20:36:59</t>
  </si>
  <si>
    <t>D:\21_11_2019 - PC ALGAR TECH\Desktop 22-07-19\Pendrive 05-03\Backup 01-07\45233 - RFQ _ A4216_RFQ_29020 - Manutenção RJ_ES_SUL\1. Precificação\Antigos\Cópia de 45233 - BP Equipamentos v1 - pacote 5 a 8.xlsb</t>
  </si>
  <si>
    <t>11/21/2019 20:37:01</t>
  </si>
  <si>
    <t>D:\21_11_2019 - PC ALGAR TECH\Desktop 22-07-19\Pendrive 05-03\Backup 01-07\45233 - RFQ _ A4216_RFQ_29020 - Manutenção RJ_ES_SUL\1. Precificação\Antigos\Cópia de BP TIM - revisado 25-04 v2.xlsb</t>
  </si>
  <si>
    <t>11/21/2019 20:37:02</t>
  </si>
  <si>
    <t>D:\21_11_2019 - PC ALGAR TECH\Desktop 22-07-19\Pendrive 05-03\Backup 01-07\45233 - RFQ _ A4216_RFQ_29020 - Manutenção RJ_ES_SUL\1. Precificação\Antigos\Cópia de BP TIM - revisado 25-04.xlsb</t>
  </si>
  <si>
    <t>11/21/2019 20:37:04</t>
  </si>
  <si>
    <t>D:\21_11_2019 - PC ALGAR TECH\Desktop 22-07-19\Pendrive 05-03\Backup 01-07\45233 - RFQ _ A4216_RFQ_29020 - Manutenção RJ_ES_SUL\1. Precificação\Antigos\Kits.xlsb</t>
  </si>
  <si>
    <t>D:\21_11_2019 - PC ALGAR TECH\Desktop 22-07-19\Pendrive 05-03\Backup 01-07\45233 - RFQ _ A4216_RFQ_29020 - Manutenção RJ_ES_SUL\1. Precificação\Antigos\Map - Precificação MSV 15 &amp; CPRB V. 2015-3-009.xlsb</t>
  </si>
  <si>
    <t>11/21/2019 20:37:05</t>
  </si>
  <si>
    <t>D:\21_11_2019 - PC ALGAR TECH\Desktop 22-07-19\Pendrive 05-03\Backup 01-07\45233 - RFQ _ A4216_RFQ_29020 - Manutenção RJ_ES_SUL\1. Precificação\Antigos\Map - Precificação MSV 15 &amp; CPRB V.2015-2-000 - Cópia.xlsb</t>
  </si>
  <si>
    <t>D:\21_11_2019 - PC ALGAR TECH\Desktop 22-07-19\Pendrive 05-03\Backup 01-07\45233 - RFQ _ A4216_RFQ_29020 - Manutenção RJ_ES_SUL\1. Precificação\Antigos\Map - Precificação MSV 15 &amp; CPRB V.2015-2-000.xlsb</t>
  </si>
  <si>
    <t>11/21/2019 20:37:06</t>
  </si>
  <si>
    <t>D:\21_11_2019 - PC ALGAR TECH\Desktop 22-07-19\Pendrive 05-03\Backup 01-07\45233 - RFQ _ A4216_RFQ_29020 - Manutenção RJ_ES_SUL\1. Precificação\Antigos\Revisao TIM v3.xlsx</t>
  </si>
  <si>
    <t>11/21/2019 20:37:08</t>
  </si>
  <si>
    <t>D:\21_11_2019 - PC ALGAR TECH\Desktop 22-07-19\Pendrive 05-03\Backup 01-07\45233 - RFQ _ A4216_RFQ_29020 - Manutenção RJ_ES_SUL\1. Precificação\Antigos\Equipamentos\45233 - BP Equipamentos v1 - pacote 1 a 10 quase final.xlsb</t>
  </si>
  <si>
    <t>11/21/2019 20:37:10</t>
  </si>
  <si>
    <t>D:\21_11_2019 - PC ALGAR TECH\Desktop 22-07-19\Pendrive 05-03\Backup 01-07\45233 - RFQ _ A4216_RFQ_29020 - Manutenção RJ_ES_SUL\1. Precificação\Antigos\Equipamentos\45233 - BP Equipamentos v1 - pacote 1 a 3 final.xlsb</t>
  </si>
  <si>
    <t>11/21/2019 20:37:13</t>
  </si>
  <si>
    <t>D:\21_11_2019 - PC ALGAR TECH\Desktop 22-07-19\Pendrive 05-03\Backup 01-07\45233 - RFQ _ A4216_RFQ_29020 - Manutenção RJ_ES_SUL\1. Precificação\Antigos\Equipamentos\45233 - BP Equipamentos v1 - pacote 10 final.xlsb</t>
  </si>
  <si>
    <t>11/21/2019 20:37:15</t>
  </si>
  <si>
    <t>D:\21_11_2019 - PC ALGAR TECH\Desktop 22-07-19\Pendrive 05-03\Backup 01-07\45233 - RFQ _ A4216_RFQ_29020 - Manutenção RJ_ES_SUL\1. Precificação\Antigos\Equipamentos\45233 - BP Equipamentos v1 - pacote 4 a 6 final.xlsb</t>
  </si>
  <si>
    <t>11/21/2019 20:37:17</t>
  </si>
  <si>
    <t>D:\21_11_2019 - PC ALGAR TECH\Desktop 22-07-19\Pendrive 05-03\Backup 01-07\45233 - RFQ _ A4216_RFQ_29020 - Manutenção RJ_ES_SUL\1. Precificação\Antigos\Equipamentos\45233 - BP Equipamentos v1 - pacote 7 a 9 final.xlsb</t>
  </si>
  <si>
    <t>11/21/2019 20:37:18</t>
  </si>
  <si>
    <t>D:\21_11_2019 - PC ALGAR TECH\Desktop 22-07-19\Pendrive 05-03\Backup 01-07\45233 - RFQ _ A4216_RFQ_29020 - Manutenção RJ_ES_SUL\1. Precificação\Antigos\v3\45233 - BP Equipamentos v1 (Salvo automaticamente).xlsb</t>
  </si>
  <si>
    <t>11/21/2019 20:37:20</t>
  </si>
  <si>
    <t>D:\21_11_2019 - PC ALGAR TECH\Desktop 22-07-19\Pendrive 05-03\Backup 01-07\45233 - RFQ _ A4216_RFQ_29020 - Manutenção RJ_ES_SUL\1. Precificação\Antigos\v3\45233 - BP Equipamentos v1.xlsb</t>
  </si>
  <si>
    <t>D:\21_11_2019 - PC ALGAR TECH\Desktop - 12-11-19\PreVendas - Governo Diogo\DPRF\2017\RFQ Sede\RFQ.xlsx</t>
  </si>
  <si>
    <t>11/21/2019 20:37:22</t>
  </si>
  <si>
    <t>D:\21_11_2019 - PC ALGAR TECH\Desktop 22-07-19\Pendrive 05-03\Backup 01-07\45233 - RFQ _ A4216_RFQ_29020 - Manutenção RJ_ES_SUL\1. Precificação\Antigos\v3\BP de Preços Projetos_ Nova Início - V. 2015-5-005.xlsb</t>
  </si>
  <si>
    <t>D:\21_11_2019 - PC ALGAR TECH\Desktop 22-07-19\Pendrive 05-03\Backup 01-07\45233 - RFQ _ A4216_RFQ_29020 - Manutenção RJ_ES_SUL\1. Precificação\Antigos\v3\Logistica equipamentos.xlsx</t>
  </si>
  <si>
    <t>11/21/2019 20:37:24</t>
  </si>
  <si>
    <t>D:\21_11_2019 - PC ALGAR TECH\Desktop 22-07-19\Pendrive 05-03\Backup 01-07\45233 - RFQ _ A4216_RFQ_29020 - Manutenção RJ_ES_SUL\1. Precificação\v1\45233 - BP Campo v1 - FINAL.xlsb</t>
  </si>
  <si>
    <t>11/21/2019 20:37:27</t>
  </si>
  <si>
    <t>D:\21_11_2019 - PC ALGAR TECH\Desktop 22-07-19\Pendrive 05-03\Backup 01-07\45233 - RFQ _ A4216_RFQ_29020 - Manutenção RJ_ES_SUL\1. Precificação\v1\45233 - BP Equipamentos v1 TRJ - FINAL.xlsb</t>
  </si>
  <si>
    <t>11/21/2019 20:37:31</t>
  </si>
  <si>
    <t>D:\21_11_2019 - PC ALGAR TECH\Desktop 22-07-19\Pendrive 05-03\Backup 01-07\45233 - RFQ _ A4216_RFQ_29020 - Manutenção RJ_ES_SUL\1. Precificação\v1\45233 - BP Equipamentos v1 TSL - FINAL.xlsb</t>
  </si>
  <si>
    <t>11/21/2019 20:37:33</t>
  </si>
  <si>
    <t>D:\21_11_2019 - PC ALGAR TECH\Desktop 22-07-19\Pendrive 05-03\Backup 01-07\45233 - RFQ _ A4216_RFQ_29020 - Manutenção RJ_ES_SUL\1. Precificação\v2\Campo\45233 - BP Campo v6.xlsb</t>
  </si>
  <si>
    <t>D:\21_11_2019 - PC ALGAR TECH\Desktop - 12-11-19\PreVendas - Governo Diogo\DPRF\2018\Cotação Envio.xlsx</t>
  </si>
  <si>
    <t>D:\21_11_2019 - PC ALGAR TECH\Desktop - 12-11-19\PreVendas - Governo Diogo\DPRF\2018\Cotação.xlsx</t>
  </si>
  <si>
    <t>D:\21_11_2019 - PC ALGAR TECH\Desktop 22-07-19\Pendrive 05-03\Backup 01-07\45233 - RFQ _ A4216_RFQ_29020 - Manutenção RJ_ES_SUL\1. Precificação\v2\Equipamentos\2 - LPU EQUIPAMENTOS - BOM - REV_01 - Memoria de calculo.xlsx</t>
  </si>
  <si>
    <t>D:\21_11_2019 - PC ALGAR TECH\Desktop - 12-11-19\PreVendas - Governo Diogo\DPRF\2018\CotaçãoNovo.xlsx</t>
  </si>
  <si>
    <t>11/21/2019 20:37:36</t>
  </si>
  <si>
    <t>D:\21_11_2019 - PC ALGAR TECH\Desktop 22-07-19\Pendrive 05-03\Backup 01-07\45233 - RFQ _ A4216_RFQ_29020 - Manutenção RJ_ES_SUL\1. Precificação\v2\Equipamentos\45233 - BP Equipamentos v2 pacote 1-10 - corretiva.xlsb</t>
  </si>
  <si>
    <t>D:\21_11_2019 - PC ALGAR TECH\Desktop - 12-11-19\PreVendas - Governo Diogo\DPRF\2018\F255E300</t>
  </si>
  <si>
    <t>11/21/2019 20:37:37</t>
  </si>
  <si>
    <t>D:\21_11_2019 - PC ALGAR TECH\Desktop 22-07-19\Pendrive 05-03\Backup 01-07\45233 - RFQ _ A4216_RFQ_29020 - Manutenção RJ_ES_SUL\1. Precificação\v2\Equipamentos\45233 - BP Equipamentos v2 preventiva.xlsb</t>
  </si>
  <si>
    <t>D:\21_11_2019 - PC ALGAR TECH\Desktop - 12-11-19\PreVendas - Governo Diogo\DPU-RN\Impantação DPE.xlsx</t>
  </si>
  <si>
    <t>11/21/2019 20:37:38</t>
  </si>
  <si>
    <t>D:\21_11_2019 - PC ALGAR TECH\Desktop 22-07-19\Pendrive 05-03\Backup 01-07\45233 - RFQ _ A4216_RFQ_29020 - Manutenção RJ_ES_SUL\1. Precificação\v2\Equipamentos\Logistica equipamentos.xlsx</t>
  </si>
  <si>
    <t>11/21/2019 20:37:39</t>
  </si>
  <si>
    <t>D:\21_11_2019 - PC ALGAR TECH\Desktop - 12-11-19\PreVendas - Governo Diogo\DPU-RN\Preço (6hs) (Cheio).xlsb</t>
  </si>
  <si>
    <t>11/21/2019 20:37:41</t>
  </si>
  <si>
    <t>D:\21_11_2019 - PC ALGAR TECH\Desktop 22-07-19\Pendrive 05-03\Backup 01-07\45233 - RFQ _ A4216_RFQ_29020 - Manutenção RJ_ES_SUL\1. Precificação\v3\BP CAMPO v3.2.xlsb</t>
  </si>
  <si>
    <t>11/21/2019 20:37:43</t>
  </si>
  <si>
    <t>D:\21_11_2019 - PC ALGAR TECH\Desktop - 12-11-19\PreVendas - Governo Diogo\DPU-RN\Preço (6hs).xlsb</t>
  </si>
  <si>
    <t>11/21/2019 20:37:48</t>
  </si>
  <si>
    <t>D:\21_11_2019 - PC ALGAR TECH\Desktop 22-07-19\Pendrive 05-03\Backup 01-07\45233 - RFQ _ A4216_RFQ_29020 - Manutenção RJ_ES_SUL\1. Precificação\v3\BP EQUIPAMENTOS v3.2.xlsb</t>
  </si>
  <si>
    <t>11/21/2019 20:37:49</t>
  </si>
  <si>
    <t>D:\21_11_2019 - PC ALGAR TECH\Desktop - 12-11-19\PreVendas - Governo Diogo\DPU-RN\Preço.xlsb</t>
  </si>
  <si>
    <t>11/21/2019 20:37:50</t>
  </si>
  <si>
    <t>D:\21_11_2019 - PC ALGAR TECH\Desktop 22-07-19\Pendrive 05-03\Backup 01-07\45233 - RFQ _ A4216_RFQ_29020 - Manutenção RJ_ES_SUL\1. Precificação\v3\Logística Equipamentos v3.2.xlsx</t>
  </si>
  <si>
    <t>D:\21_11_2019 - PC ALGAR TECH\Desktop - 12-11-19\PreVendas - Governo Diogo\DPU-RN\Simulação.xlsx</t>
  </si>
  <si>
    <t>11/21/2019 20:37:51</t>
  </si>
  <si>
    <t>D:\21_11_2019 - PC ALGAR TECH\Desktop 22-07-19\Pendrive 05-03\Backup 01-07\45233 - RFQ _ A4216_RFQ_29020 - Manutenção RJ_ES_SUL\1. Precificação\v3\Antigos\45233 - BP Equipamentos v1 (Salvo automaticamente).xlsb</t>
  </si>
  <si>
    <t>11/21/2019 20:37:52</t>
  </si>
  <si>
    <t>D:\21_11_2019 - PC ALGAR TECH\Desktop - 12-11-19\PreVendas - Governo Diogo\Drogaria Araújo\COTAÇÃO.xlsb</t>
  </si>
  <si>
    <t>11/21/2019 20:37:53</t>
  </si>
  <si>
    <t>D:\21_11_2019 - PC ALGAR TECH\Desktop 22-07-19\Pendrive 05-03\Backup 01-07\45233 - RFQ _ A4216_RFQ_29020 - Manutenção RJ_ES_SUL\1. Precificação\v3\Antigos\BP CAMPO modelo novo - v3.1.xlsb</t>
  </si>
  <si>
    <t>11/21/2019 20:37:58</t>
  </si>
  <si>
    <t>D:\21_11_2019 - PC ALGAR TECH\Desktop 22-07-19\Pendrive 05-03\Backup 01-07\45233 - RFQ _ A4216_RFQ_29020 - Manutenção RJ_ES_SUL\1. Precificação\v3\Antigos\BP EQUIPAMENTOS v3.1.xlsb</t>
  </si>
  <si>
    <t>11/21/2019 20:37:59</t>
  </si>
  <si>
    <t>D:\21_11_2019 - PC ALGAR TECH\Desktop - 12-11-19\PreVendas - Governo Diogo\EBC\2014\cotacao.xlsb</t>
  </si>
  <si>
    <t>D:\21_11_2019 - PC ALGAR TECH\Desktop 22-07-19\Pendrive 05-03\Backup 01-07\45233 - RFQ _ A4216_RFQ_29020 - Manutenção RJ_ES_SUL\1. Precificação\v3\Antigos\Logistica equipamentos.xlsx</t>
  </si>
  <si>
    <t>D:\21_11_2019 - PC ALGAR TECH\Desktop - 12-11-19\PreVendas - Governo Diogo\EBC\2014\monitoramento.xlsb</t>
  </si>
  <si>
    <t>11/21/2019 20:38:00</t>
  </si>
  <si>
    <t>D:\21_11_2019 - PC ALGAR TECH\Desktop 22-07-19\Pendrive 05-03\Backup 01-07\45233 - RFQ _ A4216_RFQ_29020 - Manutenção RJ_ES_SUL\1. Precificação\v3\Antigos\Logística Equipamentos v3.1.xlsx</t>
  </si>
  <si>
    <t>D:\21_11_2019 - PC ALGAR TECH\Desktop - 12-11-19\PreVendas - Governo Diogo\EBC\2014\SD.xlsb</t>
  </si>
  <si>
    <t>11/21/2019 20:38:02</t>
  </si>
  <si>
    <t>D:\21_11_2019 - PC ALGAR TECH\Desktop 22-07-19\Pendrive 05-03\Backup 01-07\45233 - RFQ _ A4216_RFQ_29020 - Manutenção RJ_ES_SUL\1. Precificação\v4\BP CAMPO v.3.6.xlsb</t>
  </si>
  <si>
    <t>11/21/2019 20:38:07</t>
  </si>
  <si>
    <t>D:\21_11_2019 - PC ALGAR TECH\Desktop 22-07-19\Pendrive 05-03\Backup 01-07\45233 - RFQ _ A4216_RFQ_29020 - Manutenção RJ_ES_SUL\1. Precificação\v4\BP EQUIPAMENTOS v3.5 - planilha antiga ok.xlsb</t>
  </si>
  <si>
    <t>11/21/2019 20:38:08</t>
  </si>
  <si>
    <t>D:\21_11_2019 - PC ALGAR TECH\Desktop 22-07-19\Pendrive 05-03\Backup 01-07\45233 - RFQ _ A4216_RFQ_29020 - Manutenção RJ_ES_SUL\1. Precificação\v4\Antigos\BP CAMPO v.3.4.xlsb</t>
  </si>
  <si>
    <t>11/21/2019 20:38:10</t>
  </si>
  <si>
    <t>D:\21_11_2019 - PC ALGAR TECH\Desktop 22-07-19\Pendrive 05-03\Backup 01-07\45233 - RFQ _ A4216_RFQ_29020 - Manutenção RJ_ES_SUL\1. Precificação\v4\Antigos\BP CAMPO v.3.5.xlsb</t>
  </si>
  <si>
    <t>11/21/2019 20:38:15</t>
  </si>
  <si>
    <t>D:\21_11_2019 - PC ALGAR TECH\Desktop 22-07-19\Pendrive 05-03\Backup 01-07\45233 - RFQ _ A4216_RFQ_29020 - Manutenção RJ_ES_SUL\1. Precificação\v4\Antigos\BP EQUIPAMENTOS v3.4 - não funciona.xlsb</t>
  </si>
  <si>
    <t>11/21/2019 20:38:17</t>
  </si>
  <si>
    <t>D:\21_11_2019 - PC ALGAR TECH\Desktop 22-07-19\Pendrive 05-03\Backup 01-07\45233 - RFQ _ A4216_RFQ_29020 - Manutenção RJ_ES_SUL\1. Precificação\v4\Antigos\Cópia de BP CAMPO v3.3.xlsb</t>
  </si>
  <si>
    <t>11/21/2019 20:38:20</t>
  </si>
  <si>
    <t>D:\21_11_2019 - PC ALGAR TECH\Desktop 22-07-19\Pendrive 05-03\Backup 01-07\45233 - RFQ _ A4216_RFQ_29020 - Manutenção RJ_ES_SUL\1. Precificação\v4 alternativa\BP CAMPO v.3.7.xlsb</t>
  </si>
  <si>
    <t>11/21/2019 20:38:24</t>
  </si>
  <si>
    <t>D:\21_11_2019 - PC ALGAR TECH\Desktop 22-07-19\Pendrive 05-03\Backup 01-07\45233 - RFQ _ A4216_RFQ_29020 - Manutenção RJ_ES_SUL\1. Precificação\v4 alternativa\BP EQUIPAMENTOS v3.5 - planilha antiga ok.xlsb</t>
  </si>
  <si>
    <t>11/21/2019 20:38:25</t>
  </si>
  <si>
    <t>D:\21_11_2019 - PC ALGAR TECH\Desktop - 12-11-19\PreVendas - Governo Diogo\EBC\2016\Novo TR\EBC\Fatores de Complexidades.xlsx</t>
  </si>
  <si>
    <t>D:\21_11_2019 - PC ALGAR TECH\Desktop - 12-11-19\PreVendas - Governo Diogo\EBC\2016\Novo TR\EBC\Modelo INFRA.xlsx</t>
  </si>
  <si>
    <t>D:\21_11_2019 - PC ALGAR TECH\Desktop 22-07-19\Pendrive 05-03\Backup 01-07\45233 - RFQ _ A4216_RFQ_29020 - Manutenção RJ_ES_SUL\2. Propostas\Antigos\2 - ANEXO II - LPU - LPU de Manutencao Equipamentos REV_01_1.xls</t>
  </si>
  <si>
    <t>D:\21_11_2019 - PC ALGAR TECH\Desktop 22-07-19\Pendrive 05-03\Backup 01-07\45233 - RFQ _ A4216_RFQ_29020 - Manutenção RJ_ES_SUL\2. Propostas\Antigos\2 - ANEXO II - LPU INFRA FM TRJ e TSL - FAT A REV_01.xls</t>
  </si>
  <si>
    <t>11/21/2019 20:38:26</t>
  </si>
  <si>
    <t>D:\21_11_2019 - PC ALGAR TECH\Desktop 22-07-19\Pendrive 05-03\Backup 01-07\45233 - RFQ _ A4216_RFQ_29020 - Manutenção RJ_ES_SUL\2. Propostas\v1\2 - ANEXO II - LPU - LPU de Manutencao Equipamentos REV_01.xls</t>
  </si>
  <si>
    <t>D:\21_11_2019 - PC ALGAR TECH\Desktop 22-07-19\Pendrive 05-03\Backup 01-07\45233 - RFQ _ A4216_RFQ_29020 - Manutenção RJ_ES_SUL\2. Propostas\v1\2 - ANEXO II - LPU INFRA FM TRJ e TSL - FAT A.xls</t>
  </si>
  <si>
    <t>11/21/2019 20:38:27</t>
  </si>
  <si>
    <t>D:\21_11_2019 - PC ALGAR TECH\Desktop 22-07-19\Pendrive 05-03\Backup 01-07\45233 - RFQ _ A4216_RFQ_29020 - Manutenção RJ_ES_SUL\2. Propostas\v1\2 - ANEXO II - LPU INFRA FM TRJ e TSL - FAT B - APENDICE A.xls</t>
  </si>
  <si>
    <t>D:\21_11_2019 - PC ALGAR TECH\Desktop 22-07-19\Pendrive 05-03\Backup 01-07\45233 - RFQ _ A4216_RFQ_29020 - Manutenção RJ_ES_SUL\2. Propostas\v1\2 - ANEXO II - LPU INFRA FM TRJ e TSL - FAT B - APENDICE B.xls</t>
  </si>
  <si>
    <t>D:\21_11_2019 - PC ALGAR TECH\Desktop - 12-11-19\PreVendas - Governo Diogo\EBC\2016\Novo TR\EBC\Sustentação de Infraestrutura\Fatores de Complexidades.xlsx</t>
  </si>
  <si>
    <t>D:\21_11_2019 - PC ALGAR TECH\Desktop - 12-11-19\PreVendas - Governo Diogo\EBC\2016\Novo TR\EBC\Sustentação de Infraestrutura\Perfis Básicos.xlsx</t>
  </si>
  <si>
    <t>D:\21_11_2019 - PC ALGAR TECH\Desktop - 12-11-19\PreVendas - Governo Diogo\EBSERH\Pasta de trabalho2.xlsx</t>
  </si>
  <si>
    <t>11/21/2019 20:38:34</t>
  </si>
  <si>
    <t>D:\21_11_2019 - PC ALGAR TECH\Desktop - 12-11-19\PreVendas - Governo Diogo\ect\Brasília.xlsm</t>
  </si>
  <si>
    <t>11/21/2019 20:38:42</t>
  </si>
  <si>
    <t>D:\21_11_2019 - PC ALGAR TECH\Desktop - 12-11-19\PreVendas - Governo Diogo\ect\Precificação + Adoção.xlsm</t>
  </si>
  <si>
    <t>D:\21_11_2019 - PC ALGAR TECH\Desktop 22-07-19\Pendrive 05-03\Backup 01-07\45233 - RFQ _ A4216_RFQ_29020 - Manutenção RJ_ES_SUL\2. Propostas\v1\Resposta Atendimento Técnico.xlsx</t>
  </si>
  <si>
    <t>D:\21_11_2019 - PC ALGAR TECH\Desktop - 12-11-19\PreVendas - Governo Diogo\ect\ECT MG\DESCRICAO TECNICA\Apendice_1_Relaá∆o de marcas e modelos dos equipamentos.xls</t>
  </si>
  <si>
    <t>11/21/2019 20:38:43</t>
  </si>
  <si>
    <t>D:\21_11_2019 - PC ALGAR TECH\Desktop 22-07-19\Pendrive 05-03\Backup 01-07\45233 - RFQ _ A4216_RFQ_29020 - Manutenção RJ_ES_SUL\2. Propostas\v2\01. v2\Proposta Comercial\2 - ANEXO II - LPU INFRA FM TRJ e TSL - FAT B - APENDICE A REV_01.xls</t>
  </si>
  <si>
    <t>D:\21_11_2019 - PC ALGAR TECH\Desktop 22-07-19\Pendrive 05-03\Backup 01-07\45233 - RFQ _ A4216_RFQ_29020 - Manutenção RJ_ES_SUL\2. Propostas\v2\01. v2\Proposta Comercial\2 - ANEXO II - LPU INFRA FM TRJ e TSL - FAT B - APENDICE B REV_01.xls</t>
  </si>
  <si>
    <t>D:\21_11_2019 - PC ALGAR TECH\Desktop 22-07-19\Pendrive 05-03\Backup 01-07\45233 - RFQ _ A4216_RFQ_29020 - Manutenção RJ_ES_SUL\2. Propostas\v2\01. v2\Proposta Comercial\2 - LPU EQUIPAMENTOS - BOM - REV_01.xlsx</t>
  </si>
  <si>
    <t>D:\21_11_2019 - PC ALGAR TECH\Desktop 22-07-19\Pendrive 05-03\Backup 01-07\45233 - RFQ _ A4216_RFQ_29020 - Manutenção RJ_ES_SUL\2. Propostas\v2\01. v2\Proposta Comercial\2_-_ANEXO_II_-_LPU_INFRA_FM_TRJ_e_TSL_-_FAT_A_REV_02.xls</t>
  </si>
  <si>
    <t>11/21/2019 20:38:44</t>
  </si>
  <si>
    <t>D:\21_11_2019 - PC ALGAR TECH\Desktop - 12-11-19\PreVendas - Governo Diogo\ect\ECT MG\DESCRICAO TECNICA\DESCRICAO TECNICA.zip</t>
  </si>
  <si>
    <t>D:\21_11_2019 - PC ALGAR TECH\Desktop - 12-11-19\PreVendas - Governo Diogo\Eletrobrás\Estudo.xlsx</t>
  </si>
  <si>
    <t>11/21/2019 20:38:46</t>
  </si>
  <si>
    <t>D:\21_11_2019 - PC ALGAR TECH\Desktop - 12-11-19\PreVendas - Governo Diogo\Eletronorte\BP1.xlsb</t>
  </si>
  <si>
    <t>11/21/2019 20:38:48</t>
  </si>
  <si>
    <t>D:\21_11_2019 - PC ALGAR TECH\Desktop - 12-11-19\PreVendas - Governo Diogo\Eletronorte\Precificação com Adoção.xlsb</t>
  </si>
  <si>
    <t>11/21/2019 20:38:49</t>
  </si>
  <si>
    <t>D:\21_11_2019 - PC ALGAR TECH\Desktop 22-07-19\Pendrive 05-03\Backup 01-07\45233 - RFQ _ A4216_RFQ_29020 - Manutenção RJ_ES_SUL\2. Propostas\v2\02. Reenvio v2\d) LPU´s\2 - ANEXO II - LPU INFRA FM TRJ e TSL - FAT B - APENDICE A REV_01.xls</t>
  </si>
  <si>
    <t>D:\21_11_2019 - PC ALGAR TECH\Desktop - 12-11-19\PreVendas - Governo Diogo\Eletronorte\Racional de Manutenção.xlsx</t>
  </si>
  <si>
    <t>D:\21_11_2019 - PC ALGAR TECH\Desktop 22-07-19\Pendrive 05-03\Backup 01-07\45233 - RFQ _ A4216_RFQ_29020 - Manutenção RJ_ES_SUL\2. Propostas\v2\02. Reenvio v2\d) LPU´s\2 - ANEXO II - LPU INFRA FM TRJ e TSL - FAT B - APENDICE B REV_01.xls</t>
  </si>
  <si>
    <t>D:\21_11_2019 - PC ALGAR TECH\Desktop - 12-11-19\PreVendas - Governo Diogo\Eletronorte\Eletrobrás\Design Thinking - Propostas de Soluções.xlsx</t>
  </si>
  <si>
    <t>D:\21_11_2019 - PC ALGAR TECH\Desktop 22-07-19\Pendrive 05-03\Backup 01-07\45233 - RFQ _ A4216_RFQ_29020 - Manutenção RJ_ES_SUL\2. Propostas\v2\02. Reenvio v2\d) LPU´s\2 - LPU EQUIPAMENTOS - BOM - REV_01.xlsx</t>
  </si>
  <si>
    <t>D:\21_11_2019 - PC ALGAR TECH\Desktop 22-07-19\Pendrive 05-03\Backup 01-07\45233 - RFQ _ A4216_RFQ_29020 - Manutenção RJ_ES_SUL\2. Propostas\v2\02. Reenvio v2\d) LPU´s\2_-_ANEXO_II_-_LPU_INFRA_FM_TRJ_e_TSL_-_FAT_A_REV_02.xls</t>
  </si>
  <si>
    <t>11/21/2019 20:38:50</t>
  </si>
  <si>
    <t>D:\21_11_2019 - PC ALGAR TECH\Desktop 22-07-19\Pendrive 05-03\Backup 01-07\45233 - RFQ _ A4216_RFQ_29020 - Manutenção RJ_ES_SUL\2. Propostas\v3\Pacote Econômico\2 - ANEXO II - LPU FMM INFRA FM TIM RJ_SUL - FAT A REV_04.xls</t>
  </si>
  <si>
    <t>D:\21_11_2019 - PC ALGAR TECH\Desktop 22-07-19\Pendrive 05-03\Backup 01-07\45233 - RFQ _ A4216_RFQ_29020 - Manutenção RJ_ES_SUL\2. Propostas\v3\Pacote Econômico\2 - ANEXO II - LPU FMM INFRA FM TIM RJ_SUL - FAT B - APENDICE A REV_04_2.xls</t>
  </si>
  <si>
    <t>D:\21_11_2019 - PC ALGAR TECH\Desktop 22-07-19\Pendrive 05-03\Backup 01-07\45233 - RFQ _ A4216_RFQ_29020 - Manutenção RJ_ES_SUL\2. Propostas\v3\Pacote Econômico\2 - ANEXO II - LPU FMM INFRA FM TIM RJ_SUL- FAT B - APENDICE B REV_04.xls</t>
  </si>
  <si>
    <t>11/21/2019 20:38:51</t>
  </si>
  <si>
    <t>D:\21_11_2019 - PC ALGAR TECH\Desktop 22-07-19\Pendrive 05-03\Backup 01-07\45233 - RFQ _ A4216_RFQ_29020 - Manutenção RJ_ES_SUL\2. Propostas\v3\Pacote Econômico\2 - LPU FMT - TIM RJ SUL - REV_04.xlsx</t>
  </si>
  <si>
    <t>11/21/2019 20:38:53</t>
  </si>
  <si>
    <t>D:\21_11_2019 - PC ALGAR TECH\Desktop 22-07-19\Pendrive 05-03\Backup 01-07\45233 - RFQ _ A4216_RFQ_29020 - Manutenção RJ_ES_SUL\2. Propostas\v3\Pacote Técnico\Resposta Atendimento Tecnico v3.xlsx</t>
  </si>
  <si>
    <t>11/21/2019 20:38:54</t>
  </si>
  <si>
    <t>D:\21_11_2019 - PC ALGAR TECH\Desktop - 12-11-19\PreVendas - Governo Diogo\Eletronorte\Suporte 2015\Precificação.xlsb</t>
  </si>
  <si>
    <t>D:\21_11_2019 - PC ALGAR TECH\Desktop 22-07-19\Pendrive 05-03\Backup 01-07\45233 - RFQ _ A4216_RFQ_29020 - Manutenção RJ_ES_SUL\2. Propostas\v5\Pacote Comercial\2 - ANEXO II - LPU FMM INFRA FM TIM RJ SUL - FAT A REV_05.xls</t>
  </si>
  <si>
    <t>D:\21_11_2019 - PC ALGAR TECH\Desktop 22-07-19\Pendrive 05-03\Backup 01-07\45233 - RFQ _ A4216_RFQ_29020 - Manutenção RJ_ES_SUL\2. Propostas\v5\Pacote Comercial\2 - ANEXO II - LPU FMM INFRA FM TIM RJ_SUL - FAT B - APENDICE A REV_05.xls</t>
  </si>
  <si>
    <t>D:\21_11_2019 - PC ALGAR TECH\Desktop - 12-11-19\PreVendas - Governo Diogo\Eletronorte\Suporte 2015\Preço por item.xlsx</t>
  </si>
  <si>
    <t>D:\21_11_2019 - PC ALGAR TECH\Desktop 22-07-19\Pendrive 05-03\Backup 01-07\45233 - RFQ _ A4216_RFQ_29020 - Manutenção RJ_ES_SUL\2. Propostas\v5\Pacote Comercial\2 - ANEXO II - LPU FMM INFRA FM TIM RJ_SUL- FAT B - APENDICE B REV_05.xls</t>
  </si>
  <si>
    <t>D:\21_11_2019 - PC ALGAR TECH\Desktop 22-07-19\Pendrive 05-03\Backup 01-07\45233 - RFQ _ A4216_RFQ_29020 - Manutenção RJ_ES_SUL\2. Propostas\v5\Pacote Comercial\2 - LPU FMT - TIM RJ SUL - REV_05.xlsx</t>
  </si>
  <si>
    <t>D:\21_11_2019 - PC ALGAR TECH\Desktop - 12-11-19\PreVendas - Governo Diogo\Eletronorte\Suporte 2015\racional Peças.xlsx</t>
  </si>
  <si>
    <t>11/21/2019 20:39:35</t>
  </si>
  <si>
    <t>D:\21_11_2019 - PC ALGAR TECH\Desktop 22-07-19\Pendrive 05-03\Backup 01-07\45233 - RFQ _ A4216_RFQ_29020 - Manutenção RJ_ES_SUL\2. Propostas\v5\Pacote Técnico\Resposta Atendimento Técnico v5.xlsx</t>
  </si>
  <si>
    <t>11/21/2019 20:39:36</t>
  </si>
  <si>
    <t>D:\21_11_2019 - PC ALGAR TECH\Desktop 22-07-19\Pendrive 05-03\Backup 01-07\45233 - RFQ _ A4216_RFQ_29020 - Manutenção RJ_ES_SUL\2. Propostas\v6 - alternativa da v5\Pacote Comercial\2 - ANEXO II - LPU FMM INFRA FM TIM RJ SUL - FAT A REV_06.xls</t>
  </si>
  <si>
    <t>D:\21_11_2019 - PC ALGAR TECH\Desktop 22-07-19\Pendrive 05-03\Backup 01-07\45233 - RFQ _ A4216_RFQ_29020 - Manutenção RJ_ES_SUL\2. Propostas\v6 - alternativa da v5\Pacote Comercial\</t>
  </si>
  <si>
    <t>D:\21_11_2019 - PC ALGAR TECH\Desktop 22-07-19\Pendrive 05-03\Backup 01-07\45233 - RFQ _ A4216_RFQ_29020 - Manutenção RJ_ES_SUL\2. Propostas\v6 - alternativa da v5\Pacote Comercial\2 - ANEXO II - LPU FMM INFRA FM TIM RJ_SUL - FAT B - APENDICE A REV_06.xls</t>
  </si>
  <si>
    <t>D:\21_11_2019 - PC ALGAR TECH\Desktop 22-07-19\Pendrive 05-03\Backup 01-07\45233 - RFQ _ A4216_RFQ_29020 - Manutenção RJ_ES_SUL\2. Propostas\v6 - alternativa da v5\Pacote Comercial\2 - ANEXO II - LPU FMM INFRA FM TIM RJ_SUL- FAT B - APENDICE B REV_06.xls</t>
  </si>
  <si>
    <t>D:\21_11_2019 - PC ALGAR TECH\Desktop 22-07-19\Pendrive 05-03\Backup 01-07\45233 - RFQ _ A4216_RFQ_29020 - Manutenção RJ_ES_SUL\2. Propostas\v6 - alternativa da v5\Pacote Comercial\2 - LPU FMT - TIM RJ SUL - REV_06.xlsx</t>
  </si>
  <si>
    <t>11/21/2019 20:39:37</t>
  </si>
  <si>
    <t>D:\21_11_2019 - PC ALGAR TECH\Desktop - 12-11-19\PreVendas - Governo Diogo\EMBRATUR\Precificação.xlsb</t>
  </si>
  <si>
    <t>11/21/2019 20:39:38</t>
  </si>
  <si>
    <t>D:\21_11_2019 - PC ALGAR TECH\Desktop 22-07-19\Pendrive 05-03\Backup 01-07\45233 - RFQ _ A4216_RFQ_29020 - Manutenção RJ_ES_SUL\2. Propostas\v6 - alternativa da v5\Pacote Técnico\Resposta Atendimento Técnico v6.xlsx</t>
  </si>
  <si>
    <t>D:\21_11_2019 - PC ALGAR TECH\Desktop - 12-11-19\PreVendas - Governo Diogo\Exercito\Cotação.xlsx</t>
  </si>
  <si>
    <t>11/21/2019 20:39:41</t>
  </si>
  <si>
    <t>D:\21_11_2019 - PC ALGAR TECH\Desktop 22-07-19\Pendrive 05-03\Backup 01-07\45233 - RFQ _ A4216_RFQ_29020 - Manutenção RJ_ES_SUL\3. Documentos\1. Editais\Doc TIM RJ_SL - 12-06\Especificacao Tecnica FMM.zip</t>
  </si>
  <si>
    <t>11/21/2019 20:39:43</t>
  </si>
  <si>
    <t>D:\21_11_2019 - PC ALGAR TECH\Desktop - 12-11-19\PreVendas - Governo Diogo\FAPESP\BP (Com SA assistente N1).xlsb</t>
  </si>
  <si>
    <t>11/21/2019 20:39:50</t>
  </si>
  <si>
    <t>D:\21_11_2019 - PC ALGAR TECH\Desktop 22-07-19\Pendrive 05-03\Backup 01-07\45233 - RFQ _ A4216_RFQ_29020 - Manutenção RJ_ES_SUL\3. Documentos\1. Editais\Doc TIM RJ_SL - 12-06\Especificacao Tecnica FMT Rev05.zip</t>
  </si>
  <si>
    <t>11/21/2019 20:39:52</t>
  </si>
  <si>
    <t>D:\21_11_2019 - PC ALGAR TECH\Desktop - 12-11-19\PreVendas - Governo Diogo\FAPESP\BP (Com SA SEM N1).xlsb</t>
  </si>
  <si>
    <t>D:\21_11_2019 - PC ALGAR TECH\Desktop 22-07-19\Pendrive 05-03\Backup 01-07\45233 - RFQ _ A4216_RFQ_29020 - Manutenção RJ_ES_SUL\3. Documentos\1. Editais\Doc TIM RJ_SL - 12-06\LPUS ATUALIZADAS.zip</t>
  </si>
  <si>
    <t>11/21/2019 20:39:54</t>
  </si>
  <si>
    <t>D:\21_11_2019 - PC ALGAR TECH\Desktop - 12-11-19\PreVendas - Governo Diogo\FAPESP\BP (Com SA).xlsb</t>
  </si>
  <si>
    <t>11/21/2019 20:39:56</t>
  </si>
  <si>
    <t>D:\21_11_2019 - PC ALGAR TECH\Desktop - 12-11-19\PreVendas - Governo Diogo\FAPESP\BP (Sem SA assistente N1 Metade HE).xlsb</t>
  </si>
  <si>
    <t>11/21/2019 20:39:57</t>
  </si>
  <si>
    <t>D:\21_11_2019 - PC ALGAR TECH\Desktop - 12-11-19\PreVendas - Governo Diogo\FAPESP\BP (Sem SA assistente N1).xlsb</t>
  </si>
  <si>
    <t>11/21/2019 20:39:59</t>
  </si>
  <si>
    <t>D:\21_11_2019 - PC ALGAR TECH\Desktop - 12-11-19\PreVendas - Governo Diogo\FAPESP\BP (SEM SA SEM N1).xlsb</t>
  </si>
  <si>
    <t>11/21/2019 20:40:01</t>
  </si>
  <si>
    <t>D:\21_11_2019 - PC ALGAR TECH\Desktop - 12-11-19\PreVendas - Governo Diogo\FAPESP\BP (SEM SA).xlsb</t>
  </si>
  <si>
    <t>D:\21_11_2019 - PC ALGAR TECH\Desktop - 12-11-19\PreVendas - Governo Diogo\FAPESP\Desenho.xlsx</t>
  </si>
  <si>
    <t>11/21/2019 20:40:02</t>
  </si>
  <si>
    <t>D:\21_11_2019 - PC ALGAR TECH\Desktop - 12-11-19\PreVendas - Governo Diogo\FAPESP\Planilha de Preços COM SOBREAVISO.xlsx</t>
  </si>
  <si>
    <t>D:\21_11_2019 - PC ALGAR TECH\Desktop 22-07-19\Pendrive 05-03\Backup 01-07\45233 - RFQ _ A4216_RFQ_29020 - Manutenção RJ_ES_SUL\3. Documentos\1. Editais\Doc TIM RJ_SL - 12-06\Especificacao Tecnica FMM\</t>
  </si>
  <si>
    <t>D:\21_11_2019 - PC ALGAR TECH\Desktop 22-07-19\Pendrive 05-03\Backup 01-07\45233 - RFQ _ A4216_RFQ_29020 - Manutenção RJ_ES_SUL\3. Documentos\1. Editais\Doc TIM RJ_SL - 12-06\Especificacao Tecnica FMM\ok - ANEXO VIII LPU FM TRJ e TSL - FAT A_v120150612.xlsx</t>
  </si>
  <si>
    <t>D:\21_11_2019 - PC ALGAR TECH\Desktop - 12-11-19\PreVendas - Governo Diogo\FAPESP\Planilha de Preços SEM SOBREAVISO Metade HE.xlsx</t>
  </si>
  <si>
    <t>D:\21_11_2019 - PC ALGAR TECH\Desktop 22-07-19\Pendrive 05-03\Backup 01-07\45233 - RFQ _ A4216_RFQ_29020 - Manutenção RJ_ES_SUL\3. Documentos\1. Editais\Doc TIM RJ_SL - 12-06\Especificacao Tecnica FMM\ok - ANEXO VIII LPU FM TRJ e TSL - FAT A_v20150608.xlsx</t>
  </si>
  <si>
    <t>D:\21_11_2019 - PC ALGAR TECH\Desktop - 12-11-19\PreVendas - Governo Diogo\FAPESP\Planilha de Preços SEM SOBREAVISO.xlsx</t>
  </si>
  <si>
    <t>D:\21_11_2019 - PC ALGAR TECH\Desktop - 12-11-19\PreVendas - Governo Diogo\FNDE\Cenários e Premissas.xlsx</t>
  </si>
  <si>
    <t>11/22/2019 08:48:36</t>
  </si>
  <si>
    <t>D:\21_11_2019 - PC ALGAR TECH\Desktop 22-07-19\Pendrive 05-03\Backup 01-07\45233 - RFQ _ A4216_RFQ_29020 - Manutenção RJ_ES_SUL\3. Documentos\1. Editais\Doc TIM RJ_SL - 12-06\Especificacao Tecnica FMM\ok - ANEXO XII - Programação Preventiva v20150603.xls</t>
  </si>
  <si>
    <t>D:\21_11_2019 - PC ALGAR TECH\Desktop - 12-11-19\PreVendas - Governo Diogo\FNDE\Premissas.xlsx</t>
  </si>
  <si>
    <t>11/21/2019 20:40:03</t>
  </si>
  <si>
    <t>D:\21_11_2019 - PC ALGAR TECH\Desktop - 12-11-19\PreVendas - Governo Diogo\FNDE\Preço Fixo 60 meses.xlsb</t>
  </si>
  <si>
    <t>D:\21_11_2019 - PC ALGAR TECH\Desktop 22-07-19\Pendrive 05-03\Backup 01-07\45233 - RFQ _ A4216_RFQ_29020 - Manutenção RJ_ES_SUL\3. Documentos\1. Editais\Doc TIM RJ_SL - 12-06\Especificacao Tecnica FMM\ok - Dados Rede TSL e TRJ v20150608.xlsx</t>
  </si>
  <si>
    <t>11/21/2019 20:40:04</t>
  </si>
  <si>
    <t>D:\21_11_2019 - PC ALGAR TECH\Desktop - 12-11-19\PreVendas - Governo Diogo\FNDE\Preço Fixo.xlsb</t>
  </si>
  <si>
    <t>D:\21_11_2019 - PC ALGAR TECH\Desktop 22-07-19\Pendrive 05-03\Backup 01-07\45233 - RFQ _ A4216_RFQ_29020 - Manutenção RJ_ES_SUL\3. Documentos\1. Editais\Doc TIM RJ_SL - 12-06\Especificacao Tecnica FMM\ok - Sites Industriais TRJ e TSL v20150608.xlsx</t>
  </si>
  <si>
    <t>11/21/2019 20:40:05</t>
  </si>
  <si>
    <t>D:\21_11_2019 - PC ALGAR TECH\Desktop - 12-11-19\PreVendas - Governo Diogo\FNDE\UST sob Demanda.xlsb</t>
  </si>
  <si>
    <t>D:\21_11_2019 - PC ALGAR TECH\Desktop 22-07-19\Pendrive 05-03\Backup 01-07\45233 - RFQ _ A4216_RFQ_29020 - Manutenção RJ_ES_SUL\3. Documentos\1. Editais\Doc TIM RJ_SL - 12-06\Especificacao Tecnica FMT Rev05\ok - Proposta de LPU Rev 4 050515.xlsx</t>
  </si>
  <si>
    <t>11/21/2019 20:40:07</t>
  </si>
  <si>
    <t>D:\21_11_2019 - PC ALGAR TECH\Desktop - 12-11-19\PreVendas - Governo Diogo\FNDE\2016\Adesão Ata\Cópia de BP Preço C002 B004 _Encargos.xlsb</t>
  </si>
  <si>
    <t>D:\21_11_2019 - PC ALGAR TECH\Desktop 22-07-19\Pendrive 05-03\Backup 01-07\45233 - RFQ _ A4216_RFQ_29020 - Manutenção RJ_ES_SUL\3. Documentos\1. Editais\Doc TIM RJ_SL - 12-06\LPUS ATUALIZADAS\2 - ANEXO II - LPU FMM INFRA FM TIM RJ SUL - FAT A REV_05.xls</t>
  </si>
  <si>
    <t>D:\21_11_2019 - PC ALGAR TECH\Desktop - 12-11-19\PreVendas - Governo Diogo\FNDE\2016\Adesão Ata\DRE.xlsx</t>
  </si>
  <si>
    <t>11/21/2019 20:40:08</t>
  </si>
  <si>
    <t>D:\21_11_2019 - PC ALGAR TECH\Desktop 22-07-19\Pendrive 05-03\Backup 01-07\45233 - RFQ _ A4216_RFQ_29020 - Manutenção RJ_ES_SUL\3. Documentos\1. Editais\Doc TIM RJ_SL - 12-06\LPUS ATUALIZADAS\2 - LPU FMT - TIM RJ SUL - REV_05.xlsx</t>
  </si>
  <si>
    <t>11/21/2019 20:40:09</t>
  </si>
  <si>
    <t>D:\21_11_2019 - PC ALGAR TECH\Desktop - 12-11-19\PreVendas - Governo Diogo\FNDE\2016\Adesão Ata\FNDE - Adesão ATA TSE - Final.xlsb</t>
  </si>
  <si>
    <t>11/21/2019 20:40:17</t>
  </si>
  <si>
    <t>D:\21_11_2019 - PC ALGAR TECH\Desktop 22-07-19\Pendrive 05-03\Backup 01-07\45233 - RFQ _ A4216_RFQ_29020 - Manutenção RJ_ES_SUL\3. Documentos\1. Editais\Reabertura de RFQ - 28-05\1 - ANEXO I - Eespecificacoes tecnicas FMT_TRJ_TSUL_Rev 4 050515.zip</t>
  </si>
  <si>
    <t>11/21/2019 20:40:19</t>
  </si>
  <si>
    <t>D:\21_11_2019 - PC ALGAR TECH\Desktop - 12-11-19\PreVendas - Governo Diogo\FNDE\2017\Cotação\Cotação.xlsb</t>
  </si>
  <si>
    <t>11/21/2019 20:40:21</t>
  </si>
  <si>
    <t>D:\21_11_2019 - PC ALGAR TECH\Desktop 22-07-19\Pendrive 05-03\Backup 01-07\45233 - RFQ _ A4216_RFQ_29020 - Manutenção RJ_ES_SUL\3. Documentos\1. Editais\Reabertura de RFQ - 28-05\1 - ANEXO I - Especificações Tecnicas FMM (TRJ e TSL) 20150526.zip</t>
  </si>
  <si>
    <t>11/21/2019 20:40:23</t>
  </si>
  <si>
    <t>D:\21_11_2019 - PC ALGAR TECH\Desktop - 12-11-19\PreVendas - Governo Diogo\FNDE\2018\Assessoria Sistemas\BP Preço.xlsb</t>
  </si>
  <si>
    <t>D:\21_11_2019 - PC ALGAR TECH\Desktop 22-07-19\Pendrive 05-03\Backup 01-07\45233 - RFQ _ A4216_RFQ_29020 - Manutenção RJ_ES_SUL\3. Documentos\1. Editais\Reabertura de RFQ - 28-05\2 - ANEXO II - LPU FMM INFRA FM TIM RJ_SUL - FAT A REV_04.xls</t>
  </si>
  <si>
    <t>D:\21_11_2019 - PC ALGAR TECH\Desktop - 12-11-19\PreVendas - Governo Diogo\FNDE\2018\Assessoria Sistemas\catálogo.xlsx</t>
  </si>
  <si>
    <t>D:\21_11_2019 - PC ALGAR TECH\Desktop 22-07-19\Pendrive 05-03\Backup 01-07\45233 - RFQ _ A4216_RFQ_29020 - Manutenção RJ_ES_SUL\3. Documentos\1. Editais\Reabertura de RFQ - 28-05\2 - ANEXO II - LPU FMM INFRA FM TIM RJ_SUL - FAT B - APENDICE A REV_04_2.xls</t>
  </si>
  <si>
    <t>D:\21_11_2019 - PC ALGAR TECH\Desktop 22-07-19\Pendrive 05-03\Backup 01-07\45233 - RFQ _ A4216_RFQ_29020 - Manutenção RJ_ES_SUL\3. Documentos\1. Editais\Reabertura de RFQ - 28-05\2 - ANEXO II - LPU FMM INFRA FM TIM RJ_SUL- FAT B - APENDICE B REV_04.xls</t>
  </si>
  <si>
    <t>D:\21_11_2019 - PC ALGAR TECH\Desktop - 12-11-19\PreVendas - Governo Diogo\FNDE\2018\Cotação\Para Envio.xlsx</t>
  </si>
  <si>
    <t>D:\21_11_2019 - PC ALGAR TECH\Desktop 22-07-19\Pendrive 05-03\Backup 01-07\45233 - RFQ _ A4216_RFQ_29020 - Manutenção RJ_ES_SUL\3. Documentos\1. Editais\Reabertura de RFQ - 28-05\2 - LPU FMT - TIM RJ SUL - REV_04.xlsx</t>
  </si>
  <si>
    <t>D:\21_11_2019 - PC ALGAR TECH\Desktop - 12-11-19\PreVendas - Governo Diogo\FNDE\2018\Cotação\Racional.xlsx</t>
  </si>
  <si>
    <t>11/21/2019 20:40:24</t>
  </si>
  <si>
    <t>D:\21_11_2019 - PC ALGAR TECH\Desktop - 12-11-19\PreVendas - Governo Diogo\FNDE\2018\SD\Cotação\Pasta1.xlsx</t>
  </si>
  <si>
    <t>11/21/2019 20:40:25</t>
  </si>
  <si>
    <t>D:\21_11_2019 - PC ALGAR TECH\Desktop - 12-11-19\PreVendas - Governo Diogo\FNDE\2018\SD\Edital\BP.xlsb</t>
  </si>
  <si>
    <t>D:\21_11_2019 - PC ALGAR TECH\Desktop - 12-11-19\PreVendas - Governo Diogo\FNDE\2018\SD\Edital\FNDE.xlsx</t>
  </si>
  <si>
    <t>11/21/2019 20:40:29</t>
  </si>
  <si>
    <t>D:\21_11_2019 - PC ALGAR TECH\Desktop - 12-11-19\PreVendas - Governo Diogo\FNDE\Infraestrutura\Analise de Riscos.xlsx</t>
  </si>
  <si>
    <t>D:\21_11_2019 - PC ALGAR TECH\Desktop - 12-11-19\PreVendas - Governo Diogo\FNDE\Infraestrutura\Matriz Favorabilidade.xlsx</t>
  </si>
  <si>
    <t>11/21/2019 20:40:30</t>
  </si>
  <si>
    <t>D:\21_11_2019 - PC ALGAR TECH\Desktop 22-07-19\Pendrive 05-03\Backup 01-07\45233 - RFQ _ A4216_RFQ_29020 - Manutenção RJ_ES_SUL\3. Documentos\1. Editais\Reabertura de RFQ - 28-05\1 - FMM\ANEXO VIII LPU FM TRJ e TSL - FAT A.xlsx</t>
  </si>
  <si>
    <t>D:\21_11_2019 - PC ALGAR TECH\Desktop 22-07-19\Pendrive 05-03\Backup 01-07\45233 - RFQ _ A4216_RFQ_29020 - Manutenção RJ_ES_SUL\3. Documentos\1. Editais\Reabertura de RFQ - 28-05\1 - FMM\ANEXO VIII LPU FM TRJ e TSL - FAT B - APENDICE A.xls</t>
  </si>
  <si>
    <t>D:\21_11_2019 - PC ALGAR TECH\Desktop 22-07-19\Pendrive 05-03\Backup 01-07\45233 - RFQ _ A4216_RFQ_29020 - Manutenção RJ_ES_SUL\3. Documentos\1. Editais\Reabertura de RFQ - 28-05\1 - FMM\ANEXO VIII LPU FM TRJ e TSL - FAT B - APENDICE B.xls</t>
  </si>
  <si>
    <t>11/21/2019 20:40:31</t>
  </si>
  <si>
    <t>D:\21_11_2019 - PC ALGAR TECH\Desktop 22-07-19\Pendrive 05-03\Backup 01-07\45233 - RFQ _ A4216_RFQ_29020 - Manutenção RJ_ES_SUL\3. Documentos\1. Editais\Reabertura de RFQ - 28-05\1 - FMM\ANEXO X - Ficha de Intervenção Corretiva.xls</t>
  </si>
  <si>
    <t>D:\21_11_2019 - PC ALGAR TECH\Desktop 22-07-19\Pendrive 05-03\Backup 01-07\45233 - RFQ _ A4216_RFQ_29020 - Manutenção RJ_ES_SUL\3. Documentos\1. Editais\Reabertura de RFQ - 28-05\1 - FMM\ANEXO XI - Laudo Vistoria Estrutura Vertical.xls</t>
  </si>
  <si>
    <t>D:\21_11_2019 - PC ALGAR TECH\Desktop 22-07-19\Pendrive 05-03\Backup 01-07\45233 - RFQ _ A4216_RFQ_29020 - Manutenção RJ_ES_SUL\3. Documentos\1. Editais\Reabertura de RFQ - 28-05\1 - FMM\ANEXO XII - Programação Preventiva.xls</t>
  </si>
  <si>
    <t>11/21/2019 20:40:33</t>
  </si>
  <si>
    <t>D:\21_11_2019 - PC ALGAR TECH\Desktop - 12-11-19\PreVendas - Governo Diogo\FUNAI\Preço.xlsb</t>
  </si>
  <si>
    <t>11/21/2019 20:40:34</t>
  </si>
  <si>
    <t>D:\21_11_2019 - PC ALGAR TECH\Desktop - 12-11-19\PreVendas - Governo Diogo\FUNASA\31.2011\Edital dia 21\Atividades Edital.xlsx</t>
  </si>
  <si>
    <t>D:\21_11_2019 - PC ALGAR TECH\Desktop - 12-11-19\PreVendas - Governo Diogo\FUNASA\31.2011\Edital dia 21\Cargos e Salários FUNASA.xlsx</t>
  </si>
  <si>
    <t>11/21/2019 20:40:35</t>
  </si>
  <si>
    <t>D:\21_11_2019 - PC ALGAR TECH\Desktop 22-07-19\Pendrive 05-03\Backup 01-07\45233 - RFQ _ A4216_RFQ_29020 - Manutenção RJ_ES_SUL\3. Documentos\1. Editais\Reabertura de RFQ - 28-05\1 - FMM\Dados Rede TSL e TRJ 1.xlsx</t>
  </si>
  <si>
    <t>D:\21_11_2019 - PC ALGAR TECH\Desktop - 12-11-19\PreVendas - Governo Diogo\FUNASA\31.2011\Edital dia 21\Estratégias e Preços.xlsx</t>
  </si>
  <si>
    <t>11/21/2019 20:40:36</t>
  </si>
  <si>
    <t>D:\21_11_2019 - PC ALGAR TECH\Desktop - 12-11-19\PreVendas - Governo Diogo\FUNASA\31.2011\Edital dia 21\Lote II - SEM PPR 5% LOTE 1 GANHO.xlsb</t>
  </si>
  <si>
    <t>11/21/2019 20:40:37</t>
  </si>
  <si>
    <t>D:\21_11_2019 - PC ALGAR TECH\Desktop 22-07-19\Pendrive 05-03\Backup 01-07\45233 - RFQ _ A4216_RFQ_29020 - Manutenção RJ_ES_SUL\3. Documentos\1. Editais\Reabertura de RFQ - 28-05\1 - FMM\</t>
  </si>
  <si>
    <t>D:\21_11_2019 - PC ALGAR TECH\Desktop 22-07-19\Pendrive 05-03\Backup 01-07\45233 - RFQ _ A4216_RFQ_29020 - Manutenção RJ_ES_SUL\3. Documentos\1. Editais\Reabertura de RFQ - 28-05\1 - FMM\Indicação da infraestrutura para a prestação do serviço TRJ e TSL.xls</t>
  </si>
  <si>
    <t>11/21/2019 20:40:38</t>
  </si>
  <si>
    <t>D:\21_11_2019 - PC ALGAR TECH\Desktop - 12-11-19\PreVendas - Governo Diogo\FUNASA\31.2011\Edital dia 21\Lote II - SEM PPR 5%.xlsb</t>
  </si>
  <si>
    <t>11/21/2019 20:40:39</t>
  </si>
  <si>
    <t>D:\21_11_2019 - PC ALGAR TECH\Desktop 22-07-19\Pendrive 05-03\Backup 01-07\45233 - RFQ _ A4216_RFQ_29020 - Manutenção RJ_ES_SUL\3. Documentos\1. Editais\Reabertura de RFQ - 28-05\1 - FMM\Prédios Industriais TRJ e TSL.xlsx</t>
  </si>
  <si>
    <t>D:\21_11_2019 - PC ALGAR TECH\Desktop - 12-11-19\PreVendas - Governo Diogo\FUNASA\31.2011\Edital dia 21\Níveis de Serviço.xlsx</t>
  </si>
  <si>
    <t>D:\21_11_2019 - PC ALGAR TECH\Desktop 22-07-19\Pendrive 05-03\Backup 01-07\45233 - RFQ _ A4216_RFQ_29020 - Manutenção RJ_ES_SUL\3. Documentos\1. Editais\Reabertura de RFQ - 28-05\1 - FMM\Sites 2015 - TRJ e TSL.xlsx</t>
  </si>
  <si>
    <t>11/21/2019 20:40:40</t>
  </si>
  <si>
    <t>D:\21_11_2019 - PC ALGAR TECH\Desktop - 12-11-19\PreVendas - Governo Diogo\FUNASA\31.2011\Edital dia 21\Planilha de Custos - IN-02 LoteII.xlsx</t>
  </si>
  <si>
    <t>D:\21_11_2019 - PC ALGAR TECH\Desktop - 12-11-19\PreVendas - Governo Diogo\FUNASA\31.2011\Edital dia 21\Planilha de Custos - IN-02 LoteII.xlsx.zip</t>
  </si>
  <si>
    <t>D:\21_11_2019 - PC ALGAR TECH\Desktop 22-07-19\Pendrive 05-03\Backup 01-07\45233 - RFQ _ A4216_RFQ_29020 - Manutenção RJ_ES_SUL\3. Documentos\1. Editais\Reabertura de RFQ - 28-05\1 - FMT\Proposta de LPU Rev 4 050515.xlsx</t>
  </si>
  <si>
    <t>D:\21_11_2019 - PC ALGAR TECH\Desktop - 12-11-19\PreVendas - Governo Diogo\FUNASA\31.2011\Edital dia 21\Planilha de Custos - Resumo e IN-02 Lote 1.xlsx</t>
  </si>
  <si>
    <t>11/21/2019 20:40:41</t>
  </si>
  <si>
    <t>D:\21_11_2019 - PC ALGAR TECH\Desktop - 12-11-19\PreVendas - Governo Diogo\FUNASA\31.2011\Edital dia 21\Planilha de Custos - Resumo e IN-02.xlsx</t>
  </si>
  <si>
    <t>D:\21_11_2019 - PC ALGAR TECH\Desktop 22-07-19\Pendrive 05-03\Backup 01-07\45233 - RFQ _ A4216_RFQ_29020 - Manutenção RJ_ES_SUL\3. Documentos\2. Doc Habilitação\Documentação de habilitação.zip</t>
  </si>
  <si>
    <t>11/21/2019 20:40:42</t>
  </si>
  <si>
    <t>D:\21_11_2019 - PC ALGAR TECH\Desktop - 12-11-19\PreVendas - Governo Diogo\FUNASA\31.2011\Edital dia 21\Service-Desk Com Licenças - SEM PPR.xlsb</t>
  </si>
  <si>
    <t>11/21/2019 20:40:45</t>
  </si>
  <si>
    <t>D:\21_11_2019 - PC ALGAR TECH\Desktop - 12-11-19\PreVendas - Governo Diogo\FUNASA\FUNASA 30.2012\Precificação com Adoção.xlsb</t>
  </si>
  <si>
    <t>11/21/2019 20:40:46</t>
  </si>
  <si>
    <t>D:\21_11_2019 - PC ALGAR TECH\Desktop 22-07-19\Pendrive 05-03\Backup 01-07\45233 - RFQ _ A4216_RFQ_29020 - Manutenção RJ_ES_SUL\3. Documentos\4. Análises\Re Edital TIM.msg</t>
  </si>
  <si>
    <t>11/21/2019 20:40:48</t>
  </si>
  <si>
    <t>D:\21_11_2019 - PC ALGAR TECH\Desktop - 12-11-19\PreVendas - Governo Diogo\FUNASA\SD Nacional\BP1.xlsb</t>
  </si>
  <si>
    <t>11/21/2019 20:40:49</t>
  </si>
  <si>
    <t>D:\21_11_2019 - PC ALGAR TECH\Desktop 22-07-19\Pendrive 05-03\Backup 01-07\45233 - RFQ _ A4216_RFQ_29020 - Manutenção RJ_ES_SUL\3. Documentos\6. Outros\Logística - 06-03 2 (2).xls</t>
  </si>
  <si>
    <t>11/21/2019 20:40:50</t>
  </si>
  <si>
    <t>D:\21_11_2019 - PC ALGAR TECH\Desktop 22-07-19\Pendrive 05-03\Backup 01-07\45233 - RFQ _ A4216_RFQ_29020 - Manutenção RJ_ES_SUL\3. Documentos\6. Outros\Logística - 06-03 2.xls</t>
  </si>
  <si>
    <t>11/21/2019 20:40:55</t>
  </si>
  <si>
    <t>D:\21_11_2019 - PC ALGAR TECH\Desktop - 12-11-19\PreVendas - Governo Diogo\FUNASA\SD Nacional\Comitê_Soluções.pptx</t>
  </si>
  <si>
    <t>11/21/2019 20:40:56</t>
  </si>
  <si>
    <t>D:\21_11_2019 - PC ALGAR TECH\Desktop 22-07-19\Pendrive 05-03\Backup 01-07\45233 - RFQ _ A4216_RFQ_29020 - Manutenção RJ_ES_SUL\3. Documentos\6. Outros\Requisitos Final 2 (Salvo automaticamente) (Salvo automaticamente).xlsx</t>
  </si>
  <si>
    <t>D:\21_11_2019 - PC ALGAR TECH\Desktop 22-07-19\Pendrive 05-03\Backup 01-07\45233 - RFQ _ A4216_RFQ_29020 - Manutenção RJ_ES_SUL\4. Cotações\Cotação TIM - FUTURE PARTE 1.msg</t>
  </si>
  <si>
    <t>11/21/2019 20:40:57</t>
  </si>
  <si>
    <t>D:\21_11_2019 - PC ALGAR TECH\Desktop - 12-11-19\PreVendas - Governo Diogo\FUNASA\SD Nacional\Planilha de Custos.xlsx</t>
  </si>
  <si>
    <t>D:\21_11_2019 - PC ALGAR TECH\Desktop - 12-11-19\PreVendas - Governo Diogo\FUNASA\SD Nacional\racionais.xlsx</t>
  </si>
  <si>
    <t>D:\21_11_2019 - PC ALGAR TECH\Desktop 22-07-19\Pendrive 05-03\Backup 01-07\45233 - RFQ _ A4216_RFQ_29020 - Manutenção RJ_ES_SUL\4. Cotações\Cotação TIM - FUTURE PARTE 4.msg</t>
  </si>
  <si>
    <t>11/21/2019 20:40:58</t>
  </si>
  <si>
    <t>D:\21_11_2019 - PC ALGAR TECH\Desktop 22-07-19\Pendrive 05-03\Backup 01-07\45233 - RFQ _ A4216_RFQ_29020 - Manutenção RJ_ES_SUL\4. Cotações\Enc Contatoe.msg</t>
  </si>
  <si>
    <t>11/21/2019 20:40:59</t>
  </si>
  <si>
    <t>D:\21_11_2019 - PC ALGAR TECH\Desktop - 12-11-19\PreVendas - Governo Diogo\FUNASA\SD Nacional\2017\COTAÇÃO\Cópia de BP Preço C011 B012 Desonerada.xlsb</t>
  </si>
  <si>
    <t>D:\21_11_2019 - PC ALGAR TECH\Desktop 22-07-19\Pendrive 05-03\Backup 01-07\45233 - RFQ _ A4216_RFQ_29020 - Manutenção RJ_ES_SUL\4. Cotações\ENC Equipamentos TIM.msg</t>
  </si>
  <si>
    <t>11/21/2019 20:41:00</t>
  </si>
  <si>
    <t>D:\21_11_2019 - PC ALGAR TECH\Desktop 22-07-19\Pendrive 05-03\Backup 01-07\45233 - RFQ _ A4216_RFQ_29020 - Manutenção RJ_ES_SUL\4. Cotações\RES LPU TIM - ATUAL ELETRICA.msg</t>
  </si>
  <si>
    <t>D:\21_11_2019 - PC ALGAR TECH\Desktop 22-07-19\Pendrive 05-03\Backup 01-07\45233 - RFQ _ A4216_RFQ_29020 - Manutenção RJ_ES_SUL\4. Cotações\RES LPU TIM - FUTURE PARTE 2.msg</t>
  </si>
  <si>
    <t>11/21/2019 20:41:01</t>
  </si>
  <si>
    <t>D:\21_11_2019 - PC ALGAR TECH\Desktop 22-07-19\Pendrive 05-03\Backup 01-07\45233 - RFQ _ A4216_RFQ_29020 - Manutenção RJ_ES_SUL\4. Cotações\RES LPU TIM - LOJA ELETRICA PARTE 2.msg</t>
  </si>
  <si>
    <t>11/21/2019 20:41:02</t>
  </si>
  <si>
    <t>D:\21_11_2019 - PC ALGAR TECH\Desktop 22-07-19\Pendrive 05-03\Backup 01-07\45233 - RFQ _ A4216_RFQ_29020 - Manutenção RJ_ES_SUL\5. Rascunhos\Capex TIM.xlsx</t>
  </si>
  <si>
    <t>11/21/2019 20:41:04</t>
  </si>
  <si>
    <t>D:\21_11_2019 - PC ALGAR TECH\Desktop 22-07-19\Pendrive 05-03\Backup 01-07\45233 - RFQ _ A4216_RFQ_29020 - Manutenção RJ_ES_SUL\5. Rascunhos\Cópia de CONTRATOS - TODOS - editado2 (1).xlsx</t>
  </si>
  <si>
    <t>D:\21_11_2019 - PC ALGAR TECH\Desktop 22-07-19\Pendrive 05-03\Backup 01-07\45233 - RFQ _ A4216_RFQ_29020 - Manutenção RJ_ES_SUL\5. Rascunhos\Equipamentos TIM original.xlsx</t>
  </si>
  <si>
    <t>D:\21_11_2019 - PC ALGAR TECH\Desktop 22-07-19\Pendrive 05-03\Backup 01-07\45233 - RFQ _ A4216_RFQ_29020 - Manutenção RJ_ES_SUL\5. Rascunhos\Equipamentos TIM preenchido.xlsx</t>
  </si>
  <si>
    <t>D:\21_11_2019 - PC ALGAR TECH\Desktop 22-07-19\Pendrive 05-03\Backup 01-07\45233 - RFQ _ A4216_RFQ_29020 - Manutenção RJ_ES_SUL\5. Rascunhos\Equipamentos TIM.xlsx</t>
  </si>
  <si>
    <t>11/21/2019 20:41:05</t>
  </si>
  <si>
    <t>D:\21_11_2019 - PC ALGAR TECH\Desktop - 12-11-19\PreVendas - Governo Diogo\FUNDACENTRO\COTAÇÃO.xlsb</t>
  </si>
  <si>
    <t>D:\21_11_2019 - PC ALGAR TECH\Desktop 22-07-19\Pendrive 05-03\Backup 01-07\45233 - RFQ _ A4216_RFQ_29020 - Manutenção RJ_ES_SUL\5. Rascunhos\EQUIPAMENTO_INFRA.xlsx</t>
  </si>
  <si>
    <t>11/21/2019 20:41:06</t>
  </si>
  <si>
    <t>D:\21_11_2019 - PC ALGAR TECH\Desktop - 12-11-19\PreVendas - Governo Diogo\FUNDACENTRO\Sustentação 2015\BP Atualizado após pregão.xlsb</t>
  </si>
  <si>
    <t>D:\21_11_2019 - PC ALGAR TECH\Desktop - 12-11-19\PreVendas - Governo Diogo\FUNDACENTRO\Sustentação 2015\Custo da Implantação.xls</t>
  </si>
  <si>
    <t>D:\21_11_2019 - PC ALGAR TECH\Desktop 22-07-19\Pendrive 05-03\Backup 01-07\45233 - RFQ _ A4216_RFQ_29020 - Manutenção RJ_ES_SUL\5. Rascunhos\ETD_POP_SHELTER.xlsx</t>
  </si>
  <si>
    <t>11/21/2019 20:41:10</t>
  </si>
  <si>
    <t>D:\21_11_2019 - PC ALGAR TECH\Desktop 22-07-19\Pendrive 05-03\Backup 01-07\45233 - RFQ _ A4216_RFQ_29020 - Manutenção RJ_ES_SUL\5. Rascunhos\FEMTOCEL EQUIPAMENTOS.xlsm</t>
  </si>
  <si>
    <t>11/21/2019 20:41:11</t>
  </si>
  <si>
    <t>D:\21_11_2019 - PC ALGAR TECH\Desktop - 12-11-19\PreVendas - Governo Diogo\FUNDACENTRO\Sustentação 2015\Documentação para TAP.zip</t>
  </si>
  <si>
    <t>D:\21_11_2019 - PC ALGAR TECH\Desktop 22-07-19\Pendrive 05-03\Backup 01-07\45233 - RFQ _ A4216_RFQ_29020 - Manutenção RJ_ES_SUL\5. Rascunhos\FEMTOCEL.xlsx</t>
  </si>
  <si>
    <t>D:\21_11_2019 - PC ALGAR TECH\Desktop 22-07-19\Pendrive 05-03\Backup 01-07\45233 - RFQ _ A4216_RFQ_29020 - Manutenção RJ_ES_SUL\5. Rascunhos\Ferramentas e equipamentos.xlsx</t>
  </si>
  <si>
    <t>D:\21_11_2019 - PC ALGAR TECH\Desktop - 12-11-19\PreVendas - Governo Diogo\FUNDACENTRO\Sustentação 2015\Planilhas IN.xlsx</t>
  </si>
  <si>
    <t>D:\21_11_2019 - PC ALGAR TECH\Desktop 22-07-19\Pendrive 05-03\Backup 01-07\45233 - RFQ _ A4216_RFQ_29020 - Manutenção RJ_ES_SUL\5. Rascunhos\Folha TIM.xlsx</t>
  </si>
  <si>
    <t>11/21/2019 20:41:12</t>
  </si>
  <si>
    <t>D:\21_11_2019 - PC ALGAR TECH\Desktop - 12-11-19\PreVendas - Governo Diogo\FUNDACENTRO\Sustentação 2015\Precificação MSV 15 &amp; CPRB.xlsb</t>
  </si>
  <si>
    <t>D:\21_11_2019 - PC ALGAR TECH\Desktop 22-07-19\Pendrive 05-03\Backup 01-07\45233 - RFQ _ A4216_RFQ_29020 - Manutenção RJ_ES_SUL\5. Rascunhos\Info importante.docx</t>
  </si>
  <si>
    <t>D:\21_11_2019 - PC ALGAR TECH\Desktop 22-07-19\Pendrive 05-03\Backup 01-07\45233 - RFQ _ A4216_RFQ_29020 - Manutenção RJ_ES_SUL\5. Rascunhos\Logística - 06-03.xls</t>
  </si>
  <si>
    <t>11/21/2019 20:41:13</t>
  </si>
  <si>
    <t>D:\21_11_2019 - PC ALGAR TECH\Desktop 22-07-19\Pendrive 05-03\Backup 01-07\45233 - RFQ _ A4216_RFQ_29020 - Manutenção RJ_ES_SUL\5. Rascunhos\Logística1 (Salvo automaticamente).xls</t>
  </si>
  <si>
    <t>11/21/2019 20:41:14</t>
  </si>
  <si>
    <t>D:\21_11_2019 - PC ALGAR TECH\Desktop - 12-11-19\PreVendas - Governo Diogo\FUNDACENTRO\Sustentação 2015\Documentação para TAP\BP Atualizado.xlsb</t>
  </si>
  <si>
    <t>11/21/2019 20:41:15</t>
  </si>
  <si>
    <t>D:\21_11_2019 - PC ALGAR TECH\Desktop 22-07-19\Pendrive 05-03\Backup 01-07\45233 - RFQ _ A4216_RFQ_29020 - Manutenção RJ_ES_SUL\5. Rascunhos\Logística1.xls</t>
  </si>
  <si>
    <t>D:\21_11_2019 - PC ALGAR TECH\Desktop - 12-11-19\PreVendas - Governo Diogo\FUNDACENTRO\Sustentação 2015\Documentação para TAP\Custo da Implantação.xls</t>
  </si>
  <si>
    <t>D:\21_11_2019 - PC ALGAR TECH\Desktop 22-07-19\Pendrive 05-03\Backup 01-07\45233 - RFQ _ A4216_RFQ_29020 - Manutenção RJ_ES_SUL\5. Rascunhos\Manut Eqptos Tx e Clientes Corporativos.xls</t>
  </si>
  <si>
    <t>D:\21_11_2019 - PC ALGAR TECH\Desktop 22-07-19\Pendrive 05-03\Backup 01-07\45233 - RFQ _ A4216_RFQ_29020 - Manutenção RJ_ES_SUL\5. Rascunhos\mapa femtocel.xlsx</t>
  </si>
  <si>
    <t>D:\21_11_2019 - PC ALGAR TECH\Desktop 22-07-19\Pendrive 05-03\Backup 01-07\45233 - RFQ _ A4216_RFQ_29020 - Manutenção RJ_ES_SUL\5. Rascunhos\Materiais TIM com preços - V2.xlsx</t>
  </si>
  <si>
    <t>D:\21_11_2019 - PC ALGAR TECH\Desktop - 12-11-19\PreVendas - Governo Diogo\FUNDACENTRO\Sustentação 2015\Documentação para TAP\Planilhas IN02.xlsx</t>
  </si>
  <si>
    <t>11/21/2019 20:41:16</t>
  </si>
  <si>
    <t>D:\21_11_2019 - PC ALGAR TECH\Desktop 22-07-19\Pendrive 05-03\Backup 01-07\45233 - RFQ _ A4216_RFQ_29020 - Manutenção RJ_ES_SUL\5. Rascunhos\Materiais TIM com preços - V3.xlsx</t>
  </si>
  <si>
    <t>D:\21_11_2019 - PC ALGAR TECH\Desktop 22-07-19\Pendrive 05-03\Backup 01-07\45233 - RFQ _ A4216_RFQ_29020 - Manutenção RJ_ES_SUL\5. Rascunhos\Materiais TIM com preços.xlsx</t>
  </si>
  <si>
    <t>D:\21_11_2019 - PC ALGAR TECH\Desktop 22-07-19\Pendrive 05-03\Backup 01-07\45233 - RFQ _ A4216_RFQ_29020 - Manutenção RJ_ES_SUL\5. Rascunhos\MSANs.xlsx</t>
  </si>
  <si>
    <t>11/21/2019 20:41:17</t>
  </si>
  <si>
    <t>D:\21_11_2019 - PC ALGAR TECH\Desktop - 12-11-19\PreVendas - Governo Diogo\FUNDACENTRO\Sustentação 2015\Revisão\BP_Revisado.xlsb</t>
  </si>
  <si>
    <t>D:\21_11_2019 - PC ALGAR TECH\Desktop 22-07-19\Pendrive 05-03\Backup 01-07\45233 - RFQ _ A4216_RFQ_29020 - Manutenção RJ_ES_SUL\5. Rascunhos\PRAs.xlsx</t>
  </si>
  <si>
    <t>D:\21_11_2019 - PC ALGAR TECH\Desktop 22-07-19\Pendrive 05-03\Backup 01-07\45233 - RFQ _ A4216_RFQ_29020 - Manutenção RJ_ES_SUL\5. Rascunhos\PREDIOS_ABCDE.xlsx</t>
  </si>
  <si>
    <t>11/21/2019 20:41:18</t>
  </si>
  <si>
    <t>D:\21_11_2019 - PC ALGAR TECH\Desktop 22-07-19\Pendrive 05-03\Backup 01-07\45233 - RFQ _ A4216_RFQ_29020 - Manutenção RJ_ES_SUL\5. Rascunhos\proposta.xlsx</t>
  </si>
  <si>
    <t>D:\21_11_2019 - PC ALGAR TECH\Desktop - 12-11-19\PreVendas - Governo Diogo\Fundação Renova\Anexo 2 – QQP.XLSX</t>
  </si>
  <si>
    <t>11/21/2019 20:41:19</t>
  </si>
  <si>
    <t>D:\21_11_2019 - PC ALGAR TECH\Desktop 22-07-19\Pendrive 05-03\Backup 01-07\45233 - RFQ _ A4216_RFQ_29020 - Manutenção RJ_ES_SUL\5. Rascunhos\Prédios Industriais TRJ e TSL - ABCDE.xlsx</t>
  </si>
  <si>
    <t>D:\21_11_2019 - PC ALGAR TECH\Desktop - 12-11-19\PreVendas - Governo Diogo\Fundação Renova\Anexo 3 - QDD_Fundação.xlsx</t>
  </si>
  <si>
    <t>D:\21_11_2019 - PC ALGAR TECH\Desktop 22-07-19\Pendrive 05-03\Backup 01-07\45233 - RFQ _ A4216_RFQ_29020 - Manutenção RJ_ES_SUL\5. Rascunhos\Quadro a seguir prestação do serviço TRJ e TSL.xls</t>
  </si>
  <si>
    <t>11/21/2019 20:41:20</t>
  </si>
  <si>
    <t>D:\21_11_2019 - PC ALGAR TECH\Desktop 22-07-19\Pendrive 05-03\Backup 01-07\45233 - RFQ _ A4216_RFQ_29020 - Manutenção RJ_ES_SUL\5. Rascunhos\Requisitos Final 2 (Salvo automaticamente).xlsx</t>
  </si>
  <si>
    <t>D:\21_11_2019 - PC ALGAR TECH\Desktop 22-07-19\Pendrive 05-03\Backup 01-07\45233 - RFQ _ A4216_RFQ_29020 - Manutenção RJ_ES_SUL\5. Rascunhos\Requisitos Final 2.xlsx</t>
  </si>
  <si>
    <t>D:\21_11_2019 - PC ALGAR TECH\Desktop 22-07-19\Pendrive 05-03\Backup 01-07\45233 - RFQ _ A4216_RFQ_29020 - Manutenção RJ_ES_SUL\5. Rascunhos\Requisitos Final.xlsx</t>
  </si>
  <si>
    <t>D:\21_11_2019 - PC ALGAR TECH\Desktop 22-07-19\Pendrive 05-03\Backup 01-07\45233 - RFQ _ A4216_RFQ_29020 - Manutenção RJ_ES_SUL\5. Rascunhos\Revisao TIM v2.xlsx</t>
  </si>
  <si>
    <t>D:\21_11_2019 - PC ALGAR TECH\Desktop - 12-11-19\PreVendas - Governo Diogo\Fundação Renova\Pricing\Anexo 2 – QQP.xlsx</t>
  </si>
  <si>
    <t>D:\21_11_2019 - PC ALGAR TECH\Desktop 22-07-19\Pendrive 05-03\Backup 01-07\45233 - RFQ _ A4216_RFQ_29020 - Manutenção RJ_ES_SUL\5. Rascunhos\Revisao TIM v3.xlsx</t>
  </si>
  <si>
    <t>11/21/2019 20:41:22</t>
  </si>
  <si>
    <t>D:\21_11_2019 - PC ALGAR TECH\Desktop - 12-11-19\PreVendas - Governo Diogo\Fundação Renova\Pricing\consolidado.xlsb</t>
  </si>
  <si>
    <t>D:\21_11_2019 - PC ALGAR TECH\Desktop 22-07-19\Pendrive 05-03\Backup 01-07\45233 - RFQ _ A4216_RFQ_29020 - Manutenção RJ_ES_SUL\5. Rascunhos\Revisao TIM.xlsx</t>
  </si>
  <si>
    <t>D:\21_11_2019 - PC ALGAR TECH\Desktop 22-07-19\Pendrive 05-03\Backup 01-07\45233 - RFQ _ A4216_RFQ_29020 - Manutenção RJ_ES_SUL\5. Rascunhos\SHELTER.xlsx</t>
  </si>
  <si>
    <t>11/21/2019 20:41:24</t>
  </si>
  <si>
    <t>D:\21_11_2019 - PC ALGAR TECH\Desktop - 12-11-19\PreVendas - Governo Diogo\Fundação Renova\Pricing\Field Com Carro.xlsb</t>
  </si>
  <si>
    <t>D:\21_11_2019 - PC ALGAR TECH\Desktop 22-07-19\Pendrive 05-03\Backup 01-07\45233 - RFQ _ A4216_RFQ_29020 - Manutenção RJ_ES_SUL\5. Rascunhos\Sites 2014 - TRJ e TSL - EQUIPAMENTO+INFRA.xlsx</t>
  </si>
  <si>
    <t>11/21/2019 20:41:25</t>
  </si>
  <si>
    <t>D:\21_11_2019 - PC ALGAR TECH\Desktop - 12-11-19\PreVendas - Governo Diogo\Fundação Renova\Pricing\Field HORA EXTRA.xlsb</t>
  </si>
  <si>
    <t>D:\21_11_2019 - PC ALGAR TECH\Desktop 22-07-19\Pendrive 05-03\Backup 01-07\45233 - RFQ _ A4216_RFQ_29020 - Manutenção RJ_ES_SUL\5. Rascunhos\SITES ETD POP SHELTER EQUIPAMENTO.xls</t>
  </si>
  <si>
    <t>11/21/2019 20:41:27</t>
  </si>
  <si>
    <t>D:\21_11_2019 - PC ALGAR TECH\Desktop - 12-11-19\PreVendas - Governo Diogo\Fundação Renova\Pricing\Field Sem Carro.xlsb</t>
  </si>
  <si>
    <t>D:\21_11_2019 - PC ALGAR TECH\Desktop 22-07-19\Pendrive 05-03\Backup 01-07\45233 - RFQ _ A4216_RFQ_29020 - Manutenção RJ_ES_SUL\5. Rascunhos\Tabela Resumo ppt.xlsx</t>
  </si>
  <si>
    <t>11/21/2019 20:41:28</t>
  </si>
  <si>
    <t>D:\21_11_2019 - PC ALGAR TECH\Desktop - 12-11-19\PreVendas - Governo Diogo\Fundação Renova\Pricing\Preço Service-desk.xlsb</t>
  </si>
  <si>
    <t>11/21/2019 20:41:30</t>
  </si>
  <si>
    <t>D:\21_11_2019 - PC ALGAR TECH\Desktop 22-07-19\Pendrive 05-03\Backup 01-07\45233 - RFQ _ A4216_RFQ_29020 - Manutenção RJ_ES_SUL\5. Rascunhos\45233 - RFQ _ A4216_RFQ_29020 - Manutenção RJ_ES_SUL - REDE\Cópia de CONTRATOS - TODOS - editado2 (1).xlsx</t>
  </si>
  <si>
    <t>D:\21_11_2019 - PC ALGAR TECH\Desktop - 12-11-19\PreVendas - Governo Diogo\Fundação Renova\Pricing\Revisão\Cópia de Anexo 2 – QQP_v4.xlsx</t>
  </si>
  <si>
    <t>11/21/2019 20:41:32</t>
  </si>
  <si>
    <t>D:\21_11_2019 - PC ALGAR TECH\Desktop - 12-11-19\PreVendas - Governo Diogo\Fundação Renova\Pricing\Revisão\Cenário Carlos Maurício\Field.xlsb</t>
  </si>
  <si>
    <t>D:\21_11_2019 - PC ALGAR TECH\Desktop 22-07-19\Pendrive 05-03\Backup 01-07\45233 - RFQ _ A4216_RFQ_29020 - Manutenção RJ_ES_SUL\5. Rascunhos\45233 - RFQ _ A4216_RFQ_29020 - Manutenção RJ_ES_SUL - REDE\EQUIPAMENTO_INFRA.xlsx</t>
  </si>
  <si>
    <t>D:\21_11_2019 - PC ALGAR TECH\Desktop - 12-11-19\PreVendas - Governo Diogo\Fundação Renova\Pricing\Revisão\Cenário Carlos Maurício\QQP.xlsx</t>
  </si>
  <si>
    <t>D:\21_11_2019 - PC ALGAR TECH\Desktop 22-07-19\Pendrive 05-03\Backup 01-07\45233 - RFQ _ A4216_RFQ_29020 - Manutenção RJ_ES_SUL\5. Rascunhos\45233 - RFQ _ A4216_RFQ_29020 - Manutenção RJ_ES_SUL - REDE\ETD_POP_SHELTER.xlsx</t>
  </si>
  <si>
    <t>11/21/2019 20:41:36</t>
  </si>
  <si>
    <t>D:\21_11_2019 - PC ALGAR TECH\Desktop 22-07-19\Pendrive 05-03\Backup 01-07\45233 - RFQ _ A4216_RFQ_29020 - Manutenção RJ_ES_SUL\5. Rascunhos\45233 - RFQ _ A4216_RFQ_29020 - Manutenção RJ_ES_SUL - REDE\FEMTOCEL EQUIPAMENTOS.xlsm</t>
  </si>
  <si>
    <t>D:\21_11_2019 - PC ALGAR TECH\Desktop 22-07-19\Pendrive 05-03\Backup 01-07\45233 - RFQ _ A4216_RFQ_29020 - Manutenção RJ_ES_SUL\5. Rascunhos\45233 - RFQ _ A4216_RFQ_29020 - Manutenção RJ_ES_SUL - REDE\FEMTOCEL.xlsx</t>
  </si>
  <si>
    <t>D:\21_11_2019 - PC ALGAR TECH\Desktop 22-07-19\Pendrive 05-03\Backup 01-07\45233 - RFQ _ A4216_RFQ_29020 - Manutenção RJ_ES_SUL\5. Rascunhos\45233 - RFQ _ A4216_RFQ_29020 - Manutenção RJ_ES_SUL - REDE\Ferramentas e equipamentos.xlsx</t>
  </si>
  <si>
    <t>11/21/2019 20:41:37</t>
  </si>
  <si>
    <t>D:\21_11_2019 - PC ALGAR TECH\Desktop 22-07-19\Pendrive 05-03\Backup 01-07\45233 - RFQ _ A4216_RFQ_29020 - Manutenção RJ_ES_SUL\5. Rascunhos\45233 - RFQ _ A4216_RFQ_29020 - Manutenção RJ_ES_SUL - REDE\Info importante.docx</t>
  </si>
  <si>
    <t>D:\21_11_2019 - PC ALGAR TECH\Desktop 22-07-19\Pendrive 05-03\Backup 01-07\45233 - RFQ _ A4216_RFQ_29020 - Manutenção RJ_ES_SUL\5. Rascunhos\45233 - RFQ _ A4216_RFQ_29020 - Manutenção RJ_ES_SUL - REDE\Logística - 06-03 2.xls</t>
  </si>
  <si>
    <t>11/21/2019 20:41:38</t>
  </si>
  <si>
    <t>D:\21_11_2019 - PC ALGAR TECH\Desktop 22-07-19\Pendrive 05-03\Backup 01-07\45233 - RFQ _ A4216_RFQ_29020 - Manutenção RJ_ES_SUL\5. Rascunhos\45233 - RFQ _ A4216_RFQ_29020 - Manutenção RJ_ES_SUL - REDE\Logística - 06-03.xls</t>
  </si>
  <si>
    <t>D:\21_11_2019 - PC ALGAR TECH\Desktop 22-07-19\Pendrive 05-03\Backup 01-07\45233 - RFQ _ A4216_RFQ_29020 - Manutenção RJ_ES_SUL\5. Rascunhos\45233 - RFQ _ A4216_RFQ_29020 - Manutenção RJ_ES_SUL - REDE\Logística1 (Salvo automaticamente).xls</t>
  </si>
  <si>
    <t>D:\21_11_2019 - PC ALGAR TECH\Desktop - 12-11-19\PreVendas - Governo Diogo\Fundação Renova\Proposta\IN02.xlsx</t>
  </si>
  <si>
    <t>11/21/2019 20:41:39</t>
  </si>
  <si>
    <t>D:\21_11_2019 - PC ALGAR TECH\Desktop 22-07-19\Pendrive 05-03\Backup 01-07\45233 - RFQ _ A4216_RFQ_29020 - Manutenção RJ_ES_SUL\5. Rascunhos\45233 - RFQ _ A4216_RFQ_29020 - Manutenção RJ_ES_SUL - REDE\Logística1.xls</t>
  </si>
  <si>
    <t>11/21/2019 20:41:40</t>
  </si>
  <si>
    <t>D:\21_11_2019 - PC ALGAR TECH\Desktop 22-07-19\Pendrive 05-03\Backup 01-07\45233 - RFQ _ A4216_RFQ_29020 - Manutenção RJ_ES_SUL\5. Rascunhos\45233 - RFQ _ A4216_RFQ_29020 - Manutenção RJ_ES_SUL - REDE\Manut Eqptos Tx e Clientes Corporativos.xls</t>
  </si>
  <si>
    <t>11/21/2019 20:41:41</t>
  </si>
  <si>
    <t>D:\21_11_2019 - PC ALGAR TECH\Desktop 22-07-19\Pendrive 05-03\Backup 01-07\45233 - RFQ _ A4216_RFQ_29020 - Manutenção RJ_ES_SUL\5. Rascunhos\45233 - RFQ _ A4216_RFQ_29020 - Manutenção RJ_ES_SUL - REDE\mapa femtocel.xlsx</t>
  </si>
  <si>
    <t>D:\21_11_2019 - PC ALGAR TECH\Desktop 22-07-19\Pendrive 05-03\Backup 01-07\45233 - RFQ _ A4216_RFQ_29020 - Manutenção RJ_ES_SUL\5. Rascunhos\45233 - RFQ _ A4216_RFQ_29020 - Manutenção RJ_ES_SUL - REDE\Materiais TIM com preços - V2.xlsx</t>
  </si>
  <si>
    <t>11/21/2019 20:41:42</t>
  </si>
  <si>
    <t>D:\21_11_2019 - PC ALGAR TECH\Desktop 22-07-19\Pendrive 05-03\Backup 01-07\45233 - RFQ _ A4216_RFQ_29020 - Manutenção RJ_ES_SUL\5. Rascunhos\45233 - RFQ _ A4216_RFQ_29020 - Manutenção RJ_ES_SUL - REDE\Materiais TIM com preços.xlsx</t>
  </si>
  <si>
    <t>D:\21_11_2019 - PC ALGAR TECH\Desktop 22-07-19\Pendrive 05-03\Backup 01-07\45233 - RFQ _ A4216_RFQ_29020 - Manutenção RJ_ES_SUL\5. Rascunhos\45233 - RFQ _ A4216_RFQ_29020 - Manutenção RJ_ES_SUL - REDE\MSANs.xlsx</t>
  </si>
  <si>
    <t>11/21/2019 20:41:43</t>
  </si>
  <si>
    <t>D:\21_11_2019 - PC ALGAR TECH\Desktop 22-07-19\Pendrive 05-03\Backup 01-07\45233 - RFQ _ A4216_RFQ_29020 - Manutenção RJ_ES_SUL\5. Rascunhos\45233 - RFQ _ A4216_RFQ_29020 - Manutenção RJ_ES_SUL - REDE\PRAs.xlsx</t>
  </si>
  <si>
    <t>D:\21_11_2019 - PC ALGAR TECH\Desktop 22-07-19\Pendrive 05-03\Backup 01-07\45233 - RFQ _ A4216_RFQ_29020 - Manutenção RJ_ES_SUL\5. Rascunhos\45233 - RFQ _ A4216_RFQ_29020 - Manutenção RJ_ES_SUL - REDE\PREDIOS_ABCDE.xlsx</t>
  </si>
  <si>
    <t>D:\21_11_2019 - PC ALGAR TECH\Desktop 22-07-19\Pendrive 05-03\Backup 01-07\45233 - RFQ _ A4216_RFQ_29020 - Manutenção RJ_ES_SUL\5. Rascunhos\45233 - RFQ _ A4216_RFQ_29020 - Manutenção RJ_ES_SUL - REDE\Prédios Industriais TRJ e TSL - ABCDE.xlsx</t>
  </si>
  <si>
    <t>D:\21_11_2019 - PC ALGAR TECH\Desktop 22-07-19\Pendrive 05-03\Backup 01-07\45233 - RFQ _ A4216_RFQ_29020 - Manutenção RJ_ES_SUL\5. Rascunhos\45233 - RFQ _ A4216_RFQ_29020 - Manutenção RJ_ES_SUL - REDE\Quadro a seguir prestação do serviço TRJ e TSL.xls</t>
  </si>
  <si>
    <t>11/21/2019 20:41:44</t>
  </si>
  <si>
    <t>D:\21_11_2019 - PC ALGAR TECH\Desktop 22-07-19\Pendrive 05-03\Backup 01-07\45233 - RFQ _ A4216_RFQ_29020 - Manutenção RJ_ES_SUL\5. Rascunhos\45233 - RFQ _ A4216_RFQ_29020 - Manutenção RJ_ES_SUL - REDE\SHELTER.xlsx</t>
  </si>
  <si>
    <t>D:\21_11_2019 - PC ALGAR TECH\Desktop 22-07-19\Pendrive 05-03\Backup 01-07\45233 - RFQ _ A4216_RFQ_29020 - Manutenção RJ_ES_SUL\5. Rascunhos\45233 - RFQ _ A4216_RFQ_29020 - Manutenção RJ_ES_SUL - REDE\Sites 2014 - TRJ e TSL - EQUIPAMENTO+INFRA.xlsx</t>
  </si>
  <si>
    <t>D:\21_11_2019 - PC ALGAR TECH\Desktop 22-07-19\Pendrive 05-03\Backup 01-07\45233 - RFQ _ A4216_RFQ_29020 - Manutenção RJ_ES_SUL\5. Rascunhos\45233 - RFQ _ A4216_RFQ_29020 - Manutenção RJ_ES_SUL - REDE\SITES ETD POP SHELTER EQUIPAMENTO.xls</t>
  </si>
  <si>
    <t>11/21/2019 20:41:46</t>
  </si>
  <si>
    <t>D:\21_11_2019 - PC ALGAR TECH\Desktop 22-07-19\Pendrive 05-03\Backup 01-07\45233 - RFQ _ A4216_RFQ_29020 - Manutenção RJ_ES_SUL\5. Rascunhos\45233 - RFQ _ A4216_RFQ_29020 - Manutenção RJ_ES_SUL - REDE\1. Precificação\45233 - BP Campo v1.xlsb</t>
  </si>
  <si>
    <t>11/21/2019 20:41:48</t>
  </si>
  <si>
    <t>D:\21_11_2019 - PC ALGAR TECH\Desktop 22-07-19\Pendrive 05-03\Backup 01-07\45233 - RFQ _ A4216_RFQ_29020 - Manutenção RJ_ES_SUL\5. Rascunhos\45233 - RFQ _ A4216_RFQ_29020 - Manutenção RJ_ES_SUL - REDE\1. Precificação\45233 - BP Campo v12.xlsb</t>
  </si>
  <si>
    <t>D:\21_11_2019 - PC ALGAR TECH\Desktop - 12-11-19\PreVendas - Governo Diogo\Fundação Renova\Proposta\Para Envio\BDI V3.xls</t>
  </si>
  <si>
    <t>11/21/2019 20:41:50</t>
  </si>
  <si>
    <t>D:\21_11_2019 - PC ALGAR TECH\Desktop 22-07-19\Pendrive 05-03\Backup 01-07\45233 - RFQ _ A4216_RFQ_29020 - Manutenção RJ_ES_SUL\5. Rascunhos\45233 - RFQ _ A4216_RFQ_29020 - Manutenção RJ_ES_SUL - REDE\1. Precificação\bp tim.xlsb</t>
  </si>
  <si>
    <t>11/21/2019 20:41:51</t>
  </si>
  <si>
    <t>D:\21_11_2019 - PC ALGAR TECH\Desktop 22-07-19\Pendrive 05-03\Backup 01-07\45233 - RFQ _ A4216_RFQ_29020 - Manutenção RJ_ES_SUL\5. Rascunhos\45233 - RFQ _ A4216_RFQ_29020 - Manutenção RJ_ES_SUL - REDE\1. Precificação\Kits.xlsb</t>
  </si>
  <si>
    <t>11/21/2019 20:41:52</t>
  </si>
  <si>
    <t>D:\21_11_2019 - PC ALGAR TECH\Desktop 22-07-19\Pendrive 05-03\Backup 01-07\45233 - RFQ _ A4216_RFQ_29020 - Manutenção RJ_ES_SUL\5. Rascunhos\45233 - RFQ _ A4216_RFQ_29020 - Manutenção RJ_ES_SUL - REDE\1. Precificação\Antigos\</t>
  </si>
  <si>
    <t>D:\21_11_2019 - PC ALGAR TECH\Desktop 22-07-19\Pendrive 05-03\Backup 01-07\45233 - RFQ _ A4216_RFQ_29020 - Manutenção RJ_ES_SUL\5. Rascunhos\45233 - RFQ _ A4216_RFQ_29020 - Manutenção RJ_ES_SUL - REDE\1. Precificação\Antigos\45233 - BP Equipamentos v1.xlsb</t>
  </si>
  <si>
    <t>D:\21_11_2019 - PC ALGAR TECH\Desktop 22-07-19\Pendrive 05-03\Backup 01-07\45233 - RFQ _ A4216_RFQ_29020 - Manutenção RJ_ES_SUL\5. Rascunhos\45233 - RFQ _ A4216_RFQ_29020 - Manutenção RJ_ES_SUL - REDE\1. Precificação\Antigos\bp tim.xlsb</t>
  </si>
  <si>
    <t>11/21/2019 20:41:53</t>
  </si>
  <si>
    <t>D:\21_11_2019 - PC ALGAR TECH\Desktop - 12-11-19\PreVendas - Governo Diogo\Fundação Renova\Proposta\Para Envio\QQP V3.xlsx</t>
  </si>
  <si>
    <t>D:\21_11_2019 - PC ALGAR TECH\Desktop - 12-11-19\PreVendas - Governo Diogo\FURNAS\Dimensionamento.xlsx</t>
  </si>
  <si>
    <t>11/21/2019 20:41:56</t>
  </si>
  <si>
    <t>D:\21_11_2019 - PC ALGAR TECH\Desktop - 12-11-19\PreVendas - Governo Diogo\FURNAS\Preço.xlsb</t>
  </si>
  <si>
    <t>11/21/2019 20:41:57</t>
  </si>
  <si>
    <t>D:\21_11_2019 - PC ALGAR TECH\Desktop - 12-11-19\PreVendas - Governo Diogo\FURNAS\FIELD TI\Racional de calculo.xlsx</t>
  </si>
  <si>
    <t>11/21/2019 20:42:00</t>
  </si>
  <si>
    <t>D:\21_11_2019 - PC ALGAR TECH\Desktop - 12-11-19\PreVendas - Governo Diogo\GEFCO\Equipe Sinergia.xlsb</t>
  </si>
  <si>
    <t>11/21/2019 20:42:01</t>
  </si>
  <si>
    <t>D:\21_11_2019 - PC ALGAR TECH\Desktop - 12-11-19\PreVendas - Governo Diogo\GEFCO\Pricing.xlsb</t>
  </si>
  <si>
    <t>11/21/2019 20:42:03</t>
  </si>
  <si>
    <t>D:\21_11_2019 - PC ALGAR TECH\Desktop 22-07-19\Pendrive 05-03\Backup 01-07\45233 - RFQ _ A4216_RFQ_29020 - Manutenção RJ_ES_SUL\5. Rascunhos\45233 - RFQ _ A4216_RFQ_29020 - Manutenção RJ_ES_SUL - REDE\3. Documentos\1. Editais\edital baixado 04-02\RFQ TIM.z</t>
  </si>
  <si>
    <t>D:\21_11_2019 - PC ALGAR TECH\Desktop 22-07-19\Pendrive 05-03\Backup 01-07\45233 - RFQ _ A4216_RFQ_29020 - Manutenção RJ_ES_SUL\5. Rascunhos\45233 - RFQ _ A4216_RFQ_29020 - Manutenção RJ_ES_SUL - REDE\3. Documentos\1. Editais\edital baixado 04-02\RFQ TIM.zip</t>
  </si>
  <si>
    <t>11/21/2019 20:42:04</t>
  </si>
  <si>
    <t>11/21/2019 20:42:06</t>
  </si>
  <si>
    <t>D:\21_11_2019 - PC ALGAR TECH\Desktop - 12-11-19\PreVendas - Governo Diogo\GEFCO\SD 24x5 - 24 meses.xlsb</t>
  </si>
  <si>
    <t>11/21/2019 20:42:07</t>
  </si>
  <si>
    <t>D:\21_11_2019 - PC ALGAR TECH\Desktop - 12-11-19\PreVendas - Governo Diogo\GEFCO\SD 24x5 - 36 meses.xlsb</t>
  </si>
  <si>
    <t>11/21/2019 20:42:09</t>
  </si>
  <si>
    <t>D:\21_11_2019 - PC ALGAR TECH\Desktop - 12-11-19\PreVendas - Governo Diogo\GEFCO\SD 24x6 - 24 meses.xlsb</t>
  </si>
  <si>
    <t>11/21/2019 20:42:11</t>
  </si>
  <si>
    <t>D:\21_11_2019 - PC ALGAR TECH\Desktop - 12-11-19\PreVendas - Governo Diogo\GEFCO\SD 24x6 - 36 meses.xlsb</t>
  </si>
  <si>
    <t>D:\21_11_2019 - PC ALGAR TECH\Desktop 22-07-19\Pendrive 05-03\Backup 01-07\45233 - RFQ _ A4216_RFQ_29020 - Manutenção RJ_ES_SUL\5. Rascunhos\45233 - RFQ _ A4216_RFQ_29020 - Manutenção RJ_ES_SUL - REDE\3. Documentos\4. Análises\Re Edital TIM.msg</t>
  </si>
  <si>
    <t>D:\21_11_2019 - PC ALGAR TECH\Desktop - 12-11-19\PreVendas - Governo Diogo\GEFCO\Sizing.xlsx</t>
  </si>
  <si>
    <t>11/21/2019 20:42:12</t>
  </si>
  <si>
    <t>D:\21_11_2019 - PC ALGAR TECH\Desktop - 12-11-19\PreVendas - Governo Diogo\GEFCO\Processos\BP GEFCO Processos V1.xlsb</t>
  </si>
  <si>
    <t>11/21/2019 20:42:15</t>
  </si>
  <si>
    <t>D:\21_11_2019 - PC ALGAR TECH\Desktop - 12-11-19\PreVendas - Governo Diogo\GEFCO\Processos\BP GEFCO Processos V2.xlsb</t>
  </si>
  <si>
    <t>D:\21_11_2019 - PC ALGAR TECH\Desktop 22-07-19\Pendrive 05-03\Backup 01-07\45233 - RFQ _ A4216_RFQ_29020 - Manutenção RJ_ES_SUL\5. Rascunhos\45233 - RFQ _ A4216_RFQ_29020 - Manutenção RJ_ES_SUL - REDE\3. Documentos\6. Outros\Requisitos Final 2.xlsx</t>
  </si>
  <si>
    <t>D:\21_11_2019 - PC ALGAR TECH\Desktop 22-07-19\Pendrive 05-03\Backup 01-07\45233 - RFQ _ A4216_RFQ_29020 - Manutenção RJ_ES_SUL\5. Rascunhos\45233 - RFQ _ A4216_RFQ_29020 - Manutenção RJ_ES_SUL - REDE\3. Documentos\6. Outros\Requisitos Final.xlsx</t>
  </si>
  <si>
    <t>D:\21_11_2019 - PC ALGAR TECH\Desktop 22-07-19\Pendrive 05-03\Backup 01-07\45233 - RFQ _ A4216_RFQ_29020 - Manutenção RJ_ES_SUL\5. Rascunhos\45233 - RFQ _ A4216_RFQ_29020 - Manutenção RJ_ES_SUL - REDE\4. Cotações\Cotação TIM - FUTURE PARTE 1.msg</t>
  </si>
  <si>
    <t>11/21/2019 20:42:16</t>
  </si>
  <si>
    <t>D:\21_11_2019 - PC ALGAR TECH\Desktop 22-07-19\Pendrive 05-03\Backup 01-07\45233 - RFQ _ A4216_RFQ_29020 - Manutenção RJ_ES_SUL\5. Rascunhos\45233 - RFQ _ A4216_RFQ_29020 - Manutenção RJ_ES_SUL - REDE\4. Cotações\RES LPU TIM - ATUAL ELETRICA.msg</t>
  </si>
  <si>
    <t>D:\21_11_2019 - PC ALGAR TECH\Desktop 22-07-19\Pendrive 05-03\Backup 01-07\45233 - RFQ _ A4216_RFQ_29020 - Manutenção RJ_ES_SUL\5. Rascunhos\45233 - RFQ _ A4216_RFQ_29020 - Manutenção RJ_ES_SUL - REDE\4. Cotações\RES LPU TIM - FUTURE PARTE 2.msg</t>
  </si>
  <si>
    <t>11/21/2019 20:42:17</t>
  </si>
  <si>
    <t>D:\21_11_2019 - PC ALGAR TECH\Desktop 22-07-19\Pendrive 05-03\Backup 01-07\45233 - RFQ _ A4216_RFQ_29020 - Manutenção RJ_ES_SUL\5. Rascunhos\45233 - RFQ _ A4216_RFQ_29020 - Manutenção RJ_ES_SUL - REDE\4. Cotações\RES LPU TIM - LOJA ELETRICA PARTE 2.msg\s91</t>
  </si>
  <si>
    <t>D:\21_11_2019 - PC ALGAR TECH\Desktop 22-07-19\Pendrive 05-03\Backup 01-07\45233 - RFQ _ A4216_RFQ_29020 - Manutenção RJ_ES_SUL\5. Rascunhos\45233 - RFQ _ A4216_RFQ_29020 - Manutenção RJ_ES_SUL - REDE\4. Cotações\RES LPU TIM - LOJA ELETRICA PARTE 2.msg</t>
  </si>
  <si>
    <t>11/21/2019 20:42:18</t>
  </si>
  <si>
    <t>D:\21_11_2019 - PC ALGAR TECH\Desktop - 12-11-19\PreVendas - Governo Diogo\GEFCO\Proposta Ferista\Pricing.xlsx</t>
  </si>
  <si>
    <t>11/21/2019 20:42:19</t>
  </si>
  <si>
    <t>D:\21_11_2019 - PC ALGAR TECH\Desktop 22-07-19\Pendrive 05-03\Backup 01-07\45233 - RFQ _ A4216_RFQ_29020 - Manutenção RJ_ES_SUL\6. Envio\v1\RESPOSTA DE QUALIFICAÇÃO 1.zip</t>
  </si>
  <si>
    <t>11/21/2019 20:42:20</t>
  </si>
  <si>
    <t>D:\21_11_2019 - PC ALGAR TECH\Desktop 22-07-19\Pendrive 05-03\Backup 01-07\45233 - RFQ _ A4216_RFQ_29020 - Manutenção RJ_ES_SUL\6. Envio\v1\RESPOSTA ECONÔMICA.zip</t>
  </si>
  <si>
    <t>11/21/2019 20:42:23</t>
  </si>
  <si>
    <t>D:\21_11_2019 - PC ALGAR TECH\Desktop - 12-11-19\PreVendas - Governo Diogo\GEFCO\Revisão Sinergia\1. DESENHO_SOLUÇÃO_SG_TI_V10.3.xlsx</t>
  </si>
  <si>
    <t>11/21/2019 20:42:24</t>
  </si>
  <si>
    <t>D:\21_11_2019 - PC ALGAR TECH\Desktop 22-07-19\Pendrive 05-03\Backup 01-07\45233 - RFQ _ A4216_RFQ_29020 - Manutenção RJ_ES_SUL\6. Envio\v1\RESPOSTA TÉCNICA.zip</t>
  </si>
  <si>
    <t>11/21/2019 20:42:26</t>
  </si>
  <si>
    <t>D:\21_11_2019 - PC ALGAR TECH\Desktop - 12-11-19\PreVendas - Governo Diogo\GEFCO\Revisão Sinergia\Equipe Sinergia.xlsb</t>
  </si>
  <si>
    <t>11/21/2019 20:42:27</t>
  </si>
  <si>
    <t>D:\21_11_2019 - PC ALGAR TECH\Desktop 22-07-19\Pendrive 05-03\Backup 01-07\45233 - RFQ _ A4216_RFQ_29020 - Manutenção RJ_ES_SUL\6. Envio\v1\RESPOSTA DE QUALIFICAÇÃO 1\2. Balancete - 09-2014.xlsx</t>
  </si>
  <si>
    <t>11/21/2019 20:42:29</t>
  </si>
  <si>
    <t>D:\21_11_2019 - PC ALGAR TECH\Desktop - 12-11-19\PreVendas - Governo Diogo\GEFCO\Revisão Sinergia\SD 24x5 - 24 meses.xlsb</t>
  </si>
  <si>
    <t>11/21/2019 20:42:31</t>
  </si>
  <si>
    <t>D:\21_11_2019 - PC ALGAR TECH\Desktop - 12-11-19\PreVendas - Governo Diogo\GEFCO\Revisão Sinergia\SD 24x5 - 36 meses.xlsb</t>
  </si>
  <si>
    <t>11/21/2019 20:42:32</t>
  </si>
  <si>
    <t>D:\21_11_2019 - PC ALGAR TECH\Desktop - 12-11-19\PreVendas - Governo Diogo\GEFCO\Revisão Sinergia\SD 24x6 - 24 meses.xlsb</t>
  </si>
  <si>
    <t>11/21/2019 20:42:33</t>
  </si>
  <si>
    <t>D:\21_11_2019 - PC ALGAR TECH\Desktop - 12-11-19\PreVendas - Governo Diogo\GEFCO\Revisão Sinergia\SD 24x6 - 36 meses.xlsb</t>
  </si>
  <si>
    <t>D:\21_11_2019 - PC ALGAR TECH\Desktop - 12-11-19\PreVendas - Governo Diogo\GEFCO\Revisão Sinergia\Sizing.xlsx</t>
  </si>
  <si>
    <t>11/21/2019 20:42:35</t>
  </si>
  <si>
    <t>D:\21_11_2019 - PC ALGAR TECH\Desktop - 12-11-19\PreVendas - Governo Diogo\GEFCO\Revisão Sinergia\Cenário Final\BP-GEFCO-FINAL.xlsb</t>
  </si>
  <si>
    <t>D:\21_11_2019 - PC ALGAR TECH\Desktop 22-07-19\Pendrive 05-03\Backup 01-07\45233 - RFQ _ A4216_RFQ_29020 - Manutenção RJ_ES_SUL\6. Envio\v1\RESPOSTA ECONÔMICA\2 - ANEXO II - LPU - LPU de Manutencao Equipamentos REV_01.xls</t>
  </si>
  <si>
    <t>D:\21_11_2019 - PC ALGAR TECH\Desktop 22-07-19\Pendrive 05-03\Backup 01-07\45233 - RFQ _ A4216_RFQ_29020 - Manutenção RJ_ES_SUL\6. Envio\v1\RESPOSTA ECONÔMICA\2 - ANEXO II - LPU INFRA FM TRJ e TSL - FAT A.xls</t>
  </si>
  <si>
    <t>D:\21_11_2019 - PC ALGAR TECH\Desktop 22-07-19\Pendrive 05-03\Backup 01-07\45233 - RFQ _ A4216_RFQ_29020 - Manutenção RJ_ES_SUL\6. Envio\v1\RESPOSTA ECONÔMICA\2 - ANEXO II - LPU INFRA FM TRJ e TSL - FAT B - APENDICE A.xls</t>
  </si>
  <si>
    <t>D:\21_11_2019 - PC ALGAR TECH\Desktop 22-07-19\Pendrive 05-03\Backup 01-07\45233 - RFQ _ A4216_RFQ_29020 - Manutenção RJ_ES_SUL\6. Envio\v1\RESPOSTA ECONÔMICA\2 - ANEXO II - LPU INFRA FM TRJ e TSL - FAT B - APENDICE B.xls</t>
  </si>
  <si>
    <t>11/21/2019 20:42:36</t>
  </si>
  <si>
    <t>D:\21_11_2019 - PC ALGAR TECH\Desktop - 12-11-19\PreVendas - Governo Diogo\GEFCO\Revisão Sinergia\Cenário Final\Sizing.xlsx</t>
  </si>
  <si>
    <t>11/21/2019 20:42:38</t>
  </si>
  <si>
    <t>D:\21_11_2019 - PC ALGAR TECH\Desktop - 12-11-19\PreVendas - Governo Diogo\GEFCO\Revisão Sinergia\Cenário LATAM\1. DESENHO_SOLUÇÃO_SG_TI_V10.3.xlsx</t>
  </si>
  <si>
    <t>11/21/2019 20:42:40</t>
  </si>
  <si>
    <t>D:\21_11_2019 - PC ALGAR TECH\Desktop - 12-11-19\PreVendas - Governo Diogo\GEFCO\Revisão Sinergia\Cenário LATAM\Equipe Sinergia.xlsb</t>
  </si>
  <si>
    <t>D:\21_11_2019 - PC ALGAR TECH\Desktop 22-07-19\Pendrive 05-03\Backup 01-07\45233 - RFQ _ A4216_RFQ_29020 - Manutenção RJ_ES_SUL\6. Envio\v1\RESPOSTA TÉCNICA\Resposta Atendimento Técnico.xlsx</t>
  </si>
  <si>
    <t>D:\21_11_2019 - PC ALGAR TECH\Desktop 22-07-19\Pendrive 05-03\Backup 01-07\45233 - RFQ _ A4216_RFQ_29020 - Manutenção RJ_ES_SUL\6. Envio\v2\1º envio v2\Proposta Comercial - v2 - 28_04.zip</t>
  </si>
  <si>
    <t>11/21/2019 20:42:43</t>
  </si>
  <si>
    <t>D:\21_11_2019 - PC ALGAR TECH\Desktop - 12-11-19\PreVendas - Governo Diogo\GEFCO\Revisão Sinergia\Cenário LATAM\SD 24x5 - 24 meses.xlsb</t>
  </si>
  <si>
    <t>11/21/2019 20:42:45</t>
  </si>
  <si>
    <t>D:\21_11_2019 - PC ALGAR TECH\Desktop - 12-11-19\PreVendas - Governo Diogo\GEFCO\Revisão Sinergia\Cenário LATAM\SD 24x5 - 36 meses.xlsb</t>
  </si>
  <si>
    <t>11/21/2019 20:42:46</t>
  </si>
  <si>
    <t>D:\21_11_2019 - PC ALGAR TECH\Desktop - 12-11-19\PreVendas - Governo Diogo\GEFCO\Revisão Sinergia\Cenário LATAM\SD 24x6 - 24 meses.xlsb</t>
  </si>
  <si>
    <t>D:\21_11_2019 - PC ALGAR TECH\Desktop 22-07-19\Pendrive 05-03\Backup 01-07\45233 - RFQ _ A4216_RFQ_29020 - Manutenção RJ_ES_SUL\6. Envio\v2\2º envio v2\d) LPU´s.zip</t>
  </si>
  <si>
    <t>11/21/2019 20:42:48</t>
  </si>
  <si>
    <t>D:\21_11_2019 - PC ALGAR TECH\Desktop - 12-11-19\PreVendas - Governo Diogo\GEFCO\Revisão Sinergia\Cenário LATAM\SD 24x6 - 36 meses.xlsb</t>
  </si>
  <si>
    <t>D:\21_11_2019 - PC ALGAR TECH\Desktop - 12-11-19\PreVendas - Governo Diogo\GEFCO\Revisão Sinergia\Cenário LATAM\Sizing.xlsx</t>
  </si>
  <si>
    <t>D:\21_11_2019 - PC ALGAR TECH\Desktop - 12-11-19\PreVendas - Governo Diogo\GEFCO\Revisão Sinergia\Novos Cenários\Sizing.xlsx</t>
  </si>
  <si>
    <t>D:\21_11_2019 - PC ALGAR TECH\Desktop - 12-11-19\PreVendas - Governo Diogo\GEFCO\Revisão Sinergia\Novos Cenários - SEM SUPERVISOR\Sizing.xlsx</t>
  </si>
  <si>
    <t>11/21/2019 20:42:49</t>
  </si>
  <si>
    <t>D:\21_11_2019 - PC ALGAR TECH\Desktop 22-07-19\Pendrive 05-03\Backup 01-07\45233 - RFQ _ A4216_RFQ_29020 - Manutenção RJ_ES_SUL\6. Envio\v2\2º envio v2\d) LPU´s\2 - ANEXO II - LPU INFRA FM TRJ e TSL - FAT B - APENDICE A REV_01.xls</t>
  </si>
  <si>
    <t>D:\21_11_2019 - PC ALGAR TECH\Desktop 22-07-19\Pendrive 05-03\Backup 01-07\45233 - RFQ _ A4216_RFQ_29020 - Manutenção RJ_ES_SUL\6. Envio\v2\2º envio v2\d) LPU´s\2 - ANEXO II - LPU INFRA FM TRJ e TSL - FAT B - APENDICE B REV_01.xls</t>
  </si>
  <si>
    <t>D:\21_11_2019 - PC ALGAR TECH\Desktop 22-07-19\Pendrive 05-03\Backup 01-07\45233 - RFQ _ A4216_RFQ_29020 - Manutenção RJ_ES_SUL\6. Envio\v2\2º envio v2\d) LPU´s\2 - LPU EQUIPAMENTOS - BOM - REV_01.xlsx</t>
  </si>
  <si>
    <t>D:\21_11_2019 - PC ALGAR TECH\Desktop - 12-11-19\PreVendas - Governo Diogo\GEFCO\Revisão Sinergia\Sem Field\Sizing.xlsx</t>
  </si>
  <si>
    <t>D:\21_11_2019 - PC ALGAR TECH\Desktop 22-07-19\Pendrive 05-03\Backup 01-07\45233 - RFQ _ A4216_RFQ_29020 - Manutenção RJ_ES_SUL\6. Envio\v2\2º envio v2\d) LPU´s\2_-_ANEXO_II_-_LPU_INFRA_FM_TRJ_e_TSL_-_FAT_A_REV_02.xls</t>
  </si>
  <si>
    <t>D:\21_11_2019 - PC ALGAR TECH\Desktop 22-07-19\Pendrive 05-03\Backup 01-07\45233 - RFQ _ A4216_RFQ_29020 - Manutenção RJ_ES_SUL\6. Envio\v2\Luciano\Retificando Resposta Atendimento Técnico.xlsx</t>
  </si>
  <si>
    <t>11/21/2019 20:42:51</t>
  </si>
  <si>
    <t>D:\21_11_2019 - PC ALGAR TECH\Desktop - 12-11-19\PreVendas - Governo Diogo\Grupo Petrópolis\Questionamentos Consolidados.xlsx</t>
  </si>
  <si>
    <t>D:\21_11_2019 - PC ALGAR TECH\Desktop 22-07-19\Pendrive 05-03\Backup 01-07\45233 - RFQ _ A4216_RFQ_29020 - Manutenção RJ_ES_SUL\6. Envio\v3\Pacote Comercial v5.zip</t>
  </si>
  <si>
    <t>11/21/2019 20:42:52</t>
  </si>
  <si>
    <t>D:\21_11_2019 - PC ALGAR TECH\Desktop 22-07-19\Pendrive 05-03\Backup 01-07\45233 - RFQ _ A4216_RFQ_29020 - Manutenção RJ_ES_SUL\6. Envio\v3\Pacote Técnico v5.zip</t>
  </si>
  <si>
    <t>D:\21_11_2019 - PC ALGAR TECH\Desktop - 12-11-19\PreVendas - Governo Diogo\Grupo Petrópolis\RFQ (ANEXO A).xlsx</t>
  </si>
  <si>
    <t>D:\21_11_2019 - PC ALGAR TECH\Desktop - 12-11-19\PreVendas - Governo Diogo\Grupo Petrópolis\Tecnologias das Revendas (ANEXO B).xlsx</t>
  </si>
  <si>
    <t>D:\21_11_2019 - PC ALGAR TECH\Desktop 22-07-19\Pendrive 05-03\Backup 01-07\45233 - RFQ _ A4216_RFQ_29020 - Manutenção RJ_ES_SUL\6. Envio\v4\Pacote Comercial v6 - alternativa da v5.zip</t>
  </si>
  <si>
    <t>11/21/2019 20:42:53</t>
  </si>
  <si>
    <t>D:\21_11_2019 - PC ALGAR TECH\Desktop 22-07-19\Pendrive 05-03\Backup 01-07\45233 - RFQ _ A4216_RFQ_29020 - Manutenção RJ_ES_SUL\6. Envio\v4\Pacote Técnico v6 - alternativa da v5.zip</t>
  </si>
  <si>
    <t>11/21/2019 20:42:56</t>
  </si>
  <si>
    <t>D:\21_11_2019 - PC ALGAR TECH\Desktop 22-07-19\Pendrive 05-03\Backup 01-07\45233 - RFQ _ A4216_RFQ_29020 - Manutenção RJ_ES_SUL\Info Huawei\Fwd ContratoTIM.msg</t>
  </si>
  <si>
    <t>11/21/2019 20:42:57</t>
  </si>
  <si>
    <t>D:\21_11_2019 - PC ALGAR TECH\Desktop 22-07-19\Pendrive 05-03\Backup 01-07\45233 - RFQ _ A4216_RFQ_29020 - Manutenção RJ_ES_SUL\Info Huawei\Fwd Fatura A e B de Julho-2014.msg</t>
  </si>
  <si>
    <t>11/21/2019 20:42:59</t>
  </si>
  <si>
    <t>D:\21_11_2019 - PC ALGAR TECH\Desktop - 12-11-19\PreVendas - Governo Diogo\IBAMA\Desenho_Especialistas.xlsb</t>
  </si>
  <si>
    <t>D:\21_11_2019 - PC ALGAR TECH\Desktop 22-07-19\Pendrive 05-03\Backup 01-07\45233 - RFQ _ A4216_RFQ_29020 - Manutenção RJ_ES_SUL\Info Huawei\Fwd LPU projeto TIM.msg</t>
  </si>
  <si>
    <t>D:\21_11_2019 - PC ALGAR TECH\Desktop 22-07-19\Pendrive 05-03\Backup 01-07\45233 - RFQ _ A4216_RFQ_29020 - Manutenção RJ_ES_SUL\Info Huawei\Fwd Projeto TIM.msg</t>
  </si>
  <si>
    <t>11/21/2019 20:43:01</t>
  </si>
  <si>
    <t>D:\21_11_2019 - PC ALGAR TECH\Desktop 22-07-19\Pendrive 05-03\Backup 01-07\70208 - RFQ _ A4216_RFQ_29095 - Manutenção TCO_TNE_TNO\Logística 29-06.xlsx</t>
  </si>
  <si>
    <t>11/21/2019 20:43:03</t>
  </si>
  <si>
    <t>D:\21_11_2019 - PC ALGAR TECH\Desktop - 12-11-19\PreVendas - Governo Diogo\IBAMA\Precificação com Adoção.xlsb</t>
  </si>
  <si>
    <t>D:\21_11_2019 - PC ALGAR TECH\Desktop 22-07-19\Pendrive 05-03\Backup 01-07\70208 - RFQ _ A4216_RFQ_29095 - Manutenção TCO_TNE_TNO\PRAs.xlsx</t>
  </si>
  <si>
    <t>11/21/2019 20:43:04</t>
  </si>
  <si>
    <t>D:\21_11_2019 - PC ALGAR TECH\Desktop - 12-11-19\PreVendas - Governo Diogo\IBAMA\Preço_Ajustado.xlsb</t>
  </si>
  <si>
    <t>11/21/2019 20:43:05</t>
  </si>
  <si>
    <t>D:\21_11_2019 - PC ALGAR TECH\Desktop 22-07-19\Pendrive 05-03\Backup 01-07\70208 - RFQ _ A4216_RFQ_29095 - Manutenção TCO_TNE_TNO\Relatório PoM - 201505 - Nordeste.xlsx</t>
  </si>
  <si>
    <t>11/21/2019 20:43:06</t>
  </si>
  <si>
    <t>D:\21_11_2019 - PC ALGAR TECH\Desktop 22-07-19\Pendrive 05-03\Backup 01-07\70208 - RFQ _ A4216_RFQ_29095 - Manutenção TCO_TNE_TNO\Reunião 18-06 - Renato TIM.xlsx</t>
  </si>
  <si>
    <t>11/21/2019 20:43:07</t>
  </si>
  <si>
    <t>D:\21_11_2019 - PC ALGAR TECH\Desktop 22-07-19\Pendrive 05-03\Backup 01-07\70208 - RFQ _ A4216_RFQ_29095 - Manutenção TCO_TNE_TNO\Sites de Acesso Ativos_TCO TNE TNO REV_01.xlsx</t>
  </si>
  <si>
    <t>11/21/2019 20:43:08</t>
  </si>
  <si>
    <t>D:\21_11_2019 - PC ALGAR TECH\Desktop - 12-11-19\PreVendas - Governo Diogo\IBAMA\Comitês\PMO Governança - Solicitação de Mudança - IBAMA - Sustentação Oracle.ppt</t>
  </si>
  <si>
    <t>11/21/2019 20:43:09</t>
  </si>
  <si>
    <t>D:\21_11_2019 - PC ALGAR TECH\Desktop - 12-11-19\PreVendas - Governo Diogo\IBM\Cópia de BP Preço C015 B015 Desonerada Ajustes Finais-DiogoNote.xlsb</t>
  </si>
  <si>
    <t>11/21/2019 20:43:12</t>
  </si>
  <si>
    <t>D:\21_11_2019 - PC ALGAR TECH\Desktop - 12-11-19\PreVendas - Governo Diogo\IBM\Cópia de BP Preço C015 B015 Desonerada Ajustes Finais.xlsb</t>
  </si>
  <si>
    <t>11/21/2019 20:43:13</t>
  </si>
  <si>
    <t>D:\21_11_2019 - PC ALGAR TECH\Desktop - 12-11-19\PreVendas - Governo Diogo\IBM\Pricing.xlsb</t>
  </si>
  <si>
    <t>D:\21_11_2019 - PC ALGAR TECH\Desktop - 12-11-19\PreVendas - Governo Diogo\IBM\Recursologia_Volumetria_Revisadas.xlsx</t>
  </si>
  <si>
    <t>11/21/2019 20:43:16</t>
  </si>
  <si>
    <t>D:\21_11_2019 - PC ALGAR TECH\Desktop - 12-11-19\PreVendas - Governo Diogo\ICMBIO\Preço.xlsb</t>
  </si>
  <si>
    <t>D:\21_11_2019 - PC ALGAR TECH\Desktop - 12-11-19\PreVendas - Governo Diogo\ICMBIO\Rampa.xlsx</t>
  </si>
  <si>
    <t>11/21/2019 20:43:18</t>
  </si>
  <si>
    <t>D:\21_11_2019 - PC ALGAR TECH\Desktop - 12-11-19\PreVendas - Governo Diogo\INCRA\BP 01.xlsb</t>
  </si>
  <si>
    <t>D:\21_11_2019 - PC ALGAR TECH\Desktop - 12-11-19\PreVendas - Governo Diogo\INCRA\Estudo.xlsx</t>
  </si>
  <si>
    <t>D:\21_11_2019 - PC ALGAR TECH\Desktop 22-07-19\Pendrive 05-03\Backup 01-07\70208 - RFQ _ A4216_RFQ_29095 - Manutenção TCO_TNE_TNO\Envio\PACOTE COMERCIAL.zip</t>
  </si>
  <si>
    <t>11/21/2019 20:43:20</t>
  </si>
  <si>
    <t>D:\21_11_2019 - PC ALGAR TECH\Desktop 22-07-19\Pendrive 05-03\Backup 01-07\70208 - RFQ _ A4216_RFQ_29095 - Manutenção TCO_TNE_TNO\Envio\PACOTE TÉCNICO.zip</t>
  </si>
  <si>
    <t>D:\21_11_2019 - PC ALGAR TECH\Desktop 22-07-19\Pendrive 05-03\Backup 01-07\70208 - RFQ _ A4216_RFQ_29095 - Manutenção TCO_TNE_TNO\Envio\PACOTE COMERCIAL\2 - ANEXO II - LPU FMM INFRA FM TIM CO_NO_NE - FAT A REV_05.xls</t>
  </si>
  <si>
    <t>D:\21_11_2019 - PC ALGAR TECH\Desktop 22-07-19\Pendrive 05-03\Backup 01-07\70208 - RFQ _ A4216_RFQ_29095 - Manutenção TCO_TNE_TNO\Envio\PACOTE COMERCIAL\2 - ANEXO II - LPU FMM INFRA FM TIM CO_NO_NE - FAT B - APENDICE A REV_05.xls</t>
  </si>
  <si>
    <t>11/21/2019 20:43:21</t>
  </si>
  <si>
    <t>D:\21_11_2019 - PC ALGAR TECH\Desktop - 12-11-19\PreVendas - Governo Diogo\INEP\2016\SD + Infra Cotação\Arquivo Comprimido.zip</t>
  </si>
  <si>
    <t>D:\21_11_2019 - PC ALGAR TECH\Desktop 22-07-19\Pendrive 05-03\Backup 01-07\70208 - RFQ _ A4216_RFQ_29095 - Manutenção TCO_TNE_TNO\Envio\PACOTE COMERCIAL\2 - ANEXO II - LPU FMM INFRA FM TIM CO_NO_NE - FAT B - APENDICE B REV_05.xls</t>
  </si>
  <si>
    <t>11/21/2019 20:43:22</t>
  </si>
  <si>
    <t>D:\21_11_2019 - PC ALGAR TECH\Desktop 22-07-19\Pendrive 05-03\Backup 01-07\70208 - RFQ _ A4216_RFQ_29095 - Manutenção TCO_TNE_TNO\Envio\PACOTE COMERCIAL\2 - ANEXO II - LPU FMT - TIM CO - REV_01.xlsx</t>
  </si>
  <si>
    <t>D:\21_11_2019 - PC ALGAR TECH\Desktop - 12-11-19\PreVendas - Governo Diogo\INEP\2016\SD + Infra Cotação\CatalogoDeServicos_infra-novo.xlsx</t>
  </si>
  <si>
    <t>11/21/2019 20:43:23</t>
  </si>
  <si>
    <t>D:\21_11_2019 - PC ALGAR TECH\Desktop - 12-11-19\PreVendas - Governo Diogo\INEP\2016\SD + Infra Cotação\Preço Cotação.xlsx</t>
  </si>
  <si>
    <t>D:\21_11_2019 - PC ALGAR TECH\Desktop - 12-11-19\PreVendas - Governo Diogo\Infraero\Anexo_VII_Plan_Custos.xls</t>
  </si>
  <si>
    <t>11/21/2019 20:43:30</t>
  </si>
  <si>
    <t>D:\21_11_2019 - PC ALGAR TECH\Desktop - 12-11-19\PreVendas - Governo Diogo\Infraero\Precificação+Adoção.xlsm</t>
  </si>
  <si>
    <t>11/21/2019 20:43:31</t>
  </si>
  <si>
    <t>D:\21_11_2019 - PC ALGAR TECH\Desktop - 12-11-19\PreVendas - Governo Diogo\Infraero\INFRAESTRUTURA\Anexo_IX_Or%e7_Estimado.xls</t>
  </si>
  <si>
    <t>D:\21_11_2019 - PC ALGAR TECH\Desktop - 12-11-19\PreVendas - Governo Diogo\Infraero\INFRAESTRUTURA\Anexo_VIII_Planilha_Custos.xls</t>
  </si>
  <si>
    <t>D:\21_11_2019 - PC ALGAR TECH\Desktop - 12-11-19\PreVendas - Governo Diogo\Infraero\INFRAESTRUTURA\Anexo_V_TR_Ficha_Av_Desemp.xls</t>
  </si>
  <si>
    <t>11/21/2019 20:43:33</t>
  </si>
  <si>
    <t>D:\21_11_2019 - PC ALGAR TECH\Desktop 22-07-19\Pendrive 05-03\Backup 01-07\70208 - RFQ _ A4216_RFQ_29095 - Manutenção TCO_TNE_TNO\Envio\PACOTE TÉCNICO\Resposta Atendimento Técnico v1.xlsx</t>
  </si>
  <si>
    <t>11/21/2019 20:43:36</t>
  </si>
  <si>
    <t>D:\21_11_2019 - PC ALGAR TECH\Desktop - 12-11-19\PreVendas - Governo Diogo\INMETRO\2015\PRODUÇÃO ASSISTIDA_ ANO BASE 2015_NOVO BP PREÇO - V 2015-10-01.xlsb</t>
  </si>
  <si>
    <t>11/21/2019 20:43:37</t>
  </si>
  <si>
    <t>D:\21_11_2019 - PC ALGAR TECH\Desktop 22-07-19\Pendrive 05-03\Backup 01-07\70208 - RFQ _ A4216_RFQ_29095 - Manutenção TCO_TNE_TNO\ok - Doc TIM CO_NE_NO - 19-06\ok - Pacote Comercial\ok - 2 - ANEXO II - LPUs.zip</t>
  </si>
  <si>
    <t>11/21/2019 20:43:39</t>
  </si>
  <si>
    <t>D:\21_11_2019 - PC ALGAR TECH\Desktop 22-07-19\Pendrive 05-03\Backup 01-07\70208 - RFQ _ A4216_RFQ_29095 - Manutenção TCO_TNE_TNO\ok - Doc TIM CO_NE_NO - 19-06\ok - Pacote Comercial\ok - 2 - ANEXO II - LPUs\2 - ANEXO II - LPU FMT - TIM CO - REV_01.xlsx</t>
  </si>
  <si>
    <t>11/21/2019 20:43:47</t>
  </si>
  <si>
    <t>D:\21_11_2019 - PC ALGAR TECH\Desktop 22-07-19\Pendrive 05-03\Backup 01-07\70208 - RFQ _ A4216_RFQ_29095 - Manutenção TCO_TNE_TNO\ok - Doc TIM CO_NE_NO - 19-06\ok - Pacote Tecnico\ok - Especificacao Tecnica FMT Rev 5 050515.zip</t>
  </si>
  <si>
    <t>11/21/2019 20:43:48</t>
  </si>
  <si>
    <t>11/21/2019 20:43:50</t>
  </si>
  <si>
    <t>D:\21_11_2019 - PC ALGAR TECH\Desktop 22-07-19\Pendrive 05-03\Backup 01-07\70208 - RFQ _ A4216_RFQ_29095 - Manutenção TCO_TNE_TNO\ok - Doc TIM CO_NE_NO - 19-06\ok - Pacote Tecnico\ok - Especificacoes Tecnicas de FMM Rev. 06.zip</t>
  </si>
  <si>
    <t>11/21/2019 20:43:51</t>
  </si>
  <si>
    <t>D:\21_11_2019 - PC ALGAR TECH\Desktop - 12-11-19\PreVendas - Governo Diogo\INMETRO\Pregão 020-2011\Modelo de planilha de custos.xlsx</t>
  </si>
  <si>
    <t>11/21/2019 20:43:53</t>
  </si>
  <si>
    <t>D:\21_11_2019 - PC ALGAR TECH\Desktop - 12-11-19\PreVendas - Governo Diogo\INPI\BP Preço C010 B009.xlsb</t>
  </si>
  <si>
    <t>D:\21_11_2019 - PC ALGAR TECH\Desktop - 12-11-19\PreVendas - Governo Diogo\INPI\Desenho.xlsx</t>
  </si>
  <si>
    <t>D:\21_11_2019 - PC ALGAR TECH\Desktop - 12-11-19\PreVendas - Governo Diogo\IPEA\Cotação V2.xlsx</t>
  </si>
  <si>
    <t>11/21/2019 20:43:54</t>
  </si>
  <si>
    <t>D:\21_11_2019 - PC ALGAR TECH\Desktop - 12-11-19\PreVendas - Governo Diogo\IPEA\Cotação.xlsx</t>
  </si>
  <si>
    <t>D:\21_11_2019 - PC ALGAR TECH\Desktop 22-07-19\Pendrive 05-03\Backup 01-07\Reembolso\7 - Formulário - Protocolo Relatório de Despesas Capgemini.xls</t>
  </si>
  <si>
    <t>D:\21_11_2019 - PC ALGAR TECH\Desktop - 12-11-19\PreVendas - Governo Diogo\IPEA\Racional V2.xlsx</t>
  </si>
  <si>
    <t>D:\21_11_2019 - PC ALGAR TECH\Desktop - 12-11-19\PreVendas - Governo Diogo\IPEA\Racional.xlsx</t>
  </si>
  <si>
    <t>11/21/2019 20:43:57</t>
  </si>
  <si>
    <t>D:\21_11_2019 - PC ALGAR TECH\Desktop - 12-11-19\PreVendas - Governo Diogo\IPHAN\Preço\componentes IPHAN.xlsx</t>
  </si>
  <si>
    <t>11/21/2019 20:43:58</t>
  </si>
  <si>
    <t>D:\21_11_2019 - PC ALGAR TECH\Desktop - 12-11-19\PreVendas - Governo Diogo\IPHAN\Preço\Preço.xlsb</t>
  </si>
  <si>
    <t>D:\21_11_2019 - PC ALGAR TECH\Desktop 22-07-19\Pendrive 05-03\Mary Kay\Silvania\Mary Kay - Silvania v2.xlsx</t>
  </si>
  <si>
    <t>11/21/2019 20:43:59</t>
  </si>
  <si>
    <t>D:\21_11_2019 - PC ALGAR TECH\Desktop 22-07-19\Pendrive 05-03\Mary Kay\Silvania\Mary Kay - Silvania.xlsx</t>
  </si>
  <si>
    <t>D:\21_11_2019 - PC ALGAR TECH\Desktop - 12-11-19\PreVendas - Governo Diogo\ITAIPU\NC 2329-17 Anexo III - Planilha de Preços.xls</t>
  </si>
  <si>
    <t>11/21/2019 20:44:00</t>
  </si>
  <si>
    <t>D:\21_11_2019 - PC ALGAR TECH\Desktop 22-07-19\Pendrive 05-03\Mary Kay\Suélen\Mary Kay - Nomes.xlsx</t>
  </si>
  <si>
    <t>11/21/2019 20:44:02</t>
  </si>
  <si>
    <t>D:\21_11_2019 - PC ALGAR TECH\Desktop - 12-11-19\PreVendas - Governo Diogo\ITAIPU\Preço.xlsb</t>
  </si>
  <si>
    <t>D:\21_11_2019 - PC ALGAR TECH\Desktop 22-07-19\Pendrive 05-03\Mary Kay\Suélen\Tarefas.xlsx</t>
  </si>
  <si>
    <t>11/21/2019 20:44:04</t>
  </si>
  <si>
    <t>D:\21_11_2019 - PC ALGAR TECH\Desktop - 12-11-19\PreVendas - Governo Diogo\ITAÚ\Proposta Comercial.xlsx</t>
  </si>
  <si>
    <t>11/21/2019 20:44:06</t>
  </si>
  <si>
    <t>D:\21_11_2019 - PC ALGAR TECH\Desktop - 12-11-19\PreVendas - Governo Diogo\ITAÚ\SIZING + Resumo.xlsx</t>
  </si>
  <si>
    <t>11/21/2019 20:44:09</t>
  </si>
  <si>
    <t>D:\21_11_2019 - PC ALGAR TECH\Desktop - 12-11-19\PreVendas - Governo Diogo\ITI\BP ITI.xlsb</t>
  </si>
  <si>
    <t>D:\21_11_2019 - PC ALGAR TECH\Desktop 22-07-19\Pendrive 05-03\Mary Kay\Suélen\Cartão\cartao.xlsx</t>
  </si>
  <si>
    <t>D:\21_11_2019 - PC ALGAR TECH\Desktop 22-07-19\Pendrive 05-03\Mary Kay\Suélen\Consórcio\1AFA047F.tmp</t>
  </si>
  <si>
    <t>D:\21_11_2019 - PC ALGAR TECH\Desktop 22-07-19\Pendrive 05-03\Mary Kay\Suélen\Consórcio\Consorcio.xlsx</t>
  </si>
  <si>
    <t>11/21/2019 20:44:11</t>
  </si>
  <si>
    <t>D:\21_11_2019 - PC ALGAR TECH\Desktop - 12-11-19\PreVendas - Governo Diogo\lexmark\ISD Linha - Componentização dos Custos_V1.1.xlsx</t>
  </si>
  <si>
    <t>D:\21_11_2019 - PC ALGAR TECH\Desktop - 12-11-19\PreVendas - Governo Diogo\lexmark\Pricing.xlsm</t>
  </si>
  <si>
    <t>D:\21_11_2019 - PC ALGAR TECH\Desktop 22-07-19\Pendrive 05-03\Mary Kay\Suélen\Pedidos\67DB0308.tmp</t>
  </si>
  <si>
    <t>D:\21_11_2019 - PC ALGAR TECH\Desktop 22-07-19\Pendrive 05-03\Mary Kay\Suélen\Pedidos\6D30D65F.tmp</t>
  </si>
  <si>
    <t>D:\21_11_2019 - PC ALGAR TECH\Desktop 22-07-19\Pendrive 05-03\Mary Kay\Suélen\Pedidos\ED93CB3A.tmp</t>
  </si>
  <si>
    <t>11/21/2019 20:44:12</t>
  </si>
  <si>
    <t>D:\21_11_2019 - PC ALGAR TECH\Desktop 22-07-19\Pendrive 05-03\Mary Kay\Suélen\Pedidos\Mary Kay - Suélen.xlsx</t>
  </si>
  <si>
    <t>D:\21_11_2019 - PC ALGAR TECH\Desktop - 12-11-19\PreVendas - Governo Diogo\MCTi\Análise.xlsx</t>
  </si>
  <si>
    <t>11/21/2019 20:44:13</t>
  </si>
  <si>
    <t>D:\21_11_2019 - PC ALGAR TECH\Desktop - 12-11-19\PreVendas - Governo Diogo\MCTi\Cenário_Protocolado.xlsb</t>
  </si>
  <si>
    <t>11/21/2019 20:44:15</t>
  </si>
  <si>
    <t>D:\21_11_2019 - PC ALGAR TECH\Desktop - 12-11-19\PreVendas - Governo Diogo\MCTi\Cenário_Real.xlsb</t>
  </si>
  <si>
    <t>11/21/2019 20:44:16</t>
  </si>
  <si>
    <t>D:\21_11_2019 - PC ALGAR TECH\Desktop - 12-11-19\PreVendas - Governo Diogo\MCTi\Componentes.xlsx</t>
  </si>
  <si>
    <t>D:\21_11_2019 - PC ALGAR TECH\Desktop - 12-11-19\PreVendas - Governo Diogo\MCTi\curva de receita.xlsx</t>
  </si>
  <si>
    <t>11/21/2019 20:44:17</t>
  </si>
  <si>
    <t>D:\21_11_2019 - PC ALGAR TECH\Desktop - 12-11-19\PreVendas - Governo Diogo\MCTi\Cópia de CATALOGO DE TAREFAS MCTI-V8.xlsx</t>
  </si>
  <si>
    <t>11/21/2019 20:44:19</t>
  </si>
  <si>
    <t>D:\21_11_2019 - PC ALGAR TECH\Desktop - 12-11-19\PreVendas - Governo Diogo\MCTi\EMERGENCIAL.xlsb</t>
  </si>
  <si>
    <t>11/21/2019 20:44:21</t>
  </si>
  <si>
    <t>D:\21_11_2019 - PC ALGAR TECH\Desktop - 12-11-19\PreVendas - Governo Diogo\MCTi\MCT - Final - Cenario pos vistoria_Validado Adocao.xlsb</t>
  </si>
  <si>
    <t>11/21/2019 20:44:22</t>
  </si>
  <si>
    <t>D:\21_11_2019 - PC ALGAR TECH\Desktop - 12-11-19\PreVendas - Governo Diogo\MCTi\Planilha de Custos - Algar Tecnologia - v2.xlsx</t>
  </si>
  <si>
    <t>11/21/2019 20:44:24</t>
  </si>
  <si>
    <t>D:\21_11_2019 - PC ALGAR TECH\Desktop - 12-11-19\PreVendas - Governo Diogo\MCTi\Prospecção_demandas.xlsb</t>
  </si>
  <si>
    <t>11/21/2019 20:44:25</t>
  </si>
  <si>
    <t>D:\21_11_2019 - PC ALGAR TECH\Desktop - 12-11-19\PreVendas - Governo Diogo\MCTi\2016\Cotação\08-09-2016.xlsx</t>
  </si>
  <si>
    <t>11/21/2019 20:44:30</t>
  </si>
  <si>
    <t>D:\21_11_2019 - PC ALGAR TECH\Desktop 22-07-19\Pendrive 05-03\Procedimentos Atuais\Controle de terceiros.xlsx</t>
  </si>
  <si>
    <t>D:\21_11_2019 - PC ALGAR TECH\Desktop 22-07-19\Pendrive 05-03\Procedimentos Atuais\MATRIZ DE PRECIFICACAO - Algar Tech - abr14.xlsx</t>
  </si>
  <si>
    <t>D:\21_11_2019 - PC ALGAR TECH\Desktop 22-07-19\Pendrive 05-03\Procedimentos Atuais\MATRIZ DE TRIBUTACAO - Algar Tech - DEZ14.xlsx</t>
  </si>
  <si>
    <t>11/21/2019 20:44:41</t>
  </si>
  <si>
    <t>D:\21_11_2019 - PC ALGAR TECH\Desktop 22-07-19\Pendrive 05-03\Procedimentos Atuais\MATRIZ TRIBUTACAO - Algar Tec - Synos - Engeset -------2014.xlsx</t>
  </si>
  <si>
    <t>11/21/2019 20:44:42</t>
  </si>
  <si>
    <t>D:\21_11_2019 - PC ALGAR TECH\Desktop - 12-11-19\PreVendas - Governo Diogo\MD\Equipe Senior.xlsb</t>
  </si>
  <si>
    <t>D:\21_11_2019 - PC ALGAR TECH\Desktop 22-07-19\Pendrive 05-03\Procedimentos Atuais\Relação Filiais Algar Tech.xls</t>
  </si>
  <si>
    <t>11/21/2019 20:44:43</t>
  </si>
  <si>
    <t>D:\21_11_2019 - PC ALGAR TECH\Desktop - 12-11-19\PreVendas - Governo Diogo\MD\Renovacao.xlsb</t>
  </si>
  <si>
    <t>D:\21_11_2019 - PC ALGAR TECH\Desktop - 12-11-19\PreVendas - Governo Diogo\MD\SIMULADO 25%.xlsx</t>
  </si>
  <si>
    <t>11/21/2019 20:44:44</t>
  </si>
  <si>
    <t>D:\21_11_2019 - PC ALGAR TECH\Desktop - 12-11-19\PreVendas - Governo Diogo\MDIC\Precificação.xlsb</t>
  </si>
  <si>
    <t>11/21/2019 20:44:46</t>
  </si>
  <si>
    <t>D:\21_11_2019 - PC ALGAR TECH\Desktop - 12-11-19\PreVendas - Governo Diogo\MDS\Cenário Simulado1.xlsb</t>
  </si>
  <si>
    <t>D:\21_11_2019 - PC ALGAR TECH\Desktop 22-07-19\Pendrive 05-03\Procedimentos Atuais\Backup\Caixas\ANEXO 1A - ANALISE ECONÔMICA FINANCEIRA DETALHADA.xls</t>
  </si>
  <si>
    <t>11/21/2019 20:44:49</t>
  </si>
  <si>
    <t>D:\21_11_2019 - PC ALGAR TECH\Desktop - 12-11-19\PreVendas - Governo Diogo\MDS\Adesão Redes\BP Atualizado.xlsb</t>
  </si>
  <si>
    <t>D:\21_11_2019 - PC ALGAR TECH\Desktop 22-07-19\Pendrive 05-03\Procedimentos Atuais\Backup\Caixas\ANEXO 2A - ANÁLISE ECONÔMICA FINANCEIRA SIMPLIFICADA - rev 28_08_13.xls</t>
  </si>
  <si>
    <t>11/21/2019 20:44:50</t>
  </si>
  <si>
    <t>D:\21_11_2019 - PC ALGAR TECH\Desktop 22-07-19\Pendrive 05-03\Procedimentos Atuais\Backup\Caixas\REVENDA PADRÃO COMSTOR.xls</t>
  </si>
  <si>
    <t>D:\21_11_2019 - PC ALGAR TECH\Desktop 22-07-19\Pendrive 05-03\Procedimentos Atuais\Backup\Caixas\Diversos\ANEXO 1B - ANALISE ECONÔMICA FINANCEIRA DETALHADA - 60 MESES.xls</t>
  </si>
  <si>
    <t>11/21/2019 20:44:51</t>
  </si>
  <si>
    <t>D:\21_11_2019 - PC ALGAR TECH\Desktop 22-07-19\Pendrive 05-03\Procedimentos Atuais\Backup\Caixas\Diversos\ANEXO 2B - ANÁLISE ECONÔMICA FINANCEIRA SIMPLIFICADA CONST REDES.xls</t>
  </si>
  <si>
    <t>D:\21_11_2019 - PC ALGAR TECH\Desktop - 12-11-19\PreVendas - Governo Diogo\MDS\Adesão Redes\Cenario Real\Análise Financeira.xlsx</t>
  </si>
  <si>
    <t>D:\21_11_2019 - PC ALGAR TECH\Desktop - 12-11-19\PreVendas - Governo Diogo\MDS\Adesão Redes\Cenario Real\Cargos e Salários Validados.xlsx</t>
  </si>
  <si>
    <t>D:\21_11_2019 - PC ALGAR TECH\Desktop - 12-11-19\PreVendas - Governo Diogo\MDS\Adesão Redes\Cenario Real\Desenho com Operação.xlsx</t>
  </si>
  <si>
    <t>D:\21_11_2019 - PC ALGAR TECH\Desktop - 12-11-19\PreVendas - Governo Diogo\MDS\Adesão Redes\Cenario Real\Estrutura.xlsx</t>
  </si>
  <si>
    <t>D:\21_11_2019 - PC ALGAR TECH\Desktop - 12-11-19\PreVendas - Governo Diogo\MDS\Adesão Redes\Cenario Real\Monitoramento Compartilhado.xlsx</t>
  </si>
  <si>
    <t>11/21/2019 20:44:52</t>
  </si>
  <si>
    <t>D:\21_11_2019 - PC ALGAR TECH\Desktop - 12-11-19\PreVendas - Governo Diogo\MDS\Adesão Redes\Cenario Real\Planilha de Preço - Serviços Gerenciados-V1.xlsb</t>
  </si>
  <si>
    <t>11/21/2019 20:44:53</t>
  </si>
  <si>
    <t>D:\21_11_2019 - PC ALGAR TECH\Desktop - 12-11-19\PreVendas - Governo Diogo\MDS\Adesão Redes\Cenario Real\Planilha de Preço - Serviços Gerenciados-V2.xlsb</t>
  </si>
  <si>
    <t>11/21/2019 20:44:54</t>
  </si>
  <si>
    <t>D:\21_11_2019 - PC ALGAR TECH\Desktop - 12-11-19\PreVendas - Governo Diogo\MDS\Adesão Redes\Cenario Real\Planilha de Preço - Serviços Gerenciados-V3.xlsb</t>
  </si>
  <si>
    <t>11/21/2019 20:44:55</t>
  </si>
  <si>
    <t>D:\21_11_2019 - PC ALGAR TECH\Desktop - 12-11-19\PreVendas - Governo Diogo\MDS\Adesão Redes\Cenario Real\Planilha de Preço - Serviços Gerenciados-V4.xlsb</t>
  </si>
  <si>
    <t>D:\21_11_2019 - PC ALGAR TECH\Desktop - 12-11-19\PreVendas - Governo Diogo\MDS\Adesão Redes\Cenario Real\IN-02\Original MCTi\Planilha de Custos - Algar Tecnologia - v2.xlsx</t>
  </si>
  <si>
    <t>11/21/2019 20:44:56</t>
  </si>
  <si>
    <t>D:\21_11_2019 - PC ALGAR TECH\Desktop - 12-11-19\PreVendas - Governo Diogo\MDS\Adesão Redes\Cenario Real\IN-02\Repactuação 13-14\Repactuação Envio.xlsx</t>
  </si>
  <si>
    <t>D:\21_11_2019 - PC ALGAR TECH\Desktop - 12-11-19\PreVendas - Governo Diogo\MDS\Adesão Redes\Cenario Real\IN-02\Repactuação 13-14\Repactuação.xlsx</t>
  </si>
  <si>
    <t>11/21/2019 20:44:59</t>
  </si>
  <si>
    <t>D:\21_11_2019 - PC ALGAR TECH\Desktop - 12-11-19\PreVendas - Governo Diogo\MDS\Adesão Redes\Emergencial\Consolidado - Com MDS Atual.xlsb</t>
  </si>
  <si>
    <t>11/21/2019 20:45:01</t>
  </si>
  <si>
    <t>D:\21_11_2019 - PC ALGAR TECH\Desktop - 12-11-19\PreVendas - Governo Diogo\MDS\Adesão Redes\Emergencial\Consolidado.xlsb</t>
  </si>
  <si>
    <t>D:\21_11_2019 - PC ALGAR TECH\Desktop - 12-11-19\PreVendas - Governo Diogo\MDS\Adesão Redes\Emergencial\Estudo CM.xlsx</t>
  </si>
  <si>
    <t>11/21/2019 20:45:03</t>
  </si>
  <si>
    <t>D:\21_11_2019 - PC ALGAR TECH\Desktop - 12-11-19\PreVendas - Governo Diogo\MDS\Adesão Redes\Emergencial\Lote Banco de Dados.xlsb</t>
  </si>
  <si>
    <t>11/21/2019 20:45:04</t>
  </si>
  <si>
    <t>D:\21_11_2019 - PC ALGAR TECH\Desktop - 12-11-19\PreVendas - Governo Diogo\MDS\Adesão Redes\Emergencial\Lote Redes.xlsb</t>
  </si>
  <si>
    <t>11/21/2019 20:45:05</t>
  </si>
  <si>
    <t>D:\21_11_2019 - PC ALGAR TECH\Desktop 22-07-19\Pendrive 05-03\Procedimentos Atuais\Diversos\Backup modelo fluxo de caixa\ANEXO 1A - ANALISE ECONÔMICA FINANCEIRA DETALHADA - Manoel.xls</t>
  </si>
  <si>
    <t>11/21/2019 20:45:06</t>
  </si>
  <si>
    <t>D:\21_11_2019 - PC ALGAR TECH\Desktop - 12-11-19\PreVendas - Governo Diogo\MDS\Adesão Redes\Emergencial\Lote Servidores.xlsb</t>
  </si>
  <si>
    <t>D:\21_11_2019 - PC ALGAR TECH\Desktop 22-07-19\Pendrive 05-03\Procedimentos Atuais\LPU\ANEXO 6A - LPU - TX - Rev 27_06_12.xls</t>
  </si>
  <si>
    <t>11/21/2019 20:45:09</t>
  </si>
  <si>
    <t>D:\21_11_2019 - PC ALGAR TECH\Desktop 22-07-19\Pendrive 05-03\Procedimentos Atuais\LPU\ANEXO 6B - LPU - CABEAMENTO ESTRUTURADO - Rev 28_08_12.xls</t>
  </si>
  <si>
    <t>11/21/2019 20:45:10</t>
  </si>
  <si>
    <t>D:\21_11_2019 - PC ALGAR TECH\Desktop - 12-11-19\PreVendas - Governo Diogo\MDS\Adesão Redes\Emergencial\Simulacao-Lotes-PS.xlsb</t>
  </si>
  <si>
    <t>D:\21_11_2019 - PC ALGAR TECH\Desktop 22-07-19\Pendrive 05-03\Procedimentos Atuais\LPU\ANEXO 6C.1 - LPU - CONSTRUÇÃO DE REDES METÁLICAS E ÓPTICAS.xls</t>
  </si>
  <si>
    <t>11/21/2019 20:45:11</t>
  </si>
  <si>
    <t>D:\21_11_2019 - PC ALGAR TECH\Desktop 22-07-19\Pendrive 05-03\Procedimentos Atuais\LPU\ANEXO 6D - LPU - REDE EXTERNA EXPANSÃO.xlsx</t>
  </si>
  <si>
    <t>D:\21_11_2019 - PC ALGAR TECH\Desktop 22-07-19\Pendrive 05-03\Procedimentos Atuais\LPU\ANEXO 6E - LPU - CSI.xlsx</t>
  </si>
  <si>
    <t>D:\21_11_2019 - PC ALGAR TECH\Desktop - 12-11-19\PreVendas - Governo Diogo\MDS\Adesão Redes\SUPRESSÃO PBM\Análise de Supressão PBM.xlsx</t>
  </si>
  <si>
    <t>11/21/2019 20:45:13</t>
  </si>
  <si>
    <t>D:\21_11_2019 - PC ALGAR TECH\Desktop 22-07-19\Pendrive 05-03\Procedimentos Atuais\Modelo de fluxo de caixa\ANEXO 1A - ANALISE ECONÔMICA FINANCEIRA DETALHADA.xls</t>
  </si>
  <si>
    <t>D:\21_11_2019 - PC ALGAR TECH\Desktop - 12-11-19\PreVendas - Governo Diogo\MDS\Assessoria 2016\Análise.xlsx</t>
  </si>
  <si>
    <t>D:\21_11_2019 - PC ALGAR TECH\Desktop 22-07-19\Pendrive 05-03\Procedimentos Atuais\Modelo de fluxo de caixa\ANEXO 2A - ANÁLISE ECONÔMICA FINANCEIRA SIMPLIFICADA - rev 28_08_13.xls</t>
  </si>
  <si>
    <t>D:\21_11_2019 - PC ALGAR TECH\Desktop 22-07-19\Pendrive 05-03\Procedimentos Atuais\Modelo de fluxo de caixa\Map - Sistema de Precificação Novo Portifolio 2014-12-022.xlsb</t>
  </si>
  <si>
    <t>11/21/2019 20:45:14</t>
  </si>
  <si>
    <t>D:\21_11_2019 - PC ALGAR TECH\Desktop 22-07-19\Pendrive 05-03\Procedimentos Atuais\Modelo de fluxo de caixa\REVENDA PADRÃO COMSTOR.xls</t>
  </si>
  <si>
    <t>11/21/2019 20:45:16</t>
  </si>
  <si>
    <t>D:\21_11_2019 - PC ALGAR TECH\Desktop 22-07-19\Pendrive 05-03\Procedimentos Atuais\Modelo de fluxo de caixa\Diversos\ANEXO 1B - ANALISE ECONÔMICA FINANCEIRA DETALHADA - 60 MESES.xls</t>
  </si>
  <si>
    <t>D:\21_11_2019 - PC ALGAR TECH\Desktop 22-07-19\Pendrive 05-03\Procedimentos Atuais\Modelo de fluxo de caixa\Diversos\ANEXO 2B - ANÁLISE ECONÔMICA FINANCEIRA SIMPLIFICADA CONST REDES.xls</t>
  </si>
  <si>
    <t>D:\21_11_2019 - PC ALGAR TECH\Desktop - 12-11-19\PreVendas - Governo Diogo\MDS\Banco de Dados\Bando de Dados\Cotação.xlsx</t>
  </si>
  <si>
    <t>11/21/2019 20:45:17</t>
  </si>
  <si>
    <t>D:\21_11_2019 - PC ALGAR TECH\Desktop - 12-11-19\PreVendas - Governo Diogo\MDS\Banco de Dados\Renovacao\Preco.xlsb</t>
  </si>
  <si>
    <t>11/21/2019 20:45:19</t>
  </si>
  <si>
    <t>D:\21_11_2019 - PC ALGAR TECH\Desktop - 12-11-19\PreVendas - Governo Diogo\ME\Aditivo VoIP 2013\Precificação Aditivo.xlsb</t>
  </si>
  <si>
    <t>11/21/2019 20:45:26</t>
  </si>
  <si>
    <t>D:\21_11_2019 - PC ALGAR TECH\Desktop - 12-11-19\PreVendas - Governo Diogo\MEC\MEC SD - Atualizado.xlsm</t>
  </si>
  <si>
    <t>11/21/2019 20:45:34</t>
  </si>
  <si>
    <t>D:\21_11_2019 - PC ALGAR TECH\Desktop - 12-11-19\PreVendas - Governo Diogo\MEC\MEC SD - CHEIO_Desonerado.xlsm</t>
  </si>
  <si>
    <t>11/21/2019 20:45:43</t>
  </si>
  <si>
    <t>D:\21_11_2019 - PC ALGAR TECH\Desktop - 12-11-19\PreVendas - Governo Diogo\MEC\MEC SD-CHEIO.xlsm</t>
  </si>
  <si>
    <t>11/21/2019 20:45:49</t>
  </si>
  <si>
    <t>D:\21_11_2019 - PC ALGAR TECH\Desktop - 12-11-19\PreVendas - Governo Diogo\MEC\MEC SD_Desonerado juniorado.xlsm</t>
  </si>
  <si>
    <t>11/21/2019 20:45:57</t>
  </si>
  <si>
    <t>D:\21_11_2019 - PC ALGAR TECH\Desktop - 12-11-19\PreVendas - Governo Diogo\MEC\MEC SD_Desonerado.xlsm</t>
  </si>
  <si>
    <t>11/21/2019 20:45:58</t>
  </si>
  <si>
    <t>D:\21_11_2019 - PC ALGAR TECH\Desktop 22-07-19\Pendrive 05-03\Procedimentos Atuais\Premissas\ANEXO 5 - PREMISSAS CPV - Novembro2013.xlsx</t>
  </si>
  <si>
    <t>11/21/2019 20:46:04</t>
  </si>
  <si>
    <t>D:\21_11_2019 - PC ALGAR TECH\Desktop - 12-11-19\PreVendas - Governo Diogo\MEC\MEC_SD.xlsm</t>
  </si>
  <si>
    <t>11/21/2019 20:46:05</t>
  </si>
  <si>
    <t>D:\21_11_2019 - PC ALGAR TECH\Desktop 22-07-19\Pendrive 05-03\Procedimentos Atuais\REVENDA\ANEXO 1A - ANALISE ECONÔMICA FINANCEIRA DETALHADA (LIMPA).xls</t>
  </si>
  <si>
    <t>D:\21_11_2019 - PC ALGAR TECH\Desktop - 12-11-19\PreVendas - Governo Diogo\MEC\Planilha de Custos - Resumo e IN-02.xlsx</t>
  </si>
  <si>
    <t>11/21/2019 20:46:06</t>
  </si>
  <si>
    <t>D:\21_11_2019 - PC ALGAR TECH\Desktop 22-07-19\Pendrive 05-03\Procedimentos Atuais\REVENDA\ANEXO 1A - ANALISE ECONÔMICA FINANCEIRA DETALHADA (LIMPA2).xls</t>
  </si>
  <si>
    <t>D:\21_11_2019 - PC ALGAR TECH\Desktop - 12-11-19\PreVendas - Governo Diogo\MEC\2015\Assessoria Técnica\Proposta.xlsx</t>
  </si>
  <si>
    <t>D:\21_11_2019 - PC ALGAR TECH\Desktop 22-07-19\Pendrive 05-03\Procedimentos Atuais\REVENDA\ANEXO 1A - ANALISE ECONÔMICA FINANCEIRA DETALHADA (LIMPA3).xls</t>
  </si>
  <si>
    <t>11/21/2019 20:46:07</t>
  </si>
  <si>
    <t>D:\21_11_2019 - PC ALGAR TECH\Desktop - 12-11-19\PreVendas - Governo Diogo\MEC\2015\Assessoria Técnica\TR e Documentos.zip</t>
  </si>
  <si>
    <t>11/21/2019 20:46:09</t>
  </si>
  <si>
    <t>D:\21_11_2019 - PC ALGAR TECH\Desktop - 12-11-19\PreVendas - Governo Diogo\MEC\2015\Assessoria Técnica\Publicado\BP.xlsb</t>
  </si>
  <si>
    <t>11/21/2019 20:46:11</t>
  </si>
  <si>
    <t>D:\21_11_2019 - PC ALGAR TECH\Desktop 22-07-19\Pendrive 05-03\Procedimentos Atuais\REVENDA\PADRAO\REVENDA PADRÃO.xls</t>
  </si>
  <si>
    <t>D:\21_11_2019 - PC ALGAR TECH\Desktop - 12-11-19\PreVendas - Governo Diogo\MEC\2015\Assessoria Técnica\Publicado\Quadro Resumo.xlsx</t>
  </si>
  <si>
    <t>11/21/2019 20:46:17</t>
  </si>
  <si>
    <t>D:\21_11_2019 - PC ALGAR TECH\Desktop - 12-11-19\PreVendas - Governo Diogo\MEC\2016\Infra\Cópia de BP Preço C002 B004 _Encargos.xlsb</t>
  </si>
  <si>
    <t>11/21/2019 20:46:19</t>
  </si>
  <si>
    <t>D:\21_11_2019 - PC ALGAR TECH\Desktop - 12-11-19\PreVendas - Governo Diogo\MEC\2016\Infra\MEC - Sustentação de Infraestrutura (REPACTUADO) - 121246.xlsb</t>
  </si>
  <si>
    <t>11/21/2019 20:46:21</t>
  </si>
  <si>
    <t>D:\21_11_2019 - PC ALGAR TECH\Desktop - 12-11-19\PreVendas - Governo Diogo\MEC\2016\Infra\MEC - Sustentação de Infraestrutura - 121246.xlsb</t>
  </si>
  <si>
    <t>D:\21_11_2019 - PC ALGAR TECH\Desktop - 12-11-19\PreVendas - Governo Diogo\MEC\2018\Infra\Cotação\Cotação.xlsx</t>
  </si>
  <si>
    <t>11/21/2019 20:46:22</t>
  </si>
  <si>
    <t>D:\21_11_2019 - PC ALGAR TECH\Desktop - 12-11-19\PreVendas - Governo Diogo\MEC\2018\SD\Cotação\Desenho Cotação.xlsx</t>
  </si>
  <si>
    <t>D:\21_11_2019 - PC ALGAR TECH\Desktop - 12-11-19\PreVendas - Governo Diogo\MEC\2018\SD\Cotação\Sugestões.xlsx</t>
  </si>
  <si>
    <t>11/21/2019 20:46:23</t>
  </si>
  <si>
    <t>D:\21_11_2019 - PC ALGAR TECH\Desktop - 12-11-19\PreVendas - Governo Diogo\MEC\2018\SD\publicado\BP.xlsb</t>
  </si>
  <si>
    <t>11/21/2019 20:46:24</t>
  </si>
  <si>
    <t>D:\21_11_2019 - PC ALGAR TECH\Desktop - 12-11-19\PreVendas - Governo Diogo\MEC\2018\SD\publicado\Dados.xlsx</t>
  </si>
  <si>
    <t>D:\21_11_2019 - PC ALGAR TECH\Desktop - 12-11-19\PreVendas - Governo Diogo\MEC\2019\Apoio Técnico\Cotação\Cotação.xlsx</t>
  </si>
  <si>
    <t>11/21/2019 20:46:25</t>
  </si>
  <si>
    <t>D:\21_11_2019 - PC ALGAR TECH\Desktop - 12-11-19\PreVendas - Governo Diogo\MEC\Aditivo 2014\Cópia de Planilha de Preço - Serviços Gerenciados.xlsb</t>
  </si>
  <si>
    <t>11/21/2019 20:46:27</t>
  </si>
  <si>
    <t>D:\21_11_2019 - PC ALGAR TECH\Desktop - 12-11-19\PreVendas - Governo Diogo\MEC\ATA\BP Preço C002 B004 _Encargos.xlsb</t>
  </si>
  <si>
    <t>11/21/2019 20:46:34</t>
  </si>
  <si>
    <t>D:\21_11_2019 - PC ALGAR TECH\Desktop - 12-11-19\PreVendas - Governo Diogo\MEC\ATA\MEC ATA.xlsm</t>
  </si>
  <si>
    <t>11/21/2019 20:46:35</t>
  </si>
  <si>
    <t>D:\21_11_2019 - PC ALGAR TECH\Desktop - 12-11-19\PreVendas - Governo Diogo\MEC\Novo\Aditivo EP\MEC Escritorio de Projetos.xlsb</t>
  </si>
  <si>
    <t>D:\21_11_2019 - PC ALGAR TECH\Desktop - 12-11-19\PreVendas - Governo Diogo\MEC\Novo\Publicado\Adoção.xlsx</t>
  </si>
  <si>
    <t>D:\21_11_2019 - PC ALGAR TECH\Desktop - 12-11-19\PreVendas - Governo Diogo\MEC\Novo\Publicado\Cargos e Salários.xlsx</t>
  </si>
  <si>
    <t>11/21/2019 20:46:37</t>
  </si>
  <si>
    <t>D:\21_11_2019 - PC ALGAR TECH\Desktop - 12-11-19\PreVendas - Governo Diogo\MEC\Novo\Publicado\Planilha de Preço - Serviços Gerenciados Adocao-CAPEX.xlsm</t>
  </si>
  <si>
    <t>11/21/2019 20:46:39</t>
  </si>
  <si>
    <t>D:\21_11_2019 - PC ALGAR TECH\Desktop - 12-11-19\PreVendas - Governo Diogo\MEC\Novo\Publicado\Planilha de Preço - Serviços Gerenciados Agressivo.xlsm</t>
  </si>
  <si>
    <t>11/21/2019 20:46:40</t>
  </si>
  <si>
    <t>D:\21_11_2019 - PC ALGAR TECH\Desktop - 12-11-19\PreVendas - Governo Diogo\MEC\Novo\Publicado\Planilha de Preço - Serviços Gerenciados V1.xlsm</t>
  </si>
  <si>
    <t>11/21/2019 20:46:42</t>
  </si>
  <si>
    <t>D:\21_11_2019 - PC ALGAR TECH\Desktop - 12-11-19\PreVendas - Governo Diogo\MEC\Novo\Publicado\Planilha de Preço - Serviços Gerenciados.xlsm</t>
  </si>
  <si>
    <t>11/21/2019 20:46:44</t>
  </si>
  <si>
    <t>D:\21_11_2019 - PC ALGAR TECH\Desktop - 12-11-19\PreVendas - Governo Diogo\MEC\Novo\Publicado\ATUALIZADOS\Planilha de Preço - Serviços Gerenciados Adocao-CAPEX.xlsm</t>
  </si>
  <si>
    <t>11/21/2019 20:46:45</t>
  </si>
  <si>
    <t>D:\21_11_2019 - PC ALGAR TECH\Desktop - 12-11-19\PreVendas - Governo Diogo\MEC\Novo\Publicado\ATUALIZADOS\Planilha de Preço - Serviços Gerenciados Agressivo.xlsm</t>
  </si>
  <si>
    <t>11/21/2019 20:46:46</t>
  </si>
  <si>
    <t>D:\21_11_2019 - PC ALGAR TECH\Desktop - 12-11-19\PreVendas - Governo Diogo\MEC\Novo\Publicado\ATUALIZADOS\Planilha de Preço - Serviços Gerenciados Diligenciada.xlsm</t>
  </si>
  <si>
    <t>11/21/2019 20:46:47</t>
  </si>
  <si>
    <t>D:\21_11_2019 - PC ALGAR TECH\Desktop - 12-11-19\PreVendas - Governo Diogo\MEC\Novo\Publicado\ATUALIZADOS\Planilha de Preço - Serviços Gerenciados V1.xlsm</t>
  </si>
  <si>
    <t>11/21/2019 20:46:49</t>
  </si>
  <si>
    <t>D:\21_11_2019 - PC ALGAR TECH\Desktop - 12-11-19\PreVendas - Governo Diogo\MEC\Novo\Publicado\ATUALIZADOS\Diligenciada\Final.xlsm</t>
  </si>
  <si>
    <t>11/21/2019 20:46:51</t>
  </si>
  <si>
    <t>D:\21_11_2019 - PC ALGAR TECH\Desktop - 12-11-19\PreVendas - Governo Diogo\MEC\Novo\Publicado\ATUALIZADOS\Diligenciada\MEC Cenario Aprovado.xlsm</t>
  </si>
  <si>
    <t>11/21/2019 20:46:52</t>
  </si>
  <si>
    <t>D:\21_11_2019 - PC ALGAR TECH\Desktop - 12-11-19\PreVendas - Governo Diogo\MEC\Novo\Publicado\ATUALIZADOS\Diligenciada\Planilha de Preço - Serviços Gerenciados.xlsb</t>
  </si>
  <si>
    <t>11/21/2019 20:46:53</t>
  </si>
  <si>
    <t>D:\21_11_2019 - PC ALGAR TECH\Desktop - 12-11-19\PreVendas - Governo Diogo\MEC\Novo\Publicado\ATUALIZADOS\Diligenciada\Planilha nova\MEC Cenario Aprovado Change Final SEM PBM.xlsb</t>
  </si>
  <si>
    <t>11/21/2019 20:46:54</t>
  </si>
  <si>
    <t>D:\21_11_2019 - PC ALGAR TECH\Desktop - 12-11-19\PreVendas - Governo Diogo\MEC\Novo\Publicado\ATUALIZADOS\Diligenciada\Planilha nova\MEC Cenario Aprovado Change Final.xlsb</t>
  </si>
  <si>
    <t>11/21/2019 20:46:55</t>
  </si>
  <si>
    <t>D:\21_11_2019 - PC ALGAR TECH\Desktop - 12-11-19\PreVendas - Governo Diogo\MEC\Novo\Publicado\ATUALIZADOS\Diligenciada\Planilha nova\MEC Cenario Aprovado Novo Sem PBM.xlsb</t>
  </si>
  <si>
    <t>11/21/2019 20:46:56</t>
  </si>
  <si>
    <t>D:\21_11_2019 - PC ALGAR TECH\Desktop - 12-11-19\PreVendas - Governo Diogo\MEC\Novo\Publicado\ATUALIZADOS\Diligenciada\Planilha nova\MEC Cenario Aprovado Novo.xlsb</t>
  </si>
  <si>
    <t>11/21/2019 20:46:57</t>
  </si>
  <si>
    <t>D:\21_11_2019 - PC ALGAR TECH\Desktop - 12-11-19\PreVendas - Governo Diogo\MEC\Novo\Publicado\ATUALIZADOS\Diligenciada\Planilha nova\MEC Cenario Aprovado Simulação.xlsb</t>
  </si>
  <si>
    <t>11/21/2019 20:46:58</t>
  </si>
  <si>
    <t>D:\21_11_2019 - PC ALGAR TECH\Desktop - 12-11-19\PreVendas - Governo Diogo\MEC\Novo\Publicado\Comitês\Change - 8 - Sustentação de Infra.ppt</t>
  </si>
  <si>
    <t>D:\21_11_2019 - PC ALGAR TECH\Desktop - 12-11-19\PreVendas - Governo Diogo\MEC\Novo\Publicado\Comitês\Change 3 MEC - Sustentação de Infra.ppt</t>
  </si>
  <si>
    <t>11/21/2019 20:47:00</t>
  </si>
  <si>
    <t>D:\21_11_2019 - PC ALGAR TECH\Desktop - 12-11-19\PreVendas - Governo Diogo\MEC\Novo\Publicado\Comitês\Insumos v3.xlsx</t>
  </si>
  <si>
    <t>11/21/2019 20:47:01</t>
  </si>
  <si>
    <t>D:\21_11_2019 - PC ALGAR TECH\Desktop - 12-11-19\PreVendas - Governo Diogo\MEC\Novo\Publicado\MUDANÇA ISIS-CA\Precificação Adoção MEC Adicionalv2.xlsx</t>
  </si>
  <si>
    <t>D:\21_11_2019 - PC ALGAR TECH\Desktop - 12-11-19\PreVendas - Governo Diogo\MEC\Novo\Publicado\MUDANÇA ISIS-CA\Simulação Preço CA.xlsx</t>
  </si>
  <si>
    <t>D:\21_11_2019 - PC ALGAR TECH\Desktop - 12-11-19\PreVendas - Governo Diogo\MEC\Novo\Publicado\MUDANÇA ISIS-CA\BP`s\Change Sustentação de Infra.ppt</t>
  </si>
  <si>
    <t>11/21/2019 20:47:02</t>
  </si>
  <si>
    <t>D:\21_11_2019 - PC ALGAR TECH\Desktop - 12-11-19\PreVendas - Governo Diogo\MEC\Novo\Publicado\MUDANÇA ISIS-CA\BP`s\MEC Cenario Aprovado Change Final SEM PBM(BKP).xlsb</t>
  </si>
  <si>
    <t>11/21/2019 20:47:03</t>
  </si>
  <si>
    <t>D:\21_11_2019 - PC ALGAR TECH\Desktop - 12-11-19\PreVendas - Governo Diogo\MEC\Novo\Publicado\MUDANÇA ISIS-CA\BP`s\MEC Cenario Aprovado Change Final SEM PBM.xlsb</t>
  </si>
  <si>
    <t>11/21/2019 20:47:04</t>
  </si>
  <si>
    <t>D:\21_11_2019 - PC ALGAR TECH\Desktop - 12-11-19\PreVendas - Governo Diogo\MEC\Novo\Publicado\MUDANÇA ISIS-CA\BP`s\MEC Cenario Aprovado Change Final.xlsb</t>
  </si>
  <si>
    <t>11/21/2019 20:47:05</t>
  </si>
  <si>
    <t>D:\21_11_2019 - PC ALGAR TECH\Desktop - 12-11-19\PreVendas - Governo Diogo\MEC\Novo\Publicado\MUDANÇA ISIS-CA\BP`s\Change Cargos e Salarios 25-10-13\MEC Change Final COM PBM.xlsb</t>
  </si>
  <si>
    <t>11/21/2019 20:47:06</t>
  </si>
  <si>
    <t>D:\21_11_2019 - PC ALGAR TECH\Desktop - 12-11-19\PreVendas - Governo Diogo\MEC\Novo\Publicado\MUDANÇA ISIS-CA\BP`s\Change Cargos e Salarios 25-10-13\MEC Change Final SEM PBM.xlsb</t>
  </si>
  <si>
    <t>11/21/2019 20:47:08</t>
  </si>
  <si>
    <t>D:\21_11_2019 - PC ALGAR TECH\Desktop - 12-11-19\PreVendas - Governo Diogo\MEC\Novo\Publicado\MUDANÇA ISIS-CA\BP`s\Change Cargos e Salários 07-08\MEC Change Final COM PBM.xlsb</t>
  </si>
  <si>
    <t>D:\21_11_2019 - PC ALGAR TECH\Desktop - 12-11-19\PreVendas - Governo Diogo\MEC\Novo\Publicado\MUDANÇA ISIS-CA\BP`s\Change Cargos e Salários 07-08\MEC Change Final SEM PBM.xlsb</t>
  </si>
  <si>
    <t>11/21/2019 20:47:09</t>
  </si>
  <si>
    <t>D:\21_11_2019 - PC ALGAR TECH\Desktop - 12-11-19\PreVendas - Governo Diogo\MEC\Novo\Publicado\MUDANÇA ISIS-CA\BP`s\OCS\MEC Cenario Aprovado Change Final SEM PBM.xlsb</t>
  </si>
  <si>
    <t>11/21/2019 20:47:10</t>
  </si>
  <si>
    <t>D:\21_11_2019 - PC ALGAR TECH\Desktop - 12-11-19\PreVendas - Governo Diogo\MEC\Novo\Publicado\MUDANÇA ISIS-CA\BP`s\OCS\MEC Cenario Aprovado Change Final.xlsb</t>
  </si>
  <si>
    <t>11/21/2019 20:47:11</t>
  </si>
  <si>
    <t>D:\21_11_2019 - PC ALGAR TECH\Desktop - 12-11-19\PreVendas - Governo Diogo\MEC\Novo\Publicado\MUDANÇA ISIS-CA\BP`s\Simulações\CA + ISIS - 24 meses.xlsb</t>
  </si>
  <si>
    <t>11/21/2019 20:47:12</t>
  </si>
  <si>
    <t>D:\21_11_2019 - PC ALGAR TECH\Desktop - 12-11-19\PreVendas - Governo Diogo\MEC\Novo\Publicado\MUDANÇA ISIS-CA\BP`s\Simulações\CA + ISIS - Pior Cenário.xlsb</t>
  </si>
  <si>
    <t>11/21/2019 20:47:13</t>
  </si>
  <si>
    <t>D:\21_11_2019 - PC ALGAR TECH\Desktop - 12-11-19\PreVendas - Governo Diogo\MEC\Novo\Publicado\MUDANÇA ISIS-CA\BP`s\Simulações\ISIS + Multa.xlsb</t>
  </si>
  <si>
    <t>D:\21_11_2019 - PC ALGAR TECH\Desktop - 12-11-19\PreVendas - Governo Diogo\MEC\Novo\Publicado\MUDANÇA ISIS-CA\BP`s\Simulações\Targets.xlsx</t>
  </si>
  <si>
    <t>11/21/2019 20:47:14</t>
  </si>
  <si>
    <t>D:\21_11_2019 - PC ALGAR TECH\Desktop - 12-11-19\PreVendas - Governo Diogo\MEC\Novo\Publicado\MUDANÇA ISIS-CA\BP`s\Simulações\1MM invest\MEC Cenario Aprovado Change Final SEM PBM.xlsb</t>
  </si>
  <si>
    <t>11/21/2019 20:47:15</t>
  </si>
  <si>
    <t>D:\21_11_2019 - PC ALGAR TECH\Desktop - 12-11-19\PreVendas - Governo Diogo\MEC\Novo\Publicado\MUDANÇA ISIS-CA\BP`s\Simulações\1MM invest\MEC Cenario Aprovado Change Final.xlsb</t>
  </si>
  <si>
    <t>11/21/2019 20:47:16</t>
  </si>
  <si>
    <t>D:\21_11_2019 - PC ALGAR TECH\Desktop - 12-11-19\PreVendas - Governo Diogo\MEC\Novo\Publicado\MUDANÇA ISIS-CA\BP`s\SPECTRUM\MEC Cenario Aprovado Change Final SEM PBM.xlsb</t>
  </si>
  <si>
    <t>D:\21_11_2019 - PC ALGAR TECH\Desktop - 12-11-19\PreVendas - Governo Diogo\MEC\Novo\Publicado\MUDANÇA ISIS-CA\BP`s\SPECTRUM\MEC Cenario Aprovado Change Final.xlsb</t>
  </si>
  <si>
    <t>D:\21_11_2019 - PC ALGAR TECH\Desktop - 12-11-19\PreVendas - Governo Diogo\MEC\Novo\Publicado\Planilhas IN02\IN-02 100%.xlsx</t>
  </si>
  <si>
    <t>11/21/2019 20:47:17</t>
  </si>
  <si>
    <t>D:\21_11_2019 - PC ALGAR TECH\Desktop - 12-11-19\PreVendas - Governo Diogo\MEC\Novo\Publicado\Planilhas IN02\IN-02 Diligenciada 8,33 FINAL.xlsx</t>
  </si>
  <si>
    <t>D:\21_11_2019 - PC ALGAR TECH\Desktop - 12-11-19\PreVendas - Governo Diogo\MEC\Novo\Publicado\Planilhas IN02\IN-02 Diligenciada 8,33.xlsx</t>
  </si>
  <si>
    <t>D:\21_11_2019 - PC ALGAR TECH\Desktop - 12-11-19\PreVendas - Governo Diogo\MEC\Novo\Publicado\Planilhas IN02\IN-02 Diligenciada.xlsx</t>
  </si>
  <si>
    <t>D:\21_11_2019 - PC ALGAR TECH\Desktop - 12-11-19\PreVendas - Governo Diogo\MEC\Novo\Publicado\Planilhas IN02\IN-02 ENVIO.xlsx</t>
  </si>
  <si>
    <t>D:\21_11_2019 - PC ALGAR TECH\Desktop - 12-11-19\PreVendas - Governo Diogo\MEC\Novo\Publicado\Primeira Fatura\Fatura Operação_v3 Contra Proposta.xlsx</t>
  </si>
  <si>
    <t>D:\21_11_2019 - PC ALGAR TECH\Desktop - 12-11-19\PreVendas - Governo Diogo\MEC\Novo\Publicado\Repactuação\Repactuação 13-14.xlsx</t>
  </si>
  <si>
    <t>11/21/2019 20:47:18</t>
  </si>
  <si>
    <t>D:\21_11_2019 - PC ALGAR TECH\Desktop - 12-11-19\PreVendas - Governo Diogo\MFaz\Cargos.xlsx</t>
  </si>
  <si>
    <t>11/21/2019 20:47:19</t>
  </si>
  <si>
    <t>D:\21_11_2019 - PC ALGAR TECH\Desktop - 12-11-19\PreVendas - Governo Diogo\MFaz\Planilha de Custos.xlsx</t>
  </si>
  <si>
    <t>11/21/2019 20:47:21</t>
  </si>
  <si>
    <t>D:\21_11_2019 - PC ALGAR TECH\Desktop - 12-11-19\PreVendas - Governo Diogo\MFaz\Precificação com Adoção - Comercial.xlsb</t>
  </si>
  <si>
    <t>11/21/2019 20:47:23</t>
  </si>
  <si>
    <t>D:\21_11_2019 - PC ALGAR TECH\Desktop - 12-11-19\PreVendas - Governo Diogo\MFaz\Precificação com Adoção - Soluções.xlsb</t>
  </si>
  <si>
    <t>11/21/2019 20:47:25</t>
  </si>
  <si>
    <t>D:\21_11_2019 - PC ALGAR TECH\Desktop - 12-11-19\PreVendas - Governo Diogo\MFaz\2017\EP\Preço.xlsb</t>
  </si>
  <si>
    <t>11/21/2019 20:47:27</t>
  </si>
  <si>
    <t>D:\21_11_2019 - PC ALGAR TECH\Desktop - 12-11-19\PreVendas - Governo Diogo\MFaz\2017\EP\Simulação.xlsb</t>
  </si>
  <si>
    <t>11/21/2019 20:47:28</t>
  </si>
  <si>
    <t>D:\21_11_2019 - PC ALGAR TECH\Desktop - 12-11-19\PreVendas - Governo Diogo\MFaz\2018\Infra\MFaz - GIAT - 2018.xlsx</t>
  </si>
  <si>
    <t>D:\21_11_2019 - PC ALGAR TECH\Desktop - 12-11-19\PreVendas - Governo Diogo\MFaz\2018\Infra\Pricing.xlsx</t>
  </si>
  <si>
    <t>11/21/2019 20:47:29</t>
  </si>
  <si>
    <t>D:\21_11_2019 - PC ALGAR TECH\Desktop - 12-11-19\PreVendas - Governo Diogo\MinC\Preco.xlsb</t>
  </si>
  <si>
    <t>11/21/2019 20:47:31</t>
  </si>
  <si>
    <t>D:\21_11_2019 - PC ALGAR TECH\Desktop - 12-11-19\PreVendas - Governo Diogo\Ministerio da Defesa\ServiceDesk.xlsb</t>
  </si>
  <si>
    <t>11/21/2019 20:47:35</t>
  </si>
  <si>
    <t>D:\21_11_2019 - PC ALGAR TECH\Desktop - 12-11-19\PreVendas - Governo Diogo\MJ\2019\7D1A1760</t>
  </si>
  <si>
    <t>11/21/2019 20:47:45</t>
  </si>
  <si>
    <t>D:\21_11_2019 - PC ALGAR TECH\Desktop - 12-11-19\PreVendas - Governo Diogo\MMA\Antigo\Cargos e Salários MMA.xlsx</t>
  </si>
  <si>
    <t>11/21/2019 20:47:46</t>
  </si>
  <si>
    <t>D:\21_11_2019 - PC ALGAR TECH\Desktop - 12-11-19\PreVendas - Governo Diogo\MMA\Antigo\Dimensionamento e Monitoramento MMA.xlsx</t>
  </si>
  <si>
    <t>D:\21_11_2019 - PC ALGAR TECH\Desktop - 12-11-19\PreVendas - Governo Diogo\MMA\Antigo\Estratégia Pregão.xlsx</t>
  </si>
  <si>
    <t>D:\21_11_2019 - PC ALGAR TECH\Desktop - 12-11-19\PreVendas - Governo Diogo\MMA\Antigo\Planilha de Custos - Algar Tecnologia - v2.xlsx</t>
  </si>
  <si>
    <t>11/21/2019 20:47:48</t>
  </si>
  <si>
    <t>D:\21_11_2019 - PC ALGAR TECH\Desktop - 12-11-19\PreVendas - Governo Diogo\MPMT\Lote1.xlsx</t>
  </si>
  <si>
    <t>D:\21_11_2019 - PC ALGAR TECH\Desktop - 12-11-19\PreVendas - Governo Diogo\MPMT\Lote2.xlsx</t>
  </si>
  <si>
    <t>11/21/2019 20:47:50</t>
  </si>
  <si>
    <t>D:\21_11_2019 - PC ALGAR TECH\Desktop - 12-11-19\PreVendas - Governo Diogo\MPMT\ITSM\COTAÇÃO-DESKTOP-RUEL37L.xlsx</t>
  </si>
  <si>
    <t>11/21/2019 20:47:51</t>
  </si>
  <si>
    <t>D:\21_11_2019 - PC ALGAR TECH\Desktop - 12-11-19\PreVendas - Governo Diogo\MPMT\ITSM\COTAÇÃO.xlsx</t>
  </si>
  <si>
    <t>11/21/2019 20:47:52</t>
  </si>
  <si>
    <t>D:\21_11_2019 - PC ALGAR TECH\Desktop - 12-11-19\PreVendas - Governo Diogo\MPMT\ITSM\Pontos de Atencao EDER.xlsx</t>
  </si>
  <si>
    <t>D:\21_11_2019 - PC ALGAR TECH\Desktop - 12-11-19\PreVendas - Governo Diogo\MPMT\ITSM\Questionamentos.xlsx</t>
  </si>
  <si>
    <t>D:\21_11_2019 - PC ALGAR TECH\Desktop - 12-11-19\PreVendas - Governo Diogo\MPMT\ITSM\Precificação\Cenaryum Simiuleitor Licitassation MPMT.xlsx</t>
  </si>
  <si>
    <t>D:\21_11_2019 - PC ALGAR TECH\Desktop - 12-11-19\PreVendas - Governo Diogo\MPMT\ITSM\Precificação\Simulação 2.xlsx</t>
  </si>
  <si>
    <t>11/21/2019 20:47:54</t>
  </si>
  <si>
    <t>D:\21_11_2019 - PC ALGAR TECH\Desktop - 12-11-19\PreVendas - Governo Diogo\MPMT\ITSM\Precificação\Banco de Horas\Valor Hora.xlsb</t>
  </si>
  <si>
    <t>11/21/2019 20:47:56</t>
  </si>
  <si>
    <t>D:\21_11_2019 - PC ALGAR TECH\Desktop - 12-11-19\PreVendas - Governo Diogo\MPMT\ITSM\Precificação\FINAL\Consolidado Adiantado.xlsb</t>
  </si>
  <si>
    <t>11/21/2019 20:47:58</t>
  </si>
  <si>
    <t>D:\21_11_2019 - PC ALGAR TECH\Desktop - 12-11-19\PreVendas - Governo Diogo\MPMT\ITSM\Precificação\FINAL\Consolidado.xlsb</t>
  </si>
  <si>
    <t>D:\21_11_2019 - PC ALGAR TECH\Desktop - 12-11-19\PreVendas - Governo Diogo\MPMT\ITSM\Precificação\FINAL\FINAL.xlsx</t>
  </si>
  <si>
    <t>11/21/2019 20:48:00</t>
  </si>
  <si>
    <t>D:\21_11_2019 - PC ALGAR TECH\Desktop - 12-11-19\PreVendas - Governo Diogo\MPMT\ITSM\Precificação\FINAL\Linha 1.xlsb</t>
  </si>
  <si>
    <t>11/21/2019 20:48:02</t>
  </si>
  <si>
    <t>D:\21_11_2019 - PC ALGAR TECH\Desktop - 12-11-19\PreVendas - Governo Diogo\MPMT\ITSM\Precificação\FINAL\Linha 2.xlsb</t>
  </si>
  <si>
    <t>11/22/2019 08:49:36</t>
  </si>
  <si>
    <t>11/21/2019 20:48:03</t>
  </si>
  <si>
    <t>D:\21_11_2019 - PC ALGAR TECH\Desktop - 12-11-19\PreVendas - Governo Diogo\MPMT\ITSM\Precificação\FINAL\Treinamento Avançado.xlsb</t>
  </si>
  <si>
    <t>11/21/2019 20:48:05</t>
  </si>
  <si>
    <t>D:\21_11_2019 - PC ALGAR TECH\Desktop - 12-11-19\PreVendas - Governo Diogo\MPMT\ITSM\Precificação\FINAL\Treinamento Básico.xlsb</t>
  </si>
  <si>
    <t>11/21/2019 20:48:07</t>
  </si>
  <si>
    <t>D:\21_11_2019 - PC ALGAR TECH\Desktop - 12-11-19\PreVendas - Governo Diogo\MPMT\ITSM\Precificação\FINAL\Treinamento Oficial.xlsb</t>
  </si>
  <si>
    <t>11/21/2019 20:48:09</t>
  </si>
  <si>
    <t>D:\21_11_2019 - PC ALGAR TECH\Desktop - 12-11-19\PreVendas - Governo Diogo\MPMT\ITSM\Precificação\FINAL\Valor Hora.xlsb</t>
  </si>
  <si>
    <t>11/21/2019 20:48:11</t>
  </si>
  <si>
    <t>D:\21_11_2019 - PC ALGAR TECH\Desktop - 12-11-19\PreVendas - Governo Diogo\MPMT\ITSM\Precificação\Licenciamento + Setup\Cenário 1\Linha 1.xlsb</t>
  </si>
  <si>
    <t>11/21/2019 20:48:13</t>
  </si>
  <si>
    <t>D:\21_11_2019 - PC ALGAR TECH\Desktop - 12-11-19\PreVendas - Governo Diogo\MPMT\ITSM\Precificação\Licenciamento + Setup\Cenário 1\Linha 2.xlsb</t>
  </si>
  <si>
    <t>11/21/2019 20:48:14</t>
  </si>
  <si>
    <t>D:\21_11_2019 - PC ALGAR TECH\Desktop - 12-11-19\PreVendas - Governo Diogo\MPMT\ITSM\Precificação\Licenciamento + Setup\Cenário 2\Linha 1.xlsb</t>
  </si>
  <si>
    <t>11/21/2019 20:48:16</t>
  </si>
  <si>
    <t>D:\21_11_2019 - PC ALGAR TECH\Desktop - 12-11-19\PreVendas - Governo Diogo\MPMT\ITSM\Precificação\Licenciamento + Setup\Cenário 2\Linha 2.xlsb</t>
  </si>
  <si>
    <t>11/21/2019 20:48:18</t>
  </si>
  <si>
    <t>D:\21_11_2019 - PC ALGAR TECH\Desktop - 12-11-19\PreVendas - Governo Diogo\MPMT\ITSM\Precificação\Licenciamento + Setup\Cenário 3\Linha 1.xlsb</t>
  </si>
  <si>
    <t>11/21/2019 20:48:20</t>
  </si>
  <si>
    <t>D:\21_11_2019 - PC ALGAR TECH\Desktop - 12-11-19\PreVendas - Governo Diogo\MPMT\ITSM\Precificação\Licenciamento + Setup\Cenário 3\Linha 2.xlsb</t>
  </si>
  <si>
    <t>11/21/2019 20:48:22</t>
  </si>
  <si>
    <t>D:\21_11_2019 - PC ALGAR TECH\Desktop - 12-11-19\PreVendas - Governo Diogo\MPMT\ITSM\Precificação\Treinamentos\Treinamento Avançado.xlsb</t>
  </si>
  <si>
    <t>11/21/2019 20:48:23</t>
  </si>
  <si>
    <t>D:\21_11_2019 - PC ALGAR TECH\Desktop - 12-11-19\PreVendas - Governo Diogo\MPMT\ITSM\Precificação\Treinamentos\Treinamento Básico.xlsb</t>
  </si>
  <si>
    <t>11/21/2019 20:48:26</t>
  </si>
  <si>
    <t>D:\21_11_2019 - PC ALGAR TECH\Desktop - 12-11-19\PreVendas - Governo Diogo\MPMT\ITSM\Precificação\Treinamentos\Treinamento Oficial.xlsb</t>
  </si>
  <si>
    <t>11/21/2019 20:48:28</t>
  </si>
  <si>
    <t>D:\21_11_2019 - PC ALGAR TECH\Desktop - 12-11-19\PreVendas - Governo Diogo\MPMT\SD2017\Cotação\Cotação.xlsb</t>
  </si>
  <si>
    <t>D:\21_11_2019 - PC ALGAR TECH\Desktop - 12-11-19\PreVendas - Governo Diogo\MPMT\SD2017\Cotação\Resumo.xlsx</t>
  </si>
  <si>
    <t>D:\21_11_2019 - PC ALGAR TECH\Desktop - 12-11-19\PreVendas - Governo Diogo\MPS\Precificação com Adoção.xlsb</t>
  </si>
  <si>
    <t>D:\21_11_2019 - PC ALGAR TECH\Desktop - 12-11-19\PreVendas - Governo Diogo\MPS\11-07-2013\Cópia de Planilha de Preço - Serviços Gerenciados.xlsb</t>
  </si>
  <si>
    <t>11/21/2019 20:48:31</t>
  </si>
  <si>
    <t>D:\21_11_2019 - PC ALGAR TECH\Desktop - 12-11-19\PreVendas - Governo Diogo\MPS\publicado\Dados.xlsx</t>
  </si>
  <si>
    <t>D:\21_11_2019 - PC ALGAR TECH\Desktop - 12-11-19\PreVendas - Governo Diogo\MRE\Análise Ferramenta.xlsx</t>
  </si>
  <si>
    <t>D:\21_11_2019 - PC ALGAR TECH\Desktop - 12-11-19\PreVendas - Governo Diogo\MRE\Dimensionamento.xlsx</t>
  </si>
  <si>
    <t>D:\21_11_2019 - PC ALGAR TECH\Desktop - 12-11-19\PreVendas - Governo Diogo\MRE\IN-02.xls</t>
  </si>
  <si>
    <t>11/21/2019 20:48:32</t>
  </si>
  <si>
    <t>D:\21_11_2019 - PC ALGAR TECH\Desktop - 12-11-19\PreVendas - Governo Diogo\MRE\Preco.xlsb</t>
  </si>
  <si>
    <t>11/21/2019 20:48:34</t>
  </si>
  <si>
    <t>D:\21_11_2019 - PC ALGAR TECH\Desktop - 12-11-19\PreVendas - Governo Diogo\MRE\2018\SD\Cotação\Cotação.xlsx</t>
  </si>
  <si>
    <t>11/21/2019 20:48:36</t>
  </si>
  <si>
    <t>D:\21_11_2019 - PC ALGAR TECH\Desktop - 12-11-19\PreVendas - Governo Diogo\MRE\2019\SOC\BP SOC MRE 12 Profissionais.xlsb</t>
  </si>
  <si>
    <t>11/21/2019 20:48:38</t>
  </si>
  <si>
    <t>D:\21_11_2019 - PC ALGAR TECH\Desktop - 12-11-19\PreVendas - Governo Diogo\MRE\2019\SOC\BP SOC MRE 8 Profissionais.xlsb</t>
  </si>
  <si>
    <t>11/21/2019 20:48:39</t>
  </si>
  <si>
    <t>D:\21_11_2019 - PC ALGAR TECH\Desktop - 12-11-19\PreVendas - Governo Diogo\MRE\2019\SOC\Ficha da Oportunidade MRE.xlsx</t>
  </si>
  <si>
    <t>11/21/2019 20:48:40</t>
  </si>
  <si>
    <t>D:\21_11_2019 - PC ALGAR TECH\Desktop - 12-11-19\PreVendas - Governo Diogo\MRE\2019\SOC\Plan Precificacao C017 B017.xlsb</t>
  </si>
  <si>
    <t>11/21/2019 20:48:42</t>
  </si>
  <si>
    <t>D:\21_11_2019 - PC ALGAR TECH\Desktop - 12-11-19\PreVendas - Governo Diogo\MRE\2019\SOC\Proposta de Preço.xlsx</t>
  </si>
  <si>
    <t>11/21/2019 20:48:43</t>
  </si>
  <si>
    <t>D:\21_11_2019 - PC ALGAR TECH\Desktop - 12-11-19\PreVendas - Governo Diogo\MRE\Aluisio\CAPEX-MRE (1).xlsx</t>
  </si>
  <si>
    <t>11/21/2019 20:48:44</t>
  </si>
  <si>
    <t>D:\21_11_2019 - PC ALGAR TECH\Desktop - 12-11-19\PreVendas - Governo Diogo\MRE\Aluisio\Dimensionamento.xlsx</t>
  </si>
  <si>
    <t>D:\21_11_2019 - PC ALGAR TECH\Desktop - 12-11-19\PreVendas - Governo Diogo\MRE\Aluisio\IN-02.xls</t>
  </si>
  <si>
    <t>D:\21_11_2019 - PC ALGAR TECH\Desktop - 12-11-19\PreVendas - Governo Diogo\MRE\Aluisio\Perfis Edital MRE.xlsx</t>
  </si>
  <si>
    <t>D:\21_11_2019 - PC ALGAR TECH\Desktop - 12-11-19\PreVendas - Governo Diogo\MRE\Aluisio\Preco.xlsb</t>
  </si>
  <si>
    <t>11/21/2019 20:48:45</t>
  </si>
  <si>
    <t>D:\21_11_2019 - PC ALGAR TECH\Desktop - 12-11-19\PreVendas - Governo Diogo\MRE\Aluisio\Change Agosto 14\DRE.xlsx</t>
  </si>
  <si>
    <t>D:\21_11_2019 - PC ALGAR TECH\Desktop - 12-11-19\PreVendas - Governo Diogo\MRE\Aluisio\Change Agosto 14\Preço - Change Agosto 2014.xlsb</t>
  </si>
  <si>
    <t>D:\21_11_2019 - PC ALGAR TECH\Desktop - 12-11-19\PreVendas - Governo Diogo\MRE\Aluisio\Comite de Negócios\Precificação Adoção MRE v2.xlsx</t>
  </si>
  <si>
    <t>11/21/2019 20:48:46</t>
  </si>
  <si>
    <t>D:\21_11_2019 - PC ALGAR TECH\Desktop - 12-11-19\PreVendas - Governo Diogo\MRE\Aluisio\Edital\EDITAL &amp; ANEXOS.zip</t>
  </si>
  <si>
    <t>11/21/2019 20:48:47</t>
  </si>
  <si>
    <t>D:\21_11_2019 - PC ALGAR TECH\Desktop - 12-11-19\PreVendas - Governo Diogo\MRE\Aluisio\Edital\EDITAL &amp; ANEXOS\Anexo III - Planilha de Formaá∆o de Preáo @.xls</t>
  </si>
  <si>
    <t>11/21/2019 20:48:48</t>
  </si>
  <si>
    <t>D:\21_11_2019 - PC ALGAR TECH\Desktop - 12-11-19\PreVendas - Governo Diogo\MRE\Aluisio\Edital\EDITAL &amp; ANEXOS\Anexo VII - Catalogo de Serviáos - 1ß N°vel.xlsx</t>
  </si>
  <si>
    <t>11/21/2019 20:48:49</t>
  </si>
  <si>
    <t>D:\21_11_2019 - PC ALGAR TECH\Desktop - 12-11-19\PreVendas - Governo Diogo\MRE\Aluisio\Edital\EDITAL &amp; ANEXOS\Anexo VIII - Catalogo de Serviáos - 2ß N°vel.xlsx</t>
  </si>
  <si>
    <t>11/21/2019 20:48:51</t>
  </si>
  <si>
    <t>D:\21_11_2019 - PC ALGAR TECH\Desktop - 12-11-19\PreVendas - Governo Diogo\MRE\Aluisio\Precificação\Preço - Change Agosto 2014.xlsb</t>
  </si>
  <si>
    <t>11/21/2019 20:48:52</t>
  </si>
  <si>
    <t>D:\21_11_2019 - PC ALGAR TECH\Desktop - 12-11-19\PreVendas - Governo Diogo\MRE\Aluisio\Precificação\Preço - MRE Final - SEM CUSTO DE PA - SALARIO REAJUSTADO.xlsb</t>
  </si>
  <si>
    <t>D:\21_11_2019 - PC ALGAR TECH\Desktop - 12-11-19\PreVendas - Governo Diogo\MRE\Aluisio\Precificação\Preço - MRE Final - SEM CUSTO DE PA.xlsb</t>
  </si>
  <si>
    <t>D:\21_11_2019 - PC ALGAR TECH\Desktop - 12-11-19\PreVendas - Governo Diogo\MRE\Banco de Dados\Cotacao.xlsb</t>
  </si>
  <si>
    <t>D:\21_11_2019 - PC ALGAR TECH\Desktop - 12-11-19\PreVendas - Governo Diogo\MRE\Banco de Dados\Resumo Cotação.xlsx</t>
  </si>
  <si>
    <t>11/21/2019 20:48:53</t>
  </si>
  <si>
    <t>D:\21_11_2019 - PC ALGAR TECH\Desktop - 12-11-19\PreVendas - Governo Diogo\MRE\Banco de Dados\2016\Cotação.xlsx</t>
  </si>
  <si>
    <t>11/21/2019 20:48:54</t>
  </si>
  <si>
    <t>D:\21_11_2019 - PC ALGAR TECH\Desktop - 12-11-19\PreVendas - Governo Diogo\MRE\Edital\EDITAL &amp; ANEXOS.zip</t>
  </si>
  <si>
    <t>11/21/2019 20:48:58</t>
  </si>
  <si>
    <t>D:\21_11_2019 - PC ALGAR TECH\Desktop - 12-11-19\PreVendas - Governo Diogo\MRE\Edital\EDITAL &amp; ANEXOS\Anexo III - Planilha de Formaá∆o de Preáo @.xls</t>
  </si>
  <si>
    <t>D:\21_11_2019 - PC ALGAR TECH\Desktop - 12-11-19\PreVendas - Governo Diogo\MRE\Edital\EDITAL &amp; ANEXOS\Anexo VII - Catalogo de Serviáos - 1ß N°vel.xlsx</t>
  </si>
  <si>
    <t>D:\21_11_2019 - PC ALGAR TECH\Desktop - 12-11-19\PreVendas - Governo Diogo\MRE\Edital\EDITAL &amp; ANEXOS\Anexo VIII - Catalogo de Serviáos - 2ß N°vel.xlsx</t>
  </si>
  <si>
    <t>11/21/2019 20:48:59</t>
  </si>
  <si>
    <t>D:\21_11_2019 - PC ALGAR TECH\Desktop - 12-11-19\PreVendas - Governo Diogo\MRE\Sustentação de Infra\C&amp;R Final.xlsx</t>
  </si>
  <si>
    <t>D:\21_11_2019 - PC ALGAR TECH\Desktop - 12-11-19\PreVendas - Governo Diogo\MRE\Sustentação de Infra\C&amp;R Preliminar.xlsx</t>
  </si>
  <si>
    <t>D:\21_11_2019 - PC ALGAR TECH\Desktop - 12-11-19\PreVendas - Governo Diogo\MRE\Sustentação de Infra\Cenários - MRE.xlsx</t>
  </si>
  <si>
    <t>D:\21_11_2019 - PC ALGAR TECH\Desktop - 12-11-19\PreVendas - Governo Diogo\MRE\Sustentação de Infra\Cotação.xlsb</t>
  </si>
  <si>
    <t>D:\21_11_2019 - PC ALGAR TECH\Desktop - 12-11-19\PreVendas - Governo Diogo\MRE\Sustentação de Infra\FERRAMENTA.xlsx</t>
  </si>
  <si>
    <t>11/21/2019 20:49:00</t>
  </si>
  <si>
    <t>D:\21_11_2019 - PC ALGAR TECH\Desktop - 12-11-19\PreVendas - Governo Diogo\MRE\Sustentação de Infra\MRE - Infra - Change CA.xlsb</t>
  </si>
  <si>
    <t>11/21/2019 20:49:03</t>
  </si>
  <si>
    <t>D:\21_11_2019 - PC ALGAR TECH\Desktop - 12-11-19\PreVendas - Governo Diogo\MRE\Sustentação de Infra\Preço.xlsb</t>
  </si>
  <si>
    <t>11/21/2019 20:49:07</t>
  </si>
  <si>
    <t>D:\21_11_2019 - PC ALGAR TECH\Desktop - 12-11-19\PreVendas - Governo Diogo\MRE\Sustentação de Infra\Ministerio Relacoes Exteriores_D F_PGE_01_2015_Suporte Tecnico\Edital DCD 1_2015.zip</t>
  </si>
  <si>
    <t>11/21/2019 20:49:08</t>
  </si>
  <si>
    <t>D:\21_11_2019 - PC ALGAR TECH\Desktop - 12-11-19\PreVendas - Governo Diogo\MRE\Sustentação de Infra\Ministerio Relacoes Exteriores_D F_PGE_01_2015_Suporte Tecnico\Para publicaá∆o\Anexo 13 - Planilha de formaá∆o de preáo (vazia).xlsx</t>
  </si>
  <si>
    <t>11/21/2019 20:49:09</t>
  </si>
  <si>
    <t>D:\21_11_2019 - PC ALGAR TECH\Desktop - 12-11-19\PreVendas - Governo Diogo\MRV\Benefícios.xlsx</t>
  </si>
  <si>
    <t>11/21/2019 20:49:13</t>
  </si>
  <si>
    <t>D:\21_11_2019 - PC ALGAR TECH\Desktop - 12-11-19\PreVendas - Governo Diogo\MRV\BP Aluguel Veículo.xlsb</t>
  </si>
  <si>
    <t>11/21/2019 20:49:14</t>
  </si>
  <si>
    <t>D:\21_11_2019 - PC ALGAR TECH\Desktop - 12-11-19\PreVendas - Governo Diogo\MRV\BP Fixo Mensal V4.xlsb</t>
  </si>
  <si>
    <t>11/21/2019 20:49:16</t>
  </si>
  <si>
    <t>D:\21_11_2019 - PC ALGAR TECH\Desktop - 12-11-19\PreVendas - Governo Diogo\MRV\BP Fixo Mensal.xlsb</t>
  </si>
  <si>
    <t>11/21/2019 20:49:20</t>
  </si>
  <si>
    <t>D:\21_11_2019 - PC ALGAR TECH\Desktop - 12-11-19\PreVendas - Governo Diogo\MRV\BP RollOut.xlsb</t>
  </si>
  <si>
    <t>11/21/2019 20:49:22</t>
  </si>
  <si>
    <t>D:\21_11_2019 - PC ALGAR TECH\Desktop - 12-11-19\PreVendas - Governo Diogo\MRV\CHamado Per Call.xlsb</t>
  </si>
  <si>
    <t>D:\21_11_2019 - PC ALGAR TECH\Desktop - 12-11-19\PreVendas - Governo Diogo\MRV\Dimensionamento.xlsx</t>
  </si>
  <si>
    <t>11/21/2019 20:49:25</t>
  </si>
  <si>
    <t>D:\21_11_2019 - PC ALGAR TECH\Desktop - 12-11-19\PreVendas - Governo Diogo\MRV\KM Rodado.xlsb</t>
  </si>
  <si>
    <t>11/21/2019 20:49:27</t>
  </si>
  <si>
    <t>D:\21_11_2019 - PC ALGAR TECH\Desktop - 12-11-19\PreVendas - Governo Diogo\MTE\Cenarios MTE.xlsx</t>
  </si>
  <si>
    <t>11/21/2019 20:49:34</t>
  </si>
  <si>
    <t>D:\21_11_2019 - PC ALGAR TECH\Desktop - 12-11-19\PreVendas - Governo Diogo\MTE\MTE Final MC-22%.xlsm</t>
  </si>
  <si>
    <t>11/21/2019 20:49:43</t>
  </si>
  <si>
    <t>D:\21_11_2019 - PC ALGAR TECH\Desktop - 12-11-19\PreVendas - Governo Diogo\MTE\MTE_Final.xlsm</t>
  </si>
  <si>
    <t>11/21/2019 20:49:52</t>
  </si>
  <si>
    <t>D:\21_11_2019 - PC ALGAR TECH\Desktop - 12-11-19\PreVendas - Governo Diogo\MTE\MTE_Glosado.xlsm</t>
  </si>
  <si>
    <t>11/21/2019 20:50:01</t>
  </si>
  <si>
    <t>D:\21_11_2019 - PC ALGAR TECH\Desktop - 12-11-19\PreVendas - Governo Diogo\MTE\MTE_Inicial.xlsm</t>
  </si>
  <si>
    <t>11/21/2019 20:50:02</t>
  </si>
  <si>
    <t>D:\21_11_2019 - PC ALGAR TECH\Desktop - 12-11-19\PreVendas - Governo Diogo\MTE\Planilha de Custos - Resumo e IN-02.xlsx</t>
  </si>
  <si>
    <t>D:\21_11_2019 - PC ALGAR TECH\Desktop - 12-11-19\PreVendas - Governo Diogo\MTE\Planilha MTE.xlsx</t>
  </si>
  <si>
    <t>D:\21_11_2019 - PC ALGAR TECH\Desktop - 12-11-19\PreVendas - Governo Diogo\MTE\2017\SD Nacional\Cotação.xlsx</t>
  </si>
  <si>
    <t>11/21/2019 20:50:04</t>
  </si>
  <si>
    <t>D:\21_11_2019 - PC ALGAR TECH\Desktop - 12-11-19\PreVendas - Governo Diogo\MTE\2017\SD Nacional\Publicado\BP Diogo.xlsb</t>
  </si>
  <si>
    <t>11/21/2019 20:50:05</t>
  </si>
  <si>
    <t>D:\21_11_2019 - PC ALGAR TECH\Desktop - 12-11-19\PreVendas - Governo Diogo\MTE\2017\SD Nacional\Publicado\BP MTE V1.xlsb</t>
  </si>
  <si>
    <t>11/21/2019 20:50:06</t>
  </si>
  <si>
    <t>D:\21_11_2019 - PC ALGAR TECH\Desktop - 12-11-19\PreVendas - Governo Diogo\MTE\2017\SD Nacional\Publicado\BP MTE V2.xlsb</t>
  </si>
  <si>
    <t>11/21/2019 20:50:09</t>
  </si>
  <si>
    <t>D:\21_11_2019 - PC ALGAR TECH\Desktop - 12-11-19\PreVendas - Governo Diogo\MTE\2017\SD Nacional\Publicado\BP MTE V3.xlsb</t>
  </si>
  <si>
    <t>11/21/2019 20:50:10</t>
  </si>
  <si>
    <t>D:\21_11_2019 - PC ALGAR TECH\Desktop - 12-11-19\PreVendas - Governo Diogo\MTE\2017\SD Nacional\Publicado\Distribuição Completa.xlsx</t>
  </si>
  <si>
    <t>D:\21_11_2019 - PC ALGAR TECH\Desktop - 12-11-19\PreVendas - Governo Diogo\MTE\2017\SD Nacional\Publicado\Distribuição.csv</t>
  </si>
  <si>
    <t>D:\21_11_2019 - PC ALGAR TECH\Desktop - 12-11-19\PreVendas - Governo Diogo\MTE\2017\SD Nacional\Publicado\Distribuição.xlsx</t>
  </si>
  <si>
    <t>11/21/2019 20:50:12</t>
  </si>
  <si>
    <t>D:\21_11_2019 - PC ALGAR TECH\Desktop - 12-11-19\PreVendas - Governo Diogo\MTE\2018\Assessoria\Pricing1.xlsx</t>
  </si>
  <si>
    <t>11/21/2019 20:50:15</t>
  </si>
  <si>
    <t>D:\21_11_2019 - PC ALGAR TECH\Desktop - 12-11-19\PreVendas - Governo Diogo\MTE\2018\INFRA\Publicado\GIAT+NOC - MTE - 2018.xlsb</t>
  </si>
  <si>
    <t>11/21/2019 20:50:16</t>
  </si>
  <si>
    <t>D:\21_11_2019 - PC ALGAR TECH\Desktop - 12-11-19\PreVendas - Governo Diogo\MTE\2018\INFRA\Publicado\GIAT^MNOC - MTE - 2018.xlsb</t>
  </si>
  <si>
    <t>11/21/2019 20:50:19</t>
  </si>
  <si>
    <t>D:\21_11_2019 - PC ALGAR TECH\Desktop - 12-11-19\PreVendas - Governo Diogo\MTE\2018\INFRA\Publicado\Pricing Final MTE.xlsx</t>
  </si>
  <si>
    <t>D:\21_11_2019 - PC ALGAR TECH\Desktop - 12-11-19\PreVendas - Governo Diogo\MTE\2018\INFRA\Publicado\Pricing.xlsx</t>
  </si>
  <si>
    <t>11/21/2019 20:50:26</t>
  </si>
  <si>
    <t>D:\21_11_2019 - PC ALGAR TECH\Desktop - 12-11-19\PreVendas - Governo Diogo\MTE\Assessoria\Assessoria Cheio.xlsm</t>
  </si>
  <si>
    <t>11/21/2019 20:50:33</t>
  </si>
  <si>
    <t>D:\21_11_2019 - PC ALGAR TECH\Desktop - 12-11-19\PreVendas - Governo Diogo\MTE\Assessoria\Assessoria Desonerado_Rampado.xlsm</t>
  </si>
  <si>
    <t>11/21/2019 20:50:41</t>
  </si>
  <si>
    <t>D:\21_11_2019 - PC ALGAR TECH\Desktop - 12-11-19\PreVendas - Governo Diogo\MTE\Assessoria\Assessoria_110%.xlsm</t>
  </si>
  <si>
    <t>11/21/2019 20:50:48</t>
  </si>
  <si>
    <t>D:\21_11_2019 - PC ALGAR TECH\Desktop - 12-11-19\PreVendas - Governo Diogo\MTE\Assessoria\Assessoria_Desonerado.xlsm</t>
  </si>
  <si>
    <t>11/21/2019 20:50:50</t>
  </si>
  <si>
    <t>D:\21_11_2019 - PC ALGAR TECH\Desktop - 12-11-19\PreVendas - Governo Diogo\MTE\Assessoria\Banco de Dados.xlsb</t>
  </si>
  <si>
    <t>11/21/2019 20:50:51</t>
  </si>
  <si>
    <t>D:\21_11_2019 - PC ALGAR TECH\Desktop - 12-11-19\PreVendas - Governo Diogo\MTE\Assessoria\memoria.xlsx</t>
  </si>
  <si>
    <t>D:\21_11_2019 - PC ALGAR TECH\Desktop - 12-11-19\PreVendas - Governo Diogo\MTE\Assessoria\MTE - RB e MC.xls</t>
  </si>
  <si>
    <t>11/21/2019 20:50:52</t>
  </si>
  <si>
    <t>D:\21_11_2019 - PC ALGAR TECH\Desktop - 12-11-19\PreVendas - Governo Diogo\MTE\Cotação\Cotação Projeto Básico.xlsb</t>
  </si>
  <si>
    <t>11/21/2019 20:50:53</t>
  </si>
  <si>
    <t>D:\21_11_2019 - PC ALGAR TECH\Desktop - 12-11-19\PreVendas - Governo Diogo\MTE\Emergencial 2015\BD MSV_15.xlsb</t>
  </si>
  <si>
    <t>11/21/2019 20:50:55</t>
  </si>
  <si>
    <t>D:\21_11_2019 - PC ALGAR TECH\Desktop - 12-11-19\PreVendas - Governo Diogo\MTE\Emergencial 2015\BD MSV_19.xlsb</t>
  </si>
  <si>
    <t>11/21/2019 20:50:57</t>
  </si>
  <si>
    <t>D:\21_11_2019 - PC ALGAR TECH\Desktop - 12-11-19\PreVendas - Governo Diogo\MTE\Emergencial 2015\CONSOLIDADO MSV 15.xlsb</t>
  </si>
  <si>
    <t>D:\21_11_2019 - PC ALGAR TECH\Desktop - 12-11-19\PreVendas - Governo Diogo\MTE\Emergencial 2015\SD MSV_15.xlsb</t>
  </si>
  <si>
    <t>11/21/2019 20:50:58</t>
  </si>
  <si>
    <t>D:\21_11_2019 - PC ALGAR TECH\Desktop - 12-11-19\PreVendas - Governo Diogo\MTE\Emergencial 2015\SO MSV 15.xlsb</t>
  </si>
  <si>
    <t>11/21/2019 20:50:59</t>
  </si>
  <si>
    <t>D:\21_11_2019 - PC ALGAR TECH\Desktop - 12-11-19\PreVendas - Governo Diogo\MTE\Infra 2015\Cotação Grupo 1.xlsb</t>
  </si>
  <si>
    <t>11/21/2019 20:51:00</t>
  </si>
  <si>
    <t>D:\21_11_2019 - PC ALGAR TECH\Desktop - 12-11-19\PreVendas - Governo Diogo\MTE\Infra 2015\Cotação Grupo_2.xlsb</t>
  </si>
  <si>
    <t>11/21/2019 20:51:01</t>
  </si>
  <si>
    <t>D:\21_11_2019 - PC ALGAR TECH\Desktop - 12-11-19\PreVendas - Governo Diogo\MTE\Infra 2015\Publicado\Custo da Implantação.xls</t>
  </si>
  <si>
    <t>D:\21_11_2019 - PC ALGAR TECH\Desktop - 12-11-19\PreVendas - Governo Diogo\MTE\Infra 2015\Publicado\Preço Final SEM PREPOSTO e GERENTE.xlsb</t>
  </si>
  <si>
    <t>11/21/2019 20:51:02</t>
  </si>
  <si>
    <t>D:\21_11_2019 - PC ALGAR TECH\Desktop - 12-11-19\PreVendas - Governo Diogo\MTE\Infra 2015\Publicado\Preço Final.xlsb</t>
  </si>
  <si>
    <t>11/21/2019 20:51:03</t>
  </si>
  <si>
    <t>D:\21_11_2019 - PC ALGAR TECH\Desktop - 12-11-19\PreVendas - Governo Diogo\MTE\Infra 2015\Publicado\Preço.xlsb</t>
  </si>
  <si>
    <t>11/21/2019 20:51:04</t>
  </si>
  <si>
    <t>D:\21_11_2019 - PC ALGAR TECH\Desktop - 12-11-19\PreVendas - Governo Diogo\MTE\SD 2014\cotacao.xlsb</t>
  </si>
  <si>
    <t>11/21/2019 20:51:06</t>
  </si>
  <si>
    <t>D:\21_11_2019 - PC ALGAR TECH\Desktop - 12-11-19\PreVendas - Governo Diogo\MTE\SD 2015\Chamados.xlsx</t>
  </si>
  <si>
    <t>11/21/2019 20:51:07</t>
  </si>
  <si>
    <t>D:\21_11_2019 - PC ALGAR TECH\Desktop - 12-11-19\PreVendas - Governo Diogo\MTE\SD 2015\Histórico de Chamados.xlsx</t>
  </si>
  <si>
    <t>D:\21_11_2019 - PC ALGAR TECH\Desktop - 12-11-19\PreVendas - Governo Diogo\MTE\SD 2015\NMS`s.xlsx</t>
  </si>
  <si>
    <t>11/21/2019 20:51:08</t>
  </si>
  <si>
    <t>D:\21_11_2019 - PC ALGAR TECH\Desktop - 12-11-19\PreVendas - Governo Diogo\MTUR\desenho.xlsx</t>
  </si>
  <si>
    <t>11/21/2019 20:51:09</t>
  </si>
  <si>
    <t>D:\21_11_2019 - PC ALGAR TECH\Desktop - 12-11-19\PreVendas - Governo Diogo\MTUR\Edital\BP.xlsb</t>
  </si>
  <si>
    <t>11/21/2019 20:51:11</t>
  </si>
  <si>
    <t>D:\21_11_2019 - PC ALGAR TECH\Desktop - 12-11-19\PreVendas - Governo Diogo\NOVACAP\BP Atualizado.xlsb</t>
  </si>
  <si>
    <t>11/21/2019 20:51:12</t>
  </si>
  <si>
    <t>D:\21_11_2019 - PC ALGAR TECH\Desktop - 12-11-19\PreVendas - Governo Diogo\NOVACAP\BP.xlsb</t>
  </si>
  <si>
    <t>11/21/2019 20:51:14</t>
  </si>
  <si>
    <t>D:\21_11_2019 - PC ALGAR TECH\Desktop - 12-11-19\PreVendas - Governo Diogo\Petrobras\2014\Assessoria de Processos\PPU XLS.xlsx</t>
  </si>
  <si>
    <t>11/21/2019 20:51:15</t>
  </si>
  <si>
    <t>D:\21_11_2019 - PC ALGAR TECH\Desktop - 12-11-19\PreVendas - Governo Diogo\Petrobras\2014\Assessoria de Processos\Precificacao.xlsb</t>
  </si>
  <si>
    <t>11/21/2019 20:51:20</t>
  </si>
  <si>
    <t>D:\21_11_2019 - PC ALGAR TECH\Desktop - 12-11-19\PreVendas - Governo Diogo\Petrobras\2015\assessoria\BP.xlsb</t>
  </si>
  <si>
    <t>11/21/2019 20:51:22</t>
  </si>
  <si>
    <t>D:\21_11_2019 - PC ALGAR TECH\Desktop - 12-11-19\PreVendas - Governo Diogo\Petrobras\2015\assessoria\BP2016-DF-74201-PC.xlsb</t>
  </si>
  <si>
    <t>11/21/2019 20:51:24</t>
  </si>
  <si>
    <t>D:\21_11_2019 - PC ALGAR TECH\Desktop - 12-11-19\PreVendas - Governo Diogo\Petrobras\2015\assessoria\BP2016.xlsb</t>
  </si>
  <si>
    <t>11/21/2019 20:51:25</t>
  </si>
  <si>
    <t>D:\21_11_2019 - PC ALGAR TECH\Desktop - 12-11-19\PreVendas - Governo Diogo\Petrobras\2015\assessoria\DFP Resumo.xls</t>
  </si>
  <si>
    <t>D:\21_11_2019 - PC ALGAR TECH\Desktop - 12-11-19\PreVendas - Governo Diogo\Petrobras\2015\assessoria\Volumetria.xlsx</t>
  </si>
  <si>
    <t>11/21/2019 20:51:28</t>
  </si>
  <si>
    <t>D:\21_11_2019 - PC ALGAR TECH\Desktop - 12-11-19\PreVendas - Governo Diogo\Petrobras\2016\APOIO ALTA GESTÃO\BP Preço C007 B007 Metas Increm e Meta Base.xlsb</t>
  </si>
  <si>
    <t>D:\21_11_2019 - PC ALGAR TECH\Desktop - 12-11-19\PreVendas - Governo Diogo\Petrobras\2016\APOIO ALTA GESTÃO\IN02 - GERAL.xlsx</t>
  </si>
  <si>
    <t>11/21/2019 20:51:29</t>
  </si>
  <si>
    <t>D:\21_11_2019 - PC ALGAR TECH\Desktop - 12-11-19\PreVendas - Governo Diogo\Petrobras\2016\APOIO ALTA GESTÃO\Sizing.xlsx</t>
  </si>
  <si>
    <t>D:\21_11_2019 - PC ALGAR TECH\Desktop - 12-11-19\PreVendas - Governo Diogo\Petrobras\2016\Atendimento Local MACAÉ\Petrobras Relação_Técnicos_Contrato_TI_Atualizado.xlsx</t>
  </si>
  <si>
    <t>11/21/2019 20:51:32</t>
  </si>
  <si>
    <t>D:\21_11_2019 - PC ALGAR TECH\Desktop - 12-11-19\PreVendas - Governo Diogo\Petrobras\2016\E&amp;P\AM.xlsb</t>
  </si>
  <si>
    <t>11/21/2019 20:51:36</t>
  </si>
  <si>
    <t>D:\21_11_2019 - PC ALGAR TECH\Desktop - 12-11-19\PreVendas - Governo Diogo\Petrobras\2016\E&amp;P\BA.xlsb</t>
  </si>
  <si>
    <t>D:\21_11_2019 - PC ALGAR TECH\Desktop - 12-11-19\PreVendas - Governo Diogo\Petrobras\2016\E&amp;P\DFP Resumo (Envio).xls</t>
  </si>
  <si>
    <t>11/21/2019 20:51:37</t>
  </si>
  <si>
    <t>D:\21_11_2019 - PC ALGAR TECH\Desktop - 12-11-19\PreVendas - Governo Diogo\Petrobras\2016\E&amp;P\DFP Resumo (Memória de Cálculo).xls</t>
  </si>
  <si>
    <t>D:\21_11_2019 - PC ALGAR TECH\Desktop - 12-11-19\PreVendas - Governo Diogo\Petrobras\2016\E&amp;P\DFP Resumo.xls</t>
  </si>
  <si>
    <t>11/21/2019 20:51:39</t>
  </si>
  <si>
    <t>D:\21_11_2019 - PC ALGAR TECH\Desktop - 12-11-19\PreVendas - Governo Diogo\Petrobras\2016\E&amp;P\RNCE.xlsb</t>
  </si>
  <si>
    <t>11/21/2019 20:51:41</t>
  </si>
  <si>
    <t>D:\21_11_2019 - PC ALGAR TECH\Desktop - 12-11-19\PreVendas - Governo Diogo\Petrobras\2016\E&amp;P\SEAL.xlsb</t>
  </si>
  <si>
    <t>11/21/2019 20:51:43</t>
  </si>
  <si>
    <t>D:\21_11_2019 - PC ALGAR TECH\Desktop - 12-11-19\PreVendas - Governo Diogo\Petrobras\2017\7001807943 - Serviços de Apoio Técnico para Atendimento aos Usuários\Anexo 2 - Planilha de Precos Unitarios (3).xlsx</t>
  </si>
  <si>
    <t>11/21/2019 20:51:44</t>
  </si>
  <si>
    <t>D:\21_11_2019 - PC ALGAR TECH\Desktop - 12-11-19\PreVendas - Governo Diogo\Petrobras\2017\7001807943 - Serviços de Apoio Técnico para Atendimento aos Usuários\Anexo V - Modelo de DFP.xls</t>
  </si>
  <si>
    <t>11/21/2019 20:51:46</t>
  </si>
  <si>
    <t>D:\21_11_2019 - PC ALGAR TECH\Desktop - 12-11-19\PreVendas - Governo Diogo\Petrobras\2017\7001807943 - Serviços de Apoio Técnico para Atendimento aos Usuários\Cenário 1.xlsb</t>
  </si>
  <si>
    <t>11/21/2019 20:51:48</t>
  </si>
  <si>
    <t>D:\21_11_2019 - PC ALGAR TECH\Desktop - 12-11-19\PreVendas - Governo Diogo\Petrobras\2017\7001807943 - Serviços de Apoio Técnico para Atendimento aos Usuários\Cenário 2.xlsb</t>
  </si>
  <si>
    <t>D:\21_11_2019 - PC ALGAR TECH\Desktop - 12-11-19\PreVendas - Governo Diogo\Petrobras\2017\7001807943 - Serviços de Apoio Técnico para Atendimento aos Usuários\DFP - Cenário 2.xlsx</t>
  </si>
  <si>
    <t>D:\21_11_2019 - PC ALGAR TECH\Desktop - 12-11-19\PreVendas - Governo Diogo\Petrobras\2017\7001818540 - Convite 2047087.17.8 - Atendimendo Local RJ DF\Adendo III - Tabela de prazos (1).xlsx</t>
  </si>
  <si>
    <t>11/21/2019 20:51:49</t>
  </si>
  <si>
    <t>D:\21_11_2019 - PC ALGAR TECH\Desktop - 12-11-19\PreVendas - Governo Diogo\Petrobras\2017\7001818540 - Convite 2047087.17.8 - Atendimendo Local RJ DF\AdendoII-CenarioV2.xlsx</t>
  </si>
  <si>
    <t>11/21/2019 20:51:53</t>
  </si>
  <si>
    <t>D:\21_11_2019 - PC ALGAR TECH\Desktop - 12-11-19\PreVendas - Governo Diogo\Petrobras\2017\7001818540 - Convite 2047087.17.8 - Atendimendo Local RJ DF\Agressivo.xlsb</t>
  </si>
  <si>
    <t>11/21/2019 20:51:54</t>
  </si>
  <si>
    <t>D:\21_11_2019 - PC ALGAR TECH\Desktop - 12-11-19\PreVendas - Governo Diogo\Petrobras\2017\7001818540 - Convite 2047087.17.8 - Atendimendo Local RJ DF\DFP - 60dias - 50% indiretos.xlsx</t>
  </si>
  <si>
    <t>D:\21_11_2019 - PC ALGAR TECH\Desktop - 12-11-19\PreVendas - Governo Diogo\Petrobras\2017\7001818540 - Convite 2047087.17.8 - Atendimendo Local RJ DF\DFP - 60dias.xlsx</t>
  </si>
  <si>
    <t>11/21/2019 20:51:55</t>
  </si>
  <si>
    <t>D:\21_11_2019 - PC ALGAR TECH\Desktop - 12-11-19\PreVendas - Governo Diogo\Petrobras\2017\7001818540 - Convite 2047087.17.8 - Atendimendo Local RJ DF\IN02 - GERAL.xlsx</t>
  </si>
  <si>
    <t>11/21/2019 20:51:57</t>
  </si>
  <si>
    <t>D:\21_11_2019 - PC ALGAR TECH\Desktop - 12-11-19\PreVendas - Governo Diogo\Petrobras\2017\7001818540 - Convite 2047087.17.8 - Atendimendo Local RJ DF\Preço.xlsb</t>
  </si>
  <si>
    <t>11/21/2019 20:51:58</t>
  </si>
  <si>
    <t>D:\21_11_2019 - PC ALGAR TECH\Desktop - 12-11-19\PreVendas - Governo Diogo\Petrobras\2017\7001823525 - Central Serviços - Atendimento TIC - Lote 1 _SEDE_SUDESTE\ANEXO 2 - PPUS LOTE 1 (1).xls</t>
  </si>
  <si>
    <t>11/21/2019 20:51:59</t>
  </si>
  <si>
    <t>D:\21_11_2019 - PC ALGAR TECH\Desktop - 12-11-19\PreVendas - Governo Diogo\Petrobras\2017\7001823525 - Central Serviços - Atendimento TIC - Lote 1 _SEDE_SUDESTE\BP Preço REAJUSTADO 1.xlsb</t>
  </si>
  <si>
    <t>11/21/2019 20:52:00</t>
  </si>
  <si>
    <t>D:\21_11_2019 - PC ALGAR TECH\Desktop - 12-11-19\PreVendas - Governo Diogo\Petrobras\2017\7001823525 - Central Serviços - Atendimento TIC - Lote 1 _SEDE_SUDESTE\BP Preço REAJUSTADO Setembro.xlsb</t>
  </si>
  <si>
    <t>11/21/2019 20:52:02</t>
  </si>
  <si>
    <t>D:\21_11_2019 - PC ALGAR TECH\Desktop - 12-11-19\PreVendas - Governo Diogo\Petrobras\2017\7001823525 - Central Serviços - Atendimento TIC - Lote 1 _SEDE_SUDESTE\BP Preço.xlsb</t>
  </si>
  <si>
    <t>11/21/2019 20:52:03</t>
  </si>
  <si>
    <t>D:\21_11_2019 - PC ALGAR TECH\Desktop - 12-11-19\PreVendas - Governo Diogo\Petrobras\2017\7001823525 - Central Serviços - Atendimento TIC - Lote 1 _SEDE_SUDESTE\desenho.xlsb</t>
  </si>
  <si>
    <t>D:\21_11_2019 - PC ALGAR TECH\Desktop - 12-11-19\PreVendas - Governo Diogo\Petrobras\2017\7001823525 - Central Serviços - Atendimento TIC - Lote 1 _SEDE_SUDESTE\DFP - 45dias.xlsx</t>
  </si>
  <si>
    <t>11/21/2019 20:52:04</t>
  </si>
  <si>
    <t>D:\21_11_2019 - PC ALGAR TECH\Desktop - 12-11-19\PreVendas - Governo Diogo\Petrobras\2017\7001823525 - Central Serviços - Atendimento TIC - Lote 1 _SEDE_SUDESTE\sizing.xlsx</t>
  </si>
  <si>
    <t>11/21/2019 20:52:05</t>
  </si>
  <si>
    <t>D:\21_11_2019 - PC ALGAR TECH\Desktop - 12-11-19\PreVendas - Governo Diogo\Petrobras\2017\7001823525 - Central Serviços - Atendimento TIC - Lote 1 _SEDE_SUDESTE\Transpetro REVISADO OPERAÇÃO-Novembro.xlsb</t>
  </si>
  <si>
    <t>11/21/2019 20:52:07</t>
  </si>
  <si>
    <t>D:\21_11_2019 - PC ALGAR TECH\Desktop - 12-11-19\PreVendas - Governo Diogo\Petrobras\2017\7001823525 - Central Serviços - Atendimento TIC - Lote 1 _SEDE_SUDESTE\Transpetro REVISADO OPERAÇÃO.xlsb</t>
  </si>
  <si>
    <t>11/21/2019 20:52:17</t>
  </si>
  <si>
    <t>D:\21_11_2019 - PC ALGAR TECH\Desktop - 12-11-19\PreVendas - Governo Diogo\Petrobras\2017\7001823753 - 1993673.16.8 - Atendimento Local ES\ADENDO-I-A -Cenário Serviços.xlsx</t>
  </si>
  <si>
    <t>11/21/2019 20:52:21</t>
  </si>
  <si>
    <t>D:\21_11_2019 - PC ALGAR TECH\Desktop - 12-11-19\PreVendas - Governo Diogo\Petrobras\2017\7001823753 - 1993673.16.8 - Atendimento Local ES\ADENDO-I-B - Cenário Desempenho (1).xlsx</t>
  </si>
  <si>
    <t>11/21/2019 20:52:23</t>
  </si>
  <si>
    <t>D:\21_11_2019 - PC ALGAR TECH\Desktop - 12-11-19\PreVendas - Governo Diogo\Petrobras\2017\7001823764 - Central Serviços - Atendimento TIC - Lote 2 _Demais Estados\ANEXO 2 - PPU LOTE 2.xls</t>
  </si>
  <si>
    <t>11/21/2019 20:52:24</t>
  </si>
  <si>
    <t>D:\21_11_2019 - PC ALGAR TECH\Desktop - 12-11-19\PreVendas - Governo Diogo\Petrobras\2018\7001957543 - Automação Projeto\ANEXO I A - Cenário Rev1.xlsx</t>
  </si>
  <si>
    <t>11/21/2019 20:52:25</t>
  </si>
  <si>
    <t>D:\21_11_2019 - PC ALGAR TECH\Desktop - 12-11-19\PreVendas - Governo Diogo\Petrobras\2018\7001957543 - Automação Projeto\ANEXO I D - Tabela de Prazos de Serviços.xlsx</t>
  </si>
  <si>
    <t>D:\21_11_2019 - PC ALGAR TECH\Desktop - 12-11-19\PreVendas - Governo Diogo\Petrobras\2018\7001957543 - Automação Projeto\ANEXO II - Planilha de Preços.xlsx</t>
  </si>
  <si>
    <t>11/21/2019 20:52:26</t>
  </si>
  <si>
    <t>D:\21_11_2019 - PC ALGAR TECH\Desktop - 12-11-19\PreVendas - Governo Diogo\Petrobras\2018\7001957543 - Automação Projeto\Anexo VI - Tomadores de Serviço Rev1.xlsx</t>
  </si>
  <si>
    <t>D:\21_11_2019 - PC ALGAR TECH\Desktop - 12-11-19\PreVendas - Governo Diogo\Petrobras\2018\7001957543 - Automação Projeto\DFP.xlsx</t>
  </si>
  <si>
    <t>11/21/2019 20:52:28</t>
  </si>
  <si>
    <t>D:\21_11_2019 - PC ALGAR TECH\Desktop - 12-11-19\PreVendas - Governo Diogo\Petrobras\2018\7001957543 - Automação Projeto\PREÇO.xlsb</t>
  </si>
  <si>
    <t>D:\21_11_2019 - PC ALGAR TECH\Desktop - 12-11-19\PreVendas - Governo Diogo\Petrobras\2018\FIELD SUDESTE-SUL - 147073\Cópia de Anexo II - Adendo II - Cenario rev2.xlsx</t>
  </si>
  <si>
    <t>D:\21_11_2019 - PC ALGAR TECH\Desktop - 12-11-19\PreVendas - Governo Diogo\Petrobras\2018\FIELD SUDESTE-SUL - 147073\DFP.xlsx</t>
  </si>
  <si>
    <t>11/21/2019 20:52:30</t>
  </si>
  <si>
    <t>D:\21_11_2019 - PC ALGAR TECH\Desktop - 12-11-19\PreVendas - Governo Diogo\Petrobras\2018\FIELD SUDESTE-SUL - 147073\Field Petrobras - 147073 - V1.xlsb</t>
  </si>
  <si>
    <t>D:\21_11_2019 - PC ALGAR TECH\Desktop - 12-11-19\PreVendas - Governo Diogo\Petrobras\2018\FIELD SUDESTE-SUL - 147073\Racional de Dimensionamento.xlsx</t>
  </si>
  <si>
    <t>11/21/2019 20:52:45</t>
  </si>
  <si>
    <t>D:\21_11_2019 - PC ALGAR TECH\Desktop - 12-11-19\PreVendas - Governo Diogo\Petrobras\2018\FIELD SUDESTE-SUL - 147073\PETROBRAS - 7001980719 - ATENDIMENTO PRESENCIAL - 21.02.2018\Anexo II - Adendo III - Cenario.xlsx</t>
  </si>
  <si>
    <t>11/21/2019 20:52:47</t>
  </si>
  <si>
    <t>D:\21_11_2019 - PC ALGAR TECH\Desktop - 12-11-19\PreVendas - Governo Diogo\Petrobras\2018\FIELD SUDESTE-SUL - 147073\Questionamentos\Revisão de documentação.zip</t>
  </si>
  <si>
    <t>11/21/2019 20:52:49</t>
  </si>
  <si>
    <t>D:\21_11_2019 - PC ALGAR TECH\Desktop - 12-11-19\PreVendas - Governo Diogo\Petrobras\2018\PETROBRAS - 7002151564 - ATENDIMENTO LOCAL TIC - 17.09.2018\Adendo A_Minuta_contratual e seus Anexos.zip</t>
  </si>
  <si>
    <t>11/21/2019 20:52:50</t>
  </si>
  <si>
    <t>D:\21_11_2019 - PC ALGAR TECH\Desktop - 12-11-19\PreVendas - Governo Diogo\Petrobras\2018\PETROBRAS - 7002151564 - ATENDIMENTO LOCAL TIC - 17.09.2018\Adendos do Edital.zip</t>
  </si>
  <si>
    <t>D:\21_11_2019 - PC ALGAR TECH\Desktop - 12-11-19\PreVendas - Governo Diogo\Petrobras\2018\PETROBRAS - 7002151564 - ATENDIMENTO LOCAL TIC - 17.09.2018\Anexos da Especificacao de Servicos.zip</t>
  </si>
  <si>
    <t>11/21/2019 20:52:53</t>
  </si>
  <si>
    <t>D:\21_11_2019 - PC ALGAR TECH\Desktop - 12-11-19\PreVendas - Governo Diogo\Petrobras\2018\PETROBRAS - 7002151564 - ATENDIMENTO LOCAL TIC - 17.09.2018\Edital Petrobras.zip</t>
  </si>
  <si>
    <t>11/21/2019 20:52:54</t>
  </si>
  <si>
    <t>D:\21_11_2019 - PC ALGAR TECH\Desktop - 12-11-19\PreVendas - Governo Diogo\Petrobras\2018\PETROBRAS - 7002151564 - ATENDIMENTO LOCAL TIC - 17.09.2018\Adendo A_Minuta_contratual e seus Anexos\Anexo II - PPU sem valores.xlsx</t>
  </si>
  <si>
    <t>11/21/2019 20:52:56</t>
  </si>
  <si>
    <t>D:\21_11_2019 - PC ALGAR TECH\Desktop - 12-11-19\PreVendas - Governo Diogo\Petrobras\2018\PETROBRAS - 7002151564 - ATENDIMENTO LOCAL TIC - 17.09.2018\Adendos do Edital\Adendo I_ DFP.xlsm</t>
  </si>
  <si>
    <t>D:\21_11_2019 - PC ALGAR TECH\Desktop - 12-11-19\PreVendas - Governo Diogo\Petrobras\2018\PETROBRAS - 7002151564 - ATENDIMENTO LOCAL TIC - 17.09.2018\Adendos do Edital\Adendo J - Tomadores de Serviço.xlsx</t>
  </si>
  <si>
    <t>D:\21_11_2019 - PC ALGAR TECH\Desktop - 12-11-19\PreVendas - Governo Diogo\Petrobras\2018\PETROBRAS - 7002151564 - ATENDIMENTO LOCAL TIC - 17.09.2018\Anexos da Especificacao de Servicos\Anexo Ib - Parque Atendido.xlsx</t>
  </si>
  <si>
    <t>11/21/2019 20:52:57</t>
  </si>
  <si>
    <t>D:\21_11_2019 - PC ALGAR TECH\Desktop - 12-11-19\PreVendas - Governo Diogo\Petrobras\2018\PETROBRAS - 7002151564 - ATENDIMENTO LOCAL TIC - 17.09.2018\Anexos da Especificacao de Servicos\Anexo Id - Locais e Horários da Prestacao dos Servicos.xlsx</t>
  </si>
  <si>
    <t>D:\21_11_2019 - PC ALGAR TECH\Desktop - 12-11-19\PreVendas - Governo Diogo\Petrobras\2018\PETROBRAS - 7002151564 - ATENDIMENTO LOCAL TIC - 17.09.2018\Anexos da Especificacao de Servicos\Anexo Ie - Cenário de Alocacao de Recursos.xlsx</t>
  </si>
  <si>
    <t>D:\21_11_2019 - PC ALGAR TECH\Desktop - 12-11-19\PreVendas - Governo Diogo\Petrobras\2018\PETROBRAS - 7002151564 - ATENDIMENTO LOCAL TIC - 17.09.2018\Anexos da Especificacao de Servicos\Anexo Ig - Lista de Ferramentas e Insumos.xlsx</t>
  </si>
  <si>
    <t>D:\21_11_2019 - PC ALGAR TECH\Desktop - 12-11-19\PreVendas - Governo Diogo\Petrobras\2018\PETROBRAS - 7002151564 - ATENDIMENTO LOCAL TIC - 17.09.2018\Anexos da Especificacao de Servicos\Anexo Ih - Historico do Volume de Demandas.xlsx</t>
  </si>
  <si>
    <t>D:\21_11_2019 - PC ALGAR TECH\Desktop - 12-11-19\PreVendas - Governo Diogo\Petrobras\2018\PETROBRAS - 7002151564 - ATENDIMENTO LOCAL TIC - 17.09.2018\Questionamentos\Anexos.zip</t>
  </si>
  <si>
    <t>11/21/2019 20:52:58</t>
  </si>
  <si>
    <t>D:\21_11_2019 - PC ALGAR TECH\Desktop - 12-11-19\PreVendas - Governo Diogo\Petrobras\2019\ISD BR Distribuidora\Anexo II - PPU sem valores.xlsx</t>
  </si>
  <si>
    <t>D:\21_11_2019 - PC ALGAR TECH\Desktop - 12-11-19\PreVendas - Governo Diogo\Petrobras\BR Distribuidora\2016\Consultoria e Assessoria\Anexo II - Planilha de Precos.xlsx</t>
  </si>
  <si>
    <t>11/21/2019 20:53:00</t>
  </si>
  <si>
    <t>D:\21_11_2019 - PC ALGAR TECH\Desktop - 12-11-19\PreVendas - Governo Diogo\Petrobras\BR Distribuidora\2016\Consultoria e Assessoria\BP.xlsb</t>
  </si>
  <si>
    <t>D:\21_11_2019 - PC ALGAR TECH\Desktop - 12-11-19\PreVendas - Governo Diogo\Petrobras\BR Distribuidora\2016\Consultoria e Assessoria\Pricing.xlsx</t>
  </si>
  <si>
    <t>11/21/2019 20:53:01</t>
  </si>
  <si>
    <t>D:\21_11_2019 - PC ALGAR TECH\Desktop - 12-11-19\PreVendas - Governo Diogo\PGFN\LOTE 2-Diogo_note.xlsb</t>
  </si>
  <si>
    <t>11/21/2019 20:53:03</t>
  </si>
  <si>
    <t>D:\21_11_2019 - PC ALGAR TECH\Desktop - 12-11-19\PreVendas - Governo Diogo\PGFN\LOTE 2.xlsb</t>
  </si>
  <si>
    <t>11/21/2019 20:53:04</t>
  </si>
  <si>
    <t>D:\21_11_2019 - PC ALGAR TECH\Desktop - 12-11-19\PreVendas - Governo Diogo\PGFN\LOTE 3.xlsb</t>
  </si>
  <si>
    <t>11/21/2019 20:53:05</t>
  </si>
  <si>
    <t>D:\21_11_2019 - PC ALGAR TECH\Desktop - 12-11-19\PreVendas - Governo Diogo\PJMT\Cotação.xls</t>
  </si>
  <si>
    <t>D:\21_11_2019 - PC ALGAR TECH\Desktop - 12-11-19\PreVendas - Governo Diogo\Planejamento\USN.xlsx</t>
  </si>
  <si>
    <t>D:\21_11_2019 - PC ALGAR TECH\Desktop - 12-11-19\PreVendas - Governo Diogo\PPP BH\Cargos e Salários.xlsx</t>
  </si>
  <si>
    <t>11/21/2019 20:53:07</t>
  </si>
  <si>
    <t>D:\21_11_2019 - PC ALGAR TECH\Desktop - 12-11-19\PreVendas - Governo Diogo\PPP BH\Proposta Inicial.xlsb</t>
  </si>
  <si>
    <t>11/21/2019 20:53:09</t>
  </si>
  <si>
    <t>D:\21_11_2019 - PC ALGAR TECH\Desktop - 12-11-19\PreVendas - Governo Diogo\PPP BH\Proposta Inicial.zip</t>
  </si>
  <si>
    <t>11/21/2019 20:53:12</t>
  </si>
  <si>
    <t>D:\21_11_2019 - PC ALGAR TECH\Desktop - 12-11-19\PreVendas - Governo Diogo\prodasen\Cotação.xlsx</t>
  </si>
  <si>
    <t>D:\21_11_2019 - PC ALGAR TECH\Desktop - 12-11-19\PreVendas - Governo Diogo\PRODERJ\Cotação SES.xlsx</t>
  </si>
  <si>
    <t>D:\21_11_2019 - PC ALGAR TECH\Desktop - 12-11-19\PreVendas - Governo Diogo\PRODERJ\Cotação.xlsx</t>
  </si>
  <si>
    <t>11/21/2019 20:53:13</t>
  </si>
  <si>
    <t>D:\21_11_2019 - PC ALGAR TECH\Desktop - 12-11-19\PreVendas - Governo Diogo\PRODESP\Cenario Final.xlsb</t>
  </si>
  <si>
    <t>D:\21_11_2019 - PC ALGAR TECH\Desktop - 12-11-19\PreVendas - Governo Diogo\PRODESP\Cenários Finais.xlsx</t>
  </si>
  <si>
    <t>D:\21_11_2019 - PC ALGAR TECH\Desktop - 12-11-19\PreVendas - Governo Diogo\PRODESP\Cenários Prodesp.xlsx</t>
  </si>
  <si>
    <t>11/21/2019 20:53:14</t>
  </si>
  <si>
    <t>D:\21_11_2019 - PC ALGAR TECH\Desktop - 12-11-19\PreVendas - Governo Diogo\PRODESP\Cópia de Map - Sistema de Precificação.xlsm</t>
  </si>
  <si>
    <t>11/21/2019 20:53:17</t>
  </si>
  <si>
    <t>D:\21_11_2019 - PC ALGAR TECH\Desktop - 12-11-19\PreVendas - Governo Diogo\PRODESP\Cópia de Map - Sistema de Precificação1.xlsm</t>
  </si>
  <si>
    <t>D:\21_11_2019 - PC ALGAR TECH\Desktop - 12-11-19\PreVendas - Governo Diogo\PRODESP\Planilha Antiga Sem Compras Com PBM atingindo LL 950 reais.xlsb</t>
  </si>
  <si>
    <t>11/21/2019 20:53:18</t>
  </si>
  <si>
    <t>D:\21_11_2019 - PC ALGAR TECH\Desktop - 12-11-19\PreVendas - Governo Diogo\PRODESP\Planilha Antiga Sem Compras Com PBM atingindo LL.xlsb</t>
  </si>
  <si>
    <t>11/21/2019 20:53:19</t>
  </si>
  <si>
    <t>D:\21_11_2019 - PC ALGAR TECH\Desktop - 12-11-19\PreVendas - Governo Diogo\PRODESP\Planilha Antiga Sem Compras Com PBM.xlsb</t>
  </si>
  <si>
    <t>11/21/2019 20:53:20</t>
  </si>
  <si>
    <t>D:\21_11_2019 - PC ALGAR TECH\Desktop - 12-11-19\PreVendas - Governo Diogo\PRODESP\Planilha Antiga Sem Compras.xlsb</t>
  </si>
  <si>
    <t>11/21/2019 20:53:21</t>
  </si>
  <si>
    <t>D:\21_11_2019 - PC ALGAR TECH\Desktop - 12-11-19\PreVendas - Governo Diogo\PRODESP\Planilha Antiga.xlsb</t>
  </si>
  <si>
    <t>D:\21_11_2019 - PC ALGAR TECH\Desktop - 12-11-19\PreVendas - Governo Diogo\PRODESP\Planilha Fatores.xlsx</t>
  </si>
  <si>
    <t>11/21/2019 20:53:22</t>
  </si>
  <si>
    <t>D:\21_11_2019 - PC ALGAR TECH\Desktop - 12-11-19\PreVendas - Governo Diogo\PRODESP\2017\Acessa SP\Pricing SINTETEL.xlsb</t>
  </si>
  <si>
    <t>D:\21_11_2019 - PC ALGAR TECH\Desktop - 12-11-19\PreVendas - Governo Diogo\PRODESP\2018\SD\Planilha de Fatores.xlsx</t>
  </si>
  <si>
    <t>11/21/2019 20:53:24</t>
  </si>
  <si>
    <t>D:\21_11_2019 - PC ALGAR TECH\Desktop - 12-11-19\PreVendas - Governo Diogo\PRODESP\2018\SD\simulação.xlsb</t>
  </si>
  <si>
    <t>D:\21_11_2019 - PC ALGAR TECH\Desktop - 12-11-19\PreVendas - Governo Diogo\PRODESP\2018\SD\Cenário 1\Cópia de Estudo 1 - Novo contrato - Março - Prodesp.xls.xlsx</t>
  </si>
  <si>
    <t>11/21/2019 20:53:25</t>
  </si>
  <si>
    <t>D:\21_11_2019 - PC ALGAR TECH\Desktop - 12-11-19\PreVendas - Governo Diogo\PRODESP\2018\SD\Cenário 1\simulação.xlsb</t>
  </si>
  <si>
    <t>D:\21_11_2019 - PC ALGAR TECH\Desktop - 12-11-19\PreVendas - Governo Diogo\PRODESP\Edital\14PPSD09\Cenários Finais.xlsx</t>
  </si>
  <si>
    <t>11/21/2019 20:53:26</t>
  </si>
  <si>
    <t>D:\21_11_2019 - PC ALGAR TECH\Desktop - 12-11-19\PreVendas - Governo Diogo\PRODESP\Edital\14PPSD09\Modelo Planilha de Composiá∆o de Custo e Preáo - 29 jul 14.xlsx</t>
  </si>
  <si>
    <t>11/21/2019 20:53:27</t>
  </si>
  <si>
    <t>D:\21_11_2019 - PC ALGAR TECH\Desktop - 12-11-19\PreVendas - Governo Diogo\PRODESP\IN02\IN02.xlsx</t>
  </si>
  <si>
    <t>D:\21_11_2019 - PC ALGAR TECH\Desktop - 12-11-19\PreVendas - Governo Diogo\PRODESP\IN02\Diligência\IN02-AN.xlsx</t>
  </si>
  <si>
    <t>D:\21_11_2019 - PC ALGAR TECH\Desktop - 12-11-19\PreVendas - Governo Diogo\PRODESP\IN02\Diligência\IN02-TOTAL.xlsx</t>
  </si>
  <si>
    <t>D:\21_11_2019 - PC ALGAR TECH\Desktop - 12-11-19\PreVendas - Governo Diogo\PRODESP\IN02\Diligência\IN02-Técnico.xlsx</t>
  </si>
  <si>
    <t>D:\21_11_2019 - PC ALGAR TECH\Desktop - 12-11-19\PreVendas - Governo Diogo\PRODESP\Projeto de Redes 2015\Análise Diogo.xlsx</t>
  </si>
  <si>
    <t>11/21/2019 20:53:50</t>
  </si>
  <si>
    <t>D:\21_11_2019 - PC ALGAR TECH\Desktop - 12-11-19\PreVendas - Governo Diogo\PRODESP\Rentabilização\Cópia de PAC PRODESP 344001089.xlsx</t>
  </si>
  <si>
    <t>D:\21_11_2019 - PC ALGAR TECH\Desktop - 12-11-19\PreVendas - Governo Diogo\PRODESP\Rentabilização\Impactos Impressoras.xlsx</t>
  </si>
  <si>
    <t>11/21/2019 20:53:51</t>
  </si>
  <si>
    <t>D:\21_11_2019 - PC ALGAR TECH\Desktop - 12-11-19\PreVendas - Governo Diogo\PRODESP\Suporte 2015\06-2015\Proposta de Catálogo.xlsx</t>
  </si>
  <si>
    <t>11/21/2019 20:53:52</t>
  </si>
  <si>
    <t>D:\21_11_2019 - PC ALGAR TECH\Desktop - 12-11-19\PreVendas - Governo Diogo\PRODESP\Suporte 2015\Publicado\Simulação.xlsx</t>
  </si>
  <si>
    <t>11/21/2019 20:53:53</t>
  </si>
  <si>
    <t>D:\21_11_2019 - PC ALGAR TECH\Desktop - 12-11-19\PreVendas - Governo Diogo\PRODEST\Cotação.xlsx</t>
  </si>
  <si>
    <t>D:\21_11_2019 - PC ALGAR TECH\Desktop - 12-11-19\PreVendas - Governo Diogo\Programa de Formação\PF PV Diogo.xlsx</t>
  </si>
  <si>
    <t>D:\21_11_2019 - PC ALGAR TECH\Desktop - 12-11-19\PreVendas - Governo Diogo\Renovação\Resultado 2014.xls</t>
  </si>
  <si>
    <t>11/21/2019 20:53:54</t>
  </si>
  <si>
    <t>D:\21_11_2019 - PC ALGAR TECH\Desktop - 12-11-19\PreVendas - Governo Diogo\repactuações\CNPQ\2.1 - ADMINISTRADOR DE BANCO DE DADOS.xlsx</t>
  </si>
  <si>
    <t>D:\21_11_2019 - PC ALGAR TECH\Desktop - 12-11-19\PreVendas - Governo Diogo\repactuações\CNPQ\2.2 - ANALISTA DE MIDLEWARE.xlsx</t>
  </si>
  <si>
    <t>D:\21_11_2019 - PC ALGAR TECH\Desktop - 12-11-19\PreVendas - Governo Diogo\repactuações\CNPQ\2.4 - ANALISTA DE MENSAGERIA E COLABORAÇÃO.xlsx</t>
  </si>
  <si>
    <t>D:\21_11_2019 - PC ALGAR TECH\Desktop - 12-11-19\PreVendas - Governo Diogo\repactuações\CNPQ\CCT 13-14.zip</t>
  </si>
  <si>
    <t>D:\21_11_2019 - PC ALGAR TECH\Desktop - 12-11-19\PreVendas - Governo Diogo\repactuações\CNPQ\CCT 2014-2015.zip</t>
  </si>
  <si>
    <t>11/21/2019 20:53:55</t>
  </si>
  <si>
    <t>D:\21_11_2019 - PC ALGAR TECH\Desktop - 12-11-19\PreVendas - Governo Diogo\repactuações\CNPQ\CNPq Executando 2012.zip</t>
  </si>
  <si>
    <t>D:\21_11_2019 - PC ALGAR TECH\Desktop - 12-11-19\PreVendas - Governo Diogo\repactuações\CNPQ\Formulário de Proposta Comercial - Lote 4.xls</t>
  </si>
  <si>
    <t>D:\21_11_2019 - PC ALGAR TECH\Desktop - 12-11-19\PreVendas - Governo Diogo\repactuações\CNPQ\CCT 2012-2013\2.1 - ADMINISTRADOR DE BANCO DE DADOS.xlsx</t>
  </si>
  <si>
    <t>D:\21_11_2019 - PC ALGAR TECH\Desktop - 12-11-19\PreVendas - Governo Diogo\repactuações\CNPQ\CCT 2012-2013\2.2 - ANALISTA DE MIDLEWARE.xlsx</t>
  </si>
  <si>
    <t>D:\21_11_2019 - PC ALGAR TECH\Desktop - 12-11-19\PreVendas - Governo Diogo\repactuações\CNPQ\CCT 2012-2013\2.4 - ANALISTA DE MENSAGERIA E COLABORAÇÃO.xlsx</t>
  </si>
  <si>
    <t>D:\21_11_2019 - PC ALGAR TECH\Desktop - 12-11-19\PreVendas - Governo Diogo\repactuações\CNPQ\CCT 2012-2013\Formulário de Proposta Comercial - Lote 4.xls</t>
  </si>
  <si>
    <t>D:\21_11_2019 - PC ALGAR TECH\Desktop - 12-11-19\PreVendas - Governo Diogo\repactuações\CNPQ\CCT 2014-2015\2.1 - ADMINISTRADOR DE BANCO DE DADOS.xlsx</t>
  </si>
  <si>
    <t>D:\21_11_2019 - PC ALGAR TECH\Desktop - 12-11-19\PreVendas - Governo Diogo\repactuações\CNPQ\CCT 2014-2015\2.2 - ANALISTA DE MIDLEWARE.xlsx</t>
  </si>
  <si>
    <t>D:\21_11_2019 - PC ALGAR TECH\Desktop - 12-11-19\PreVendas - Governo Diogo\repactuações\CNPQ\CCT 2014-2015\2.4 - ANALISTA DE MENSAGERIA E COLABORACAO.xlsx</t>
  </si>
  <si>
    <t>D:\21_11_2019 - PC ALGAR TECH\Desktop - 12-11-19\PreVendas - Governo Diogo\repactuações\CNPQ\CCT 2014-2015\Formulário de Proposta Comercial - Lote 4.xls</t>
  </si>
  <si>
    <t>D:\21_11_2019 - PC ALGAR TECH\Desktop - 12-11-19\PreVendas - Governo Diogo\repactuações\CNPQ\CNPq Executando 2012\2.1 - ADMINISTRADOR DE BANCO DE DADOS.xlsx</t>
  </si>
  <si>
    <t>D:\21_11_2019 - PC ALGAR TECH\Desktop - 12-11-19\PreVendas - Governo Diogo\repactuações\CNPQ\CNPq Executando 2012\2.2 - ANALISTA DE MIDLEWARE.xlsx</t>
  </si>
  <si>
    <t>D:\21_11_2019 - PC ALGAR TECH\Desktop - 12-11-19\PreVendas - Governo Diogo\repactuações\CNPQ\CNPq Executando 2012\2.3 - ANALISTA DE INTERNET_WEB.xlsx</t>
  </si>
  <si>
    <t>D:\21_11_2019 - PC ALGAR TECH\Desktop - 12-11-19\PreVendas - Governo Diogo\repactuações\CNPQ\CNPq Executando 2012\2.4 - ANALISTA DE MENSAGERIA E COLABORAÇÃO.xlsx</t>
  </si>
  <si>
    <t>D:\21_11_2019 - PC ALGAR TECH\Desktop - 12-11-19\PreVendas - Governo Diogo\repactuações\CNPQ\CNPq Executando 2012\Formulário de Proposta Comercial - Lote 4.xls</t>
  </si>
  <si>
    <t>D:\21_11_2019 - PC ALGAR TECH\Desktop - 12-11-19\PreVendas - Governo Diogo\repactuações\CNPQ\Horas Extras_CNPq\COM_PBM\CCT_13-14\2.1 - ADMINISTRADOR DE BANCO DE DADOS.xlsx</t>
  </si>
  <si>
    <t>D:\21_11_2019 - PC ALGAR TECH\Desktop - 12-11-19\PreVendas - Governo Diogo\repactuações\CNPQ\Horas Extras_CNPq\COM_PBM\CCT_13-14\2.2 - ANALISTA DE MIDLEWARE.xlsx</t>
  </si>
  <si>
    <t>D:\21_11_2019 - PC ALGAR TECH\Desktop - 12-11-19\PreVendas - Governo Diogo\repactuações\CNPQ\Horas Extras_CNPq\COM_PBM\CCT_13-14\2.4 - ANALISTA DE MENSAGERIA E COLABORACÌ§AÌƒO.xlsx</t>
  </si>
  <si>
    <t>11/21/2019 20:53:56</t>
  </si>
  <si>
    <t>D:\21_11_2019 - PC ALGAR TECH\Desktop - 12-11-19\PreVendas - Governo Diogo\repactuações\CNPQ\Horas Extras_CNPq\COM_PBM\CCT_13-14\Formulário de Proposta Comercial - Lote 4_ 2013 2014.xls</t>
  </si>
  <si>
    <t>D:\21_11_2019 - PC ALGAR TECH\Desktop - 12-11-19\PreVendas - Governo Diogo\repactuações\CNPQ\Horas Extras_CNPq\COM_PBM\CCT_13-14\Lote 4_ 2013 2014_ até_set.xls</t>
  </si>
  <si>
    <t>D:\21_11_2019 - PC ALGAR TECH\Desktop - 12-11-19\PreVendas - Governo Diogo\repactuações\CNPQ\Horas Extras_CNPq\COM_PBM\CCT_2012_2013\2.1 - ADMINISTRADOR DE BANCO DE DADOS.xlsx</t>
  </si>
  <si>
    <t>D:\21_11_2019 - PC ALGAR TECH\Desktop - 12-11-19\PreVendas - Governo Diogo\repactuações\CNPQ\Horas Extras_CNPq\COM_PBM\CCT_2012_2013\2.2 - ANALISTA DE MIDLEWARE.xlsx</t>
  </si>
  <si>
    <t>D:\21_11_2019 - PC ALGAR TECH\Desktop - 12-11-19\PreVendas - Governo Diogo\repactuações\CNPQ\Horas Extras_CNPq\COM_PBM\CCT_2012_2013\2.4 - ANALISTA DE MENSAGERIA E COLABORACÌ§AÌƒO.xlsx</t>
  </si>
  <si>
    <t>D:\21_11_2019 - PC ALGAR TECH\Desktop - 12-11-19\PreVendas - Governo Diogo\repactuações\CNPQ\Horas Extras_CNPq\COM_PBM\CCT_2012_2013\Formulário de Proposta Comercial - Lote 4.xls</t>
  </si>
  <si>
    <t>D:\21_11_2019 - PC ALGAR TECH\Desktop - 12-11-19\PreVendas - Governo Diogo\repactuações\CNPQ\Horas Extras_CNPq\COM_PBM\CCT_2012_2013\Lote 4_ 2012_2013.xls</t>
  </si>
  <si>
    <t>D:\21_11_2019 - PC ALGAR TECH\Desktop - 12-11-19\PreVendas - Governo Diogo\repactuações\CNPQ\Horas Extras_CNPq\COM_PBM\CNPq_Executando 2012\2.1 - ADMINISTRADOR DE BANCO DE DADOS.xlsx</t>
  </si>
  <si>
    <t>D:\21_11_2019 - PC ALGAR TECH\Desktop - 12-11-19\PreVendas - Governo Diogo\repactuações\CNPQ\Horas Extras_CNPq\COM_PBM\CNPq_Executando 2012\2.2 - ANALISTA DE MIDLEWARE.xlsx</t>
  </si>
  <si>
    <t>D:\21_11_2019 - PC ALGAR TECH\Desktop - 12-11-19\PreVendas - Governo Diogo\repactuações\CNPQ\Horas Extras_CNPq\COM_PBM\CNPq_Executando 2012\2.3 - ANALISTA DE INTERNET_WEB.xlsx</t>
  </si>
  <si>
    <t>D:\21_11_2019 - PC ALGAR TECH\Desktop - 12-11-19\PreVendas - Governo Diogo\repactuações\CNPQ\Horas Extras_CNPq\COM_PBM\CNPq_Executando 2012\2.4 - ANALISTA DE MENSAGERIA E COLABORACÌ§AÌƒO.xlsx</t>
  </si>
  <si>
    <t>D:\21_11_2019 - PC ALGAR TECH\Desktop - 12-11-19\PreVendas - Governo Diogo\repactuações\CNPQ\Horas Extras_CNPq\COM_PBM\CNPq_Executando 2012\Lote_4_2012.xls</t>
  </si>
  <si>
    <t>D:\21_11_2019 - PC ALGAR TECH\Desktop - 12-11-19\PreVendas - Governo Diogo\repactuações\CNPQ\Horas Extras_CNPq\Resumo\Resumo.xlsx</t>
  </si>
  <si>
    <t>D:\21_11_2019 - PC ALGAR TECH\Desktop - 12-11-19\PreVendas - Governo Diogo\repactuações\CNPQ\Horas Extras_CNPq\SEM_PBM\CCT 13-14\2.1 - ADMINISTRADOR DE BANCO DE DADOS.xlsx</t>
  </si>
  <si>
    <t>D:\21_11_2019 - PC ALGAR TECH\Desktop - 12-11-19\PreVendas - Governo Diogo\repactuações\CNPQ\Horas Extras_CNPq\SEM_PBM\CCT 13-14\2.2 - ANALISTA DE MIDLEWARE.xlsx</t>
  </si>
  <si>
    <t>D:\21_11_2019 - PC ALGAR TECH\Desktop - 12-11-19\PreVendas - Governo Diogo\repactuações\CNPQ\Horas Extras_CNPq\SEM_PBM\CCT 13-14\2.4 - ANALISTA DE MENSAGERIA E COLABORAÇÃO.xlsx</t>
  </si>
  <si>
    <t>D:\21_11_2019 - PC ALGAR TECH\Desktop - 12-11-19\PreVendas - Governo Diogo\repactuações\CNPQ\Horas Extras_CNPq\SEM_PBM\CCT 13-14\Formulário de Proposta Comercial - Lote 4.xls</t>
  </si>
  <si>
    <t>D:\21_11_2019 - PC ALGAR TECH\Desktop - 12-11-19\PreVendas - Governo Diogo\repactuações\CNPQ\Horas Extras_CNPq\SEM_PBM\CCT 2012-2013\2.1 - ADMINISTRADOR DE BANCO DE DADOS.xlsx</t>
  </si>
  <si>
    <t>D:\21_11_2019 - PC ALGAR TECH\Desktop - 12-11-19\PreVendas - Governo Diogo\repactuações\CNPQ\Horas Extras_CNPq\SEM_PBM\CCT 2012-2013\2.2 - ANALISTA DE MIDLEWARE.xlsx</t>
  </si>
  <si>
    <t>D:\21_11_2019 - PC ALGAR TECH\Desktop - 12-11-19\PreVendas - Governo Diogo\repactuações\CNPQ\Horas Extras_CNPq\SEM_PBM\CCT 2012-2013\2.4 - ANALISTA DE MENSAGERIA E COLABORAÇÃO.xlsx</t>
  </si>
  <si>
    <t>D:\21_11_2019 - PC ALGAR TECH\Desktop - 12-11-19\PreVendas - Governo Diogo\repactuações\CNPQ\Horas Extras_CNPq\SEM_PBM\CCT 2012-2013\Formulário de Proposta Comercial - Lote 4.xls</t>
  </si>
  <si>
    <t>11/21/2019 20:53:57</t>
  </si>
  <si>
    <t>D:\21_11_2019 - PC ALGAR TECH\Desktop - 12-11-19\PreVendas - Governo Diogo\repactuações\CNPQ\Horas Extras_CNPq\SEM_PBM\CNPq Executando 2012\2.1 - ADMINISTRADOR DE BANCO DE DADOS.xlsx</t>
  </si>
  <si>
    <t>D:\21_11_2019 - PC ALGAR TECH\Desktop - 12-11-19\PreVendas - Governo Diogo\repactuações\CNPQ\Horas Extras_CNPq\SEM_PBM\CNPq Executando 2012\2.2 - ANALISTA DE MIDLEWARE.xlsx</t>
  </si>
  <si>
    <t>D:\21_11_2019 - PC ALGAR TECH\Desktop - 12-11-19\PreVendas - Governo Diogo\repactuações\CNPQ\Horas Extras_CNPq\SEM_PBM\CNPq Executando 2012\2.3 - ANALISTA DE INTERNET_WEB.xlsx</t>
  </si>
  <si>
    <t>D:\21_11_2019 - PC ALGAR TECH\Desktop - 12-11-19\PreVendas - Governo Diogo\repactuações\CNPQ\Horas Extras_CNPq\SEM_PBM\CNPq Executando 2012\2.4 - ANALISTA DE MENSAGERIA E COLABORAÇÃO.xlsx</t>
  </si>
  <si>
    <t>D:\21_11_2019 - PC ALGAR TECH\Desktop - 12-11-19\PreVendas - Governo Diogo\repactuações\CNPQ\Horas Extras_CNPq\SEM_PBM\CNPq Executando 2012\Formulário de Proposta Comercial - Lote 4.xls</t>
  </si>
  <si>
    <t>D:\21_11_2019 - PC ALGAR TECH\Desktop - 12-11-19\PreVendas - Governo Diogo\repactuações\DPF\Lote 4\Timeline.xlsx</t>
  </si>
  <si>
    <t>D:\21_11_2019 - PC ALGAR TECH\Desktop - 12-11-19\PreVendas - Governo Diogo\repactuações\DPF\Lote 4\5,49%\2.3 - Lote 4 - Coordenador de Projetos.xlsx</t>
  </si>
  <si>
    <t>D:\21_11_2019 - PC ALGAR TECH\Desktop - 12-11-19\PreVendas - Governo Diogo\repactuações\DPF\Lote 4\Original\2 - Lote 4 - Consolidaá∆o dos preáos.xls</t>
  </si>
  <si>
    <t>D:\21_11_2019 - PC ALGAR TECH\Desktop - 12-11-19\PreVendas - Governo Diogo\repactuações\FUNDACENTRO\Consolidado PBM.xlsx</t>
  </si>
  <si>
    <t>D:\21_11_2019 - PC ALGAR TECH\Desktop - 12-11-19\PreVendas - Governo Diogo\repactuações\FUNDACENTRO\Planilha IN 02 - Fundacentro - Dissídio 2012 DESONERADO.xlsx</t>
  </si>
  <si>
    <t>D:\21_11_2019 - PC ALGAR TECH\Desktop - 12-11-19\PreVendas - Governo Diogo\repactuações\FUNDACENTRO\Planilha IN 02 - Fundacentro - Dissídio 2013 FINAL.xlsx</t>
  </si>
  <si>
    <t>D:\21_11_2019 - PC ALGAR TECH\Desktop - 12-11-19\PreVendas - Governo Diogo\repactuações\FUNDACENTRO\Planilha IN 02 - Fundacentro - Dissídio 2014.xlsx</t>
  </si>
  <si>
    <t>D:\21_11_2019 - PC ALGAR TECH\Desktop - 12-11-19\PreVendas - Governo Diogo\repactuações\FUNDACENTRO\Supressão PBM + CCT.zip</t>
  </si>
  <si>
    <t>D:\21_11_2019 - PC ALGAR TECH\Desktop - 12-11-19\PreVendas - Governo Diogo\repactuações\FUNDACENTRO\Supressão PBM + CCT\Consolidado PBM.xlsx</t>
  </si>
  <si>
    <t>D:\21_11_2019 - PC ALGAR TECH\Desktop - 12-11-19\PreVendas - Governo Diogo\repactuações\FUNDACENTRO\Supressão PBM + CCT\Planilha IN 02 - Fundacentro - Dissídio 2012 DESONERADO.xlsx</t>
  </si>
  <si>
    <t>11/21/2019 20:53:58</t>
  </si>
  <si>
    <t>D:\21_11_2019 - PC ALGAR TECH\Desktop - 12-11-19\PreVendas - Governo Diogo\repactuações\FUNDACENTRO\Supressão PBM + CCT\Planilha IN 02 - Fundacentro - Dissídio 2013 FINAL.xlsx</t>
  </si>
  <si>
    <t>D:\21_11_2019 - PC ALGAR TECH\Desktop - 12-11-19\PreVendas - Governo Diogo\repactuações\FUNDACENTRO\Supressão PBM + CCT\Planilha IN 02 - Fundacentro - Dissídio 2014.xlsx</t>
  </si>
  <si>
    <t>D:\21_11_2019 - PC ALGAR TECH\Desktop - 12-11-19\PreVendas - Governo Diogo\repactuações\MD\MD CCT12-13.zip</t>
  </si>
  <si>
    <t>D:\21_11_2019 - PC ALGAR TECH\Desktop - 12-11-19\PreVendas - Governo Diogo\repactuações\MD\Quadro Resumo.xls</t>
  </si>
  <si>
    <t>D:\21_11_2019 - PC ALGAR TECH\Desktop - 12-11-19\PreVendas - Governo Diogo\repactuações\MD\Serviço de Armazenamento de Dados.xls</t>
  </si>
  <si>
    <t>D:\21_11_2019 - PC ALGAR TECH\Desktop - 12-11-19\PreVendas - Governo Diogo\repactuações\MD\Serviço de Segurança da Informação.xls</t>
  </si>
  <si>
    <t>D:\21_11_2019 - PC ALGAR TECH\Desktop - 12-11-19\PreVendas - Governo Diogo\repactuações\MD\Suporte e Administração de Ambiente de Produção.xls</t>
  </si>
  <si>
    <t>D:\21_11_2019 - PC ALGAR TECH\Desktop - 12-11-19\PreVendas - Governo Diogo\repactuações\MD\Suporte e Administração de Rede Local (LAN e WLAN).xls</t>
  </si>
  <si>
    <t>D:\21_11_2019 - PC ALGAR TECH\Desktop - 12-11-19\PreVendas - Governo Diogo\repactuações\MD\Suporte e Administração de Rede Local (WAN) (SUPR).xls</t>
  </si>
  <si>
    <t>D:\21_11_2019 - PC ALGAR TECH\Desktop - 12-11-19\PreVendas - Governo Diogo\repactuações\MD\Suporte e Administração de Sistemas Operacionais.xls</t>
  </si>
  <si>
    <t>D:\21_11_2019 - PC ALGAR TECH\Desktop - 12-11-19\PreVendas - Governo Diogo\repactuações\MDS\Renovação\Apenas Dissídio.zip</t>
  </si>
  <si>
    <t>D:\21_11_2019 - PC ALGAR TECH\Desktop - 12-11-19\PreVendas - Governo Diogo\repactuações\MDS\Renovação\Assessoria - Planilha Analista Senior.xls</t>
  </si>
  <si>
    <t>D:\21_11_2019 - PC ALGAR TECH\Desktop - 12-11-19\PreVendas - Governo Diogo\repactuações\MDS\Renovação\Renovacao MDS-2.xlsx</t>
  </si>
  <si>
    <t>D:\21_11_2019 - PC ALGAR TECH\Desktop - 12-11-19\PreVendas - Governo Diogo\repactuações\MDS\Renovação\Apenas Dissídio\Assessoria - Planilha Analista Senior.xls</t>
  </si>
  <si>
    <t>D:\21_11_2019 - PC ALGAR TECH\Desktop - 12-11-19\PreVendas - Governo Diogo\repactuações\MDS\Renovação\Apenas Dissídio\Exec Projeto - Analista Pleno.xlsx</t>
  </si>
  <si>
    <t>D:\21_11_2019 - PC ALGAR TECH\Desktop - 12-11-19\PreVendas - Governo Diogo\repactuações\MDS\Renovação\Apenas Dissídio\Exec Projeto - Analista senior.xls</t>
  </si>
  <si>
    <t>D:\21_11_2019 - PC ALGAR TECH\Desktop - 12-11-19\PreVendas - Governo Diogo\repactuações\MDS\Repactuação 2011\Assessoria - Planilha Analista Senior.xls</t>
  </si>
  <si>
    <t>D:\21_11_2019 - PC ALGAR TECH\Desktop - 12-11-19\PreVendas - Governo Diogo\repactuações\MDS\Repactuação 2011\Assessoria - Resumo do serviço.xls</t>
  </si>
  <si>
    <t>D:\21_11_2019 - PC ALGAR TECH\Desktop - 12-11-19\PreVendas - Governo Diogo\repactuações\MDS\Repactuação 2011\Exec Projeto - Analista senior.xls</t>
  </si>
  <si>
    <t>D:\21_11_2019 - PC ALGAR TECH\Desktop - 12-11-19\PreVendas - Governo Diogo\repactuações\MDS\Repactuação 2011\Exec Projeto - Resumo do serviço.xlsx</t>
  </si>
  <si>
    <t>11/21/2019 20:53:59</t>
  </si>
  <si>
    <t>D:\21_11_2019 - PC ALGAR TECH\Desktop - 12-11-19\PreVendas - Governo Diogo\repactuações\MDS\Repactuação 2011\Repactuação 2011 - AlteraçãoEncargos.zip</t>
  </si>
  <si>
    <t>D:\21_11_2019 - PC ALGAR TECH\Desktop - 12-11-19\PreVendas - Governo Diogo\repactuações\MDS\Repactuação 2011\Repactuação 2011 - AlteraçãoEncargos\Assessoria - Planilha Analista Senior.xls</t>
  </si>
  <si>
    <t>D:\21_11_2019 - PC ALGAR TECH\Desktop - 12-11-19\PreVendas - Governo Diogo\repactuações\MDS\Repactuação 2011\Repactuação 2011 - AlteraçãoEncargos\Assessoria - Resumo do serviáo.xls</t>
  </si>
  <si>
    <t>D:\21_11_2019 - PC ALGAR TECH\Desktop - 12-11-19\PreVendas - Governo Diogo\repactuações\MDS\Repactuação 2011\Repactuação 2011 - AlteraçãoEncargos\Exec Projeto - Analista Pleno.xlsx</t>
  </si>
  <si>
    <t>D:\21_11_2019 - PC ALGAR TECH\Desktop - 12-11-19\PreVendas - Governo Diogo\repactuações\MDS\Repactuação 2011\Repactuação 2011 - AlteraçãoEncargos\Exec Projeto - Analista senior.xls</t>
  </si>
  <si>
    <t>D:\21_11_2019 - PC ALGAR TECH\Desktop - 12-11-19\PreVendas - Governo Diogo\repactuações\MDS\Repactuação 2011\Repactuação 2011 - AlteraçãoEncargos\Resumo do serviáo - Comparaá∆o 2011.xlsx</t>
  </si>
  <si>
    <t>11/21/2019 20:54:00</t>
  </si>
  <si>
    <t>D:\21_11_2019 - PC ALGAR TECH\Desktop - 12-11-19\PreVendas - Governo Diogo\repactuações\MDS\Repactuação 2012\Analista de Negocios Sr.xlsb</t>
  </si>
  <si>
    <t>11/21/2019 20:54:02</t>
  </si>
  <si>
    <t>D:\21_11_2019 - PC ALGAR TECH\Desktop - 12-11-19\PreVendas - Governo Diogo\repactuações\MDS\Repactuação 2012\Analista de Projetos Pl.xlsb</t>
  </si>
  <si>
    <t>11/21/2019 20:54:04</t>
  </si>
  <si>
    <t>D:\21_11_2019 - PC ALGAR TECH\Desktop - 12-11-19\PreVendas - Governo Diogo\repactuações\MDS\Repactuação 2012\Analista de Projetos Sr.xlsb</t>
  </si>
  <si>
    <t>D:\21_11_2019 - PC ALGAR TECH\Desktop - 12-11-19\PreVendas - Governo Diogo\repactuações\MDS\Repactuação 2012\Assessoria - Planilha Analista Senior.xls</t>
  </si>
  <si>
    <t>D:\21_11_2019 - PC ALGAR TECH\Desktop - 12-11-19\PreVendas - Governo Diogo\repactuações\MDS\Repactuação 2012\Completo.zip</t>
  </si>
  <si>
    <t>D:\21_11_2019 - PC ALGAR TECH\Desktop - 12-11-19\PreVendas - Governo Diogo\repactuações\MDS\Repactuação 2012\Exec Projeto - Analista Pleno.xlsx</t>
  </si>
  <si>
    <t>11/21/2019 20:54:05</t>
  </si>
  <si>
    <t>D:\21_11_2019 - PC ALGAR TECH\Desktop - 12-11-19\PreVendas - Governo Diogo\repactuações\MDS\Repactuação 2012\Exec Projeto - Analista senior.xls</t>
  </si>
  <si>
    <t>D:\21_11_2019 - PC ALGAR TECH\Desktop - 12-11-19\PreVendas - Governo Diogo\repactuações\MDS\Repactuação 2012\Simulações.xlsx</t>
  </si>
  <si>
    <t>D:\21_11_2019 - PC ALGAR TECH\Desktop - 12-11-19\PreVendas - Governo Diogo\repactuações\MDS\Repactuação 2012\Completo\Assessoria - Planilha Analista Senior.xls</t>
  </si>
  <si>
    <t>D:\21_11_2019 - PC ALGAR TECH\Desktop - 12-11-19\PreVendas - Governo Diogo\repactuações\MDS\Repactuação 2012\Completo\Exec Projeto - Analista Pleno.xlsx</t>
  </si>
  <si>
    <t>D:\21_11_2019 - PC ALGAR TECH\Desktop - 12-11-19\PreVendas - Governo Diogo\repactuações\MDS\Repactuação 2012\Completo\Exec Projeto - Analista senior.xls</t>
  </si>
  <si>
    <t>D:\21_11_2019 - PC ALGAR TECH\Desktop - 12-11-19\PreVendas - Governo Diogo\repactuações\MDS\Repactuação 2013\Completo\Assessoria - Planilha Analista Senior.xls</t>
  </si>
  <si>
    <t>11/21/2019 20:54:06</t>
  </si>
  <si>
    <t>D:\21_11_2019 - PC ALGAR TECH\Desktop - 12-11-19\PreVendas - Governo Diogo\repactuações\MDS\Repactuação 2013\Completo\Exec Projeto - Analista Pleno.xlsx</t>
  </si>
  <si>
    <t>D:\21_11_2019 - PC ALGAR TECH\Desktop - 12-11-19\PreVendas - Governo Diogo\repactuações\MDS\Repactuação 2013\Completo\Exec Projeto - Analista senior.xls</t>
  </si>
  <si>
    <t>D:\21_11_2019 - PC ALGAR TECH\Desktop - 12-11-19\PreVendas - Governo Diogo\repactuações\ME\1 - Formulário de Proposta Comercial.xls</t>
  </si>
  <si>
    <t>D:\21_11_2019 - PC ALGAR TECH\Desktop - 12-11-19\PreVendas - Governo Diogo\repactuações\ME\1.1 - ADMINISTRADOR DE REDE.xlsx</t>
  </si>
  <si>
    <t>D:\21_11_2019 - PC ALGAR TECH\Desktop - 12-11-19\PreVendas - Governo Diogo\repactuações\ME\1.2 - GERENTE DE PRODUÇÃO.xlsx</t>
  </si>
  <si>
    <t>D:\21_11_2019 - PC ALGAR TECH\Desktop - 12-11-19\PreVendas - Governo Diogo\repactuações\ME\Cenários.xlsx</t>
  </si>
  <si>
    <t>11/21/2019 20:54:07</t>
  </si>
  <si>
    <t>D:\21_11_2019 - PC ALGAR TECH\Desktop - 12-11-19\PreVendas - Governo Diogo\repactuações\ME\ME.zip</t>
  </si>
  <si>
    <t>D:\21_11_2019 - PC ALGAR TECH\Desktop - 12-11-19\PreVendas - Governo Diogo\repactuações\ME\Apenas Dissídio\1 - Formulário de Proposta Comercial.xls</t>
  </si>
  <si>
    <t>D:\21_11_2019 - PC ALGAR TECH\Desktop - 12-11-19\PreVendas - Governo Diogo\repactuações\ME\Apenas Dissídio\1.1 - ADMINISTRADOR DE REDE.xlsx</t>
  </si>
  <si>
    <t>D:\21_11_2019 - PC ALGAR TECH\Desktop - 12-11-19\PreVendas - Governo Diogo\repactuações\ME\Apenas Dissídio\1.2 - GERENTE DE PRODUÇÃO.xlsx</t>
  </si>
  <si>
    <t>D:\21_11_2019 - PC ALGAR TECH\Desktop - 12-11-19\PreVendas - Governo Diogo\repactuações\ME\ME\1 - Formulário de Proposta Comercial.xls</t>
  </si>
  <si>
    <t>D:\21_11_2019 - PC ALGAR TECH\Desktop - 12-11-19\PreVendas - Governo Diogo\repactuações\ME\ME\1.1 - ADMINISTRADOR DE REDE.xlsx</t>
  </si>
  <si>
    <t>D:\21_11_2019 - PC ALGAR TECH\Desktop - 12-11-19\PreVendas - Governo Diogo\repactuações\ME\ME\1.2 - GERENTE DE PRODUÇÃO.xlsx</t>
  </si>
  <si>
    <t>D:\21_11_2019 - PC ALGAR TECH\Desktop - 12-11-19\PreVendas - Governo Diogo\repactuações\ME\Original\1 - Formulário de Proposta Comercial.xls</t>
  </si>
  <si>
    <t>D:\21_11_2019 - PC ALGAR TECH\Desktop - 12-11-19\PreVendas - Governo Diogo\repactuações\ME\Original\1.1 - ADMINISTRADOR DE REDE.xlsx</t>
  </si>
  <si>
    <t>D:\21_11_2019 - PC ALGAR TECH\Desktop - 12-11-19\PreVendas - Governo Diogo\repactuações\ME\Original\1.2 - GERENTE DE PRODUÇÃO.xlsx</t>
  </si>
  <si>
    <t>D:\21_11_2019 - PC ALGAR TECH\Desktop - 12-11-19\PreVendas - Governo Diogo\repactuações\ME\Repactuação 13-14\ME planilha cct 2013-2014.xls</t>
  </si>
  <si>
    <t>D:\21_11_2019 - PC ALGAR TECH\Desktop - 12-11-19\PreVendas - Governo Diogo\repactuações\ME\Repactuação 14 - 15\ME planilha cct 2014 - 2015.xls</t>
  </si>
  <si>
    <t>D:\21_11_2019 - PC ALGAR TECH\Desktop - 12-11-19\PreVendas - Governo Diogo\repactuações\MTE\Convenção 2010\10 Resumo do serviço.xls</t>
  </si>
  <si>
    <t>D:\21_11_2019 - PC ALGAR TECH\Desktop - 12-11-19\PreVendas - Governo Diogo\repactuações\MTE\Convenção 2010\Analista de Processos.xls</t>
  </si>
  <si>
    <t>D:\21_11_2019 - PC ALGAR TECH\Desktop - 12-11-19\PreVendas - Governo Diogo\repactuações\MTE\Convenção 2010\Auditor de Sistemas.xls</t>
  </si>
  <si>
    <t>D:\21_11_2019 - PC ALGAR TECH\Desktop - 12-11-19\PreVendas - Governo Diogo\repactuações\MTE\Convenção 2010\Consultor.xls</t>
  </si>
  <si>
    <t>D:\21_11_2019 - PC ALGAR TECH\Desktop - 12-11-19\PreVendas - Governo Diogo\repactuações\MTE\Convenção 2010\Documentador.xls</t>
  </si>
  <si>
    <t>11/22/2019 08:50:36</t>
  </si>
  <si>
    <t>D:\21_11_2019 - PC ALGAR TECH\Desktop - 12-11-19\PreVendas - Governo Diogo\repactuações\MTE\Convenção 2011\10 Resumo do serviço.xls</t>
  </si>
  <si>
    <t>D:\21_11_2019 - PC ALGAR TECH\Desktop - 12-11-19\PreVendas - Governo Diogo\repactuações\MTE\Convenção 2011\Analista de Processos.xls</t>
  </si>
  <si>
    <t>11/21/2019 20:54:08</t>
  </si>
  <si>
    <t>D:\21_11_2019 - PC ALGAR TECH\Desktop - 12-11-19\PreVendas - Governo Diogo\repactuações\MTE\Convenção 2011\Auditor de Sistemas.xls</t>
  </si>
  <si>
    <t>D:\21_11_2019 - PC ALGAR TECH\Desktop - 12-11-19\PreVendas - Governo Diogo\repactuações\MTE\Convenção 2011\Consultor.xls</t>
  </si>
  <si>
    <t>D:\21_11_2019 - PC ALGAR TECH\Desktop - 12-11-19\PreVendas - Governo Diogo\repactuações\MTE\Convenção 2011\Documentador.xls</t>
  </si>
  <si>
    <t>D:\21_11_2019 - PC ALGAR TECH\Desktop - 12-11-19\PreVendas - Governo Diogo\repactuações\MTE\Inicial\10 Resumo do serviço.xls</t>
  </si>
  <si>
    <t>D:\21_11_2019 - PC ALGAR TECH\Desktop - 12-11-19\PreVendas - Governo Diogo\repactuações\MTE\Inicial\Analista de Processos.xls</t>
  </si>
  <si>
    <t>D:\21_11_2019 - PC ALGAR TECH\Desktop - 12-11-19\PreVendas - Governo Diogo\repactuações\MTE\Inicial\Auditor de Sistemas.xls</t>
  </si>
  <si>
    <t>D:\21_11_2019 - PC ALGAR TECH\Desktop - 12-11-19\PreVendas - Governo Diogo\repactuações\MTE\Inicial\Consultor.xls</t>
  </si>
  <si>
    <t>D:\21_11_2019 - PC ALGAR TECH\Desktop - 12-11-19\PreVendas - Governo Diogo\repactuações\MTE\Inicial\Documentador.xls</t>
  </si>
  <si>
    <t>D:\21_11_2019 - PC ALGAR TECH\Desktop - 12-11-19\PreVendas - Governo Diogo\Resumo Executivo\Proposta de Resumo Executivo.xlsx</t>
  </si>
  <si>
    <t>D:\21_11_2019 - PC ALGAR TECH\Desktop - 12-11-19\PreVendas - Governo Diogo\RFB\Desenho.xlsx</t>
  </si>
  <si>
    <t>D:\21_11_2019 - PC ALGAR TECH\Desktop - 12-11-19\PreVendas - Governo Diogo\Rural Brasil\Enderecos unidades.xlsx</t>
  </si>
  <si>
    <t>11/21/2019 20:54:10</t>
  </si>
  <si>
    <t>D:\21_11_2019 - PC ALGAR TECH\Desktop - 12-11-19\PreVendas - Governo Diogo\Rural Brasil\Field dedicado.xlsb</t>
  </si>
  <si>
    <t>11/21/2019 20:54:12</t>
  </si>
  <si>
    <t>D:\21_11_2019 - PC ALGAR TECH\Desktop - 12-11-19\PreVendas - Governo Diogo\Rural Brasil\Field.xlsb</t>
  </si>
  <si>
    <t>11/21/2019 20:54:16</t>
  </si>
  <si>
    <t>D:\21_11_2019 - PC ALGAR TECH\Desktop - 12-11-19\PreVendas - Governo Diogo\Rural Brasil\SD N1.xlsb</t>
  </si>
  <si>
    <t>11/21/2019 20:54:17</t>
  </si>
  <si>
    <t>D:\21_11_2019 - PC ALGAR TECH\Desktop - 12-11-19\PreVendas - Governo Diogo\SAGE\BP Preço C010 B011 Desonerada.xlsb</t>
  </si>
  <si>
    <t>11/21/2019 20:54:18</t>
  </si>
  <si>
    <t>D:\21_11_2019 - PC ALGAR TECH\Desktop - 12-11-19\PreVendas - Governo Diogo\SEB-COC\Service Desk\Preço SEB 2013.xlsb</t>
  </si>
  <si>
    <t>11/21/2019 20:54:19</t>
  </si>
  <si>
    <t>D:\21_11_2019 - PC ALGAR TECH\Desktop - 12-11-19\PreVendas - Governo Diogo\SEB-COC\Service Desk\Atualiza'c~ao\40% reduzido.xlsb</t>
  </si>
  <si>
    <t>11/21/2019 20:54:22</t>
  </si>
  <si>
    <t>D:\21_11_2019 - PC ALGAR TECH\Desktop - 12-11-19\PreVendas - Governo Diogo\SEB-COC\Service Desk\Atualiza'c~ao\Desonerado + Repactuacao.xlsm</t>
  </si>
  <si>
    <t>11/21/2019 20:54:23</t>
  </si>
  <si>
    <t>D:\21_11_2019 - PC ALGAR TECH\Desktop - 12-11-19\PreVendas - Governo Diogo\SEB-COC\Service Desk\Atualiza'c~ao\Preco.xlsb</t>
  </si>
  <si>
    <t>11/21/2019 20:54:24</t>
  </si>
  <si>
    <t>D:\21_11_2019 - PC ALGAR TECH\Desktop - 12-11-19\PreVendas - Governo Diogo\SEBRAE\BP.xlsb</t>
  </si>
  <si>
    <t>D:\21_11_2019 - PC ALGAR TECH\Desktop - 12-11-19\PreVendas - Governo Diogo\SEBRAE\Cotação.xlsx</t>
  </si>
  <si>
    <t>11/21/2019 20:54:26</t>
  </si>
  <si>
    <t>D:\21_11_2019 - PC ALGAR TECH\Desktop - 12-11-19\PreVendas - Governo Diogo\SEBRAE\Sizing.xlsx</t>
  </si>
  <si>
    <t>11/21/2019 20:54:28</t>
  </si>
  <si>
    <t>D:\21_11_2019 - PC ALGAR TECH\Desktop - 12-11-19\PreVendas - Governo Diogo\SEBRAE\2018\SP\BP BSB.xlsb</t>
  </si>
  <si>
    <t>11/21/2019 20:54:29</t>
  </si>
  <si>
    <t>D:\21_11_2019 - PC ALGAR TECH\Desktop - 12-11-19\PreVendas - Governo Diogo\SEBRAE\2018\SP\BP.xlsb</t>
  </si>
  <si>
    <t>11/21/2019 20:54:31</t>
  </si>
  <si>
    <t>D:\21_11_2019 - PC ALGAR TECH\Desktop - 12-11-19\PreVendas - Governo Diogo\SEBRAE\2018\SP\Cópia de BP Preço C013 B013 Desonerada - HE. Inteira.xlsb</t>
  </si>
  <si>
    <t>D:\21_11_2019 - PC ALGAR TECH\Desktop - 12-11-19\PreVendas - Governo Diogo\SEBRAE\2018\SP\Proposta.xlsx</t>
  </si>
  <si>
    <t>11/21/2019 20:54:33</t>
  </si>
  <si>
    <t>D:\21_11_2019 - PC ALGAR TECH\Desktop - 12-11-19\PreVendas - Governo Diogo\Sec. de Cultura de SP\BP.xlsb</t>
  </si>
  <si>
    <t>D:\21_11_2019 - PC ALGAR TECH\Desktop - 12-11-19\PreVendas - Governo Diogo\Sec. de Cultura de SP\Cotação.xlsx</t>
  </si>
  <si>
    <t>D:\21_11_2019 - PC ALGAR TECH\Desktop - 12-11-19\PreVendas - Governo Diogo\Sec. de Cultura de SP\Planilha de Preço.xlsx</t>
  </si>
  <si>
    <t>11/21/2019 20:54:36</t>
  </si>
  <si>
    <t>D:\21_11_2019 - PC ALGAR TECH\Desktop - 12-11-19\PreVendas - Governo Diogo\Sec. de Saúde\Adesão Ata ATUALIZADO CCT.xlsb</t>
  </si>
  <si>
    <t>11/21/2019 20:54:38</t>
  </si>
  <si>
    <t>D:\21_11_2019 - PC ALGAR TECH\Desktop - 12-11-19\PreVendas - Governo Diogo\Sec. de Saúde\Adesão Ata.xlsb</t>
  </si>
  <si>
    <t>11/21/2019 20:54:39</t>
  </si>
  <si>
    <t>D:\21_11_2019 - PC ALGAR TECH\Desktop - 12-11-19\PreVendas - Governo Diogo\Sec. de Saúde\Precificação com Adoção.xlsb</t>
  </si>
  <si>
    <t>11/21/2019 20:54:40</t>
  </si>
  <si>
    <t>D:\21_11_2019 - PC ALGAR TECH\Desktop - 12-11-19\PreVendas - Governo Diogo\Sec. de Saúde\Racional Catálogo.xlsx</t>
  </si>
  <si>
    <t>D:\21_11_2019 - PC ALGAR TECH\Desktop - 12-11-19\PreVendas - Governo Diogo\Sec. de Saúde\Sec.Saúde.zip</t>
  </si>
  <si>
    <t>11/21/2019 20:54:42</t>
  </si>
  <si>
    <t>D:\21_11_2019 - PC ALGAR TECH\Desktop - 12-11-19\PreVendas - Governo Diogo\Sec. de Saúde\Comitês\PMO Governança - Solicitação de Mudança.ppt</t>
  </si>
  <si>
    <t>11/21/2019 20:54:43</t>
  </si>
  <si>
    <t>D:\21_11_2019 - PC ALGAR TECH\Desktop - 12-11-19\PreVendas - Governo Diogo\SEDUC\SEEDUC.rar</t>
  </si>
  <si>
    <t>11/21/2019 20:54:44</t>
  </si>
  <si>
    <t>D:\21_11_2019 - PC ALGAR TECH\Desktop - 12-11-19\PreVendas - Governo Diogo\SEGER\BP.xlsb</t>
  </si>
  <si>
    <t>D:\21_11_2019 - PC ALGAR TECH\Desktop - 12-11-19\PreVendas - Governo Diogo\SEGER\Dimensionamento_ITSM.xlsx</t>
  </si>
  <si>
    <t>11/21/2019 20:54:47</t>
  </si>
  <si>
    <t>D:\21_11_2019 - PC ALGAR TECH\Desktop - 12-11-19\PreVendas - Governo Diogo\SEGER\Operação Dedicada 7,5%.xlsb</t>
  </si>
  <si>
    <t>11/21/2019 20:54:51</t>
  </si>
  <si>
    <t>D:\21_11_2019 - PC ALGAR TECH\Desktop - 12-11-19\PreVendas - Governo Diogo\SEGER\Operação Dedicada.xlsb</t>
  </si>
  <si>
    <t>D:\21_11_2019 - PC ALGAR TECH\Desktop - 12-11-19\PreVendas - Governo Diogo\SEGER\Racional Chamado.xlsx</t>
  </si>
  <si>
    <t>11/21/2019 20:54:52</t>
  </si>
  <si>
    <t>D:\21_11_2019 - PC ALGAR TECH\Desktop - 12-11-19\PreVendas - Governo Diogo\SEPLAG MG\Cópia de Planilha de Preço - Serviços Gerenciados.xlsb</t>
  </si>
  <si>
    <t>11/21/2019 20:54:53</t>
  </si>
  <si>
    <t>D:\21_11_2019 - PC ALGAR TECH\Desktop - 12-11-19\PreVendas - Governo Diogo\SEPLAG MG\Precificação.xlsb</t>
  </si>
  <si>
    <t>11/21/2019 20:54:58</t>
  </si>
  <si>
    <t>D:\21_11_2019 - PC ALGAR TECH\Desktop - 12-11-19\PreVendas - Governo Diogo\SERPRO\Cotação.xlsb</t>
  </si>
  <si>
    <t>11/21/2019 20:55:01</t>
  </si>
  <si>
    <t>D:\21_11_2019 - PC ALGAR TECH\Desktop - 12-11-19\PreVendas - Governo Diogo\SERPRO\Preço.xlsb</t>
  </si>
  <si>
    <t>11/21/2019 20:55:04</t>
  </si>
  <si>
    <t>D:\21_11_2019 - PC ALGAR TECH\Desktop - 12-11-19\PreVendas - Governo Diogo\SERPRO\Emergencial\Cópia de Planilha de Preço - Serviços Gerenciados.xlsb</t>
  </si>
  <si>
    <t>11/21/2019 20:55:05</t>
  </si>
  <si>
    <t>D:\21_11_2019 - PC ALGAR TECH\Desktop - 12-11-19\PreVendas - Governo Diogo\SERPRO\Emergencial\Desonerado FDS Reduzido.xlsb</t>
  </si>
  <si>
    <t>D:\21_11_2019 - PC ALGAR TECH\Desktop - 12-11-19\PreVendas - Governo Diogo\SERPRO\Emergencial\Desonerado.xlsb</t>
  </si>
  <si>
    <t>11/21/2019 20:55:07</t>
  </si>
  <si>
    <t>D:\21_11_2019 - PC ALGAR TECH\Desktop - 12-11-19\PreVendas - Governo Diogo\STM\Precificação com Adoção.xlsb</t>
  </si>
  <si>
    <t>D:\21_11_2019 - PC ALGAR TECH\Desktop - 12-11-19\PreVendas - Governo Diogo\STM\2016\IN02 - GERAL.xlsx</t>
  </si>
  <si>
    <t>11/21/2019 20:55:09</t>
  </si>
  <si>
    <t>D:\21_11_2019 - PC ALGAR TECH\Desktop - 12-11-19\PreVendas - Governo Diogo\STM\2016\Preço.xlsb</t>
  </si>
  <si>
    <t>11/21/2019 20:55:10</t>
  </si>
  <si>
    <t>D:\21_11_2019 - PC ALGAR TECH\Desktop - 12-11-19\PreVendas - Governo Diogo\STM\2016\Proposta.xlsx</t>
  </si>
  <si>
    <t>11/21/2019 20:55:12</t>
  </si>
  <si>
    <t>D:\21_11_2019 - PC ALGAR TECH\Desktop - 12-11-19\PreVendas - Governo Diogo\STN\2018\preço.xlsb</t>
  </si>
  <si>
    <t>11/21/2019 20:55:15</t>
  </si>
  <si>
    <t>D:\21_11_2019 - PC ALGAR TECH\Desktop - 12-11-19\PreVendas - Governo Diogo\STN\2018\Assessoria\STN - ASSESSORIA - Aprovado.xlsx</t>
  </si>
  <si>
    <t>D:\21_11_2019 - PC ALGAR TECH\Desktop - 12-11-19\PreVendas - Governo Diogo\STN\2018\SD\preço.xlsx</t>
  </si>
  <si>
    <t>D:\21_11_2019 - PC ALGAR TECH\Desktop - 12-11-19\PreVendas - Governo Diogo\STRATURA\Anexo V - Proposta Comercial (ENVIO).xls</t>
  </si>
  <si>
    <t>D:\21_11_2019 - PC ALGAR TECH\Desktop - 12-11-19\PreVendas - Governo Diogo\STRATURA\Anexo V - Proposta Comercial.xls</t>
  </si>
  <si>
    <t>11/21/2019 20:55:16</t>
  </si>
  <si>
    <t>D:\21_11_2019 - PC ALGAR TECH\Desktop - 12-11-19\PreVendas - Governo Diogo\STRATURA\DFP.xlsx</t>
  </si>
  <si>
    <t>11/21/2019 20:55:18</t>
  </si>
  <si>
    <t>D:\21_11_2019 - PC ALGAR TECH\Desktop - 12-11-19\PreVendas - Governo Diogo\STRATURA\Preço.xlsb</t>
  </si>
  <si>
    <t>D:\21_11_2019 - PC ALGAR TECH\Desktop - 12-11-19\PreVendas - Governo Diogo\STRATURA\2018\Cotação\Anexo II - Planilha de Preço.xlsx</t>
  </si>
  <si>
    <t>11/21/2019 20:55:19</t>
  </si>
  <si>
    <t>D:\21_11_2019 - PC ALGAR TECH\Desktop - 12-11-19\PreVendas - Governo Diogo\TBG\Adoção.xlsx</t>
  </si>
  <si>
    <t>D:\21_11_2019 - PC ALGAR TECH\Desktop - 12-11-19\PreVendas - Governo Diogo\TBG\ANEXO VII - PLANILHA DE PREÇOS DE SERV EVENTUAIS Rev 0-1.xls</t>
  </si>
  <si>
    <t>11/21/2019 20:55:20</t>
  </si>
  <si>
    <t>D:\21_11_2019 - PC ALGAR TECH\Desktop - 12-11-19\PreVendas - Governo Diogo\TBG\Planilha de Custos.xlsx</t>
  </si>
  <si>
    <t>11/21/2019 20:55:22</t>
  </si>
  <si>
    <t>D:\21_11_2019 - PC ALGAR TECH\Desktop - 12-11-19\PreVendas - Governo Diogo\TBG\Precificação com Adoção.xlsb</t>
  </si>
  <si>
    <t>D:\21_11_2019 - PC ALGAR TECH\Desktop - 12-11-19\PreVendas - Governo Diogo\TBG\Premissa de dimensionamento.xlsx</t>
  </si>
  <si>
    <t>D:\21_11_2019 - PC ALGAR TECH\Desktop - 12-11-19\PreVendas - Governo Diogo\TBG\Aluisio\DFP ENVIO.xlsx</t>
  </si>
  <si>
    <t>D:\21_11_2019 - PC ALGAR TECH\Desktop - 12-11-19\PreVendas - Governo Diogo\TBG\Aluisio\DFP TBG.xls</t>
  </si>
  <si>
    <t>D:\21_11_2019 - PC ALGAR TECH\Desktop - 12-11-19\PreVendas - Governo Diogo\TBG\Aluisio\PPU.xlsx</t>
  </si>
  <si>
    <t>11/21/2019 20:55:24</t>
  </si>
  <si>
    <t>D:\21_11_2019 - PC ALGAR TECH\Desktop - 12-11-19\PreVendas - Governo Diogo\TBG\Material de Licitação\ANEXO VI - DEMONSTRATIVO DE FORMAÄ«O DE PREÄOS.xlsx</t>
  </si>
  <si>
    <t>11/21/2019 20:55:27</t>
  </si>
  <si>
    <t>D:\21_11_2019 - PC ALGAR TECH\Desktop - 12-11-19\PreVendas - Governo Diogo\TCU\Novo BP.xlsb</t>
  </si>
  <si>
    <t>11/21/2019 20:55:30</t>
  </si>
  <si>
    <t>D:\21_11_2019 - PC ALGAR TECH\Desktop - 12-11-19\PreVendas - Governo Diogo\TCU\2017\Completo.xlsb</t>
  </si>
  <si>
    <t>11/21/2019 20:55:31</t>
  </si>
  <si>
    <t>D:\21_11_2019 - PC ALGAR TECH\Desktop - 12-11-19\PreVendas - Governo Diogo\TCU\2017\Documentação.xlsb</t>
  </si>
  <si>
    <t>D:\21_11_2019 - PC ALGAR TECH\Desktop - 12-11-19\PreVendas - Governo Diogo\TCU\2017\Escala.xlsx</t>
  </si>
  <si>
    <t>11/21/2019 20:55:32</t>
  </si>
  <si>
    <t>D:\21_11_2019 - PC ALGAR TECH\Desktop - 12-11-19\PreVendas - Governo Diogo\TCU\2017\NOC+BCKP.xlsb</t>
  </si>
  <si>
    <t>11/21/2019 20:55:34</t>
  </si>
  <si>
    <t>D:\21_11_2019 - PC ALGAR TECH\Desktop - 12-11-19\PreVendas - Governo Diogo\TechMahindra\BP.xlsb</t>
  </si>
  <si>
    <t>11/21/2019 20:55:35</t>
  </si>
  <si>
    <t>D:\21_11_2019 - PC ALGAR TECH\Desktop - 12-11-19\PreVendas - Governo Diogo\TERRACAP\preço.xlsb</t>
  </si>
  <si>
    <t>11/21/2019 20:55:37</t>
  </si>
  <si>
    <t>D:\21_11_2019 - PC ALGAR TECH\Desktop - 12-11-19\PreVendas - Governo Diogo\TIM\Professional Services\RFQ _ A4216_RFQ_52216 - Managed Services\Anexo II - LPU.xlsx</t>
  </si>
  <si>
    <t>11/21/2019 20:55:39</t>
  </si>
  <si>
    <t>D:\21_11_2019 - PC ALGAR TECH\Desktop - 12-11-19\PreVendas - Governo Diogo\TJES\BP Inicial.xlsb</t>
  </si>
  <si>
    <t>D:\21_11_2019 - PC ALGAR TECH\Desktop - 12-11-19\PreVendas - Governo Diogo\TJMG\Dimensionamento e Racionais.xlsx</t>
  </si>
  <si>
    <t>11/21/2019 20:55:40</t>
  </si>
  <si>
    <t>D:\21_11_2019 - PC ALGAR TECH\Desktop - 12-11-19\PreVendas - Governo Diogo\TJMG\Preço.xlsb</t>
  </si>
  <si>
    <t>11/21/2019 20:55:53</t>
  </si>
  <si>
    <t>D:\21_11_2019 - PC ALGAR TECH\Desktop - 12-11-19\PreVendas - Governo Diogo\TJMG\TJMG.zip</t>
  </si>
  <si>
    <t>11/21/2019 20:56:00</t>
  </si>
  <si>
    <t>D:\21_11_2019 - PC ALGAR TECH\Desktop - 12-11-19\PreVendas - Governo Diogo\TJMG\2016\Antigo 2011 para análise\anexo lote 1\edital033_lote1_doc1.xls</t>
  </si>
  <si>
    <t>D:\21_11_2019 - PC ALGAR TECH\Desktop - 12-11-19\PreVendas - Governo Diogo\TJMG\2016\Antigo 2011 para análise\anexo lote 1\edital033_lote1_doc2.xls</t>
  </si>
  <si>
    <t>D:\21_11_2019 - PC ALGAR TECH\Desktop - 12-11-19\PreVendas - Governo Diogo\TJMG\2016\Antigo 2011 para análise\anexo lote 1\edital033_lote1_doc3.xls</t>
  </si>
  <si>
    <t>11/21/2019 20:56:01</t>
  </si>
  <si>
    <t>D:\21_11_2019 - PC ALGAR TECH\Desktop - 12-11-19\PreVendas - Governo Diogo\TJMG\2016\Antigo 2011 para análise\anexo lote 1\edital033_lote1_doc5.xls</t>
  </si>
  <si>
    <t>11/21/2019 20:56:02</t>
  </si>
  <si>
    <t>D:\21_11_2019 - PC ALGAR TECH\Desktop - 12-11-19\PreVendas - Governo Diogo\TJMG\2016\Antigo 2011 para análise\anexo lote 1\edital033_lote1_doc7.xls</t>
  </si>
  <si>
    <t>11/21/2019 20:56:07</t>
  </si>
  <si>
    <t>D:\21_11_2019 - PC ALGAR TECH\Desktop - 12-11-19\PreVendas - Governo Diogo\TJMG\2016\Antigo 2011 para análise\lote 2\edital033_lote2_doc1.xls</t>
  </si>
  <si>
    <t>11/21/2019 20:56:08</t>
  </si>
  <si>
    <t>D:\21_11_2019 - PC ALGAR TECH\Desktop - 12-11-19\PreVendas - Governo Diogo\TJMG\2016\Antigo 2011 para análise\lote 2\edital033_lote2_doc2.xls</t>
  </si>
  <si>
    <t>D:\21_11_2019 - PC ALGAR TECH\Desktop - 12-11-19\PreVendas - Governo Diogo\TJMG\2016\Antigo 2011 para análise\lote 2\edital033_lote2_doc3.xls</t>
  </si>
  <si>
    <t>D:\21_11_2019 - PC ALGAR TECH\Desktop - 12-11-19\PreVendas - Governo Diogo\TJMG\2016\Antigo 2011 para análise\lote 2\edital033_lote2_doc4.xls</t>
  </si>
  <si>
    <t>D:\21_11_2019 - PC ALGAR TECH\Desktop - 12-11-19\PreVendas - Governo Diogo\TJMG\2016\Antigo 2011 para análise\lote 2\edital033_lote2_doc5.xls</t>
  </si>
  <si>
    <t>D:\21_11_2019 - PC ALGAR TECH\Desktop - 12-11-19\PreVendas - Governo Diogo\TJMG\2016\Antigo 2011 para análise\lote 2\edital033_lote2_doc6.xls</t>
  </si>
  <si>
    <t>D:\21_11_2019 - PC ALGAR TECH\Desktop - 12-11-19\PreVendas - Governo Diogo\TJMG\2016\Publicado\Racional Volumetria.xlsx</t>
  </si>
  <si>
    <t>11/21/2019 20:56:09</t>
  </si>
  <si>
    <t>D:\21_11_2019 - PC ALGAR TECH\Desktop - 12-11-19\PreVendas - Governo Diogo\TJMG\30-11-15\Racional Cotação.xlsx</t>
  </si>
  <si>
    <t>11/21/2019 20:56:10</t>
  </si>
  <si>
    <t>D:\21_11_2019 - PC ALGAR TECH\Desktop - 12-11-19\PreVendas - Governo Diogo\TJMG\TR e Anexos\ANEXO IX-A - Relação de peças de reposição (2014-11-26).xlsx</t>
  </si>
  <si>
    <t>11/21/2019 20:56:19</t>
  </si>
  <si>
    <t>D:\21_11_2019 - PC ALGAR TECH\Desktop - 12-11-19\PreVendas - Governo Diogo\TJMG\TR e Anexos\ANEXO IX-B - Relação de Equipamentos de informática.xlsx</t>
  </si>
  <si>
    <t>11/21/2019 20:56:20</t>
  </si>
  <si>
    <t>D:\21_11_2019 - PC ALGAR TECH\Desktop - 12-11-19\PreVendas - Governo Diogo\TJMG\TR e Anexos\ANEXO IX-C - Estimativa de Evolução do parque de equipamentos (2014-11-07).xls</t>
  </si>
  <si>
    <t>D:\21_11_2019 - PC ALGAR TECH\Desktop - 12-11-19\PreVendas - Governo Diogo\TJMG\TR e Anexos\ANEXO IX-D - Volumetria de incidentes.xlsx</t>
  </si>
  <si>
    <t>11/21/2019 20:56:22</t>
  </si>
  <si>
    <t>D:\21_11_2019 - PC ALGAR TECH\Desktop - 12-11-19\PreVendas - Governo Diogo\TJMG\TR e Anexos\ANEXO X-A - Estimativa de Custos.xlsx</t>
  </si>
  <si>
    <t>11/21/2019 20:56:23</t>
  </si>
  <si>
    <t>D:\21_11_2019 - PC ALGAR TECH\Desktop - 12-11-19\PreVendas - Governo Diogo\TJMS\Precificação Adoção TJMS.xlsx</t>
  </si>
  <si>
    <t>D:\21_11_2019 - PC ALGAR TECH\Desktop - 12-11-19\PreVendas - Governo Diogo\TJMS\Cotação\Cotação.xlsb</t>
  </si>
  <si>
    <t>D:\21_11_2019 - PC ALGAR TECH\Desktop - 12-11-19\PreVendas - Governo Diogo\TJMS\Edital\Cotação.xlsb</t>
  </si>
  <si>
    <t>11/21/2019 20:56:24</t>
  </si>
  <si>
    <t>D:\21_11_2019 - PC ALGAR TECH\Desktop - 12-11-19\PreVendas - Governo Diogo\TJMS\Preço\Preco Com PBM - TJMS.xlsb</t>
  </si>
  <si>
    <t>D:\21_11_2019 - PC ALGAR TECH\Desktop - 12-11-19\PreVendas - Governo Diogo\TJMS\Preço\Preco-TJMS-PBM.xlsb</t>
  </si>
  <si>
    <t>11/21/2019 20:56:25</t>
  </si>
  <si>
    <t>D:\21_11_2019 - PC ALGAR TECH\Desktop - 12-11-19\PreVendas - Governo Diogo\TJRJ\Desenho.xlsx</t>
  </si>
  <si>
    <t>11/21/2019 20:56:27</t>
  </si>
  <si>
    <t>D:\21_11_2019 - PC ALGAR TECH\Desktop - 12-11-19\PreVendas - Governo Diogo\TJRJ\Preco.xlsb</t>
  </si>
  <si>
    <t>D:\21_11_2019 - PC ALGAR TECH\Desktop - 12-11-19\PreVendas - Governo Diogo\TJRJ\Proposta.xlsx</t>
  </si>
  <si>
    <t>11/21/2019 20:56:28</t>
  </si>
  <si>
    <t>D:\21_11_2019 - PC ALGAR TECH\Desktop - 12-11-19\PreVendas - Governo Diogo\transit\BP Preço C010 B010.xlsb</t>
  </si>
  <si>
    <t>D:\21_11_2019 - PC ALGAR TECH\Desktop - 12-11-19\PreVendas - Governo Diogo\transit\pricing.xlsx</t>
  </si>
  <si>
    <t>11/21/2019 20:56:31</t>
  </si>
  <si>
    <t>D:\21_11_2019 - PC ALGAR TECH\Desktop - 12-11-19\PreVendas - Governo Diogo\Transpetro\Atendimento VIP 2.xlsb</t>
  </si>
  <si>
    <t>11/21/2019 20:56:33</t>
  </si>
  <si>
    <t>D:\21_11_2019 - PC ALGAR TECH\Desktop - 12-11-19\PreVendas - Governo Diogo\Transpetro\Atendimento VIP jul-2019.xlsb</t>
  </si>
  <si>
    <t>11/21/2019 20:56:35</t>
  </si>
  <si>
    <t>D:\21_11_2019 - PC ALGAR TECH\Desktop - 12-11-19\PreVendas - Governo Diogo\Transpetro\Atendimento VIP.xlsb</t>
  </si>
  <si>
    <t>11/21/2019 20:56:36</t>
  </si>
  <si>
    <t>D:\21_11_2019 - PC ALGAR TECH\Desktop - 12-11-19\PreVendas - Governo Diogo\Transpetro\2019\TRANSPETRO - 7002420707 - SUPORTE INFRA DE TI - 12.03.2019.zip</t>
  </si>
  <si>
    <t>11/21/2019 20:56:37</t>
  </si>
  <si>
    <t>D:\21_11_2019 - PC ALGAR TECH\Desktop - 12-11-19\PreVendas - Governo Diogo\Transpetro\2019\TRANSPETRO - 7002420707 - SUPORTE INFRA DE TI - 12.03.2019\Adendos do Edital.zip</t>
  </si>
  <si>
    <t>11/21/2019 20:56:39</t>
  </si>
  <si>
    <t>D:\21_11_2019 - PC ALGAR TECH\Desktop - 12-11-19\PreVendas - Governo Diogo\Transpetro\2019\TRANSPETRO - 7002420707 - SUPORTE INFRA DE TI - 12.03.2019\Adendos do Edital\Adendos do Edital\Adendo C - Demonstrativo de Formação de Preços (DFP).xlsm</t>
  </si>
  <si>
    <t>11/21/2019 20:56:41</t>
  </si>
  <si>
    <t>D:\21_11_2019 - PC ALGAR TECH\Desktop - 12-11-19\PreVendas - Governo Diogo\TRF\Cenario_para_composicao_dos_precos_(Anexo_XII).xlsx</t>
  </si>
  <si>
    <t>11/21/2019 20:56:43</t>
  </si>
  <si>
    <t>D:\21_11_2019 - PC ALGAR TECH\Desktop - 12-11-19\PreVendas - Governo Diogo\TRF\lote 2.xlsb</t>
  </si>
  <si>
    <t>11/21/2019 20:56:46</t>
  </si>
  <si>
    <t>D:\21_11_2019 - PC ALGAR TECH\Desktop - 12-11-19\PreVendas - Governo Diogo\TRF\Preço 1.xlsb</t>
  </si>
  <si>
    <t>11/21/2019 20:56:47</t>
  </si>
  <si>
    <t>D:\21_11_2019 - PC ALGAR TECH\Desktop - 12-11-19\PreVendas - Governo Diogo\TRF\Preço 2.xlsb</t>
  </si>
  <si>
    <t>11/21/2019 20:56:51</t>
  </si>
  <si>
    <t>D:\21_11_2019 - PC ALGAR TECH\Desktop - 12-11-19\PreVendas - Governo Diogo\TRF\SD 2017 Subseções\BSB.xlsb</t>
  </si>
  <si>
    <t>11/21/2019 20:56:52</t>
  </si>
  <si>
    <t>D:\21_11_2019 - PC ALGAR TECH\Desktop - 12-11-19\PreVendas - Governo Diogo\TRF\SD 2017 Subseções\Catalogo_de_Servicos_(Anexo_IV).xlsx</t>
  </si>
  <si>
    <t>D:\21_11_2019 - PC ALGAR TECH\Desktop - 12-11-19\PreVendas - Governo Diogo\TRF\SD 2017 Subseções\Cenario_para_composicao_dos_precos_(Anexo_XII).xlsx</t>
  </si>
  <si>
    <t>11/21/2019 20:56:54</t>
  </si>
  <si>
    <t>D:\21_11_2019 - PC ALGAR TECH\Desktop - 12-11-19\PreVendas - Governo Diogo\TRF\SD 2017 Subseções\GYN.xlsb</t>
  </si>
  <si>
    <t>D:\21_11_2019 - PC ALGAR TECH\Desktop - 12-11-19\PreVendas - Governo Diogo\TRF\SD 2017 Subseções\Sizing.xlsx</t>
  </si>
  <si>
    <t>11/21/2019 20:56:55</t>
  </si>
  <si>
    <t>D:\21_11_2019 - PC ALGAR TECH\Desktop - 12-11-19\PreVendas - Governo Diogo\TRT - SE\Dimensionamento.xlsx</t>
  </si>
  <si>
    <t>11/21/2019 20:56:56</t>
  </si>
  <si>
    <t>D:\21_11_2019 - PC ALGAR TECH\Desktop - 12-11-19\PreVendas - Governo Diogo\TRT-SP\Pricing.xlsb</t>
  </si>
  <si>
    <t>D:\21_11_2019 - PC ALGAR TECH\Desktop - 12-11-19\PreVendas - Governo Diogo\TRT10\Custo da Implantação.xls</t>
  </si>
  <si>
    <t>D:\21_11_2019 - PC ALGAR TECH\Desktop - 12-11-19\PreVendas - Governo Diogo\TRT10\Dimensionamento-TRT.xlsx</t>
  </si>
  <si>
    <t>11/21/2019 20:56:58</t>
  </si>
  <si>
    <t>D:\21_11_2019 - PC ALGAR TECH\Desktop - 12-11-19\PreVendas - Governo Diogo\TRT10\Preço-TRT-Cenario-Confortavel.xlsb</t>
  </si>
  <si>
    <t>11/21/2019 20:56:59</t>
  </si>
  <si>
    <t>D:\21_11_2019 - PC ALGAR TECH\Desktop - 12-11-19\PreVendas - Governo Diogo\TRT10\Preço-TRT-Cenario-Risco - Atualizado.xlsb</t>
  </si>
  <si>
    <t>D:\21_11_2019 - PC ALGAR TECH\Desktop - 12-11-19\PreVendas - Governo Diogo\TRT10\Preço-TRT-Cenario-Risco.xlsb</t>
  </si>
  <si>
    <t>D:\21_11_2019 - PC ALGAR TECH\Desktop - 12-11-19\PreVendas - Governo Diogo\TRT10\Preço-TRT-FINAL.xlsb</t>
  </si>
  <si>
    <t>D:\21_11_2019 - PC ALGAR TECH\Desktop - 12-11-19\PreVendas - Governo Diogo\TRT10\Volumes Edital.xlsx</t>
  </si>
  <si>
    <t>D:\21_11_2019 - PC ALGAR TECH\Desktop - 12-11-19\PreVendas - Governo Diogo\TRT10\2016\Cotação\26-07-2016\Cotação.xlsx</t>
  </si>
  <si>
    <t>11/21/2019 20:57:00</t>
  </si>
  <si>
    <t>D:\21_11_2019 - PC ALGAR TECH\Desktop - 12-11-19\PreVendas - Governo Diogo\TRT10\2018\pricing TRT10.xlsx</t>
  </si>
  <si>
    <t>D:\21_11_2019 - PC ALGAR TECH\Desktop - 12-11-19\PreVendas - Governo Diogo\TRT10\2018\Volumetria.xlsx</t>
  </si>
  <si>
    <t>D:\21_11_2019 - PC ALGAR TECH\Desktop - 12-11-19\PreVendas - Governo Diogo\TRT2\Cotação.xlsx</t>
  </si>
  <si>
    <t>11/21/2019 20:57:03</t>
  </si>
  <si>
    <t>D:\21_11_2019 - PC ALGAR TECH\Desktop - 12-11-19\PreVendas - Governo Diogo\TSE\Preço (Gerente Cheio).xlsb</t>
  </si>
  <si>
    <t>11/21/2019 20:57:04</t>
  </si>
  <si>
    <t>D:\21_11_2019 - PC ALGAR TECH\Desktop - 12-11-19\PreVendas - Governo Diogo\TSE\Preço.xlsb</t>
  </si>
  <si>
    <t>11/21/2019 20:57:06</t>
  </si>
  <si>
    <t>D:\21_11_2019 - PC ALGAR TECH\Desktop - 12-11-19\PreVendas - Governo Diogo\TSE\Preço_Final.xlsb</t>
  </si>
  <si>
    <t>D:\21_11_2019 - PC ALGAR TECH\Desktop - 12-11-19\PreVendas - Governo Diogo\TSE\Simulação Projeto.xlsx</t>
  </si>
  <si>
    <t>D:\21_11_2019 - PC ALGAR TECH\Desktop - 12-11-19\PreVendas - Governo Diogo\TSE\Tarefas Catálogo de Serviços -COINF v2.0.xlsx</t>
  </si>
  <si>
    <t>11/21/2019 20:57:10</t>
  </si>
  <si>
    <t>D:\21_11_2019 - PC ALGAR TECH\Desktop - 12-11-19\PreVendas - Governo Diogo\TST\CNA\2014\TST\CAPEX-TST 40 PAs.xlsx</t>
  </si>
  <si>
    <t>11/21/2019 20:57:13</t>
  </si>
  <si>
    <t>D:\21_11_2019 - PC ALGAR TECH\Desktop - 12-11-19\PreVendas - Governo Diogo\TST\CNA\2014\TST\Planilha de Preço - Serviços Gerenciados.xlsm</t>
  </si>
  <si>
    <t>D:\21_11_2019 - PC ALGAR TECH\Desktop - 12-11-19\PreVendas - Governo Diogo\TST\CNA\Cotação\cotação.xlsb</t>
  </si>
  <si>
    <t>11/21/2019 20:57:14</t>
  </si>
  <si>
    <t>D:\21_11_2019 - PC ALGAR TECH\Desktop - 12-11-19\PreVendas - Governo Diogo\TST\CNA\Cotação\Orçamento CNA - fornecedores.xlsx</t>
  </si>
  <si>
    <t>D:\21_11_2019 - PC ALGAR TECH\Desktop - 12-11-19\PreVendas - Governo Diogo\TST\CNA\Emergencial\COM PBM v2.xlsb</t>
  </si>
  <si>
    <t>11/21/2019 20:57:17</t>
  </si>
  <si>
    <t>D:\21_11_2019 - PC ALGAR TECH\Desktop - 12-11-19\PreVendas - Governo Diogo\TST\CNA\Emergencial\COM PBM.xlsb</t>
  </si>
  <si>
    <t>11/21/2019 20:57:21</t>
  </si>
  <si>
    <t>D:\21_11_2019 - PC ALGAR TECH\Desktop - 12-11-19\PreVendas - Governo Diogo\TST\CNA\Emergencial\PMO Governança - Análise de Oportunidade - TST.pptx</t>
  </si>
  <si>
    <t>11/21/2019 20:57:24</t>
  </si>
  <si>
    <t>D:\21_11_2019 - PC ALGAR TECH\Desktop - 12-11-19\PreVendas - Governo Diogo\TST\CNA\Emergencial\Sem PBM.xlsb</t>
  </si>
  <si>
    <t>11/21/2019 20:57:26</t>
  </si>
  <si>
    <t>D:\21_11_2019 - PC ALGAR TECH\Desktop - 12-11-19\PreVendas - Governo Diogo\TST\CNA\Emergencial\TST.zip</t>
  </si>
  <si>
    <t>11/21/2019 20:57:29</t>
  </si>
  <si>
    <t>D:\21_11_2019 - PC ALGAR TECH\Desktop - 12-11-19\PreVendas - Governo Diogo\TST\SD\Cópia de Planilha de Preço - Serviços Gerenciados.xlsb</t>
  </si>
  <si>
    <t>D:\21_11_2019 - PC ALGAR TECH\Desktop - 12-11-19\PreVendas - Governo Diogo\TST\SD\estudo.xlsx</t>
  </si>
  <si>
    <t>11/21/2019 20:57:32</t>
  </si>
  <si>
    <t>D:\21_11_2019 - PC ALGAR TECH\Desktop - 12-11-19\PreVendas - Governo Diogo\UNIMED-BH\Planilha de Preço - Serviços Gerenciados.xlsb</t>
  </si>
  <si>
    <t>11/21/2019 20:57:34</t>
  </si>
  <si>
    <t>D:\21_11_2019 - PC ALGAR TECH\Desktop - 12-11-19\PreVendas - Governo Diogo\VALE\SDC 5000224776.zip</t>
  </si>
  <si>
    <t>11/21/2019 20:57:35</t>
  </si>
  <si>
    <t>D:\21_11_2019 - PC ALGAR TECH\Desktop - 12-11-19\PreVendas - Governo Diogo\VALE\ITOC 2018\2 - Edital.zip</t>
  </si>
  <si>
    <t>D:\21_11_2019 - PC ALGAR TECH\Desktop - 12-11-19\PreVendas - Governo Diogo\VALE\ITOC 2018\LPU.xlsx</t>
  </si>
  <si>
    <t>11/21/2019 20:57:36</t>
  </si>
  <si>
    <t>D:\21_11_2019 - PC ALGAR TECH\Desktop - 12-11-19\PreVendas - Governo Diogo\VALE\ITOC 2018\2 - Edital\3 - Questionamentos_formulário.xlsx</t>
  </si>
  <si>
    <t>11/21/2019 20:57:39</t>
  </si>
  <si>
    <t>D:\21_11_2019 - PC ALGAR TECH\Desktop - 12-11-19\PreVendas - Governo Diogo\VALE\ITOC 2019\5 - Appendix V - ITOC N1 QQP (Price List).xlsm</t>
  </si>
  <si>
    <t>D:\21_11_2019 - PC ALGAR TECH\Desktop - 12-11-19\PreVendas - Governo Diogo\VALE\ITOC 2019\6 - Appendix VI - QQP- N2N3-Eng-RegDelivery.xlsm</t>
  </si>
  <si>
    <t>11/21/2019 20:57:42</t>
  </si>
  <si>
    <t>D:\21_11_2019 - PC ALGAR TECH\Desktop - 12-11-19\PreVendas - Governo Diogo\VALE\ITOC 2019\C - Questionamentos_formulário.xlsx</t>
  </si>
  <si>
    <t>11/21/2019 20:57:44</t>
  </si>
  <si>
    <t>D:\21_11_2019 - PC ALGAR TECH\Desktop - 12-11-19\PreVendas - Governo Diogo\VALE\ITOC 2019\F - QQP.zip</t>
  </si>
  <si>
    <t>11/21/2019 20:57:47</t>
  </si>
  <si>
    <t>D:\21_11_2019 - PC ALGAR TECH\Desktop - 12-11-19\PreVendas - Governo Diogo\Vallourec\Anexos Contratuais de I a IX - RFP 2018 - Full Outsourcing.xlsx</t>
  </si>
  <si>
    <t>D:\21_11_2019 - PC ALGAR TECH\Desktop - 12-11-19\PreVendas - Governo Diogo\Vallourec\Pasta1.xlsx</t>
  </si>
  <si>
    <t>D:\21_11_2019 - PC ALGAR TECH\Desktop - 12-11-19\PreVendas - Governo Diogo\WIKINET\Pricing.xlsx</t>
  </si>
  <si>
    <t>11/21/2019 20:57:49</t>
  </si>
  <si>
    <t>D:\21_11_2019 - PC ALGAR TECH\Desktop - 12-11-19\Teste BP\BP Preço C017 B017-Renault Latam LOT5 (insite) v1.7 - 26%MC (fechamento pós BAFO) - Suelen.xlsb</t>
  </si>
  <si>
    <t>11/21/2019 20:57:52</t>
  </si>
  <si>
    <t>D:\21_11_2019 - PC ALGAR TECH\Desktop - 12-11-19\Teste BP\Cópia de 216428_IBM_CMOC_Field_SP_v1_(C017_B017).xlsb</t>
  </si>
  <si>
    <t>11/21/2019 20:58:22</t>
  </si>
  <si>
    <t>C:\Users\suelenmm\OneDrive - Grupo Algar\Download - 11-12\0. Negociação Algar Tech x TIM v3.zip\</t>
  </si>
  <si>
    <t>1. LPU - Servi‡os de Refor‡o Preventivo de Estruturas Verticais - REV1 110216.xls</t>
  </si>
  <si>
    <t>D:\21_11_2019 - PC ALGAR TECH\Download - 11-12\0. Negociação Algar Tech x TIM v3.zip</t>
  </si>
  <si>
    <t>2. LPU COW.xlsx</t>
  </si>
  <si>
    <t>3. LPU SEGURAN€A DE SITES.xlsx</t>
  </si>
  <si>
    <t>4. LPU Otimiza‡Æo F¡sica.xlsx</t>
  </si>
  <si>
    <t>5. Anexo II - LPU Servi‡os.xlsx</t>
  </si>
  <si>
    <t>6. LPU Manuten‡Æo de Campo VSATs.xlsx</t>
  </si>
  <si>
    <t>7a. ANEXO I - LPU - Lista de Pre‡os Unit rios - TNE- V_TARGET.xls</t>
  </si>
  <si>
    <t>7b. ANEXO I - LPU - Lista de Pre‡os Unit rios - TNO- V_TARGET.xls</t>
  </si>
  <si>
    <t>7c. ANEXO I - LPU - Lista de Pre‡os Unit rios - TSL_TARGET.xls</t>
  </si>
  <si>
    <t>11/21/2019 20:58:23</t>
  </si>
  <si>
    <t>C:\Users\suelenmm\OneDrive - Grupo Algar\Download - 11-12\0. Negociação Algar Tech x TIM v4.zip\</t>
  </si>
  <si>
    <t>D:\21_11_2019 - PC ALGAR TECH\Download - 11-12\0. Negociação Algar Tech x TIM v4.zip</t>
  </si>
  <si>
    <t>11/21/2019 20:58:27</t>
  </si>
  <si>
    <t>C:\Users\suelenmm\OneDrive - Grupo Algar\Download - 11-12\0. Negociação Algar Tech x TIM v6.zip\</t>
  </si>
  <si>
    <t>D:\21_11_2019 - PC ALGAR TECH\Download - 11-12\0. Negociação Algar Tech x TIM v6.zip</t>
  </si>
  <si>
    <t>11/21/2019 20:58:29</t>
  </si>
  <si>
    <t>C:\Users\suelenmm\OneDrive - Grupo Algar\Download - 11-12\</t>
  </si>
  <si>
    <t>0310039fb99e453d86c89ddb19c966c9.csv</t>
  </si>
  <si>
    <t>D:\21_11_2019 - PC ALGAR TECH\Download - 11-12\0310039fb99e453d86c89ddb19c966c9.csv</t>
  </si>
  <si>
    <t>11/21/2019 20:58:31</t>
  </si>
  <si>
    <t>1-PRECO-HUAWEI - MEIA DIARIAS (FINAL) - PLANILHA NOVA.xlsb</t>
  </si>
  <si>
    <t>D:\21_11_2019 - PC ALGAR TECH\Download - 11-12\1-PRECO-HUAWEI - MEIA DIARIAS (FINAL) - PLANILHA NOVA.xlsb</t>
  </si>
  <si>
    <t>11/21/2019 20:58:37</t>
  </si>
  <si>
    <t>116263 - BP v6.xlsb</t>
  </si>
  <si>
    <t>D:\21_11_2019 - PC ALGAR TECH\Download - 11-12\116263 - BP v6.xlsb</t>
  </si>
  <si>
    <t>11/21/2019 20:58:41</t>
  </si>
  <si>
    <t>131585 - BP Preço C005 B006 (1).xlsb</t>
  </si>
  <si>
    <t>D:\21_11_2019 - PC ALGAR TECH\Download - 11-12\131585 - BP Preço C005 B006 (1).xlsb</t>
  </si>
  <si>
    <t>C:\Users\suelenmm\OneDrive - Grupo Algar\Download - 11-12\131585 - BP Preço C005 B006 (1).xlsb\</t>
  </si>
  <si>
    <t>11/21/2019 20:58:44</t>
  </si>
  <si>
    <t>131585 - BP Preço C005 B006.xlsb</t>
  </si>
  <si>
    <t>D:\21_11_2019 - PC ALGAR TECH\Download - 11-12\131585 - BP Preço C005 B006.xlsb</t>
  </si>
  <si>
    <t>C:\Users\suelenmm\OneDrive - Grupo Algar\Download - 11-12\131585 - BP Preço C005 B006.xlsb\</t>
  </si>
  <si>
    <t>11/21/2019 20:58:45</t>
  </si>
  <si>
    <t>132434 - BP Preço C005 B006-Algar Telecom.xlsb</t>
  </si>
  <si>
    <t>D:\21_11_2019 - PC ALGAR TECH\Download - 11-12\132434 - BP Preço C005 B006-Algar Telecom.xlsb</t>
  </si>
  <si>
    <t>C:\Users\suelenmm\OneDrive - Grupo Algar\Download - 11-12\132434 - BP Preço C005 B006-Algar Telecom.xlsb\</t>
  </si>
  <si>
    <t>11/21/2019 20:58:49</t>
  </si>
  <si>
    <t>135238 - BP Preço C004 B006-TIM FIBER-estrutura nova.xlsb</t>
  </si>
  <si>
    <t>D:\21_11_2019 - PC ALGAR TECH\Download - 11-12\135238 - BP Preço C004 B006-TIM FIBER-estrutura nova.xlsb</t>
  </si>
  <si>
    <t>C:\Users\suelenmm\OneDrive - Grupo Algar\Download - 11-12\135238 - BP Preço C004 B006-TIM FIBER-estrutura nova.xlsb\</t>
  </si>
  <si>
    <t>11/21/2019 20:58:51</t>
  </si>
  <si>
    <t>138520 - BP Preço C004 B006-TIM FIBER-estrutura existente (1).xlsb</t>
  </si>
  <si>
    <t>D:\21_11_2019 - PC ALGAR TECH\Download - 11-12\138520 - BP Preço C004 B006-TIM FIBER-estrutura existente (1).xlsb</t>
  </si>
  <si>
    <t>C:\Users\suelenmm\OneDrive - Grupo Algar\Download - 11-12\138520 - BP Preço C004 B006-TIM FIBER-estrutura existente (1).xlsb\</t>
  </si>
  <si>
    <t>11/21/2019 20:58:54</t>
  </si>
  <si>
    <t>138520 - BP Preço C004 B006-TIM FIBER-estrutura existente.xlsb</t>
  </si>
  <si>
    <t>D:\21_11_2019 - PC ALGAR TECH\Download - 11-12\138520 - BP Preço C004 B006-TIM FIBER-estrutura existente.xlsb</t>
  </si>
  <si>
    <t>C:\Users\suelenmm\OneDrive - Grupo Algar\Download - 11-12\138520 - BP Preço C004 B006-TIM FIBER-estrutura existente.xlsb\</t>
  </si>
  <si>
    <t>11/21/2019 20:58:56</t>
  </si>
  <si>
    <t>138521 - BP Preço C005 B006 - TIM Novas Localidades - v1 (1).xlsb</t>
  </si>
  <si>
    <t>D:\21_11_2019 - PC ALGAR TECH\Download - 11-12\138521 - BP Preço C005 B006 - TIM Novas Localidades - v1 (1).xlsb</t>
  </si>
  <si>
    <t>C:\Users\suelenmm\OneDrive - Grupo Algar\Download - 11-12\138521 - BP Preço C005 B006 - TIM Novas Localidades - v1 (1).xlsb\</t>
  </si>
  <si>
    <t>11/21/2019 20:58:58</t>
  </si>
  <si>
    <t>138521 - BP Preço C005 B006 - TIM Novas Localidades - v1.xlsb</t>
  </si>
  <si>
    <t>D:\21_11_2019 - PC ALGAR TECH\Download - 11-12\138521 - BP Preço C005 B006 - TIM Novas Localidades - v1.xlsb</t>
  </si>
  <si>
    <t>C:\Users\suelenmm\OneDrive - Grupo Algar\Download - 11-12\138521 - BP Preço C005 B006 - TIM Novas Localidades - v1.xlsb\</t>
  </si>
  <si>
    <t>11/21/2019 20:58:59</t>
  </si>
  <si>
    <t>139187 - TIWS - TRANSACIONAIS.xlsx</t>
  </si>
  <si>
    <t>D:\21_11_2019 - PC ALGAR TECH\Download - 11-12\139187 - TIWS - TRANSACIONAIS.xlsx</t>
  </si>
  <si>
    <t>11/21/2019 20:59:01</t>
  </si>
  <si>
    <t>139739 - BP - TRoca de rack e fusões.xlsb</t>
  </si>
  <si>
    <t>D:\21_11_2019 - PC ALGAR TECH\Download - 11-12\139739 - BP - TRoca de rack e fusões.xlsb</t>
  </si>
  <si>
    <t>C:\Users\suelenmm\OneDrive - Grupo Algar\Download - 11-12\139739 - BP - TRoca de rack e fusões.xlsb\</t>
  </si>
  <si>
    <t>140189 Calculo de MB consolidada.xlsx</t>
  </si>
  <si>
    <t>D:\21_11_2019 - PC ALGAR TECH\Download - 11-12\140189 Calculo de MB consolidada.xlsx</t>
  </si>
  <si>
    <t>11/21/2019 20:59:03</t>
  </si>
  <si>
    <t>140217 - LEVEL 3 - TRANSACIONAIS.xlsx</t>
  </si>
  <si>
    <t>D:\21_11_2019 - PC ALGAR TECH\Download - 11-12\140217 - LEVEL 3 - TRANSACIONAIS.xlsx</t>
  </si>
  <si>
    <t>11/21/2019 20:59:04</t>
  </si>
  <si>
    <t>140601 - LEVEL 3 - TRANSACIONAIS.xlsx</t>
  </si>
  <si>
    <t>D:\21_11_2019 - PC ALGAR TECH\Download - 11-12\140601 - LEVEL 3 - TRANSACIONAIS.xlsx</t>
  </si>
  <si>
    <t>11/21/2019 20:59:05</t>
  </si>
  <si>
    <t>C:\Users\suelenmm\OneDrive - Grupo Algar\Download - 11-12\140687 - TIM - Proposta_Técnica - v2 (1).zip\</t>
  </si>
  <si>
    <t>Atualiza‡Æo de Documentos.xlsx</t>
  </si>
  <si>
    <t>D:\21_11_2019 - PC ALGAR TECH\Download - 11-12\140687 - TIM - Proposta_Técnica - v2 (1).zip</t>
  </si>
  <si>
    <t>C:\Users\suelenmm\OneDrive - Grupo Algar\Download - 11-12\140687 - TIM - Proposta_Técnica - v2 (2).zip\</t>
  </si>
  <si>
    <t>D:\21_11_2019 - PC ALGAR TECH\Download - 11-12\140687 - TIM - Proposta_Técnica - v2 (2).zip</t>
  </si>
  <si>
    <t>11/21/2019 20:59:06</t>
  </si>
  <si>
    <t>C:\Users\suelenmm\OneDrive - Grupo Algar\Download - 11-12\140687 - TIM - Proposta_Técnica - v2 (3).zip\</t>
  </si>
  <si>
    <t>D:\21_11_2019 - PC ALGAR TECH\Download - 11-12\140687 - TIM - Proposta_Técnica - v2 (3).zip</t>
  </si>
  <si>
    <t>C:\Users\suelenmm\OneDrive - Grupo Algar\Download - 11-12\140687 - TIM - Proposta_Técnica - v2 (4).zip\</t>
  </si>
  <si>
    <t>D:\21_11_2019 - PC ALGAR TECH\Download - 11-12\140687 - TIM - Proposta_Técnica - v2 (4).zip</t>
  </si>
  <si>
    <t>11/21/2019 20:59:08</t>
  </si>
  <si>
    <t>C:\Users\suelenmm\OneDrive - Grupo Algar\Download - 11-12\140687 - TIM - Proposta_Técnica - v2 (5).zip\</t>
  </si>
  <si>
    <t>D:\21_11_2019 - PC ALGAR TECH\Download - 11-12\140687 - TIM - Proposta_Técnica - v2 (5).zip</t>
  </si>
  <si>
    <t>C:\Users\suelenmm\OneDrive - Grupo Algar\Download - 11-12\140687 - TIM - Proposta_Técnica - v2.zip\</t>
  </si>
  <si>
    <t>D:\21_11_2019 - PC ALGAR TECH\Download - 11-12\140687 - TIM - Proposta_Técnica - v2.zip</t>
  </si>
  <si>
    <t>11/21/2019 20:59:10</t>
  </si>
  <si>
    <t>140732 - LEVEL 3 - TRANSACIONAIS.xlsx</t>
  </si>
  <si>
    <t>D:\21_11_2019 - PC ALGAR TECH\Download - 11-12\140732 - LEVEL 3 - TRANSACIONAIS.xlsx</t>
  </si>
  <si>
    <t>11/21/2019 20:59:13</t>
  </si>
  <si>
    <t>140747 - BP Preço C007 B007 - Trial Live TIM Rio Verde - v2.xlsb</t>
  </si>
  <si>
    <t>D:\21_11_2019 - PC ALGAR TECH\Download - 11-12\140747 - BP Preço C007 B007 - Trial Live TIM Rio Verde - v2.xlsb</t>
  </si>
  <si>
    <t>C:\Users\suelenmm\OneDrive - Grupo Algar\Download - 11-12\140747 - BP Preço C007 B007 - Trial Live TIM Rio Verde - v2.xlsb\</t>
  </si>
  <si>
    <t>11/21/2019 20:59:16</t>
  </si>
  <si>
    <t>140747 - BP Preço C007 B007 - Trial Live TIM Rio Verde - v3.xlsb</t>
  </si>
  <si>
    <t>D:\21_11_2019 - PC ALGAR TECH\Download - 11-12\140747 - BP Preço C007 B007 - Trial Live TIM Rio Verde - v3.xlsb</t>
  </si>
  <si>
    <t>C:\Users\suelenmm\OneDrive - Grupo Algar\Download - 11-12\140747 - BP Preço C007 B007 - Trial Live TIM Rio Verde - v3.xlsb\</t>
  </si>
  <si>
    <t>11/21/2019 20:59:18</t>
  </si>
  <si>
    <t>140920 - TIM - TRANSACIONAIS.xlsx</t>
  </si>
  <si>
    <t>D:\21_11_2019 - PC ALGAR TECH\Download - 11-12\140920 - TIM - TRANSACIONAIS.xlsx</t>
  </si>
  <si>
    <t>11/21/2019 20:59:21</t>
  </si>
  <si>
    <t>140995 - LEVEL 3 - TRANSACIONAIS.xlsx</t>
  </si>
  <si>
    <t>D:\21_11_2019 - PC ALGAR TECH\Download - 11-12\140995 - LEVEL 3 - TRANSACIONAIS.xlsx</t>
  </si>
  <si>
    <t>11/21/2019 20:59:22</t>
  </si>
  <si>
    <t>142424 - BP Preço C010 B010-SPO e Novo Recurso RJO.xlsb</t>
  </si>
  <si>
    <t>D:\21_11_2019 - PC ALGAR TECH\Download - 11-12\142424 - BP Preço C010 B010-SPO e Novo Recurso RJO.xlsb</t>
  </si>
  <si>
    <t>C:\Users\suelenmm\OneDrive - Grupo Algar\Download - 11-12\142424 - BP Preço C010 B010-SPO e Novo Recurso RJO.xlsb\</t>
  </si>
  <si>
    <t>11/21/2019 20:59:23</t>
  </si>
  <si>
    <t>164f40ddc5d64491a7161b90e7013c90.csv</t>
  </si>
  <si>
    <t>D:\21_11_2019 - PC ALGAR TECH\Download - 11-12\164f40ddc5d64491a7161b90e7013c90.csv</t>
  </si>
  <si>
    <t>11/21/2019 20:59:32</t>
  </si>
  <si>
    <t>C:\Users\suelenmm\OneDrive - Grupo Algar\Download - 11-12\18. ANEXO XVIII - ESPECIFICAÇÃO DOS SERVIÇOS FMT - REVOPM - 291116 (2).doc\</t>
  </si>
  <si>
    <t>D:\21_11_2019 - PC ALGAR TECH\Download - 11-12\18. ANEXO XVIII - ESPECIFICAÇÃO DOS SERVIÇOS FMT - REVOPM - 291116 (2).doc</t>
  </si>
  <si>
    <t>11/21/2019 20:59:41</t>
  </si>
  <si>
    <t>C:\Users\suelenmm\OneDrive - Grupo Algar\Download - 11-12\18. ANEXO XVIII - ESPECIFICAÇÃO DOS SERVIÇOS FMT - REVOPM - 291116.doc\</t>
  </si>
  <si>
    <t>D:\21_11_2019 - PC ALGAR TECH\Download - 11-12\18. ANEXO XVIII - ESPECIFICAÇÃO DOS SERVIÇOS FMT - REVOPM - 291116.doc</t>
  </si>
  <si>
    <t>11/21/2019 20:59:42</t>
  </si>
  <si>
    <t>C:\Users\suelenmm\OneDrive - Grupo Algar\TIM\FMM-FMT 25-05\</t>
  </si>
  <si>
    <t>19. ANEXO XIX - LPU SERVIÇOS - FATURA A FMT - REVRGA 24052017.xlsx</t>
  </si>
  <si>
    <t>D:\21_11_2019 - PC ALGAR TECH\Download - 11-12\19. ANEXO XIX - LPU SERVIÇOS - FATURA A FMT - REVRGA 24052017.xlsx</t>
  </si>
  <si>
    <t>11/21/2019 20:59:43</t>
  </si>
  <si>
    <t>3240b27e6f4d4a7fbf8a7d7ebd7f045d.xls</t>
  </si>
  <si>
    <t>D:\21_11_2019 - PC ALGAR TECH\Download - 11-12\3240b27e6f4d4a7fbf8a7d7ebd7f045d.xls</t>
  </si>
  <si>
    <t>4. Export NTTs.xlsx</t>
  </si>
  <si>
    <t>D:\21_11_2019 - PC ALGAR TECH\Download - 11-12\4. Export NTTs.xlsx</t>
  </si>
  <si>
    <t>47e42d033f194d20a55f05f88ad9a4ba.xls</t>
  </si>
  <si>
    <t>D:\21_11_2019 - PC ALGAR TECH\Download - 11-12\47e42d033f194d20a55f05f88ad9a4ba.xls</t>
  </si>
  <si>
    <t>4faeb3756e034fd6877cf313e13d62b5.xls</t>
  </si>
  <si>
    <t>D:\21_11_2019 - PC ALGAR TECH\Download - 11-12\4faeb3756e034fd6877cf313e13d62b5.xls</t>
  </si>
  <si>
    <t>11/21/2019 20:59:44</t>
  </si>
  <si>
    <t>5. Sites Industriais TLE, TSP e TNO.xlsx</t>
  </si>
  <si>
    <t>D:\21_11_2019 - PC ALGAR TECH\Download - 11-12\5. Sites Industriais TLE, TSP e TNO.xlsx</t>
  </si>
  <si>
    <t>53204 - BP Serviços REV06 - Final.xlsb</t>
  </si>
  <si>
    <t>D:\21_11_2019 - PC ALGAR TECH\Download - 11-12\53204 - BP Serviços REV06 - Final.xlsb</t>
  </si>
  <si>
    <t>11/21/2019 20:59:46</t>
  </si>
  <si>
    <t>5b9cb93ec81043a690a5f205b0bd2366.csv</t>
  </si>
  <si>
    <t>D:\21_11_2019 - PC ALGAR TECH\Download - 11-12\5b9cb93ec81043a690a5f205b0bd2366.csv</t>
  </si>
  <si>
    <t>60b6721fc985411e99f5c97fccd2e138.xls</t>
  </si>
  <si>
    <t>D:\21_11_2019 - PC ALGAR TECH\Download - 11-12\60b6721fc985411e99f5c97fccd2e138.xls</t>
  </si>
  <si>
    <t>11/21/2019 20:59:48</t>
  </si>
  <si>
    <t>74428096c5414097b6e6e26e5588f78b.xls</t>
  </si>
  <si>
    <t>D:\21_11_2019 - PC ALGAR TECH\Download - 11-12\74428096c5414097b6e6e26e5588f78b.xls</t>
  </si>
  <si>
    <t>776903e54fed43018ce0b258194f2710 (1).xls</t>
  </si>
  <si>
    <t>D:\21_11_2019 - PC ALGAR TECH\Download - 11-12\776903e54fed43018ce0b258194f2710 (1).xls</t>
  </si>
  <si>
    <t>776903e54fed43018ce0b258194f2710.xls</t>
  </si>
  <si>
    <t>D:\21_11_2019 - PC ALGAR TECH\Download - 11-12\776903e54fed43018ce0b258194f2710.xls</t>
  </si>
  <si>
    <t>8 ANEXO VIII FATURAS A_B FMM - REVOPM24052017 - COMPARATIVO (1).xls</t>
  </si>
  <si>
    <t>D:\21_11_2019 - PC ALGAR TECH\Download - 11-12\8 ANEXO VIII FATURAS A_B FMM - REVOPM24052017 - COMPARATIVO (1).xls</t>
  </si>
  <si>
    <t>8 ANEXO VIII FATURAS A_B FMM - REVOPM24052017 - COMPARATIVO.xls</t>
  </si>
  <si>
    <t>D:\21_11_2019 - PC ALGAR TECH\Download - 11-12\8 ANEXO VIII FATURAS A_B FMM - REVOPM24052017 - COMPARATIVO.xls</t>
  </si>
  <si>
    <t>11/21/2019 20:59:49</t>
  </si>
  <si>
    <t>8 ANEXO VIII FATURAS A_B FMM - REVOPM24052017.xls</t>
  </si>
  <si>
    <t>D:\21_11_2019 - PC ALGAR TECH\Download - 11-12\8 ANEXO VIII FATURAS A_B FMM - REVOPM24052017.xls</t>
  </si>
  <si>
    <t>917a1e23cc014de499b2feea8a7be0ea.xls</t>
  </si>
  <si>
    <t>D:\21_11_2019 - PC ALGAR TECH\Download - 11-12\917a1e23cc014de499b2feea8a7be0ea.xls</t>
  </si>
  <si>
    <t>962e4ad380bd44589c6bf936f71b7bb1.xls</t>
  </si>
  <si>
    <t>D:\21_11_2019 - PC ALGAR TECH\Download - 11-12\962e4ad380bd44589c6bf936f71b7bb1.xls</t>
  </si>
  <si>
    <t>11/21/2019 20:59:50</t>
  </si>
  <si>
    <t>9d7aaec1542f4375a3fd0dfdc399aa88.csv</t>
  </si>
  <si>
    <t>D:\21_11_2019 - PC ALGAR TECH\Download - 11-12\9d7aaec1542f4375a3fd0dfdc399aa88.csv</t>
  </si>
  <si>
    <t>a36d9acc8fb945f98a6df05e0d553fa8.csv</t>
  </si>
  <si>
    <t>D:\21_11_2019 - PC ALGAR TECH\Download - 11-12\a36d9acc8fb945f98a6df05e0d553fa8.csv</t>
  </si>
  <si>
    <t>11/21/2019 20:59:53</t>
  </si>
  <si>
    <t>C:\Users\suelenmm\OneDrive - Grupo Algar\Download - 11-12\A4216_RFQ_41404 - Recovery Plan Engeset (1).zip\COW\</t>
  </si>
  <si>
    <t>D:\21_11_2019 - PC ALGAR TECH\Download - 11-12\A4216_RFQ_41404 - Recovery Plan Engeset (1).zip</t>
  </si>
  <si>
    <t>C:\Users\suelenmm\OneDrive - Grupo Algar\Download - 11-12\A4216_RFQ_41404 - Recovery Plan Engeset (1).zip\Fibra Optica\</t>
  </si>
  <si>
    <t>fibra optica - VOLUME - ENGESET.xls</t>
  </si>
  <si>
    <t>C:\Users\suelenmm\OneDrive - Grupo Algar\Download - 11-12\A4216_RFQ_41404 - Recovery Plan Engeset (1).zip\OtimizaÃ§Ã£o Fisica\</t>
  </si>
  <si>
    <t>LPU OtimizaÃ§Ã£o FÃ­sica.xlsx</t>
  </si>
  <si>
    <t>C:\Users\suelenmm\OneDrive - Grupo Algar\Download - 11-12\A4216_RFQ_41404 - Recovery Plan Engeset (1).zip\Refor‡o de Torre\</t>
  </si>
  <si>
    <t>LPU Refor‡o Preventivo de Estruturas Verticais.xls</t>
  </si>
  <si>
    <t>C:\Users\suelenmm\OneDrive - Grupo Algar\Download - 11-12\A4216_RFQ_41404 - Recovery Plan Engeset (1).zip\Seguran‡a de Site\</t>
  </si>
  <si>
    <t>LPU SEGURAN€A DE SITES.xlsx</t>
  </si>
  <si>
    <t>C:\Users\suelenmm\OneDrive - Grupo Algar\Download - 11-12\A4216_RFQ_41404 - Recovery Plan Engeset (1).zip\ManutenÃ§Ã£o de Campo VSATs\ET ManutenÃ§Ã£o de Campo VSAT.doc\s29\</t>
  </si>
  <si>
    <t>C:\Users\suelenmm\OneDrive - Grupo Algar\Download - 11-12\A4216_RFQ_41404 - Recovery Plan Engeset (1).zip\Recovery Plan Q2 2016 ENGESET.pptx\</t>
  </si>
  <si>
    <t>C:\Users\suelenmm\OneDrive - Grupo Algar\Download - 11-12\A4216_RFQ_41404 - Recovery Plan Engeset (1).zip\Remanejamento de Enlaces\ET Remanejamento de Enlaces.doc\</t>
  </si>
  <si>
    <t>Package3.xls</t>
  </si>
  <si>
    <t>C:\Users\suelenmm\OneDrive - Grupo Algar\Download - 11-12\A4216_RFQ_41404 - Recovery Plan Engeset (1).zip\Remanejamento de Enlaces\ET Remanejamento de Enlaces.doc\s19\</t>
  </si>
  <si>
    <t>C:\Users\suelenmm\OneDrive - Grupo Algar\Download - 11-12\A4216_RFQ_41404 - Recovery Plan Engeset (1).zip\SeguranÃ§a de Site\ANEXO I - EspecificaÃ§Ã£o TÃ©cnica - Produtos e SoluÃ§Ãµes de SeguranÃ§a para Sites.doc\</t>
  </si>
  <si>
    <t>C:\Users\suelenmm\OneDrive - Grupo Algar\Download - 11-12\A4216_RFQ_41404 - Recovery Plan Engeset (1).zip\ManutenÃ§Ã£o de Campo VSATs\ET ManutenÃ§Ã£o de Campo VSAT.doc\Package.docx\</t>
  </si>
  <si>
    <t>C:\Users\suelenmm\OneDrive - Grupo Algar\Download - 11-12\A4216_RFQ_41404 - Recovery Plan Engeset (1).zip\Remanejamento de Enlaces\ET Remanejamento de Enlaces.doc\Package2.docx\</t>
  </si>
  <si>
    <t>11/21/2019 21:00:00</t>
  </si>
  <si>
    <t>C:\Users\suelenmm\OneDrive - Grupo Algar\Download - 11-12\A4216_RFQ_41404 - Recovery Plan Engeset.zip\COW\</t>
  </si>
  <si>
    <t>D:\21_11_2019 - PC ALGAR TECH\Download - 11-12\A4216_RFQ_41404 - Recovery Plan Engeset.zip</t>
  </si>
  <si>
    <t>C:\Users\suelenmm\OneDrive - Grupo Algar\Download - 11-12\A4216_RFQ_41404 - Recovery Plan Engeset.zip\Fibra Optica\</t>
  </si>
  <si>
    <t>C:\Users\suelenmm\OneDrive - Grupo Algar\Download - 11-12\A4216_RFQ_41404 - Recovery Plan Engeset.zip\OtimizaÃ§Ã£o Fisica\</t>
  </si>
  <si>
    <t>C:\Users\suelenmm\OneDrive - Grupo Algar\Download - 11-12\A4216_RFQ_41404 - Recovery Plan Engeset.zip\Refor‡o de Torre\</t>
  </si>
  <si>
    <t>C:\Users\suelenmm\OneDrive - Grupo Algar\Download - 11-12\A4216_RFQ_41404 - Recovery Plan Engeset.zip\Seguran‡a de Site\</t>
  </si>
  <si>
    <t>C:\Users\suelenmm\OneDrive - Grupo Algar\Download - 11-12\A4216_RFQ_41404 - Recovery Plan Engeset.zip\ManutenÃ§Ã£o de Campo VSATs\ET ManutenÃ§Ã£o de Campo VSAT.doc\s29\</t>
  </si>
  <si>
    <t>C:\Users\suelenmm\OneDrive - Grupo Algar\Download - 11-12\A4216_RFQ_41404 - Recovery Plan Engeset.zip\Recovery Plan Q2 2016 ENGESET.pptx\</t>
  </si>
  <si>
    <t>C:\Users\suelenmm\OneDrive - Grupo Algar\Download - 11-12\A4216_RFQ_41404 - Recovery Plan Engeset.zip\Remanejamento de Enlaces\ET Remanejamento de Enlaces.doc\</t>
  </si>
  <si>
    <t>C:\Users\suelenmm\OneDrive - Grupo Algar\Download - 11-12\A4216_RFQ_41404 - Recovery Plan Engeset.zip\Remanejamento de Enlaces\ET Remanejamento de Enlaces.doc\s19\</t>
  </si>
  <si>
    <t>C:\Users\suelenmm\OneDrive - Grupo Algar\Download - 11-12\A4216_RFQ_41404 - Recovery Plan Engeset.zip\SeguranÃ§a de Site\ANEXO I - EspecificaÃ§Ã£o TÃ©cnica - Produtos e SoluÃ§Ãµes de SeguranÃ§a para Sites.doc\</t>
  </si>
  <si>
    <t>C:\Users\suelenmm\OneDrive - Grupo Algar\Download - 11-12\A4216_RFQ_41404 - Recovery Plan Engeset.zip\ManutenÃ§Ã£o de Campo VSATs\ET ManutenÃ§Ã£o de Campo VSAT.doc\Package.docx\</t>
  </si>
  <si>
    <t>C:\Users\suelenmm\OneDrive - Grupo Algar\Download - 11-12\A4216_RFQ_41404 - Recovery Plan Engeset.zip\Remanejamento de Enlaces\ET Remanejamento de Enlaces.doc\Package2.docx\</t>
  </si>
  <si>
    <t>11/21/2019 21:00:01</t>
  </si>
  <si>
    <t>a7f4c762646f4322b02cf4e689567b3c.csv</t>
  </si>
  <si>
    <t>D:\21_11_2019 - PC ALGAR TECH\Download - 11-12\a7f4c762646f4322b02cf4e689567b3c.csv</t>
  </si>
  <si>
    <t>ac4555c3d8f849b2ad0a410467bc0e83 (1).xls</t>
  </si>
  <si>
    <t>D:\21_11_2019 - PC ALGAR TECH\Download - 11-12\ac4555c3d8f849b2ad0a410467bc0e83 (1).xls</t>
  </si>
  <si>
    <t>11/21/2019 21:00:02</t>
  </si>
  <si>
    <t>ac4555c3d8f849b2ad0a410467bc0e83.xls</t>
  </si>
  <si>
    <t>D:\21_11_2019 - PC ALGAR TECH\Download - 11-12\ac4555c3d8f849b2ad0a410467bc0e83.xls</t>
  </si>
  <si>
    <t>11/21/2019 21:00:21</t>
  </si>
  <si>
    <t>Acompanhamento Incentivo_17_11_2017.xlsx</t>
  </si>
  <si>
    <t>D:\21_11_2019 - PC ALGAR TECH\Download - 11-12\Acompanhamento Incentivo_17_11_2017.xlsx</t>
  </si>
  <si>
    <t>11/21/2019 21:00:25</t>
  </si>
  <si>
    <t>C:\Users\suelenmm\OneDrive - Grupo Algar\Download - 11-12\Ajuste de BOQ via portal.msg\s100\</t>
  </si>
  <si>
    <t>D:\21_11_2019 - PC ALGAR TECH\Download - 11-12\Ajuste de BOQ via portal.msg</t>
  </si>
  <si>
    <t>D:\21_11_2019 - PC ALGAR TECH\Download - 11-12\Anexo 4 - Cronograma.xlsx</t>
  </si>
  <si>
    <t>11/21/2019 21:00:26</t>
  </si>
  <si>
    <t>ANEXO I - LPU - Lista de Preços Unitários - ADD.xlsx</t>
  </si>
  <si>
    <t>D:\21_11_2019 - PC ALGAR TECH\Download - 11-12\ANEXO I - LPU - Lista de Preços Unitários - ADD.xlsx</t>
  </si>
  <si>
    <t>ANEXO I - LPU - Lista de Preços Unitários - ADD_1 (1).xlsx</t>
  </si>
  <si>
    <t>D:\21_11_2019 - PC ALGAR TECH\Download - 11-12\ANEXO I - LPU - Lista de Preços Unitários - ADD_1 (1).xlsx</t>
  </si>
  <si>
    <t>ANEXO I - LPU - Lista de Preços Unitários - ADD_1.xlsx</t>
  </si>
  <si>
    <t>D:\21_11_2019 - PC ALGAR TECH\Download - 11-12\ANEXO I - LPU - Lista de Preços Unitários - ADD_1.xlsx</t>
  </si>
  <si>
    <t>ANEXO I - LPU - Lista de Preços Unitários - TNE- V_TARGET (1).xls</t>
  </si>
  <si>
    <t>D:\21_11_2019 - PC ALGAR TECH\Download - 11-12\ANEXO I - LPU - Lista de Preços Unitários - TNE- V_TARGET (1).xls</t>
  </si>
  <si>
    <t>ANEXO I - LPU - Lista de Preços Unitários - TNE- V_TARGET.xls</t>
  </si>
  <si>
    <t>D:\21_11_2019 - PC ALGAR TECH\Download - 11-12\ANEXO I - LPU - Lista de Preços Unitários - TNE- V_TARGET.xls</t>
  </si>
  <si>
    <t>ANEXO I - LPU - Lista de Preços Unitários - TNO- V_TARGET (1).xls</t>
  </si>
  <si>
    <t>D:\21_11_2019 - PC ALGAR TECH\Download - 11-12\ANEXO I - LPU - Lista de Preços Unitários - TNO- V_TARGET (1).xls</t>
  </si>
  <si>
    <t>ANEXO I - LPU - Lista de Preços Unitários - TNO- V_TARGET.xls</t>
  </si>
  <si>
    <t>D:\21_11_2019 - PC ALGAR TECH\Download - 11-12\ANEXO I - LPU - Lista de Preços Unitários - TNO- V_TARGET.xls</t>
  </si>
  <si>
    <t>ANEXO I - LPU - Lista de Preços Unitários - TSL_TARGET (1).XLS</t>
  </si>
  <si>
    <t>D:\21_11_2019 - PC ALGAR TECH\Download - 11-12\ANEXO I - LPU - Lista de Preços Unitários - TSL_TARGET (1).XLS</t>
  </si>
  <si>
    <t>ANEXO I - LPU - Lista de Preços Unitários - TSL_TARGET.XLS</t>
  </si>
  <si>
    <t>D:\21_11_2019 - PC ALGAR TECH\Download - 11-12\ANEXO I - LPU - Lista de Preços Unitários - TSL_TARGET.XLS</t>
  </si>
  <si>
    <t>ANEXO II - LPU - Lista de Preços Unitários Rev01 (1).xls</t>
  </si>
  <si>
    <t>D:\21_11_2019 - PC ALGAR TECH\Download - 11-12\ANEXO II - LPU - Lista de Preços Unitários Rev01 (1).xls</t>
  </si>
  <si>
    <t>ANEXO II - LPU - Lista de Preços Unitários Rev01.xls</t>
  </si>
  <si>
    <t>D:\21_11_2019 - PC ALGAR TECH\Download - 11-12\ANEXO II - LPU - Lista de Preços Unitários Rev01.xls</t>
  </si>
  <si>
    <t>ANEXO II - LPU - Lista de Preços Unitários Rev03.xls</t>
  </si>
  <si>
    <t>D:\21_11_2019 - PC ALGAR TECH\Download - 11-12\ANEXO II - LPU - Lista de Preços Unitários Rev03.xls</t>
  </si>
  <si>
    <t>ANEXO II - LPU para Serviços e Materiais sob demanda - MANUT CABOS ÓPTICOS - REV 170117.xlsx</t>
  </si>
  <si>
    <t>D:\21_11_2019 - PC ALGAR TECH\Download - 11-12\ANEXO II - LPU para Serviços e Materiais sob demanda - MANUT CABOS ÓPTICOS - REV 170117.xlsx</t>
  </si>
  <si>
    <t>Anexo II - LPU Serviços (1).xlsx</t>
  </si>
  <si>
    <t>D:\21_11_2019 - PC ALGAR TECH\Download - 11-12\Anexo II - LPU Serviços (1).xlsx</t>
  </si>
  <si>
    <t>Anexo II - LPU Serviços.xlsx</t>
  </si>
  <si>
    <t>D:\21_11_2019 - PC ALGAR TECH\Download - 11-12\Anexo II - LPU Serviços.xlsx</t>
  </si>
  <si>
    <t>11/21/2019 21:00:27</t>
  </si>
  <si>
    <t>ANEXO V - Quantidades Estimadas.REV03 - TCO.xls</t>
  </si>
  <si>
    <t>D:\21_11_2019 - PC ALGAR TECH\Download - 11-12\ANEXO V - Quantidades Estimadas.REV03 - TCO.xls</t>
  </si>
  <si>
    <t>ANEXO V - Quantidades Estimadas.REV03 - TSL.xls</t>
  </si>
  <si>
    <t>D:\21_11_2019 - PC ALGAR TECH\Download - 11-12\ANEXO V - Quantidades Estimadas.REV03 - TSL.xls</t>
  </si>
  <si>
    <t>11/21/2019 21:00:28</t>
  </si>
  <si>
    <t>C:\Users\suelenmm\OneDrive - Grupo Algar\Download - 11-12\Anexos Técnicos - Serviço de manutenção cabos ópticos (1).zip\</t>
  </si>
  <si>
    <t>2. ANEXO II - LPU para Servi‡os B sicos - REV 260416.xlsx</t>
  </si>
  <si>
    <t>D:\21_11_2019 - PC ALGAR TECH\Download - 11-12\Anexos Técnicos - Serviço de manutenção cabos ópticos (1).zip</t>
  </si>
  <si>
    <t>3. ANEXO III - LPU para Servi‡os e Materiais sob demanda - REV 260416.xlsx</t>
  </si>
  <si>
    <t>4a. ANEXO IVa - Extensao da rede Lotes 1 a 5 e rede OPGW - REV 260416.xlsx</t>
  </si>
  <si>
    <t>4b. ANEXO IVb - Extensao da rede Lotes 6 a 8 - REV 260416.xlsx</t>
  </si>
  <si>
    <t>4c. ANEXO IVc - Extensao da rede Lotes 9 a 11 - REV 260416.xlsx</t>
  </si>
  <si>
    <t>4d. ANEXO IVd - Previsao de expansao da rede optica 2016-2018 - REV 260416.xlsx</t>
  </si>
  <si>
    <t>4e. ANEXO IVe - Dados do Backbone TIM - REV 310316.xlsx</t>
  </si>
  <si>
    <t>5. ANEXO V - Hist¢rico falhas 2014-2015 e Estimativa troca de postes - REV 260416.xlsx</t>
  </si>
  <si>
    <t>11/21/2019 21:00:30</t>
  </si>
  <si>
    <t>C:\Users\suelenmm\OneDrive - Grupo Algar\Download - 11-12\Anexos Técnicos - Serviço de manutenção cabos ópticos.zip\</t>
  </si>
  <si>
    <t>D:\21_11_2019 - PC ALGAR TECH\Download - 11-12\Anexos Técnicos - Serviço de manutenção cabos ópticos.zip</t>
  </si>
  <si>
    <t>11/21/2019 21:00:31</t>
  </si>
  <si>
    <t>C:\Users\suelenmm\OneDrive - Grupo Algar\Download - 11-12\Anexos Técnicos - Serviço de manutenção cabos ópticos_1 (1).zip\</t>
  </si>
  <si>
    <t>D:\21_11_2019 - PC ALGAR TECH\Download - 11-12\Anexos Técnicos - Serviço de manutenção cabos ópticos_1 (1).zip</t>
  </si>
  <si>
    <t>11/21/2019 21:00:33</t>
  </si>
  <si>
    <t>C:\Users\suelenmm\OneDrive - Grupo Algar\Download - 11-12\Anexos Técnicos - Serviço de manutenção cabos ópticos_1.zip\</t>
  </si>
  <si>
    <t>D:\21_11_2019 - PC ALGAR TECH\Download - 11-12\Anexos Técnicos - Serviço de manutenção cabos ópticos_1.zip</t>
  </si>
  <si>
    <t>api5w13n.nnm (1).csv</t>
  </si>
  <si>
    <t>D:\21_11_2019 - PC ALGAR TECH\Download - 11-12\api5w13n.nnm (1).csv</t>
  </si>
  <si>
    <t>api5w13n.nnm.csv</t>
  </si>
  <si>
    <t>D:\21_11_2019 - PC ALGAR TECH\Download - 11-12\api5w13n.nnm.csv</t>
  </si>
  <si>
    <t>11/21/2019 21:00:36</t>
  </si>
  <si>
    <t>C:\Users\suelenmm\OneDrive - Grupo Algar\Download - 11-12\Arquivos RFQ - NPD - 001_2017.rar\</t>
  </si>
  <si>
    <t>Check List Preventiva Sistema de Energia DC ATC.xlsm</t>
  </si>
  <si>
    <t>D:\21_11_2019 - PC ALGAR TECH\Download - 11-12\Arquivos RFQ - NPD - 001_2017.rar</t>
  </si>
  <si>
    <t>LPU_Material_ServiÃ§o_Sistema de energia DC ATC.xlsx</t>
  </si>
  <si>
    <t>11/21/2019 21:00:37</t>
  </si>
  <si>
    <t>Atualização de Documentos (1).xlsx</t>
  </si>
  <si>
    <t>D:\21_11_2019 - PC ALGAR TECH\Download - 11-12\Atualização de Documentos (1).xlsx</t>
  </si>
  <si>
    <t>Atualização de Documentos (2).xlsx</t>
  </si>
  <si>
    <t>D:\21_11_2019 - PC ALGAR TECH\Download - 11-12\Atualização de Documentos (2).xlsx</t>
  </si>
  <si>
    <t>Atualização de Documentos.xlsx</t>
  </si>
  <si>
    <t>D:\21_11_2019 - PC ALGAR TECH\Download - 11-12\Atualização de Documentos.xlsx</t>
  </si>
  <si>
    <t>bf497351386743e6b035465471ed2bf1.csv</t>
  </si>
  <si>
    <t>D:\21_11_2019 - PC ALGAR TECH\Download - 11-12\bf497351386743e6b035465471ed2bf1.csv</t>
  </si>
  <si>
    <t>11/21/2019 21:00:39</t>
  </si>
  <si>
    <t>BIProxy.xlsx</t>
  </si>
  <si>
    <t>D:\21_11_2019 - PC ALGAR TECH\Download - 11-12\BIProxy.xlsx</t>
  </si>
  <si>
    <t>11/21/2019 21:00:41</t>
  </si>
  <si>
    <t>BKP 125027 BP Preço C002 B004.xlsb</t>
  </si>
  <si>
    <t>D:\21_11_2019 - PC ALGAR TECH\Download - 11-12\BKP 125027 BP Preço C002 B004.xlsb</t>
  </si>
  <si>
    <t>11/21/2019 21:00:43</t>
  </si>
  <si>
    <t>BP - Algar Telecom - Gerencia - rev1.xlsb</t>
  </si>
  <si>
    <t>D:\21_11_2019 - PC ALGAR TECH\Download - 11-12\BP - Algar Telecom - Gerencia - rev1.xlsb</t>
  </si>
  <si>
    <t>C:\Users\suelenmm\OneDrive - Grupo Algar\Download - 11-12\BP - Algar Telecom - Gerencia - rev1.xlsb\</t>
  </si>
  <si>
    <t>11/21/2019 21:00:44</t>
  </si>
  <si>
    <t>BP - consolidado - ATC - ok.xlsb</t>
  </si>
  <si>
    <t>D:\21_11_2019 - PC ALGAR TECH\Download - 11-12\BP - consolidado - ATC - ok.xlsb</t>
  </si>
  <si>
    <t>C:\Users\suelenmm\OneDrive - Grupo Algar\Download - 11-12\BP - consolidado - ATC - ok.xlsb\</t>
  </si>
  <si>
    <t>11/21/2019 21:00:45</t>
  </si>
  <si>
    <t>BP Preço (1).xlsb</t>
  </si>
  <si>
    <t>D:\21_11_2019 - PC ALGAR TECH\Download - 11-12\BP Preço (1).xlsb</t>
  </si>
  <si>
    <t>C:\Users\suelenmm\OneDrive - Grupo Algar\Download - 11-12\BP Preço (1).xlsb\</t>
  </si>
  <si>
    <t>11/21/2019 21:00:47</t>
  </si>
  <si>
    <t>BP Preço.xlsb</t>
  </si>
  <si>
    <t>D:\21_11_2019 - PC ALGAR TECH\Download - 11-12\BP Preço.xlsb</t>
  </si>
  <si>
    <t>C:\Users\suelenmm\OneDrive - Grupo Algar\Download - 11-12\BP Preço.xlsb\</t>
  </si>
  <si>
    <t>BP Revenda.xls</t>
  </si>
  <si>
    <t>D:\21_11_2019 - PC ALGAR TECH\Download - 11-12\BP Revenda.xls</t>
  </si>
  <si>
    <t>11/21/2019 21:00:48</t>
  </si>
  <si>
    <t>BP Revenda_Licenças.xls</t>
  </si>
  <si>
    <t>D:\21_11_2019 - PC ALGAR TECH\Download - 11-12\BP Revenda_Licenças.xls</t>
  </si>
  <si>
    <t>c5226f602cb64660975d155578eb5106.csv</t>
  </si>
  <si>
    <t>D:\21_11_2019 - PC ALGAR TECH\Download - 11-12\c5226f602cb64660975d155578eb5106.csv</t>
  </si>
  <si>
    <t>11/21/2019 21:00:54</t>
  </si>
  <si>
    <t>cc564ee99a1245178f2db6518171296a.xls</t>
  </si>
  <si>
    <t>D:\21_11_2019 - PC ALGAR TECH\Download - 11-12\cc564ee99a1245178f2db6518171296a.xls</t>
  </si>
  <si>
    <t>Checklist Oportunidades - Aditivo BackBone - Dez e Jan 2016.xlsx</t>
  </si>
  <si>
    <t>D:\21_11_2019 - PC ALGAR TECH\Download - 11-12\Checklist Oportunidades - Aditivo BackBone - Dez e Jan 2016.xlsx</t>
  </si>
  <si>
    <t>Checklist Oportunidades - Aditivo Contrato Manutenção RE_Sete Lagoas.xlsx</t>
  </si>
  <si>
    <t>D:\21_11_2019 - PC ALGAR TECH\Download - 11-12\Checklist Oportunidades - Aditivo Contrato Manutenção RE_Sete Lagoas.xlsx</t>
  </si>
  <si>
    <t>Checklist Oportunidades - REMANEJAMENTO DE EQUIPAMENTOS ERICSON ENTREGA EM RPO e ULA.xlsx</t>
  </si>
  <si>
    <t>D:\21_11_2019 - PC ALGAR TECH\Download - 11-12\Checklist Oportunidades - REMANEJAMENTO DE EQUIPAMENTOS ERICSON ENTREGA EM RPO e ULA.xlsx</t>
  </si>
  <si>
    <t>D:\21_11_2019 - PC ALGAR TECH\Download - 11-12\Checklist Proposta v1.xlsx</t>
  </si>
  <si>
    <t>11/21/2019 21:00:57</t>
  </si>
  <si>
    <t>Comissão Força de Vendas_V5.xlsb</t>
  </si>
  <si>
    <t>D:\21_11_2019 - PC ALGAR TECH\Download - 11-12\Comissão Força de Vendas_V5.xlsb</t>
  </si>
  <si>
    <t>11/21/2019 21:00:59</t>
  </si>
  <si>
    <t>Contrato Ferramentas Engeset Anhanguera.xlsx</t>
  </si>
  <si>
    <t>D:\21_11_2019 - PC ALGAR TECH\Download - 11-12\Contrato Ferramentas Engeset Anhanguera.xlsx</t>
  </si>
  <si>
    <t>11/21/2019 21:01:00</t>
  </si>
  <si>
    <t>Contrato Ferramentas Engeset Lion.xlsx</t>
  </si>
  <si>
    <t>D:\21_11_2019 - PC ALGAR TECH\Download - 11-12\Contrato Ferramentas Engeset Lion.xlsx</t>
  </si>
  <si>
    <t>Copy of 8 ANEXO VIII FATURAS A_B FMM - REVOPM.xls</t>
  </si>
  <si>
    <t>D:\21_11_2019 - PC ALGAR TECH\Download - 11-12\Copy of 8 ANEXO VIII FATURAS A_B FMM - REVOPM.xls</t>
  </si>
  <si>
    <t>11/21/2019 21:01:02</t>
  </si>
  <si>
    <t>D:\21_11_2019 - PC ALGAR TECH\Download - 11-12\CPFL Cenário 02_v4_REV3.xlsb</t>
  </si>
  <si>
    <t>C:\Users\suelenmm\OneDrive - Grupo Algar\Download - 11-12\CPFL Cenário 02_v4_REV3.xlsb\</t>
  </si>
  <si>
    <t>Códigos de Serviços.xlsx</t>
  </si>
  <si>
    <t>D:\21_11_2019 - PC ALGAR TECH\Download - 11-12\Códigos de Serviços.xlsx</t>
  </si>
  <si>
    <t>Cópia de 2017_Comitê Associados_eleitos.xlsb</t>
  </si>
  <si>
    <t>D:\21_11_2019 - PC ALGAR TECH\Download - 11-12\Cópia de 2017_Comitê Associados_eleitos.xlsb</t>
  </si>
  <si>
    <t>11/21/2019 21:01:07</t>
  </si>
  <si>
    <t>Cópia de Banco de Preço_revisão salários 02out2017 (002).xlsx</t>
  </si>
  <si>
    <t>D:\21_11_2019 - PC ALGAR TECH\Download - 11-12\Cópia de Banco de Preço_revisão salários 02out2017 (002).xlsx</t>
  </si>
  <si>
    <t>11/21/2019 21:01:14</t>
  </si>
  <si>
    <t>DFP CORRIGIDA 108224_BP Manutencao GPON Sete Lagoas - V 2015-10-01_rev03 (1).xlsb</t>
  </si>
  <si>
    <t>D:\21_11_2019 - PC ALGAR TECH\Download - 11-12\DFP CORRIGIDA 108224_BP Manutencao GPON Sete Lagoas - V 2015-10-01_rev03 (1).xlsb</t>
  </si>
  <si>
    <t>11/21/2019 21:01:17</t>
  </si>
  <si>
    <t>DFP CORRIGIDA 108224_BP Manutencao GPON Sete Lagoas - V 2015-10-01_rev03.xlsb</t>
  </si>
  <si>
    <t>D:\21_11_2019 - PC ALGAR TECH\Download - 11-12\DFP CORRIGIDA 108224_BP Manutencao GPON Sete Lagoas - V 2015-10-01_rev03.xlsb</t>
  </si>
  <si>
    <t>D:\21_11_2019 - PC ALGAR TECH\Download - 11-12\dimensionamento.xlsx</t>
  </si>
  <si>
    <t>11/21/2019 21:01:18</t>
  </si>
  <si>
    <t>C:\Users\suelenmm\OneDrive - Grupo Algar\Download - 11-12\Doc1095765393.zip\</t>
  </si>
  <si>
    <t>CADASTRO FORNECEDOR INTL.xlsx</t>
  </si>
  <si>
    <t>D:\21_11_2019 - PC ALGAR TECH\Download - 11-12\Doc1095765393.zip</t>
  </si>
  <si>
    <t>C:\Users\suelenmm\OneDrive - Grupo Algar\Download - 11-12\Doc1095765393.zip\ESPEC.zip\</t>
  </si>
  <si>
    <t>Checklist Seguran‡a_segregacao_logica_aplicacoes.xlsx</t>
  </si>
  <si>
    <t>DR_Detalhamento de requisito_Segrega‡Æo _logica.xls</t>
  </si>
  <si>
    <t>C:\Users\suelenmm\OneDrive - Grupo Algar\Download - 11-12\Doc1129111618.zip\RFP_1937.zip\Documenta‡äes solicitante\</t>
  </si>
  <si>
    <t>Cronograma_Ariba.xls</t>
  </si>
  <si>
    <t>D:\21_11_2019 - PC ALGAR TECH\Download - 11-12\Doc1129111618.zip</t>
  </si>
  <si>
    <t>DR_Detalhamento_Requisito - Consultoria SAP ABAP PLM.xls</t>
  </si>
  <si>
    <t>C:\Users\suelenmm\OneDrive - Grupo Algar\Download - 11-12\Doc1141382126 RFP_1823 .zip\DocumentaÃ§Ãµes solicitante.zip\Documenta‡äes solicitante\</t>
  </si>
  <si>
    <t>4623 DR_Detalhamento_Requisito_Custo Padrao_v04.xls</t>
  </si>
  <si>
    <t>D:\21_11_2019 - PC ALGAR TECH\Download - 11-12\Doc1141382126 RFP_1823 .zip</t>
  </si>
  <si>
    <t>11/21/2019 21:01:19</t>
  </si>
  <si>
    <t>C:\Users\suelenmm\OneDrive - Grupo Algar\Download - 11-12\download (1).zip\RFQ _ A4216_RFQ_45509 - ServiÃ§os Operacionais de Suporte a GestÃ£o TIM\</t>
  </si>
  <si>
    <t>D:\21_11_2019 - PC ALGAR TECH\Download - 11-12\download (1).zip</t>
  </si>
  <si>
    <t>11/21/2019 21:01:22</t>
  </si>
  <si>
    <t>C:\Users\suelenmm\OneDrive - Grupo Algar\Download - 11-12\download (10).zip\RFQ _ A79724_RFQ_46596 - ManutenÃ§Ã£o de PrÃ©dios Industriais - Hierarquia H1\ANEXO II\</t>
  </si>
  <si>
    <t>Anexo V - LPU Manuten Âº Ãºo H1 - Servi Âºos.xls</t>
  </si>
  <si>
    <t>D:\21_11_2019 - PC ALGAR TECH\Download - 11-12\download (10).zip</t>
  </si>
  <si>
    <t>LPU ManutenÃ§Ã£o H1 - Materiais_Revisada.xls</t>
  </si>
  <si>
    <t>C:\Users\suelenmm\OneDrive - Grupo Algar\Download - 11-12\download (10).zip\RFQ _ A79724_RFQ_46596 - ManutenÃ§Ã£o de PrÃ©dios Industriais - Hierarquia H1\ANEXO I\ESPECIFICACAO TECNICA - RFQ - PREDIOS H1 - V3.docx\</t>
  </si>
  <si>
    <t>11/21/2019 21:01:25</t>
  </si>
  <si>
    <t>C:\Users\suelenmm\OneDrive - Grupo Algar\Download - 11-12\download (2).zip\RFQ _ A4216_RFQ_45510 - ServiÃ§os de Suporte Ã  ImplantaÃ§Ã£o Corporativa e Wholesale\</t>
  </si>
  <si>
    <t>D:\21_11_2019 - PC ALGAR TECH\Download - 11-12\download (2).zip</t>
  </si>
  <si>
    <t>11/21/2019 21:01:31</t>
  </si>
  <si>
    <t>C:\Users\suelenmm\OneDrive - Grupo Algar\Download - 11-12\download (4).zip\RFQ _ A4216_RFQ_46108 - SERVIÃ‡OS DE ACEITAÃ‡ÃƒO FISICA DE SITES\</t>
  </si>
  <si>
    <t>10 - ANEXO X - RESPOSTA PONTO A PONTO.xlsx</t>
  </si>
  <si>
    <t>D:\21_11_2019 - PC ALGAR TECH\Download - 11-12\download (4).zip</t>
  </si>
  <si>
    <t>2 - ANEXO 2 - Lista de PreÃ§os UnitÃ¡rios Rev00.xlsx</t>
  </si>
  <si>
    <t>C:\Users\suelenmm\OneDrive - Grupo Algar\Download - 11-12\download (4).zip\RFQ _ A4216_RFQ_46108 - SERVIÃ‡OS DE ACEITAÃ‡ÃƒO FISICA DE SITES\ANEXO I - ESPECIFICAÃ‡OES TECNICAS\</t>
  </si>
  <si>
    <t>ANEXO 1 - ACEITAÃ‡ÃƒO FÃSICA EPQTO ACESSO ERICSSON - REV 291116.xlsx</t>
  </si>
  <si>
    <t>ANEXO 10 - ACEITAÃ‡ÃƒO FÃSICA EQPTO CORE- REV 291116.xlsx</t>
  </si>
  <si>
    <t>ANEXO 11 - ACEITAÃ‡ÃƒO FÃSICA INFRA EQPTO ACESSO E TRANSPORTE - REV 291116.xlsx</t>
  </si>
  <si>
    <t>ANEXO 12 - ACEITAÃ‡ÃƒO FÃSICA INFRA EQPTO BIOSITE - REV 291116.xlsx</t>
  </si>
  <si>
    <t>ANEXO 13 - ACEITAÃ‡ÃƒO FÃSICA INFRA EQPTO ALTA HIERARQUIA - REV 291116.xlsx</t>
  </si>
  <si>
    <t>ANEXO 14 - ACEITAÃ‡ÃƒO FÃSICA INFRA PREDIAL - REV 291116.xlsx</t>
  </si>
  <si>
    <t>ANEXO 2 - ACEITAÃ‡ÃƒO FÃSICA EPQTO ACESSO HUAWEI - REV 291116.xlsx</t>
  </si>
  <si>
    <t>ANEXO 3 - ACEITAÃ‡ÃƒO FÃSICA EPQTO ACESSO NOKIA - REV 291116.xlsx</t>
  </si>
  <si>
    <t>ANEXO 4 - ACEITAÃ‡ÃƒO FÃSICA EQPTO RÃDIO MW - REV 291116.xlsx</t>
  </si>
  <si>
    <t>ANEXO 5 - ACEITAÃ‡ÃƒO FÃSICA EPQTOS Ã“PTICOS - REV 291116.xlsx</t>
  </si>
  <si>
    <t>ANEXO 6 - ACEITAÃ‡ÃƒO FÃSICA EQPTO DWDM - REV 291116.xlsx</t>
  </si>
  <si>
    <t>ANEXO 7 - ACEITAÃ‡ÃƒO FÃSICA EQPTO MSAN-BN - REV 291116.xlsx</t>
  </si>
  <si>
    <t>ANEXO 8 - ACEITAÃ‡ÃƒO FÃSICA EQPTO AP WI-FI - REV 291116.xlsx</t>
  </si>
  <si>
    <t>ANEXO 9 - ACEITAÃ‡ÃƒO FÃSICA EQPTO SATÃ‰LITE - REV 291116.xlsx</t>
  </si>
  <si>
    <t>C:\Users\suelenmm\OneDrive - Grupo Algar\Download - 11-12\download (4).zip\RFQ _ A4216_RFQ_46108 - SERVIÃ‡OS DE ACEITAÃ‡ÃƒO FISICA DE SITES\ANEXO I - ESPECIFICAÃ‡OES TECNICAS\ET_NW_OPM_16_015 - ServiÃ§os de aceitaÃ§Ã£o fÃ­sica de novos NEs e Infra - REV8 1</t>
  </si>
  <si>
    <t>11/21/2019 21:01:44</t>
  </si>
  <si>
    <t>C:\Users\suelenmm\OneDrive - Grupo Algar\Download - 11-12\download (5).zip\RFQ _ A79724_RFQ_46565 - MANUTENÃ‡ÃƒO DE REDE FIXA E MÃ“VEL (FMM_FMT) TSP, TLE &amp; TNO\Anexo 2 - Modelo Comercial (LPU)\</t>
  </si>
  <si>
    <t>19. ANEXO XIX - LPU SERVIÃ‡OS - FATURA A FMT - REVOPM - 231116.xlsx</t>
  </si>
  <si>
    <t>D:\21_11_2019 - PC ALGAR TECH\Download - 11-12\download (5).zip</t>
  </si>
  <si>
    <t>20. ANEXO XX - LPU SERVIÃ‡OS E MATERIAIS - FATURA B FMT - REVOPM - 231116.xlsx</t>
  </si>
  <si>
    <t>8. ANEXO VIII FATURAS A_B FMM - REVOPM.xls</t>
  </si>
  <si>
    <t>VERTICALIZAÃ‡ÃƒO - ADEQUAÃ‡ÃƒO SEGURANÃ‡A EM EQUIPAMENTOS E SITES - LPU - 010217.xlsx</t>
  </si>
  <si>
    <t>VERTICALIZAÃ‡ÃƒO - SERVIÃ‡O DE MANUT CAMPO PARA VSATS - LPU - 301116.XLS</t>
  </si>
  <si>
    <t>C:\Users\suelenmm\OneDrive - Grupo Algar\Download - 11-12\download (5).zip\RFQ _ A79724_RFQ_46565 - MANUTENÃ‡ÃƒO DE REDE FIXA E MÃ“VEL (FMM_FMT) TSP, TLE &amp; TNO\</t>
  </si>
  <si>
    <t>C:\Users\suelenmm\OneDrive - Grupo Algar\Download - 11-12\download (5).zip\RFQ _ A79724_RFQ_46565 - MANUTENÃ‡ÃƒO DE REDE FIXA E MÃ“VEL (FMM_FMT) TSP, TLE &amp; TNO\Anexo 1 - EspecificaÃ§Ã£o TÃ©cnica\FMM_FMT\18. ANEXO XVIII - ESPECIFICAÃ‡ÃƒO DOS SERVIÃ‡OS FMT -</t>
  </si>
  <si>
    <t>C:\Users\suelenmm\OneDrive - Grupo Algar\Download - 11-12\download (5).zip\RFQ _ A79724_RFQ_46565 - MANUTENÃ‡ÃƒO DE REDE FIXA E MÃ“VEL (FMM_FMT) TSP, TLE &amp; TNO\Anexo 1 - EspecificaÃ§Ã£o TÃ©cnica\VERTICALIZAÃ‡ÃƒO\VERTICALIZAÃ‡ÃƒO - SERVIÃ‡O DE MANUT CAMPO P</t>
  </si>
  <si>
    <t>11/21/2019 21:01:45</t>
  </si>
  <si>
    <t>C:\Users\suelenmm\OneDrive - Grupo Algar\Download - 11-12\download (6).zip\RFQ _ A79724_RFQ_46596 - ManutenÃ§Ã£o de PrÃ©dios Industriais - Hierarquia H1\ANEXO II\</t>
  </si>
  <si>
    <t>D:\21_11_2019 - PC ALGAR TECH\Download - 11-12\download (6).zip</t>
  </si>
  <si>
    <t>C:\Users\suelenmm\OneDrive - Grupo Algar\Download - 11-12\download (6).zip\RFQ _ A79724_RFQ_46596 - ManutenÃ§Ã£o de PrÃ©dios Industriais - Hierarquia H1\ANEXO I\ESPECIFICACAO TECNICA - RFQ - PREDIOS H1 - V3.docx\</t>
  </si>
  <si>
    <t>11/21/2019 21:01:50</t>
  </si>
  <si>
    <t>C:\Users\suelenmm\OneDrive - Grupo Algar\Download - 11-12\download (7).zip\RFQ _ A4216_RFQ_46108 - SERVIÃ‡OS DE ACEITAÃ‡ÃƒO FISICA DE SITES\</t>
  </si>
  <si>
    <t>D:\21_11_2019 - PC ALGAR TECH\Download - 11-12\download (7).zip</t>
  </si>
  <si>
    <t>C:\Users\suelenmm\OneDrive - Grupo Algar\Download - 11-12\download (7).zip\RFQ _ A4216_RFQ_46108 - SERVIÃ‡OS DE ACEITAÃ‡ÃƒO FISICA DE SITES\ANEXO I - ESPECIFICAÃ‡OES TECNICAS\</t>
  </si>
  <si>
    <t>C:\Users\suelenmm\OneDrive - Grupo Algar\Download - 11-12\download (7).zip\RFQ _ A4216_RFQ_46108 - SERVIÃ‡OS DE ACEITAÃ‡ÃƒO FISICA DE SITES\ANEXO I - ESPECIFICAÃ‡OES TECNICAS\ET_NW_OPM_16_015 - ServiÃ§os de aceitaÃ§Ã£o fÃ­sica de novos NEs e Infra - REV8 1</t>
  </si>
  <si>
    <t>11/21/2019 21:01:51</t>
  </si>
  <si>
    <t>C:\Users\suelenmm\OneDrive - Grupo Algar\Download - 11-12\download (8).zip\RFQ _ A4216_RFQ_42556 - ServiÃ§os de ExtensÃ£o, FiscalizaÃ§Ã£o, Entrega e MigraÃ§Ã£o de Circuitos\</t>
  </si>
  <si>
    <t>Anexo II - LPU (RevisÃ£o 20160307).xlsx</t>
  </si>
  <si>
    <t>D:\21_11_2019 - PC ALGAR TECH\Download - 11-12\download (8).zip</t>
  </si>
  <si>
    <t>Anexo VI - QUESTIONÃRIO.xlsx</t>
  </si>
  <si>
    <t>Volumetria_1.xlsx</t>
  </si>
  <si>
    <t>11/21/2019 21:01:52</t>
  </si>
  <si>
    <t>C:\Users\suelenmm\OneDrive - Grupo Algar\Download - 11-12\download (9).zip\RFQ _ A4216_RFQ_41414 - REMANEJAMENTO DE ENLACES\</t>
  </si>
  <si>
    <t>Anexo II - LPU ServiÃ§os.xlsx</t>
  </si>
  <si>
    <t>D:\21_11_2019 - PC ALGAR TECH\Download - 11-12\download (9).zip</t>
  </si>
  <si>
    <t>C:\Users\suelenmm\OneDrive - Grupo Algar\Download - 11-12\download (9).zip\RFQ _ A4216_RFQ_41414 - REMANEJAMENTO DE ENLACES\Anexo I - EspecificaÃ§Ã£o TÃ©cnica.doc\</t>
  </si>
  <si>
    <t>C:\Users\suelenmm\OneDrive - Grupo Algar\Download - 11-12\download (9).zip\RFQ _ A4216_RFQ_41414 - REMANEJAMENTO DE ENLACES\Anexo I - EspecificaÃ§Ã£o TÃ©cnica.doc\s19\</t>
  </si>
  <si>
    <t>C:\Users\suelenmm\OneDrive - Grupo Algar\Download - 11-12\download (9).zip\RFQ _ A4216_RFQ_41414 - REMANEJAMENTO DE ENLACES\Anexo I - EspecificaÃ§Ã£o TÃ©cnica.doc\Package1.docx\</t>
  </si>
  <si>
    <t>11/21/2019 21:01:56</t>
  </si>
  <si>
    <t>C:\Users\suelenmm\OneDrive - Grupo Algar\Download - 11-12\download.zip\RFQ _ A4216_RFQ_44595 - SERVIÃ‡OS DE ACEITAÃ‡ÃƒO FISICA DE SITES\</t>
  </si>
  <si>
    <t>D:\21_11_2019 - PC ALGAR TECH\Download - 11-12\download.zip</t>
  </si>
  <si>
    <t>C:\Users\suelenmm\OneDrive - Grupo Algar\Download - 11-12\download.zip\RFQ _ A4216_RFQ_44595 - SERVIÃ‡OS DE ACEITAÃ‡ÃƒO FISICA DE SITES\ET_NW_OPM_16_015 - ServiÃ§os de aceitaÃ§Ã£o fÃ­sica de novos NEs e Infra - REV6 201016.zip\</t>
  </si>
  <si>
    <t>ANEXO 1 - ACEITAÃ‡ÃƒO FÃSICA EPQTO ACESSO ERICSSON.xlsx</t>
  </si>
  <si>
    <t>ANEXO 10 - ACEITAÃ‡ÃƒO FÃSICA EQPTO CORE.xlsx</t>
  </si>
  <si>
    <t>ANEXO 11 - ACEITAÃ‡ÃƒO FÃSICA INFRA EQPTO ACESSO E TRANSPORTE.xlsx</t>
  </si>
  <si>
    <t>ANEXO 12 - ACEITAÃ‡ÃƒO FÃSICA INFRA EQPTO BIOSITE.xlsx</t>
  </si>
  <si>
    <t>ANEXO 13 - ACEITAÃ‡ÃƒO FÃSICA INFRA EQPTO ALTA HIERARQUIA.xlsx</t>
  </si>
  <si>
    <t>ANEXO 14 - ACEITAÃ‡ÃƒO FÃSICA INFRA PREDIAL.xlsx</t>
  </si>
  <si>
    <t>ANEXO 2 - ACEITAÃ‡ÃƒO FÃSICA EPQTO ACESSO HUAWEI.xlsx</t>
  </si>
  <si>
    <t>ANEXO 3 - ACEITAÃ‡ÃƒO FÃSICA EPQTO ACESSO NOKIA.xlsx</t>
  </si>
  <si>
    <t>ANEXO 4 - ACEITAÃ‡ÃƒO FÃSICA EQPTO RÃDIO MW.xls</t>
  </si>
  <si>
    <t>ANEXO 5 - ACEITAÃ‡ÃƒO FÃSICA EPQTOS Ã“PTICOS.xls</t>
  </si>
  <si>
    <t>ANEXO 6 - ACEITAÃ‡ÃƒO FÃSICA EQPTO DWDM.xls</t>
  </si>
  <si>
    <t>11/21/2019 21:01:57</t>
  </si>
  <si>
    <t>ANEXO 7 - ACEITAÃ‡ÃƒO FÃSICA EQPTO MSAN-BN.xls</t>
  </si>
  <si>
    <t>ANEXO 8 - ACEITAÃ‡ÃƒO FÃSICA EQPTO AP WI-FI.xlsx</t>
  </si>
  <si>
    <t>ANEXO 9 - ACEITAÃ‡ÃƒO FÃSICA EQPTO SATÃ‰LITE.xlsx</t>
  </si>
  <si>
    <t xml:space="preserve">C:\Users\suelenmm\OneDrive - Grupo Algar\Download - 11-12\download.zip\RFQ _ A4216_RFQ_44595 - SERVIÃ‡OS DE ACEITAÃ‡ÃƒO FISICA DE SITES\ET_NW_OPM_16_015 - ServiÃ§os de aceitaÃ§Ã£o fÃ­sica de novos NEs e Infra - REV6 201016.zip\ET_NW_OPM_16_015 - ServiÃ§os </t>
  </si>
  <si>
    <t>11/21/2019 21:02:07</t>
  </si>
  <si>
    <t>C:\Users\suelenmm\OneDrive - Grupo Algar\Download - 11-12\download_(7).zip\RFQ _ A79724_RFQ_46565 - MANUTENÃ‡ÃƒO DE REDE FIXA E MÃ“VEL (FMM_FMT) TSP, TLE &amp; TNO\Anexo 2 - Modelo Comercial (LPU)\</t>
  </si>
  <si>
    <t>D:\21_11_2019 - PC ALGAR TECH\Download - 11-12\download_(7).zip</t>
  </si>
  <si>
    <t>11/22/2019 08:51:36</t>
  </si>
  <si>
    <t>C:\Users\suelenmm\OneDrive - Grupo Algar\Download - 11-12\download_(7).zip\RFQ _ A79724_RFQ_46565 - MANUTENÃ‡ÃƒO DE REDE FIXA E MÃ“VEL (FMM_FMT) TSP, TLE &amp; TNO\</t>
  </si>
  <si>
    <t>C:\Users\suelenmm\OneDrive - Grupo Algar\Download - 11-12\download_(7).zip\RFQ _ A79724_RFQ_46565 - MANUTENÃ‡ÃƒO DE REDE FIXA E MÃ“VEL (FMM_FMT) TSP, TLE &amp; TNO\Anexo 1 - EspecificaÃ§Ã£o TÃ©cnica\FMM_FMT\18. ANEXO XVIII - ESPECIFICAÃ‡ÃƒO DOS SERVIÃ‡OS FMT -</t>
  </si>
  <si>
    <t>C:\Users\suelenmm\OneDrive - Grupo Algar\Download - 11-12\download_(7).zip\RFQ _ A79724_RFQ_46565 - MANUTENÃ‡ÃƒO DE REDE FIXA E MÃ“VEL (FMM_FMT) TSP, TLE &amp; TNO\Anexo 1 - EspecificaÃ§Ã£o TÃ©cnica\VERTICALIZAÃ‡ÃƒO\VERTICALIZAÃ‡ÃƒO - SERVIÃ‡O DE MANUT CAMPO P</t>
  </si>
  <si>
    <t>11/21/2019 21:02:08</t>
  </si>
  <si>
    <t>Dúvidas Tecnicas.xls</t>
  </si>
  <si>
    <t>D:\21_11_2019 - PC ALGAR TECH\Download - 11-12\Dúvidas Tecnicas.xls</t>
  </si>
  <si>
    <t>11/21/2019 21:02:09</t>
  </si>
  <si>
    <t>e5d9277232954ab38053101fe10630b5.xls</t>
  </si>
  <si>
    <t>D:\21_11_2019 - PC ALGAR TECH\Download - 11-12\e5d9277232954ab38053101fe10630b5.xls</t>
  </si>
  <si>
    <t>11/21/2019 21:02:19</t>
  </si>
  <si>
    <t>C:\Users\suelenmm\OneDrive - Grupo Algar\Download - 11-12\edital_02-2016.zip\edital_02-2016\</t>
  </si>
  <si>
    <t>14.anexo_xiv-modelo_planilha_formacao_precos.xlsx</t>
  </si>
  <si>
    <t>D:\21_11_2019 - PC ALGAR TECH\Download - 11-12\edital_02-2016.zip</t>
  </si>
  <si>
    <t>15.anexo_xv-modelo_planilha_bdi.xlsx</t>
  </si>
  <si>
    <t>18.anexo_xviii-modelo_cronograma_fisico-financeiro.xlsx</t>
  </si>
  <si>
    <t>11/21/2019 21:02:20</t>
  </si>
  <si>
    <t>D:\21_11_2019 - PC ALGAR TECH\Download - 11-12\ENGESET LPU FINAL.xls</t>
  </si>
  <si>
    <t>C:\Users\suelenmm\OneDrive - Grupo Algar\Download - 11-12\ET_NW_OPM_16_006 - Serviço de Reforço Preventivo de Estuturas Verticais - REV1 110216.zip\</t>
  </si>
  <si>
    <t>LPU - Servi‡os de Refor‡o Preventivo de Estruturas Verticais - REV1 110216.xls</t>
  </si>
  <si>
    <t>D:\21_11_2019 - PC ALGAR TECH\Download - 11-12\ET_NW_OPM_16_006 - Serviço de Reforço Preventivo de Estuturas Verticais - REV1 110216.zip</t>
  </si>
  <si>
    <t>C:\Users\suelenmm\OneDrive - Grupo Algar\Download - 11-12\ET_NW_OPM_16_011 - Serviço de instalação de ERBs Transportáveis COWs - REV1 190516.zip\</t>
  </si>
  <si>
    <t>LPU - ServiÃ§os de InstalaÃ§Ã£o de ERBs TransportÃ¡veis - REV1 190516.xlsx</t>
  </si>
  <si>
    <t>D:\21_11_2019 - PC ALGAR TECH\Download - 11-12\ET_NW_OPM_16_011 - Serviço de instalação de ERBs Transportáveis COWs - REV1 190516.zip</t>
  </si>
  <si>
    <t>11/21/2019 21:02:22</t>
  </si>
  <si>
    <t>C:\Users\suelenmm\OneDrive - Grupo Algar\Download - 11-12\ET_NW_OPM_16_012 - Serviço de Manutenção de Campo Rede Satélite - REV1 190516.zip\ET_NW_OPM_16_012 - ServiÃ§o de ManutenÃ§Ã£o de Campo Rede SatÃ©lite - REV1 190516.doc\s29\</t>
  </si>
  <si>
    <t>D:\21_11_2019 - PC ALGAR TECH\Download - 11-12\ET_NW_OPM_16_012 - Serviço de Manutenção de Campo Rede Satélite - REV1 190516.zip</t>
  </si>
  <si>
    <t>C:\Users\suelenmm\OneDrive - Grupo Algar\Download - 11-12\ET_NW_OPM_16_012 - Serviço de Manutenção de Campo Rede Satélite - REV1 190516.zip\ET_NW_OPM_16_012 - ServiÃ§o de ManutenÃ§Ã£o de Campo Rede SatÃ©lite - REV1 190516.doc\Package.docx\</t>
  </si>
  <si>
    <t>11/21/2019 21:02:24</t>
  </si>
  <si>
    <t>f2602f98efab470ba5987b3d67e175dd.csv</t>
  </si>
  <si>
    <t>D:\21_11_2019 - PC ALGAR TECH\Download - 11-12\f2602f98efab470ba5987b3d67e175dd.csv</t>
  </si>
  <si>
    <t>11/21/2019 21:02:25</t>
  </si>
  <si>
    <t>FAT B - Orçamento.xlsx</t>
  </si>
  <si>
    <t>D:\21_11_2019 - PC ALGAR TECH\Download - 11-12\FAT B - Orçamento.xlsx</t>
  </si>
  <si>
    <t>11/21/2019 21:02:26</t>
  </si>
  <si>
    <t>FMT INTERIOR.xlsx</t>
  </si>
  <si>
    <t>D:\21_11_2019 - PC ALGAR TECH\Download - 11-12\FMT INTERIOR.xlsx</t>
  </si>
  <si>
    <t>FORMULARIO_DE_CADASTRO_DE_FORNECEDOR_-_R12_e_SOMAR_-_Socios_ATUALIZADO (1).xls</t>
  </si>
  <si>
    <t>D:\21_11_2019 - PC ALGAR TECH\Download - 11-12\FORMULARIO_DE_CADASTRO_DE_FORNECEDOR_-_R12_e_SOMAR_-_Socios_ATUALIZADO (1).xls</t>
  </si>
  <si>
    <t>D:\21_11_2019 - PC ALGAR TECH\Download - 11-12\FORMULARIO_DE_CADASTRO_DE_FORNECEDOR_-_R12_e_SOMAR_-_Socios_ATUALIZADO.xls</t>
  </si>
  <si>
    <t>FORMULARIO_DE_CADASTRO_DE_FORNECEDOR_-_R12_e_SOMAR_-_Socios_ATUALIZADO_(1).xls</t>
  </si>
  <si>
    <t>D:\21_11_2019 - PC ALGAR TECH\Download - 11-12\FORMULARIO_DE_CADASTRO_DE_FORNECEDOR_-_R12_e_SOMAR_-_Socios_ATUALIZADO_(1).xls</t>
  </si>
  <si>
    <t>11/21/2019 21:03:16</t>
  </si>
  <si>
    <t>GRC Marilan Preço_v1.xlsx</t>
  </si>
  <si>
    <t>D:\21_11_2019 - PC ALGAR TECH\Download - 11-12\GRC Marilan Preço_v1.xlsx</t>
  </si>
  <si>
    <t>11/21/2019 21:03:17</t>
  </si>
  <si>
    <t>Infos ALGAR TIM LESTE Rev_B.xlsx</t>
  </si>
  <si>
    <t>D:\21_11_2019 - PC ALGAR TECH\Download - 11-12\Infos ALGAR TIM LESTE Rev_B.xlsx</t>
  </si>
  <si>
    <t>11/21/2019 21:03:22</t>
  </si>
  <si>
    <t>Interurbana e Urbana Rota fibra - Planilha Suprimentos - v12.xlsx</t>
  </si>
  <si>
    <t>D:\21_11_2019 - PC ALGAR TECH\Download - 11-12\Interurbana e Urbana Rota fibra - Planilha Suprimentos - v12.xlsx</t>
  </si>
  <si>
    <t>11/21/2019 21:03:31</t>
  </si>
  <si>
    <t>Interurbana e Urbana ROTA fibra - Planilha Suprimentos - v9.xlsx</t>
  </si>
  <si>
    <t>D:\21_11_2019 - PC ALGAR TECH\Download - 11-12\Interurbana e Urbana ROTA fibra - Planilha Suprimentos - v9.xlsx</t>
  </si>
  <si>
    <t>11/21/2019 21:03:32</t>
  </si>
  <si>
    <t>C:\Users\suelenmm\OneDrive - Grupo Algar\Download - 11-12\ipca_Servicos.zip\</t>
  </si>
  <si>
    <t>SH_Servi‡os.xls</t>
  </si>
  <si>
    <t>D:\21_11_2019 - PC ALGAR TECH\Download - 11-12\ipca_Servicos.zip</t>
  </si>
  <si>
    <t>ixfveuy4.oox.csv</t>
  </si>
  <si>
    <t>D:\21_11_2019 - PC ALGAR TECH\Download - 11-12\ixfveuy4.oox.csv</t>
  </si>
  <si>
    <t>11/21/2019 21:03:38</t>
  </si>
  <si>
    <t>kpxxn3dn.rxd.csv</t>
  </si>
  <si>
    <t>D:\21_11_2019 - PC ALGAR TECH\Download - 11-12\kpxxn3dn.rxd.csv</t>
  </si>
  <si>
    <t>11/21/2019 21:03:39</t>
  </si>
  <si>
    <t>LOGISTICA GMG.xlsx</t>
  </si>
  <si>
    <t>D:\21_11_2019 - PC ALGAR TECH\Download - 11-12\LOGISTICA GMG.xlsx</t>
  </si>
  <si>
    <t>11/21/2019 21:04:02</t>
  </si>
  <si>
    <t>C:\Users\suelenmm\OneDrive - Grupo Algar\Download - 11-12\lpu Back Bone - Interurbana e Urbana ROTA fibra - Planilha Suprimentos.msg\s107\</t>
  </si>
  <si>
    <t>lpu Back Bone - Interurbana e Urbana ROTA fibra - Planilha Suprimentos.xlsx</t>
  </si>
  <si>
    <t>D:\21_11_2019 - PC ALGAR TECH\Download - 11-12\lpu Back Bone - Interurbana e Urbana ROTA fibra - Planilha Suprimentos.msg</t>
  </si>
  <si>
    <t>LPU caracterização de fibras Coriant - TIM (1).xlsx</t>
  </si>
  <si>
    <t>D:\21_11_2019 - PC ALGAR TECH\Download - 11-12\LPU caracterização de fibras Coriant - TIM (1).xlsx</t>
  </si>
  <si>
    <t>LPU caracterização de fibras Coriant - TIM (2).xlsx</t>
  </si>
  <si>
    <t>D:\21_11_2019 - PC ALGAR TECH\Download - 11-12\LPU caracterização de fibras Coriant - TIM (2).xlsx</t>
  </si>
  <si>
    <t>LPU caracterização de fibras Coriant - TIM.xlsx</t>
  </si>
  <si>
    <t>D:\21_11_2019 - PC ALGAR TECH\Download - 11-12\LPU caracterização de fibras Coriant - TIM.xlsx</t>
  </si>
  <si>
    <t>LPU de atividades.xlsx</t>
  </si>
  <si>
    <t>D:\21_11_2019 - PC ALGAR TECH\Download - 11-12\LPU de atividades.xlsx</t>
  </si>
  <si>
    <t>11/21/2019 21:04:03</t>
  </si>
  <si>
    <t>LPU factor dwdm - TIM v1 (1).xlsx</t>
  </si>
  <si>
    <t>D:\21_11_2019 - PC ALGAR TECH\Download - 11-12\LPU factor dwdm - TIM v1 (1).xlsx</t>
  </si>
  <si>
    <t>LPU factor dwdm - TIM v1 (2).xlsx</t>
  </si>
  <si>
    <t>D:\21_11_2019 - PC ALGAR TECH\Download - 11-12\LPU factor dwdm - TIM v1 (2).xlsx</t>
  </si>
  <si>
    <t>LPU factor dwdm - TIM v1.xlsx</t>
  </si>
  <si>
    <t>D:\21_11_2019 - PC ALGAR TECH\Download - 11-12\LPU factor dwdm - TIM v1.xlsx</t>
  </si>
  <si>
    <t>LPU Fiscalização Vigente v2.xlsx</t>
  </si>
  <si>
    <t>D:\21_11_2019 - PC ALGAR TECH\Download - 11-12\LPU Fiscalização Vigente v2.xlsx</t>
  </si>
  <si>
    <t>LPU FMM FATURA A e B MATERIAIS.xls</t>
  </si>
  <si>
    <t>D:\21_11_2019 - PC ALGAR TECH\Download - 11-12\LPU FMM FATURA A e B MATERIAIS.xls</t>
  </si>
  <si>
    <t>LPU LOCAÇÃO DE GMG - FMM - Fatura A_1.xls</t>
  </si>
  <si>
    <t>D:\21_11_2019 - PC ALGAR TECH\Download - 11-12\LPU LOCAÇÃO DE GMG - FMM - Fatura A_1.xls</t>
  </si>
  <si>
    <t>LPU SEGURANÇA DE SITES TCO - NE(1).xlsx</t>
  </si>
  <si>
    <t>D:\21_11_2019 - PC ALGAR TECH\Download - 11-12\LPU SEGURANÇA DE SITES TCO - NE(1).xlsx</t>
  </si>
  <si>
    <t>LPU SEGURANÇA DE SITES TCO - NE.xlsx</t>
  </si>
  <si>
    <t>D:\21_11_2019 - PC ALGAR TECH\Download - 11-12\LPU SEGURANÇA DE SITES TCO - NE.xlsx</t>
  </si>
  <si>
    <t>C:\Users\suelenmm\OneDrive - Grupo Algar\Download - 11-12\LPUs aceitas (1).zip\LPUs aceitas\</t>
  </si>
  <si>
    <t>D:\21_11_2019 - PC ALGAR TECH\Download - 11-12\LPUs aceitas (1).zip</t>
  </si>
  <si>
    <t>11/21/2019 21:04:04</t>
  </si>
  <si>
    <t>C:\Users\suelenmm\OneDrive - Grupo Algar\Download - 11-12\LPUs aceitas.zip\LPUs aceitas\</t>
  </si>
  <si>
    <t>D:\21_11_2019 - PC ALGAR TECH\Download - 11-12\LPUs aceitas.zip</t>
  </si>
  <si>
    <t>C:\Users\suelenmm\OneDrive - Grupo Algar\Download - 11-12\LPUs_Algar_Tech_29.05.zip\</t>
  </si>
  <si>
    <t>D:\21_11_2019 - PC ALGAR TECH\Download - 11-12\LPUs_Algar_Tech_29.05.zip</t>
  </si>
  <si>
    <t>Mary Kay InTouch Online ® - 14-02.xlsx</t>
  </si>
  <si>
    <t>D:\21_11_2019 - PC ALGAR TECH\Download - 11-12\Mary Kay InTouch Online ® - 14-02.xlsx</t>
  </si>
  <si>
    <t>Mary Kay InTouch Online ® - SILVANIA.xlsx</t>
  </si>
  <si>
    <t>D:\21_11_2019 - PC ALGAR TECH\Download - 11-12\Mary Kay InTouch Online ® - SILVANIA.xlsx</t>
  </si>
  <si>
    <t>Mary Kay InTouch Online ®.xlsx</t>
  </si>
  <si>
    <t>D:\21_11_2019 - PC ALGAR TECH\Download - 11-12\Mary Kay InTouch Online ®.xlsx</t>
  </si>
  <si>
    <t>11/21/2019 21:04:05</t>
  </si>
  <si>
    <t>MATRIZ_DE_TRIBUTACAO_-_Algar_Tech_-_out_2016.xlsx</t>
  </si>
  <si>
    <t>D:\21_11_2019 - PC ALGAR TECH\Download - 11-12\MATRIZ_DE_TRIBUTACAO_-_Algar_Tech_-_out_2016.xlsx</t>
  </si>
  <si>
    <t>modelo feira de santana.xls</t>
  </si>
  <si>
    <t>D:\21_11_2019 - PC ALGAR TECH\Download - 11-12\modelo feira de santana.xls</t>
  </si>
  <si>
    <t>modelo.xls</t>
  </si>
  <si>
    <t>D:\21_11_2019 - PC ALGAR TECH\Download - 11-12\modelo.xls</t>
  </si>
  <si>
    <t>11/21/2019 21:04:06</t>
  </si>
  <si>
    <t>Operação v3 (1).xlsx</t>
  </si>
  <si>
    <t>D:\21_11_2019 - PC ALGAR TECH\Download - 11-12\Operação v3 (1).xlsx</t>
  </si>
  <si>
    <t>Operação v3.xlsx</t>
  </si>
  <si>
    <t>D:\21_11_2019 - PC ALGAR TECH\Download - 11-12\Operação v3.xlsx</t>
  </si>
  <si>
    <t>Operação v5 (1).xlsx</t>
  </si>
  <si>
    <t>D:\21_11_2019 - PC ALGAR TECH\Download - 11-12\Operação v5 (1).xlsx</t>
  </si>
  <si>
    <t>Operação v5.xlsx</t>
  </si>
  <si>
    <t>D:\21_11_2019 - PC ALGAR TECH\Download - 11-12\Operação v5.xlsx</t>
  </si>
  <si>
    <t>Oportunidades pendente aprovação Lider BU (1).xlsx</t>
  </si>
  <si>
    <t>D:\21_11_2019 - PC ALGAR TECH\Download - 11-12\Oportunidades pendente aprovação Lider BU (1).xlsx</t>
  </si>
  <si>
    <t>Oportunidades pendente aprovação Lider BU (2).xlsx</t>
  </si>
  <si>
    <t>D:\21_11_2019 - PC ALGAR TECH\Download - 11-12\Oportunidades pendente aprovação Lider BU (2).xlsx</t>
  </si>
  <si>
    <t>Oportunidades pendente aprovação Lider BU (3).xlsx</t>
  </si>
  <si>
    <t>D:\21_11_2019 - PC ALGAR TECH\Download - 11-12\Oportunidades pendente aprovação Lider BU (3).xlsx</t>
  </si>
  <si>
    <t>Oportunidades pendente aprovação Lider BU (4).xlsx</t>
  </si>
  <si>
    <t>D:\21_11_2019 - PC ALGAR TECH\Download - 11-12\Oportunidades pendente aprovação Lider BU (4).xlsx</t>
  </si>
  <si>
    <t>Oportunidades pendente aprovação Lider BU (5).xlsx</t>
  </si>
  <si>
    <t>D:\21_11_2019 - PC ALGAR TECH\Download - 11-12\Oportunidades pendente aprovação Lider BU (5).xlsx</t>
  </si>
  <si>
    <t>Oportunidades pendente aprovação Lider BU (6).xlsx</t>
  </si>
  <si>
    <t>D:\21_11_2019 - PC ALGAR TECH\Download - 11-12\Oportunidades pendente aprovação Lider BU (6).xlsx</t>
  </si>
  <si>
    <t>11/21/2019 21:04:07</t>
  </si>
  <si>
    <t>Oportunidades pendente aprovação Lider BU (7).xlsx</t>
  </si>
  <si>
    <t>D:\21_11_2019 - PC ALGAR TECH\Download - 11-12\Oportunidades pendente aprovação Lider BU (7).xlsx</t>
  </si>
  <si>
    <t>Oportunidades pendente aprovação Lider BU.xlsx</t>
  </si>
  <si>
    <t>D:\21_11_2019 - PC ALGAR TECH\Download - 11-12\Oportunidades pendente aprovação Lider BU.xlsx</t>
  </si>
  <si>
    <t>11/21/2019 21:04:08</t>
  </si>
  <si>
    <t>Oportunidades por data criação (System Date) (1).xlsx</t>
  </si>
  <si>
    <t>D:\21_11_2019 - PC ALGAR TECH\Download - 11-12\Oportunidades por data criação (System Date) (1).xlsx</t>
  </si>
  <si>
    <t>11/21/2019 21:04:10</t>
  </si>
  <si>
    <t>Oportunidades por data criação (System Date) v2 (1).xlsx</t>
  </si>
  <si>
    <t>D:\21_11_2019 - PC ALGAR TECH\Download - 11-12\Oportunidades por data criação (System Date) v2 (1).xlsx</t>
  </si>
  <si>
    <t>11/21/2019 21:04:12</t>
  </si>
  <si>
    <t>D:\21_11_2019 - PC ALGAR TECH\Download - 11-12\Oportunidades por data criação (System Date) v2.xlsx</t>
  </si>
  <si>
    <t>11/21/2019 21:04:13</t>
  </si>
  <si>
    <t>Oportunidades por data criação (System Date) v4 (1).xlsx</t>
  </si>
  <si>
    <t>D:\21_11_2019 - PC ALGAR TECH\Download - 11-12\Oportunidades por data criação (System Date) v4 (1).xlsx</t>
  </si>
  <si>
    <t>11/21/2019 21:04:16</t>
  </si>
  <si>
    <t>Oportunidades por data criação (System Date) v4 (2).xlsx</t>
  </si>
  <si>
    <t>D:\21_11_2019 - PC ALGAR TECH\Download - 11-12\Oportunidades por data criação (System Date) v4 (2).xlsx</t>
  </si>
  <si>
    <t>11/21/2019 21:04:17</t>
  </si>
  <si>
    <t>D:\21_11_2019 - PC ALGAR TECH\Download - 11-12\Oportunidades por data criação (System Date) v4.xlsx</t>
  </si>
  <si>
    <t>11/21/2019 21:04:18</t>
  </si>
  <si>
    <t>D:\21_11_2019 - PC ALGAR TECH\Download - 11-12\Oportunidades por data criação (System Date).xlsx</t>
  </si>
  <si>
    <t>11/21/2019 21:04:25</t>
  </si>
  <si>
    <t>C:\Users\suelenmm\OneDrive - Grupo Algar\Download - 11-12\Passagem de Pasta - 140416 - TIM - Incremento de Receita Backbone Nacional.msg\s43\</t>
  </si>
  <si>
    <t>Operação v4.xlsx</t>
  </si>
  <si>
    <t>D:\21_11_2019 - PC ALGAR TECH\Download - 11-12\Passagem de Pasta - 140416 - TIM - Incremento de Receita Backbone Nacional.msg</t>
  </si>
  <si>
    <t>TIM - Interurbana e Urbana Rota fibra - Planilha Suprimentos - Reajuste_.xlsx</t>
  </si>
  <si>
    <t>11/21/2019 21:04:30</t>
  </si>
  <si>
    <t>Pipe Resumido v2.xlsx</t>
  </si>
  <si>
    <t>D:\21_11_2019 - PC ALGAR TECH\Download - 11-12\Pipe Resumido v2.xlsx</t>
  </si>
  <si>
    <t>Pipe Resumido v3 ajustado.xlsx</t>
  </si>
  <si>
    <t>D:\21_11_2019 - PC ALGAR TECH\Download - 11-12\Pipe Resumido v3 ajustado.xlsx</t>
  </si>
  <si>
    <t>11/21/2019 21:04:31</t>
  </si>
  <si>
    <t>Pipe Resumido.xlsx</t>
  </si>
  <si>
    <t>D:\21_11_2019 - PC ALGAR TECH\Download - 11-12\Pipe Resumido.xlsx</t>
  </si>
  <si>
    <t>11/21/2019 21:04:33</t>
  </si>
  <si>
    <t>Pipeline Detalhado (1).xlsx</t>
  </si>
  <si>
    <t>D:\21_11_2019 - PC ALGAR TECH\Download - 11-12\Pipeline Detalhado (1).xlsx</t>
  </si>
  <si>
    <t>11/21/2019 21:04:35</t>
  </si>
  <si>
    <t>Pipeline Detalhado (2).xlsx</t>
  </si>
  <si>
    <t>D:\21_11_2019 - PC ALGAR TECH\Download - 11-12\Pipeline Detalhado (2).xlsx</t>
  </si>
  <si>
    <t>11/21/2019 21:04:37</t>
  </si>
  <si>
    <t>Pipeline Detalhado (3).xlsx</t>
  </si>
  <si>
    <t>D:\21_11_2019 - PC ALGAR TECH\Download - 11-12\Pipeline Detalhado (3).xlsx</t>
  </si>
  <si>
    <t>11/21/2019 21:04:39</t>
  </si>
  <si>
    <t>Pipeline Detalhado (4).xlsx</t>
  </si>
  <si>
    <t>D:\21_11_2019 - PC ALGAR TECH\Download - 11-12\Pipeline Detalhado (4).xlsx</t>
  </si>
  <si>
    <t>11/21/2019 21:04:42</t>
  </si>
  <si>
    <t>Pipeline Detalhado (5).xlsx</t>
  </si>
  <si>
    <t>D:\21_11_2019 - PC ALGAR TECH\Download - 11-12\Pipeline Detalhado (5).xlsx</t>
  </si>
  <si>
    <t>11/21/2019 21:04:44</t>
  </si>
  <si>
    <t>Pipeline Detalhado (6).xlsx</t>
  </si>
  <si>
    <t>D:\21_11_2019 - PC ALGAR TECH\Download - 11-12\Pipeline Detalhado (6).xlsx</t>
  </si>
  <si>
    <t>11/21/2019 21:04:46</t>
  </si>
  <si>
    <t>Pipeline Detalhado (7).xlsx</t>
  </si>
  <si>
    <t>D:\21_11_2019 - PC ALGAR TECH\Download - 11-12\Pipeline Detalhado (7).xlsx</t>
  </si>
  <si>
    <t>11/21/2019 21:04:48</t>
  </si>
  <si>
    <t>Pipeline Detalhado (8).xlsx</t>
  </si>
  <si>
    <t>D:\21_11_2019 - PC ALGAR TECH\Download - 11-12\Pipeline Detalhado (8).xlsx</t>
  </si>
  <si>
    <t>11/21/2019 21:04:52</t>
  </si>
  <si>
    <t>Pipeline Detalhado (9).xlsx</t>
  </si>
  <si>
    <t>D:\21_11_2019 - PC ALGAR TECH\Download - 11-12\Pipeline Detalhado (9).xlsx</t>
  </si>
  <si>
    <t>11/21/2019 21:05:02</t>
  </si>
  <si>
    <t>Pipeline Detalhado Win Probability V2 (1).xlsx</t>
  </si>
  <si>
    <t>D:\21_11_2019 - PC ALGAR TECH\Download - 11-12\Pipeline Detalhado Win Probability V2 (1).xlsx</t>
  </si>
  <si>
    <t>11/21/2019 21:05:04</t>
  </si>
  <si>
    <t>Pipeline Detalhado Win Probability V2.xlsx</t>
  </si>
  <si>
    <t>D:\21_11_2019 - PC ALGAR TECH\Download - 11-12\Pipeline Detalhado Win Probability V2.xlsx</t>
  </si>
  <si>
    <t>11/21/2019 21:05:07</t>
  </si>
  <si>
    <t>Pipeline Detalhado.xlsx</t>
  </si>
  <si>
    <t>D:\21_11_2019 - PC ALGAR TECH\Download - 11-12\Pipeline Detalhado.xlsx</t>
  </si>
  <si>
    <t>11/21/2019 21:05:08</t>
  </si>
  <si>
    <t>C:\Users\suelenmm\OneDrive - Grupo Algar\Download - 11-12\Planilhas_LPU_Engeset (1).zip\</t>
  </si>
  <si>
    <t>19. ANEXO XIX - LPU SERVI€OS - FATURA A FMT - REVOPM - 231116.xlsx</t>
  </si>
  <si>
    <t>D:\21_11_2019 - PC ALGAR TECH\Download - 11-12\Planilhas_LPU_Engeset (1).zip</t>
  </si>
  <si>
    <t>20. ANEXO XX - LPU SERVI€OS E MATERIAIS - FATURA B FMT - REVOPM - 231116.xlsx</t>
  </si>
  <si>
    <t>8. ANEXO VIII FATURAS A_B FMM - REVOPM - ATUALIZADA.xls</t>
  </si>
  <si>
    <t>LPU LOCA€ÇO DE GMG - FMM - Fatura A_1.xls</t>
  </si>
  <si>
    <t>VERTICALIZA€ÇO - ADEQUA€ÇO SEGURAN€A EM EQUIPAMENTOS E SITES - LPU - 010217.xlsx</t>
  </si>
  <si>
    <t>VERTICALIZA€ÇO - SERVI€O DE INSTALA€ÇO DE SITES TRANSPORTµVEIS - LPU - 010816.xlsx</t>
  </si>
  <si>
    <t>VERTICALIZA€ÇO - SERVI€O DE MANUT CAMPO PARA VSATS - LPU - 301116.XLS</t>
  </si>
  <si>
    <t>C:\Users\suelenmm\OneDrive - Grupo Algar\Download - 11-12\Planilhas_LPU_Engeset.zip\</t>
  </si>
  <si>
    <t>D:\21_11_2019 - PC ALGAR TECH\Download - 11-12\Planilhas_LPU_Engeset.zip</t>
  </si>
  <si>
    <t>11/21/2019 21:05:09</t>
  </si>
  <si>
    <t>11/21/2019 21:05:12</t>
  </si>
  <si>
    <t>C:\Users\suelenmm\OneDrive - Grupo Algar\Download - 11-12\Precificação de Serviços.dot\</t>
  </si>
  <si>
    <t>D:\21_11_2019 - PC ALGAR TECH\Download - 11-12\Precificação de Serviços.dot</t>
  </si>
  <si>
    <t>Preço_v1.xlsx</t>
  </si>
  <si>
    <t>D:\21_11_2019 - PC ALGAR TECH\Download - 11-12\Preço_v1.xlsx</t>
  </si>
  <si>
    <t>Product Catalog (1).xlsx</t>
  </si>
  <si>
    <t>D:\21_11_2019 - PC ALGAR TECH\Download - 11-12\Product Catalog (1).xlsx</t>
  </si>
  <si>
    <t>Product Catalog.xlsx</t>
  </si>
  <si>
    <t>D:\21_11_2019 - PC ALGAR TECH\Download - 11-12\Product Catalog.xlsx</t>
  </si>
  <si>
    <t>Proposta Algartech (1).xlsx</t>
  </si>
  <si>
    <t>D:\21_11_2019 - PC ALGAR TECH\Download - 11-12\Proposta Algartech (1).xlsx</t>
  </si>
  <si>
    <t>11/21/2019 21:05:13</t>
  </si>
  <si>
    <t>Proposta Algartech-Brasil (1).xlsx</t>
  </si>
  <si>
    <t>D:\21_11_2019 - PC ALGAR TECH\Download - 11-12\Proposta Algartech-Brasil (1).xlsx</t>
  </si>
  <si>
    <t>Proposta Algartech-Brasil (2).xlsx</t>
  </si>
  <si>
    <t>D:\21_11_2019 - PC ALGAR TECH\Download - 11-12\Proposta Algartech-Brasil (2).xlsx</t>
  </si>
  <si>
    <t>Proposta Algartech-Brasil (3).xlsx</t>
  </si>
  <si>
    <t>D:\21_11_2019 - PC ALGAR TECH\Download - 11-12\Proposta Algartech-Brasil (3).xlsx</t>
  </si>
  <si>
    <t>Proposta Algartech-Brasil (4).xlsx</t>
  </si>
  <si>
    <t>D:\21_11_2019 - PC ALGAR TECH\Download - 11-12\Proposta Algartech-Brasil (4).xlsx</t>
  </si>
  <si>
    <t>Proposta Algartech-Brasil.xlsx</t>
  </si>
  <si>
    <t>D:\21_11_2019 - PC ALGAR TECH\Download - 11-12\Proposta Algartech-Brasil.xlsx</t>
  </si>
  <si>
    <t>Proposta Algartech-SP (1).xlsx</t>
  </si>
  <si>
    <t>D:\21_11_2019 - PC ALGAR TECH\Download - 11-12\Proposta Algartech-SP (1).xlsx</t>
  </si>
  <si>
    <t>Proposta Algartech-SP (2).xlsx</t>
  </si>
  <si>
    <t>D:\21_11_2019 - PC ALGAR TECH\Download - 11-12\Proposta Algartech-SP (2).xlsx</t>
  </si>
  <si>
    <t>Proposta Algartech-SP (3).xlsx</t>
  </si>
  <si>
    <t>D:\21_11_2019 - PC ALGAR TECH\Download - 11-12\Proposta Algartech-SP (3).xlsx</t>
  </si>
  <si>
    <t>Proposta Algartech-SP.xlsx</t>
  </si>
  <si>
    <t>D:\21_11_2019 - PC ALGAR TECH\Download - 11-12\Proposta Algartech-SP.xlsx</t>
  </si>
  <si>
    <t>11/21/2019 21:05:14</t>
  </si>
  <si>
    <t>C:\Users\suelenmm\OneDrive - Grupo Algar\Download - 11-12\Proposta e declarações comerciais (1).rar\Proposta e declaraÃ§Ãµes comerciais\</t>
  </si>
  <si>
    <t>ANEXO II - LPU para ServiÃ§os e Materiais sob demanda - MANUT CABOS Ã“PTICOS - REV 170117-BRASIL.xlsx</t>
  </si>
  <si>
    <t>D:\21_11_2019 - PC ALGAR TECH\Download - 11-12\Proposta e declarações comerciais (1).rar</t>
  </si>
  <si>
    <t>11/21/2019 21:05:15</t>
  </si>
  <si>
    <t>C:\Users\suelenmm\OneDrive - Grupo Algar\Download - 11-12\Proposta e declarações comerciais (2).rar\Proposta e declaraÃ§Ãµes comerciais\</t>
  </si>
  <si>
    <t>ANEXO II - LPU para ServiÃ§os e Materiais sob demanda - MANUT CABOS Ã“PTICOS - REV 170117-SPO.xlsx</t>
  </si>
  <si>
    <t>D:\21_11_2019 - PC ALGAR TECH\Download - 11-12\Proposta e declarações comerciais (2).rar</t>
  </si>
  <si>
    <t>C:\Users\suelenmm\OneDrive - Grupo Algar\Download - 11-12\Proposta e declarações comerciais.rar\Proposta e declaraÃ§Ãµes comerciais\</t>
  </si>
  <si>
    <t>D:\21_11_2019 - PC ALGAR TECH\Download - 11-12\Proposta e declarações comerciais.rar</t>
  </si>
  <si>
    <t>Proposta Target - Dutos TIWS RJ.xls</t>
  </si>
  <si>
    <t>D:\21_11_2019 - PC ALGAR TECH\Download - 11-12\Proposta Target - Dutos TIWS RJ.xls</t>
  </si>
  <si>
    <t>11/21/2019 21:05:19</t>
  </si>
  <si>
    <t>Prévia Cálculo Força de Vendas 1ºsem2016.xlsx</t>
  </si>
  <si>
    <t>D:\21_11_2019 - PC ALGAR TECH\Download - 11-12\Prévia Cálculo Força de Vendas 1ºsem2016.xlsx</t>
  </si>
  <si>
    <t>11/21/2019 21:05:22</t>
  </si>
  <si>
    <t>C:\Users\suelenmm\OneDrive - Grupo Algar\Download - 11-12\QFTW.zip\</t>
  </si>
  <si>
    <t>BOQ Template-Civil Work V1.0.xlsb</t>
  </si>
  <si>
    <t>D:\21_11_2019 - PC ALGAR TECH\Download - 11-12\QFTW.zip</t>
  </si>
  <si>
    <t>BOQ Template-Optimization V1.2.xlsx</t>
  </si>
  <si>
    <t>BOQ Template-Wireless V1.1.xlsx</t>
  </si>
  <si>
    <t>11/21/2019 21:05:23</t>
  </si>
  <si>
    <t>C:\Users\suelenmm\OneDrive - Grupo Algar\Download - 11-12\Recovery Plan Q2 2016 ENGESET.pptx\</t>
  </si>
  <si>
    <t>D:\21_11_2019 - PC ALGAR TECH\Download - 11-12\Recovery Plan Q2 2016 ENGESET.pptx</t>
  </si>
  <si>
    <t>Relação de materiais apoio a vendas.xlsx</t>
  </si>
  <si>
    <t>D:\21_11_2019 - PC ALGAR TECH\Download - 11-12\Relação de materiais apoio a vendas.xlsx</t>
  </si>
  <si>
    <t>Renovação TIM.xls</t>
  </si>
  <si>
    <t>D:\21_11_2019 - PC ALGAR TECH\Download - 11-12\Renovação TIM.xls</t>
  </si>
  <si>
    <t>11/21/2019 21:05:26</t>
  </si>
  <si>
    <t>C:\Users\suelenmm\OneDrive - Grupo Algar\Download - 11-12\RESPOSTA AOS QUESTIONAMENTOS E LPUS (1).zip\</t>
  </si>
  <si>
    <t>D:\21_11_2019 - PC ALGAR TECH\Download - 11-12\RESPOSTA AOS QUESTIONAMENTOS E LPUS (1).zip</t>
  </si>
  <si>
    <t>C:\Users\suelenmm\OneDrive - Grupo Algar\Download - 11-12\RESPOSTA AOS QUESTIONAMENTOS E LPUS.zip\</t>
  </si>
  <si>
    <t>D:\21_11_2019 - PC ALGAR TECH\Download - 11-12\RESPOSTA AOS QUESTIONAMENTOS E LPUS.zip</t>
  </si>
  <si>
    <t>11/21/2019 21:05:27</t>
  </si>
  <si>
    <t>RESPOSTA AOS QUETIONAMENTOS ADICIONAIS LOTE 004.xlsx</t>
  </si>
  <si>
    <t>D:\21_11_2019 - PC ALGAR TECH\Download - 11-12\RESPOSTA AOS QUETIONAMENTOS ADICIONAIS LOTE 004.xlsx</t>
  </si>
  <si>
    <t>Resumo v8.xlsx</t>
  </si>
  <si>
    <t>D:\21_11_2019 - PC ALGAR TECH\Download - 11-12\Resumo v8.xlsx</t>
  </si>
  <si>
    <t>11/21/2019 21:05:41</t>
  </si>
  <si>
    <t>C:\Users\suelenmm\OneDrive - Grupo Algar\Download - 11-12\RES__LPUSEGURANCA_DE_SITES__NOVA_-_ENGESET_REV__26_06_2017_RGA_V1.msg\s188\</t>
  </si>
  <si>
    <t>II ANEXO II - LPU B1 - FATURA B - LPU FMM CO_NE_TLE - FAT B - APENDICE B.xls</t>
  </si>
  <si>
    <t>D:\21_11_2019 - PC ALGAR TECH\Download - 11-12\RES__LPUSEGURANCA_DE_SITES__NOVA_-_ENGESET_REV__26_06_2017_RGA_V1.msg</t>
  </si>
  <si>
    <t>II ANEXO II - LPU B2 - FATURA B - LPU FMM INFRA FM TIM CO_NE - FAT B - APENDICE A.xls</t>
  </si>
  <si>
    <t>C:\Users\suelenmm\OneDrive - Grupo Algar\Download - 11-12\RES__LPUSEGURANCA_DE_SITES__NOVA_-_ENGESET_REV__26_06_2017_RGA_V1.msg\s61\18. ANEXO XVIII - ESPECIFICAÇÃO DOS SERVIÇOS FMT - REVOPM - 291116.doc\</t>
  </si>
  <si>
    <t>C:\Users\suelenmm\OneDrive - Grupo Algar\Download - 11-12\RES__LPUSEGURANCA_DE_SITES__NOVA_-_ENGESET_REV__26_06_2017_RGA_V1.msg\s61\VERTICALIZAÇÃO - SERVIÇO DE MANUT CAMPO PARA VSATS - 301116.doc\</t>
  </si>
  <si>
    <t>11/21/2019 21:05:42</t>
  </si>
  <si>
    <t>C:\Users\suelenmm\OneDrive - Grupo Algar\Download - 11-12\RFP1974_Documentações solicitante.zip\Documenta‡äes solicitante\</t>
  </si>
  <si>
    <t>D:\21_11_2019 - PC ALGAR TECH\Download - 11-12\RFP1974_Documentações solicitante.zip</t>
  </si>
  <si>
    <t>DR - Programa HCM.xls</t>
  </si>
  <si>
    <t>C:\Users\suelenmm\OneDrive - Grupo Algar\Download - 11-12\RFP1974_Documentações solicitante.zip\Documenta‡äes solicitante\ESPEC - Programa HCM.doc\Work_Instructions_for_Integration.zip\</t>
  </si>
  <si>
    <t>DataSource_Request.xls</t>
  </si>
  <si>
    <t>JMS_Template.xls</t>
  </si>
  <si>
    <t>RFP_1823 - Ordem de produção digital com custo padrão - ELEB.xls</t>
  </si>
  <si>
    <t>D:\21_11_2019 - PC ALGAR TECH\Download - 11-12\RFP_1823 - Ordem de produção digital com custo padrão - ELEB.xls</t>
  </si>
  <si>
    <t>RFP_1937 - Contratação de desenvolvimento ABAP.xls</t>
  </si>
  <si>
    <t>D:\21_11_2019 - PC ALGAR TECH\Download - 11-12\RFP_1937 - Contratação de desenvolvimento ABAP.xls</t>
  </si>
  <si>
    <t>RFP_1974 - Programa HCM - Frente SAP HCM.xls</t>
  </si>
  <si>
    <t>D:\21_11_2019 - PC ALGAR TECH\Download - 11-12\RFP_1974 - Programa HCM - Frente SAP HCM.xls</t>
  </si>
  <si>
    <t>11/21/2019 21:05:43</t>
  </si>
  <si>
    <t>saw (1).xlsx</t>
  </si>
  <si>
    <t>D:\21_11_2019 - PC ALGAR TECH\Download - 11-12\saw (1).xlsx</t>
  </si>
  <si>
    <t>saw.xlsx</t>
  </si>
  <si>
    <t>D:\21_11_2019 - PC ALGAR TECH\Download - 11-12\saw.xlsx</t>
  </si>
  <si>
    <t>11/21/2019 21:05:44</t>
  </si>
  <si>
    <t>SIZING Resumo.xlsx</t>
  </si>
  <si>
    <t>D:\21_11_2019 - PC ALGAR TECH\Download - 11-12\SIZING Resumo.xlsx</t>
  </si>
  <si>
    <t>11/21/2019 21:05:48</t>
  </si>
  <si>
    <t>C:\Users\suelenmm\OneDrive - Grupo Algar\Download - 11-12\Solicitação de Acesso Lista equipamentos.docx\</t>
  </si>
  <si>
    <t>D:\21_11_2019 - PC ALGAR TECH\Download - 11-12\Solicitação de Acesso Lista equipamentos.docx</t>
  </si>
  <si>
    <t>Solicitação de documentações.xlsx</t>
  </si>
  <si>
    <t>D:\21_11_2019 - PC ALGAR TECH\Download - 11-12\Solicitação de documentações.xlsx</t>
  </si>
  <si>
    <t>SUELEN.xlsx</t>
  </si>
  <si>
    <t>D:\21_11_2019 - PC ALGAR TECH\Download - 11-12\SUELEN.xlsx</t>
  </si>
  <si>
    <t>11/21/2019 21:05:49</t>
  </si>
  <si>
    <t>SUPORTE E APOIO TÉCNICO - EMERGENCIAL.xlsx</t>
  </si>
  <si>
    <t>D:\21_11_2019 - PC ALGAR TECH\Download - 11-12\SUPORTE E APOIO TÉCNICO - EMERGENCIAL.xlsx</t>
  </si>
  <si>
    <t>Tabela de preços_v2 REV02.xlsx</t>
  </si>
  <si>
    <t>D:\21_11_2019 - PC ALGAR TECH\Download - 11-12\Tabela de preços_v2 REV02.xlsx</t>
  </si>
  <si>
    <t>Target Engeset.xlsx</t>
  </si>
  <si>
    <t>D:\21_11_2019 - PC ALGAR TECH\Download - 11-12\Target Engeset.xlsx</t>
  </si>
  <si>
    <t>Target Engeset_portal (1).xlsx</t>
  </si>
  <si>
    <t>D:\21_11_2019 - PC ALGAR TECH\Download - 11-12\Target Engeset_portal (1).xlsx</t>
  </si>
  <si>
    <t>Target Engeset_portal (2).xlsx</t>
  </si>
  <si>
    <t>D:\21_11_2019 - PC ALGAR TECH\Download - 11-12\Target Engeset_portal (2).xlsx</t>
  </si>
  <si>
    <t>Target Engeset_portal.xlsx</t>
  </si>
  <si>
    <t>D:\21_11_2019 - PC ALGAR TECH\Download - 11-12\Target Engeset_portal.xlsx</t>
  </si>
  <si>
    <t>11/21/2019 21:05:50</t>
  </si>
  <si>
    <t>D:\21_11_2019 - PC ALGAR TECH\Download - 11-12\Termo_Responsabilidade_-_Cartao_Corporativo.xlsm</t>
  </si>
  <si>
    <t>11/21/2019 21:06:09</t>
  </si>
  <si>
    <t>C:\Users\suelenmm\OneDrive - Grupo Algar\Download - 11-12\TIM - CENÁRIO FINAL.msg\s42\</t>
  </si>
  <si>
    <t>Revisão TIM - Pleito 7 - 06-07 - com LE - desc meses seguintes.xlsx</t>
  </si>
  <si>
    <t>D:\21_11_2019 - PC ALGAR TECH\Download - 11-12\TIM - CENÁRIO FINAL.msg</t>
  </si>
  <si>
    <t>11/21/2019 21:06:14</t>
  </si>
  <si>
    <t>TIM - Interurbana e Urbana Rota fibra - Planilha Suprimentos - Reajuste_....xlsx</t>
  </si>
  <si>
    <t>D:\21_11_2019 - PC ALGAR TECH\Download - 11-12\TIM - Interurbana e Urbana Rota fibra - Planilha Suprimentos - Reajuste_....xlsx</t>
  </si>
  <si>
    <t>11/21/2019 21:06:19</t>
  </si>
  <si>
    <t>TLE_ENGESET.xlsx</t>
  </si>
  <si>
    <t>D:\21_11_2019 - PC ALGAR TECH\Download - 11-12\TLE_ENGESET.xlsx</t>
  </si>
  <si>
    <t>11/21/2019 21:06:20</t>
  </si>
  <si>
    <t>tmehg3ou.xy2 (1).csv</t>
  </si>
  <si>
    <t>D:\21_11_2019 - PC ALGAR TECH\Download - 11-12\tmehg3ou.xy2 (1).csv</t>
  </si>
  <si>
    <t>tmehg3ou.xy2 (2).csv</t>
  </si>
  <si>
    <t>D:\21_11_2019 - PC ALGAR TECH\Download - 11-12\tmehg3ou.xy2 (2).csv</t>
  </si>
  <si>
    <t>tmehg3ou.xy2.csv</t>
  </si>
  <si>
    <t>D:\21_11_2019 - PC ALGAR TECH\Download - 11-12\tmehg3ou.xy2.csv</t>
  </si>
  <si>
    <t>uormxtev.vco.csv</t>
  </si>
  <si>
    <t>D:\21_11_2019 - PC ALGAR TECH\Download - 11-12\uormxtev.vco.csv</t>
  </si>
  <si>
    <t>11/21/2019 21:06:22</t>
  </si>
  <si>
    <t>D:\21_11_2019 - PC ALGAR TECH\Download - 11-12\Vendas Detalhado (1).xlsx</t>
  </si>
  <si>
    <t>11/21/2019 21:06:23</t>
  </si>
  <si>
    <t>D:\21_11_2019 - PC ALGAR TECH\Download - 11-12\Vendas Detalhado (2).xlsx</t>
  </si>
  <si>
    <t>D:\21_11_2019 - PC ALGAR TECH\Download - 11-12\Vendas Detalhado (3).xlsx</t>
  </si>
  <si>
    <t>11/21/2019 21:06:24</t>
  </si>
  <si>
    <t>D:\21_11_2019 - PC ALGAR TECH\Download - 11-12\Vendas Detalhado (4).xlsx</t>
  </si>
  <si>
    <t>11/21/2019 21:06:25</t>
  </si>
  <si>
    <t>D:\21_11_2019 - PC ALGAR TECH\Download - 11-12\Vendas Detalhado (5).xlsx</t>
  </si>
  <si>
    <t>11/21/2019 21:06:26</t>
  </si>
  <si>
    <t>D:\21_11_2019 - PC ALGAR TECH\Download - 11-12\Vendas Detalhado (6).xlsx</t>
  </si>
  <si>
    <t>11/21/2019 21:06:30</t>
  </si>
  <si>
    <t>Vendas Detalhado (7).xlsx</t>
  </si>
  <si>
    <t>D:\21_11_2019 - PC ALGAR TECH\Download - 11-12\Vendas Detalhado (7).xlsx</t>
  </si>
  <si>
    <t>11/21/2019 21:06:32</t>
  </si>
  <si>
    <t>Vendas Detalhado (8).xlsx</t>
  </si>
  <si>
    <t>D:\21_11_2019 - PC ALGAR TECH\Download - 11-12\Vendas Detalhado (8).xlsx</t>
  </si>
  <si>
    <t>11/21/2019 21:06:33</t>
  </si>
  <si>
    <t>Vendas Detalhado (9).xlsx</t>
  </si>
  <si>
    <t>D:\21_11_2019 - PC ALGAR TECH\Download - 11-12\Vendas Detalhado (9).xlsx</t>
  </si>
  <si>
    <t>11/21/2019 21:06:39</t>
  </si>
  <si>
    <t>D:\21_11_2019 - PC ALGAR TECH\Download - 11-12\Vendas Detalhado.xlsx</t>
  </si>
  <si>
    <t>11/21/2019 21:06:40</t>
  </si>
  <si>
    <t>wgy4l14d.urf.csv</t>
  </si>
  <si>
    <t>D:\21_11_2019 - PC ALGAR TECH\Download - 11-12\wgy4l14d.urf.csv</t>
  </si>
  <si>
    <t>11/21/2019 21:06:41</t>
  </si>
  <si>
    <t>Winrate.xlsx</t>
  </si>
  <si>
    <t>D:\21_11_2019 - PC ALGAR TECH\Download - 11-12\Winrate.xlsx</t>
  </si>
  <si>
    <t>11/21/2019 21:07:20</t>
  </si>
  <si>
    <t>C:\Users\suelenmm\OneDrive - Grupo Algar\PERDA PETROBRAS\</t>
  </si>
  <si>
    <t>BP C010 B011 Desonerada - Petrobras - cenario 4.xlsb</t>
  </si>
  <si>
    <t>D:\21_11_2019 - PC ALGAR TECH\PERDA PETROBRAS\BP C010 B011 Desonerada - Petrobras - cenario 4.xlsb</t>
  </si>
  <si>
    <t>C:\Users\suelenmm\OneDrive - Grupo Algar\PERDA PETROBRAS\BP C010 B011 Desonerada - Petrobras - cenario 4.xlsb\</t>
  </si>
  <si>
    <t>11/21/2019 21:07:24</t>
  </si>
  <si>
    <t>C:\Users\suelenmm\OneDrive - Grupo Algar\PERDA PETROBRAS\Documentos do Edital.zip\</t>
  </si>
  <si>
    <t>Anexo II-E - Prontu rio de Unidades.xlsx</t>
  </si>
  <si>
    <t>D:\21_11_2019 - PC ALGAR TECH\PERDA PETROBRAS\Documentos do Edital.zip</t>
  </si>
  <si>
    <t>11/21/2019 21:07:26</t>
  </si>
  <si>
    <t>D:\21_11_2019 - PC ALGAR TECH\Gestão PVs\Apresentação Defesa Tecnica.xlsx</t>
  </si>
  <si>
    <t>D:\21_11_2019 - PC ALGAR TECH\Gestão PVs\Associados jan-19.xlsx</t>
  </si>
  <si>
    <t>11/21/2019 21:07:29</t>
  </si>
  <si>
    <t>D:\21_11_2019 - PC ALGAR TECH\Gestão PVs\Cargos_Salarios_PS_th_SGTI.xlsx</t>
  </si>
  <si>
    <t>11/21/2019 21:07:30</t>
  </si>
  <si>
    <t>D:\21_11_2019 - PC ALGAR TECH\Gestão PVs\Cartao Helder.xlsx</t>
  </si>
  <si>
    <t>D:\21_11_2019 - PC ALGAR TECH\Gestão PVs\CDI_MANUAL_(1) Renato.xlsx</t>
  </si>
  <si>
    <t>D:\21_11_2019 - PC ALGAR TECH\Gestão PVs\Checklist Proposta v1.xlsx</t>
  </si>
  <si>
    <t>11/21/2019 21:07:31</t>
  </si>
  <si>
    <t>D:\21_11_2019 - PC ALGAR TECH\Gestão PVs\Controle Opps v1.xlsx</t>
  </si>
  <si>
    <t>11/21/2019 21:07:32</t>
  </si>
  <si>
    <t>D:\21_11_2019 - PC ALGAR TECH\Gestão PVs\Departamental 13-11-18.csv</t>
  </si>
  <si>
    <t>D:\21_11_2019 - PC ALGAR TECH\Gestão PVs\departamental sem salario.csv</t>
  </si>
  <si>
    <t>D:\21_11_2019 - PC ALGAR TECH\Gestão PVs\departamental sem salario.xls</t>
  </si>
  <si>
    <t>11/21/2019 21:07:34</t>
  </si>
  <si>
    <t>D:\21_11_2019 - PC ALGAR TECH\Gestão PVs\Draft Catalogo Servicos.xlsx</t>
  </si>
  <si>
    <t>D:\21_11_2019 - PC ALGAR TECH\Gestão PVs\Elegibilidade v2.xlsx</t>
  </si>
  <si>
    <t>D:\21_11_2019 - PC ALGAR TECH\Gestão PVs\Especificidades Pre Vendas.xlsx</t>
  </si>
  <si>
    <t>11/21/2019 21:07:36</t>
  </si>
  <si>
    <t>D:\21_11_2019 - PC ALGAR TECH\Gestão PVs\Estrutura v1.xlsx</t>
  </si>
  <si>
    <t>D:\21_11_2019 - PC ALGAR TECH\Gestão PVs\Estrutura.xlsx</t>
  </si>
  <si>
    <t>D:\21_11_2019 - PC ALGAR TECH\Gestão PVs\GAP Pré-Vendas Final - 04-09.xlsx</t>
  </si>
  <si>
    <t>D:\21_11_2019 - PC ALGAR TECH\Gestão PVs\GAP Pré-Vendas Final - 22-05.xlsx</t>
  </si>
  <si>
    <t>D:\21_11_2019 - PC ALGAR TECH\Gestão PVs\GAP Pré-Vendas Final - 24-10.xlsx</t>
  </si>
  <si>
    <t>11/21/2019 21:07:37</t>
  </si>
  <si>
    <t>D:\21_11_2019 - PC ALGAR TECH\Gestão PVs\GAP Pré-Vendas Final - 29-06.xlsx</t>
  </si>
  <si>
    <t>D:\21_11_2019 - PC ALGAR TECH\Gestão PVs\GAP Pré-Vendas Final - 31-05.xlsx</t>
  </si>
  <si>
    <t>D:\21_11_2019 - PC ALGAR TECH\Gestão PVs\Homeoffice.xlsx</t>
  </si>
  <si>
    <t>11/21/2019 21:07:38</t>
  </si>
  <si>
    <t>D:\21_11_2019 - PC ALGAR TECH\Gestão PVs\Levantamento Notebooks.xlsx</t>
  </si>
  <si>
    <t>D:\21_11_2019 - PC ALGAR TECH\Gestão PVs\Mini Currículo.xlsx</t>
  </si>
  <si>
    <t>D:\21_11_2019 - PC ALGAR TECH\Gestão PVs\Nome e Telefone.xlsx</t>
  </si>
  <si>
    <t>D:\21_11_2019 - PC ALGAR TECH\Gestão PVs\Notebooks - jan-19.xlsx</t>
  </si>
  <si>
    <t>11/21/2019 21:07:40</t>
  </si>
  <si>
    <t>D:\21_11_2019 - PC ALGAR TECH\Gestão PVs\Oportunidades por data criação (System Date) - 27-04.xlsx</t>
  </si>
  <si>
    <t>11/21/2019 21:07:42</t>
  </si>
  <si>
    <t>D:\21_11_2019 - PC ALGAR TECH\Gestão PVs\Oportunidades por data criação (System Date).xlsx</t>
  </si>
  <si>
    <t>D:\21_11_2019 - PC ALGAR TECH\Gestão PVs\OPPs.xlsx</t>
  </si>
  <si>
    <t>D:\21_11_2019 - PC ALGAR TECH\Gestão PVs\Plano de Ação Clima 2017.xlsx</t>
  </si>
  <si>
    <t>D:\21_11_2019 - PC ALGAR TECH\Gestão PVs\Processos V2.xlsx</t>
  </si>
  <si>
    <t>D:\21_11_2019 - PC ALGAR TECH\Gestão PVs\Processos.xlsx</t>
  </si>
  <si>
    <t>11/21/2019 21:07:43</t>
  </si>
  <si>
    <t>D:\21_11_2019 - PC ALGAR TECH\Gestão PVs\Programacao Ferias CPV 2018.xls</t>
  </si>
  <si>
    <t>D:\21_11_2019 - PC ALGAR TECH\Gestão PVs\Proposta de reajuste pre vendas mai-19.xlsx</t>
  </si>
  <si>
    <t>D:\21_11_2019 - PC ALGAR TECH\Gestão PVs\Staff 4.0 - Plano de Redução.xlsx</t>
  </si>
  <si>
    <t>D:\21_11_2019 - PC ALGAR TECH\Gestão PVs\Tabela de Aniversario 13-11-18.csv</t>
  </si>
  <si>
    <t>D:\21_11_2019 - PC ALGAR TECH\Gestão PVs\Template - TRANSFERÊNCIA ENTRE EMPRESAS - Suélen.xlsx</t>
  </si>
  <si>
    <t>D:\21_11_2019 - PC ALGAR TECH\Gestão PVs\TEMPLATE ACT MANUAL.xlsx</t>
  </si>
  <si>
    <t>D:\21_11_2019 - PC ALGAR TECH\Gestão PVs\Template_Figuras_Associados_Fluxo_Gestão_Contratos.xlsb</t>
  </si>
  <si>
    <t>11/21/2019 21:07:45</t>
  </si>
  <si>
    <t>D:\21_11_2019 - PC ALGAR TECH\Gestão PVs\Vendas Detalhado 27-04.xlsx</t>
  </si>
  <si>
    <t>D:\21_11_2019 - PC ALGAR TECH\Gestão PVs\02 - Orçamento\Arquivo de Prévia .xlsx</t>
  </si>
  <si>
    <t>D:\21_11_2019 - PC ALGAR TECH\Gestão PVs\02 - Orçamento\Consolidação Pessoal - Oficial 2018 - Desonerado - Alessio.xlsb</t>
  </si>
  <si>
    <t>11/21/2019 21:07:46</t>
  </si>
  <si>
    <t>D:\21_11_2019 - PC ALGAR TECH\Gestão PVs\02 - Orçamento\Departamental.xlsx</t>
  </si>
  <si>
    <t>11/21/2019 21:07:47</t>
  </si>
  <si>
    <t>D:\21_11_2019 - PC ALGAR TECH\Gestão PVs\02 - Orçamento\Orçamento 2018.xls</t>
  </si>
  <si>
    <t>D:\21_11_2019 - PC ALGAR TECH\Gestão PVs\02 - Orçamento\Redução linha de Servios de Terceiros.xlsx</t>
  </si>
  <si>
    <t>11/21/2019 21:07:48</t>
  </si>
  <si>
    <t>D:\21_11_2019 - PC ALGAR TECH\Gestão PVs\02 - Orçamento\Redução Sílvio - Soluções.xlsx</t>
  </si>
  <si>
    <t>11/21/2019 21:07:52</t>
  </si>
  <si>
    <t>D:\21_11_2019 - PC ALGAR TECH\Gestão PVs\Banco de Horas\Banco 20-12-18 v2.xlsx</t>
  </si>
  <si>
    <t>D:\21_11_2019 - PC ALGAR TECH\Gestão PVs\Banco de Horas\Banco 20-12-18.xlsx</t>
  </si>
  <si>
    <t>11/21/2019 21:07:55</t>
  </si>
  <si>
    <t>D:\21_11_2019 - PC ALGAR TECH\Gestão PVs\BI\Demandas.xlsx</t>
  </si>
  <si>
    <t>11/21/2019 21:07:59</t>
  </si>
  <si>
    <t>D:\21_11_2019 - PC ALGAR TECH\Gestão PVs\Comissão\Comissão Força de Vendas - 2º Tri.xlsb</t>
  </si>
  <si>
    <t>11/21/2019 21:08:01</t>
  </si>
  <si>
    <t>D:\21_11_2019 - PC ALGAR TECH\Gestão PVs\Comissão\Comissão Força de Vendas - 4º Tri - antigo.xlsb</t>
  </si>
  <si>
    <t>11/21/2019 21:08:04</t>
  </si>
  <si>
    <t>D:\21_11_2019 - PC ALGAR TECH\Gestão PVs\Comissão\Comissão Força de Vendas_V9-NB-SUELENMM.xlsb</t>
  </si>
  <si>
    <t>11/21/2019 21:08:09</t>
  </si>
  <si>
    <t>D:\21_11_2019 - PC ALGAR TECH\Gestão PVs\Comissão\Comissão Força de Vendas_V9.xlsb</t>
  </si>
  <si>
    <t>11/21/2019 21:08:11</t>
  </si>
  <si>
    <t>D:\21_11_2019 - PC ALGAR TECH\Gestão PVs\Comissão\Cálculo Win Rate (revisão metas para total 2016) (002).xlsx</t>
  </si>
  <si>
    <t>11/21/2019 21:08:16</t>
  </si>
  <si>
    <t>D:\21_11_2019 - PC ALGAR TECH\Gestão PVs\Comissão\Cópia de 032018_Forecast de Receita Oficial_v08 - PREVIA ABR-18 - 10-04.xlsx</t>
  </si>
  <si>
    <t>D:\21_11_2019 - PC ALGAR TECH\Gestão PVs\Comissão\Descontos time de Vendas.msg</t>
  </si>
  <si>
    <t>11/21/2019 21:08:19</t>
  </si>
  <si>
    <t>D:\21_11_2019 - PC ALGAR TECH\Gestão PVs\Comissão\Oportunidades por data fechamento DETALHADO - WIN RATE 3 TRI-NB-SUELENMM.xlsx</t>
  </si>
  <si>
    <t>11/21/2019 21:08:21</t>
  </si>
  <si>
    <t>D:\21_11_2019 - PC ALGAR TECH\Gestão PVs\Comissão\Oportunidades por data fechamento DETALHADO - WIN RATE 3 TRI.xlsx</t>
  </si>
  <si>
    <t>11/21/2019 21:08:22</t>
  </si>
  <si>
    <t>D:\21_11_2019 - PC ALGAR TECH\Gestão PVs\Comissão\Oportunidades por data fechamento v3 - sg telecom 3 tri.xlsx</t>
  </si>
  <si>
    <t>11/21/2019 21:08:24</t>
  </si>
  <si>
    <t>D:\21_11_2019 - PC ALGAR TECH\Gestão PVs\Comissão\Vendas 3 TRI.xlsx</t>
  </si>
  <si>
    <t>11/21/2019 21:08:26</t>
  </si>
  <si>
    <t>D:\21_11_2019 - PC ALGAR TECH\Gestão PVs\Comissão\Vendas Detalhado - 4º tri.xlsx</t>
  </si>
  <si>
    <t>11/21/2019 21:08:28</t>
  </si>
  <si>
    <t>D:\21_11_2019 - PC ALGAR TECH\Gestão PVs\Comissão\Win Rate 2º tri 2017-NB-SUELENMM.xlsx</t>
  </si>
  <si>
    <t>11/21/2019 21:08:32</t>
  </si>
  <si>
    <t>D:\21_11_2019 - PC ALGAR TECH\Gestão PVs\Comissão\Win Rate 2º tri 2017.xlsx</t>
  </si>
  <si>
    <t>11/21/2019 21:08:47</t>
  </si>
  <si>
    <t>D:\21_11_2019 - PC ALGAR TECH\Gestão PVs\Comissão\WP 06 - Recálculo Comissões Pre Vendas - 1 SEM 2016 VF - 28.04.2017.xlsx</t>
  </si>
  <si>
    <t>11/21/2019 21:09:02</t>
  </si>
  <si>
    <t>D:\21_11_2019 - PC ALGAR TECH\Gestão PVs\Comissão\WP 06 - Recálculo Comissões Pre Vendas - 2º semestre 2016 VF 28.04.2017.xlsx</t>
  </si>
  <si>
    <t>11/21/2019 21:09:03</t>
  </si>
  <si>
    <t>D:\21_11_2019 - PC ALGAR TECH\Gestão PVs\Comissão\2018\Apuração 20-12-18.xlsx</t>
  </si>
  <si>
    <t>11/21/2019 21:09:04</t>
  </si>
  <si>
    <t>D:\21_11_2019 - PC ALGAR TECH\Gestão PVs\Comissão\2019\Comissão 2019.xlsx</t>
  </si>
  <si>
    <t>11/21/2019 21:09:15</t>
  </si>
  <si>
    <t>D:\21_11_2019 - PC ALGAR TECH\Gestão PVs\Comissão\2019\Cópia de Forecast de Receita Oficial_2019 07_10_19.xlsx</t>
  </si>
  <si>
    <t>11/21/2019 21:09:18</t>
  </si>
  <si>
    <t>D:\21_11_2019 - PC ALGAR TECH\Gestão PVs\Comissão\2019\Metas 2019 - prévia comissão.xlsx</t>
  </si>
  <si>
    <t>11/21/2019 21:09:21</t>
  </si>
  <si>
    <t>D:\21_11_2019 - PC ALGAR TECH\Gestão PVs\Comissão\2019\Metas 2019 - v2-NB-SUELENMM.xlsx</t>
  </si>
  <si>
    <t>11/21/2019 21:09:25</t>
  </si>
  <si>
    <t>D:\21_11_2019 - PC ALGAR TECH\Gestão PVs\Comissão\2019\Metas 2019 - v2.xlsx</t>
  </si>
  <si>
    <t>11/21/2019 21:09:28</t>
  </si>
  <si>
    <t>D:\21_11_2019 - PC ALGAR TECH\Gestão PVs\Comissão\2019\Metas 2019 - v3.xlsx</t>
  </si>
  <si>
    <t>11/21/2019 21:09:31</t>
  </si>
  <si>
    <t>D:\21_11_2019 - PC ALGAR TECH\Gestão PVs\Comissão\2019\Metas 2019 - v4.xlsx</t>
  </si>
  <si>
    <t>11/21/2019 21:09:34</t>
  </si>
  <si>
    <t>D:\21_11_2019 - PC ALGAR TECH\Gestão PVs\Comissão\2019\Metas 2019.xlsx</t>
  </si>
  <si>
    <t>11/21/2019 21:09:35</t>
  </si>
  <si>
    <t>D:\21_11_2019 - PC ALGAR TECH\Gestão PVs\Comissão\2019\Orçamento.xls</t>
  </si>
  <si>
    <t>11/21/2019 21:09:37</t>
  </si>
  <si>
    <t>D:\21_11_2019 - PC ALGAR TECH\Gestão PVs\Comissão\2019\Proposta Remuneração Força de Vendas 2019 - Soluções.pptx</t>
  </si>
  <si>
    <t>D:\21_11_2019 - PC ALGAR TECH\Gestão PVs\Comissão\2019\Simulações comissão v5.xlsx</t>
  </si>
  <si>
    <t>D:\21_11_2019 - PC ALGAR TECH\Gestão PVs\Comissão\2019\Valores_Plano_Retenção GAT.xls</t>
  </si>
  <si>
    <t>11/21/2019 21:09:39</t>
  </si>
  <si>
    <t>D:\21_11_2019 - PC ALGAR TECH\Gestão PVs\Comissão\2019\Vendas Detalhado_TCV_1º Tri_v1.xlsx</t>
  </si>
  <si>
    <t>D:\21_11_2019 - PC ALGAR TECH\Gestão PVs\Comissão\2019\Apuração\Comissão Força de Vendas - 1º Tri - 2019 - SF - VERSÃO FINAL - SUELEN.xlsb</t>
  </si>
  <si>
    <t>11/21/2019 21:09:41</t>
  </si>
  <si>
    <t>D:\21_11_2019 - PC ALGAR TECH\Gestão PVs\Comissão\2019\Apuração\Comissão Força de Vendas - RECÁLCULO TCV - 1º Tri - 2019_VF - SF - PRÉ-VENDAS - GAT.xlsb</t>
  </si>
  <si>
    <t>11/21/2019 21:09:52</t>
  </si>
  <si>
    <t>D:\21_11_2019 - PC ALGAR TECH\Gestão PVs\Comissão\2019\Revisão modelo 2S2019\Cópia de Forecast de Receita Oficial_2019 - 16-10.xlsx</t>
  </si>
  <si>
    <t>11/21/2019 21:09:57</t>
  </si>
  <si>
    <t>D:\21_11_2019 - PC ALGAR TECH\Gestão PVs\Comissão\2019\Revisão modelo 2S2019\Forecast de Receita Oficial_2019 - 12.07.xlsx</t>
  </si>
  <si>
    <t>11/21/2019 21:10:08</t>
  </si>
  <si>
    <t>D:\21_11_2019 - PC ALGAR TECH\Gestão PVs\Comissão\2019\Revisão modelo 2S2019\Forecast de Receita Oficial_2019 - 25-09.xlsx</t>
  </si>
  <si>
    <t>11/21/2019 21:10:10</t>
  </si>
  <si>
    <t>D:\21_11_2019 - PC ALGAR TECH\Gestão PVs\Comissão\2019\Revisão modelo 2S2019\Meta e Real 3º Tri v2 - Inclusao PV na base.xlsx</t>
  </si>
  <si>
    <t>11/21/2019 21:10:12</t>
  </si>
  <si>
    <t>D:\21_11_2019 - PC ALGAR TECH\Gestão PVs\Comissão\2019\Revisão modelo 2S2019\Oportunidades por data criação - bu approval - 28-06.xlsx</t>
  </si>
  <si>
    <t>D:\21_11_2019 - PC ALGAR TECH\Gestão PVs\Comissão\2019\Revisão modelo 2S2019\Orçamento 2ºS - 1ª Projeção.xls</t>
  </si>
  <si>
    <t>11/21/2019 21:10:16</t>
  </si>
  <si>
    <t>D:\21_11_2019 - PC ALGAR TECH\Gestão PVs\Comissão\2019\Revisão modelo 2S2019\Pipeline Detalhado emissão proposta 06-09.xlsx</t>
  </si>
  <si>
    <t>11/21/2019 21:10:17</t>
  </si>
  <si>
    <t>D:\21_11_2019 - PC ALGAR TECH\Gestão PVs\Comissão\2019\Revisão modelo 2S2019\Proposta Recorrente - 06-09.xlsx</t>
  </si>
  <si>
    <t>11/21/2019 21:10:18</t>
  </si>
  <si>
    <t>D:\21_11_2019 - PC ALGAR TECH\Gestão PVs\Comissão\2019\Revisão modelo 2S2019\Proposta Recorrente - 11-07.xlsx</t>
  </si>
  <si>
    <t>D:\21_11_2019 - PC ALGAR TECH\Gestão PVs\Comissão\2019\Revisão modelo 2S2019\Proposta Suélen - 2S2019.xlsx</t>
  </si>
  <si>
    <t>D:\21_11_2019 - PC ALGAR TECH\Gestão PVs\Comissão\2019\Revisão modelo 2S2019\Proposta Suélen - 3TRI2019 - v2.xlsx</t>
  </si>
  <si>
    <t>11/21/2019 21:10:19</t>
  </si>
  <si>
    <t>D:\21_11_2019 - PC ALGAR TECH\Gestão PVs\Comissão\2019\Revisão modelo 2S2019\Proposta Suélen - 3TRI2019.xlsx</t>
  </si>
  <si>
    <t>11/21/2019 21:10:20</t>
  </si>
  <si>
    <t>D:\21_11_2019 - PC ALGAR TECH\Gestão PVs\Comissão\2019\Revisão modelo 2S2019\Real julho + Forecast ago a dez_19.xlsx</t>
  </si>
  <si>
    <t>11/21/2019 21:10:21</t>
  </si>
  <si>
    <t>D:\21_11_2019 - PC ALGAR TECH\Gestão PVs\Comissão\2019\Revisão modelo 2S2019\Recorrente - com valor errado e numero da opp.xlsx</t>
  </si>
  <si>
    <t>11/21/2019 21:10:22</t>
  </si>
  <si>
    <t>D:\21_11_2019 - PC ALGAR TECH\Gestão PVs\Comissão\2019\Revisão modelo 2S2019\Recorrente.xlsx</t>
  </si>
  <si>
    <t>11/21/2019 21:10:23</t>
  </si>
  <si>
    <t>D:\21_11_2019 - PC ALGAR TECH\Gestão PVs\Comissão\2019\Revisão modelo 2S2019\Vendas Resumido v6 12.07.xlsx</t>
  </si>
  <si>
    <t>11/21/2019 21:10:26</t>
  </si>
  <si>
    <t>D:\21_11_2019 - PC ALGAR TECH\Gestão PVs\Comissão\Ano 2017\Comissão Força de Vendas - Anual - Alessio.xlsb</t>
  </si>
  <si>
    <t>11/21/2019 21:10:29</t>
  </si>
  <si>
    <t>D:\21_11_2019 - PC ALGAR TECH\Gestão PVs\Comissão\Comissão 3 tri\Comissão Força de Vendas - 3º Tri - Alessio_Suelen.xlsb</t>
  </si>
  <si>
    <t>11/21/2019 21:10:31</t>
  </si>
  <si>
    <t>D:\21_11_2019 - PC ALGAR TECH\Gestão PVs\Comissão\Comissão 3 tri\LIXO\Comissão Força de Vendas - 3º Tri - Alessio_Suelen.xlsb</t>
  </si>
  <si>
    <t>11/21/2019 21:10:35</t>
  </si>
  <si>
    <t>D:\21_11_2019 - PC ALGAR TECH\Gestão PVs\Comissão\Comissão 4 tri\Comissão Força de Vendas - 4º Tri.xlsb</t>
  </si>
  <si>
    <t>11/21/2019 21:10:42</t>
  </si>
  <si>
    <t>D:\21_11_2019 - PC ALGAR TECH\Gestão PVs\Objetivos\Apuração Objetivos 1º Semestre 2019.xlsx</t>
  </si>
  <si>
    <t>11/21/2019 21:10:44</t>
  </si>
  <si>
    <t>D:\21_11_2019 - PC ALGAR TECH\Gestão PVs\Orçamento\Gestão PTH - 2019 - OFICIAL_Pre Vendas.xlsb</t>
  </si>
  <si>
    <t>11/21/2019 21:10:46</t>
  </si>
  <si>
    <t>D:\21_11_2019 - PC ALGAR TECH\Gestão PVs\Orçamento\Orçado 2019.xls</t>
  </si>
  <si>
    <t>11/21/2019 21:10:47</t>
  </si>
  <si>
    <t>D:\21_11_2019 - PC ALGAR TECH\Gestão PVs\Orçamento\Postergação 2ºS19 - Suélen.xlsx</t>
  </si>
  <si>
    <t>11/21/2019 21:10:48</t>
  </si>
  <si>
    <t>D:\21_11_2019 - PC ALGAR TECH\Gestão PVs\Orçamento\Reajuste 2019.csv</t>
  </si>
  <si>
    <t>11/21/2019 21:10:50</t>
  </si>
  <si>
    <t>D:\21_11_2019 - PC ALGAR TECH\Gestão PVs\Orçamento\Real 2018.xls</t>
  </si>
  <si>
    <t>11/21/2019 21:10:51</t>
  </si>
  <si>
    <t>D:\21_11_2019 - PC ALGAR TECH\Gestão PVs\Orçamento\Suelen - Revisão Orçamento 1 Semestre - PPE 2019.xlsx</t>
  </si>
  <si>
    <t>11/21/2019 21:10:52</t>
  </si>
  <si>
    <t>D:\21_11_2019 - PC ALGAR TECH\Gestão PVs\Orçamento\2020\PTH - 17% - 15-10.xlsx</t>
  </si>
  <si>
    <t>D:\21_11_2019 - PC ALGAR TECH\Gestão PVs\Orçamento\2020\PTH 1.xlsx</t>
  </si>
  <si>
    <t>D:\21_11_2019 - PC ALGAR TECH\Gestão PVs\Orçamento\2020\PTH REVISADO.xlsx</t>
  </si>
  <si>
    <t>D:\21_11_2019 - PC ALGAR TECH\Gestão PVs\Orçamento\2020\PTH.xlsx</t>
  </si>
  <si>
    <t>11/21/2019 21:10:54</t>
  </si>
  <si>
    <t>D:\21_11_2019 - PC ALGAR TECH\Gestão PVs\Orçamento\2020\Template Suélen - 2020.xlsb</t>
  </si>
  <si>
    <t>11/21/2019 21:10:55</t>
  </si>
  <si>
    <t>D:\21_11_2019 - PC ALGAR TECH\Gestão PVs\Orçamento\Revisão 2019-02\Comparativo v2.xls</t>
  </si>
  <si>
    <t>11/21/2019 21:10:57</t>
  </si>
  <si>
    <t>D:\21_11_2019 - PC ALGAR TECH\Gestão PVs\Orçamento\Revisão 2019-02\Comparativo.xls</t>
  </si>
  <si>
    <t>11/21/2019 21:10:58</t>
  </si>
  <si>
    <t>D:\21_11_2019 - PC ALGAR TECH\Gestão PVs\Orçamento\Revisão 2019-02\pth_1.xlsx</t>
  </si>
  <si>
    <t>11/21/2019 21:10:59</t>
  </si>
  <si>
    <t>D:\21_11_2019 - PC ALGAR TECH\Gestão PVs\Orçamento\Revisão 2019-02\Revsão de cargos.xls</t>
  </si>
  <si>
    <t>D:\21_11_2019 - PC ALGAR TECH\Gestão PVs\Orçamento\Revisão 2019-02\Template para redução de custos_V5_Anualizado.xlsx</t>
  </si>
  <si>
    <t>11/21/2019 21:11:03</t>
  </si>
  <si>
    <t>D:\21_11_2019 - PC ALGAR TECH\Gestão PVs\Política Comissão 2018\032018_Forecast de Receita Oficial_v08 - Previa 1º tri.xlsx</t>
  </si>
  <si>
    <t>11/21/2019 21:11:04</t>
  </si>
  <si>
    <t>D:\21_11_2019 - PC ALGAR TECH\Gestão PVs\Política Comissão 2018\Apuracao 2018.xlsx</t>
  </si>
  <si>
    <t>11/21/2019 21:11:05</t>
  </si>
  <si>
    <t>D:\21_11_2019 - PC ALGAR TECH\Gestão PVs\Política Comissão 2018\Consolidado Real Receita por Cliente - Jan a Abr - 2018.xlsx</t>
  </si>
  <si>
    <t>11/21/2019 21:11:07</t>
  </si>
  <si>
    <t>D:\21_11_2019 - PC ALGAR TECH\Gestão PVs\Política Comissão 2018\Consolidado Real Receita por Cliente - Jan a dez - 2018 v2.xlsx</t>
  </si>
  <si>
    <t>11/21/2019 21:11:09</t>
  </si>
  <si>
    <t>D:\21_11_2019 - PC ALGAR TECH\Gestão PVs\Política Comissão 2018\Consolidado Real Receita por Cliente - Jan a dez - 2018.xlsx</t>
  </si>
  <si>
    <t>11/21/2019 21:11:11</t>
  </si>
  <si>
    <t>D:\21_11_2019 - PC ALGAR TECH\Gestão PVs\Política Comissão 2018\Consolidado Real Receita por Cliente - Jan a Mai - 2018.xlsx</t>
  </si>
  <si>
    <t>11/21/2019 21:11:13</t>
  </si>
  <si>
    <t>D:\21_11_2019 - PC ALGAR TECH\Gestão PVs\Política Comissão 2018\Consolidado Real Receita por Cliente - Jan a Mar - 2018 + previa dos demais tris - apuracao 1 tri .xlsx</t>
  </si>
  <si>
    <t>D:\21_11_2019 - PC ALGAR TECH\Gestão PVs\Política Comissão 2018\Consolidado Real Receita por Cliente - Jan a Mar - 2018 + previa dos demais tris.xlsx</t>
  </si>
  <si>
    <t>D:\21_11_2019 - PC ALGAR TECH\Gestão PVs\Política Comissão 2018\Consolidado Real Receita por Cliente - Jan a Mar - 2018.xlsx</t>
  </si>
  <si>
    <t>11/21/2019 21:11:16</t>
  </si>
  <si>
    <t>D:\21_11_2019 - PC ALGAR TECH\Gestão PVs\Política Comissão 2018\Custo Vendas_Prévendas - Comissão.xlsx</t>
  </si>
  <si>
    <t>D:\21_11_2019 - PC ALGAR TECH\Gestão PVs\Política Comissão 2018\Orçamento 2018 - Prévia 1º Tri.xls</t>
  </si>
  <si>
    <t>11/21/2019 21:11:17</t>
  </si>
  <si>
    <t>D:\21_11_2019 - PC ALGAR TECH\Gestão PVs\Política Comissão 2018\Orçamento 2018.xls</t>
  </si>
  <si>
    <t>D:\21_11_2019 - PC ALGAR TECH\Gestão PVs\Política Comissão 2018\Vendas Detalhado - 1º tri 2018 parcial v3.xlsx</t>
  </si>
  <si>
    <t>11/21/2019 21:11:18</t>
  </si>
  <si>
    <t>D:\21_11_2019 - PC ALGAR TECH\Gestão PVs\Política Comissão 2018\Vendas Detalhado - 1º tri 2018 parcial.xlsx</t>
  </si>
  <si>
    <t>11/21/2019 21:11:21</t>
  </si>
  <si>
    <t>D:\21_11_2019 - PC ALGAR TECH\Gestão PVs\Política Comissão 2018\Vendas Detalhado - base 2017.xlsx</t>
  </si>
  <si>
    <t>D:\21_11_2019 - PC ALGAR TECH\Gestão PVs\Política Comissão 2018\Vendas Detalhado - PREVIA APURAÇÃO 1º TRI CALCULO 2017.xlsx</t>
  </si>
  <si>
    <t>11/21/2019 21:11:24</t>
  </si>
  <si>
    <t>D:\21_11_2019 - PC ALGAR TECH\Gestão PVs\Política Comissão 2018\2019\Simulações comissão suélen v2.xlsx</t>
  </si>
  <si>
    <t>D:\21_11_2019 - PC ALGAR TECH\Gestão PVs\Política Comissão 2018\2019\Simulações comissão suélen.xlsx</t>
  </si>
  <si>
    <t>11/21/2019 21:11:32</t>
  </si>
  <si>
    <t>D:\21_11_2019 - PC ALGAR TECH\Gestão PVs\Política Comissão 2018\2019\TCV 2018.xlsx</t>
  </si>
  <si>
    <t>11/21/2019 21:11:36</t>
  </si>
  <si>
    <t>D:\21_11_2019 - PC ALGAR TECH\Gestão PVs\Política Comissão 2018\2019\Meta 2019\Forecast de Receita Oficial_2019.xlsx</t>
  </si>
  <si>
    <t>11/21/2019 21:11:39</t>
  </si>
  <si>
    <t>D:\21_11_2019 - PC ALGAR TECH\Gestão PVs\Reestruturação 2019\Cronograma Nova Estrutura GAT.xlsx</t>
  </si>
  <si>
    <t>11/21/2019 21:11:42</t>
  </si>
  <si>
    <t>D:\21_11_2019 - PC ALGAR TECH\Gestão PVs\Reunião Time\Reunião Soluções 26-09-2019.pptx</t>
  </si>
  <si>
    <t>11/21/2019 21:11:45</t>
  </si>
  <si>
    <t>D:\21_11_2019 - PC ALGAR TECH\Gestão PVs\Treinamento\Evento 2019 e Treinamento.xlsx</t>
  </si>
  <si>
    <t>11/21/2019 21:42:44</t>
  </si>
  <si>
    <t>D:\21_11_2019 - PC ALGAR TECH\Suélen\Divorcio\Pensão e Divisão de Bens.xlsx</t>
  </si>
  <si>
    <t>11/21/2019 21:43:27</t>
  </si>
  <si>
    <t>D:\21_11_2019 - PC ALGAR TECH\Suélen\Investimentos\Apuração de IR em branco.xlsx</t>
  </si>
  <si>
    <t>D:\21_11_2019 - PC ALGAR TECH\Suélen\Investimentos\Patrimonio.xlsx</t>
  </si>
  <si>
    <t>11/21/2019 21:45:13</t>
  </si>
  <si>
    <t>D:\21_11_2019 - PC ALGAR TECH\Suélen\Mary Kay\Silvania\Mary Kay - Silvania v2.xlsx</t>
  </si>
  <si>
    <t>D:\21_11_2019 - PC ALGAR TECH\Suélen\Mary Kay\Silvania\Mary Kay - Silvania.xlsx</t>
  </si>
  <si>
    <t>11/21/2019 21:45:14</t>
  </si>
  <si>
    <t>D:\21_11_2019 - PC ALGAR TECH\Suélen\Mary Kay\Suélen\Mary Kay - Nomes.xlsx</t>
  </si>
  <si>
    <t>D:\21_11_2019 - PC ALGAR TECH\Suélen\Mary Kay\Suélen\Tarefas.xlsx</t>
  </si>
  <si>
    <t>11/21/2019 21:45:17</t>
  </si>
  <si>
    <t>D:\21_11_2019 - PC ALGAR TECH\Suélen\Mary Kay\Suélen\Cartão\cartao.xlsx</t>
  </si>
  <si>
    <t>D:\21_11_2019 - PC ALGAR TECH\Suélen\Mary Kay\Suélen\Consórcio\Consorcio.xlsx</t>
  </si>
  <si>
    <t>11/21/2019 21:45:18</t>
  </si>
  <si>
    <t>D:\21_11_2019 - PC ALGAR TECH\Suélen\Mary Kay\Suélen\Pedidos\Mary Kay - Suélen.xlsx</t>
  </si>
  <si>
    <t>11/21/2019 21:45:54</t>
  </si>
  <si>
    <t>D:\21_11_2019 - PC ALGAR TECH\Suélen\Gravidez\Convite Cha de Fraldas.xlsx</t>
  </si>
  <si>
    <t>11/21/2019 21:48:51</t>
  </si>
  <si>
    <t>D:\21_11_2019 - PC ALGAR TECH\Suélen\Treinamentos\SCRUM\simulado.xlsx</t>
  </si>
  <si>
    <t>11/21/2019 21:49:06</t>
  </si>
  <si>
    <t>D:\21_11_2019 - PC ALGAR TECH\Suélen\Fluxo_de_Caixa_2010_2011_2012_2013_2014_2015_2016 v1.xlsx</t>
  </si>
  <si>
    <t>D:\21_11_2019 - PC ALGAR TECH\Suélen\Helena v2.xlsx</t>
  </si>
  <si>
    <t>D:\21_11_2019 - PC ALGAR TECH\Suélen\Helena.xlsx</t>
  </si>
  <si>
    <t>D:\21_11_2019 - PC ALGAR TECH\Suélen\Incorporação Salarial.xlsx</t>
  </si>
  <si>
    <t>11/21/2019 21:50:12</t>
  </si>
  <si>
    <t>C:\Users\suelenmm\OneDrive - Grupo Algar\TIM\</t>
  </si>
  <si>
    <t>Analise chamados TIM.xlsx</t>
  </si>
  <si>
    <t>D:\21_11_2019 - PC ALGAR TECH\TIM\Analise chamados TIM.xlsx</t>
  </si>
  <si>
    <t>Comparativo ISS.xlsx</t>
  </si>
  <si>
    <t>D:\21_11_2019 - PC ALGAR TECH\TIM\Comparativo ISS.xlsx</t>
  </si>
  <si>
    <t>11/21/2019 21:50:22</t>
  </si>
  <si>
    <t>Cópia de Base BHE_FMM.xlsx</t>
  </si>
  <si>
    <t>D:\21_11_2019 - PC ALGAR TECH\TIM\Cópia de Base BHE_FMM.xlsx</t>
  </si>
  <si>
    <t>Cópia de Base BHE_FMT.xlsx</t>
  </si>
  <si>
    <t>D:\21_11_2019 - PC ALGAR TECH\TIM\Cópia de Base BHE_FMT.xlsx</t>
  </si>
  <si>
    <t>11/21/2019 21:50:23</t>
  </si>
  <si>
    <t>D:\21_11_2019 - PC ALGAR TECH\TIM\LPU FMM FATURA A e B MATERIAIS.xls</t>
  </si>
  <si>
    <t>TARGET.xlsx</t>
  </si>
  <si>
    <t>D:\21_11_2019 - PC ALGAR TECH\TIM\TARGET.xlsx</t>
  </si>
  <si>
    <t>11/21/2019 21:50:24</t>
  </si>
  <si>
    <t>C:\Users\suelenmm\OneDrive - Grupo Algar\TIM\2017\</t>
  </si>
  <si>
    <t>Resumo.xlsb</t>
  </si>
  <si>
    <t>D:\21_11_2019 - PC ALGAR TECH\TIM\2017\Resumo.xlsb</t>
  </si>
  <si>
    <t>11/21/2019 21:50:25</t>
  </si>
  <si>
    <t>C:\Users\suelenmm\OneDrive - Grupo Algar\TIM\2017\0. Rascunho\TIM 26-05\</t>
  </si>
  <si>
    <t>Logística FMM-FMT v5.xlsx</t>
  </si>
  <si>
    <t>D:\21_11_2019 - PC ALGAR TECH\TIM\2017\0. Rascunho\TIM 26-05\Logística FMM-FMT v5.xlsx</t>
  </si>
  <si>
    <t>11/21/2019 21:50:26</t>
  </si>
  <si>
    <t>Logística FMM-FMT v6.xlsx</t>
  </si>
  <si>
    <t>D:\21_11_2019 - PC ALGAR TECH\TIM\2017\0. Rascunho\TIM 26-05\Logística FMM-FMT v6.xlsx</t>
  </si>
  <si>
    <t>11/21/2019 21:50:27</t>
  </si>
  <si>
    <t>C:\Users\suelenmm\OneDrive - Grupo Algar\TIM\2017\1. TIM 19-05 - Rampa Errada\</t>
  </si>
  <si>
    <t>D:\21_11_2019 - PC ALGAR TECH\TIM\2017\1. TIM 19-05 - Rampa Errada\Logística FMM-FMT v5.xlsx</t>
  </si>
  <si>
    <t>11/21/2019 21:50:28</t>
  </si>
  <si>
    <t>Resumo Cenários TIM.xlsx</t>
  </si>
  <si>
    <t>D:\21_11_2019 - PC ALGAR TECH\TIM\2017\1. TIM 19-05 - Rampa Errada\Resumo Cenários TIM.xlsx</t>
  </si>
  <si>
    <t>11/21/2019 21:50:46</t>
  </si>
  <si>
    <t>C:\Users\suelenmm\OneDrive - Grupo Algar\TIM\2017\1. TIM 19-05 - Rampa Errada\TIM 19-05 02.rar\</t>
  </si>
  <si>
    <t>LogÃ­stica FMM-FMT v5.xlsx</t>
  </si>
  <si>
    <t>D:\21_11_2019 - PC ALGAR TECH\TIM\2017\1. TIM 19-05 - Rampa Errada\TIM 19-05 02.rar</t>
  </si>
  <si>
    <t>Resumo CenÃ¡rios TIM.xlsx</t>
  </si>
  <si>
    <t>C:\Users\suelenmm\OneDrive - Grupo Algar\TIM\2017\1. TIM 19-05 - Rampa Errada\TIM 19-05 02.rar\TLE\</t>
  </si>
  <si>
    <t>BP PreÃ§o C010 B009 - TLE v5 - 12 meses.xlsb</t>
  </si>
  <si>
    <t>BP PreÃ§o C010 B009 - TLE v5 - 24 meses.xlsb</t>
  </si>
  <si>
    <t>BP PreÃ§o C010 B009 - TLE v5 - 36 meses.xlsb</t>
  </si>
  <si>
    <t>C:\Users\suelenmm\OneDrive - Grupo Algar\TIM\2017\1. TIM 19-05 - Rampa Errada\TIM 19-05 02.rar\TLE\Rascunho\</t>
  </si>
  <si>
    <t>BP PreÃ§o C010 B009 - TLE v5 - 36 meses - proporcao terceiros.xlsb</t>
  </si>
  <si>
    <t>C:\Users\suelenmm\OneDrive - Grupo Algar\TIM\2017\1. TIM 19-05 - Rampa Errada\TIM 19-05 02.rar\TNO\</t>
  </si>
  <si>
    <t>BP PreÃ§o C010 B009 - TNO v5 - 12 meses.xlsb</t>
  </si>
  <si>
    <t>BP PreÃ§o C010 B009 - TNO v5 - 24 meses.xlsb</t>
  </si>
  <si>
    <t>BP PreÃ§o C010 B009 - TNO v5 - 36 meses.xlsb</t>
  </si>
  <si>
    <t>C:\Users\suelenmm\OneDrive - Grupo Algar\TIM\2017\1. TIM 19-05 - Rampa Errada\TIM 19-05 02.rar\TSP\</t>
  </si>
  <si>
    <t>BP PreÃ§o C010 B009 - TSP v5 - 12 meses.xlsb</t>
  </si>
  <si>
    <t>BP PreÃ§o C010 B009 - TSP v5 - 24 meses.xlsb</t>
  </si>
  <si>
    <t>BP PreÃ§o C010 B009 - TSP v5 - 36 meses.xlsb</t>
  </si>
  <si>
    <t>C:\Users\suelenmm\OneDrive - Grupo Algar\TIM\2017\1. TIM 19-05 - Rampa Errada\TIM 19-05 02.rar\TLE\BP PreÃ§o C010 B009 - TLE v5 - 12 meses.xlsb\</t>
  </si>
  <si>
    <t>C:\Users\suelenmm\OneDrive - Grupo Algar\TIM\2017\1. TIM 19-05 - Rampa Errada\TIM 19-05 02.rar\TLE\BP PreÃ§o C010 B009 - TLE v5 - 24 meses.xlsb\</t>
  </si>
  <si>
    <t>C:\Users\suelenmm\OneDrive - Grupo Algar\TIM\2017\1. TIM 19-05 - Rampa Errada\TIM 19-05 02.rar\TLE\BP PreÃ§o C010 B009 - TLE v5 - 36 meses.xlsb\</t>
  </si>
  <si>
    <t>C:\Users\suelenmm\OneDrive - Grupo Algar\TIM\2017\1. TIM 19-05 - Rampa Errada\TIM 19-05 02.rar\TLE\Rascunho\BP PreÃ§o C010 B009 - TLE v5 - 36 meses - proporcao terceiros.xlsb\</t>
  </si>
  <si>
    <t>C:\Users\suelenmm\OneDrive - Grupo Algar\TIM\2017\1. TIM 19-05 - Rampa Errada\TIM 19-05 02.rar\TNO\BP PreÃ§o C010 B009 - TNO v5 - 12 meses.xlsb\</t>
  </si>
  <si>
    <t>C:\Users\suelenmm\OneDrive - Grupo Algar\TIM\2017\1. TIM 19-05 - Rampa Errada\TIM 19-05 02.rar\TNO\BP PreÃ§o C010 B009 - TNO v5 - 24 meses.xlsb\</t>
  </si>
  <si>
    <t>C:\Users\suelenmm\OneDrive - Grupo Algar\TIM\2017\1. TIM 19-05 - Rampa Errada\TIM 19-05 02.rar\TNO\BP PreÃ§o C010 B009 - TNO v5 - 36 meses.xlsb\</t>
  </si>
  <si>
    <t>C:\Users\suelenmm\OneDrive - Grupo Algar\TIM\2017\1. TIM 19-05 - Rampa Errada\TIM 19-05 02.rar\TSP\BP PreÃ§o C010 B009 - TSP v5 - 12 meses.xlsb\</t>
  </si>
  <si>
    <t>C:\Users\suelenmm\OneDrive - Grupo Algar\TIM\2017\1. TIM 19-05 - Rampa Errada\TIM 19-05 02.rar\TSP\BP PreÃ§o C010 B009 - TSP v5 - 24 meses.xlsb\</t>
  </si>
  <si>
    <t>C:\Users\suelenmm\OneDrive - Grupo Algar\TIM\2017\1. TIM 19-05 - Rampa Errada\TIM 19-05 02.rar\TSP\BP PreÃ§o C010 B009 - TSP v5 - 36 meses.xlsb\</t>
  </si>
  <si>
    <t>11/21/2019 21:51:06</t>
  </si>
  <si>
    <t>C:\Users\suelenmm\OneDrive - Grupo Algar\TIM\2017\1. TIM 19-05 - Rampa Errada\TIM 19-05.zip\</t>
  </si>
  <si>
    <t>Log¡stica FMM-FMT v5.xlsx</t>
  </si>
  <si>
    <t>D:\21_11_2019 - PC ALGAR TECH\TIM\2017\1. TIM 19-05 - Rampa Errada\TIM 19-05.zip</t>
  </si>
  <si>
    <t>Resumo Cen rios TIM.xlsx</t>
  </si>
  <si>
    <t>C:\Users\suelenmm\OneDrive - Grupo Algar\TIM\2017\1. TIM 19-05 - Rampa Errada\TIM 19-05.zip\TLE\</t>
  </si>
  <si>
    <t>BP Pre‡o C010 B009 - TLE v5 - 12 meses.xlsb</t>
  </si>
  <si>
    <t>BP Pre‡o C010 B009 - TLE v5 - 24 meses.xlsb</t>
  </si>
  <si>
    <t>BP Pre‡o C010 B009 - TLE v5 - 36 meses.xlsb</t>
  </si>
  <si>
    <t>C:\Users\suelenmm\OneDrive - Grupo Algar\TIM\2017\1. TIM 19-05 - Rampa Errada\TIM 19-05.zip\TLE\Rascunho\</t>
  </si>
  <si>
    <t>BP Pre‡o C010 B009 - TLE v5 - 36 meses - proporcao terceiros.xlsb</t>
  </si>
  <si>
    <t>C:\Users\suelenmm\OneDrive - Grupo Algar\TIM\2017\1. TIM 19-05 - Rampa Errada\TIM 19-05.zip\TNO\</t>
  </si>
  <si>
    <t>BP Pre‡o C010 B009 - TNO v5 - 12 meses.xlsb</t>
  </si>
  <si>
    <t>BP Pre‡o C010 B009 - TNO v5 - 24 meses.xlsb</t>
  </si>
  <si>
    <t>BP Pre‡o C010 B009 - TNO v5 - 36 meses.xlsb</t>
  </si>
  <si>
    <t>C:\Users\suelenmm\OneDrive - Grupo Algar\TIM\2017\1. TIM 19-05 - Rampa Errada\TIM 19-05.zip\TSP\</t>
  </si>
  <si>
    <t>BP Pre‡o C010 B009 - TSP v5 - 12 meses.xlsb</t>
  </si>
  <si>
    <t>BP Pre‡o C010 B009 - TSP v5 - 24 meses.xlsb</t>
  </si>
  <si>
    <t>BP Pre‡o C010 B009 - TSP v5 - 36 meses.xlsb</t>
  </si>
  <si>
    <t>C:\Users\suelenmm\OneDrive - Grupo Algar\TIM\2017\1. TIM 19-05 - Rampa Errada\TIM 19-05.zip\TLE\BP Pre‡o C010 B009 - TLE v5 - 12 meses.xlsb\</t>
  </si>
  <si>
    <t>C:\Users\suelenmm\OneDrive - Grupo Algar\TIM\2017\1. TIM 19-05 - Rampa Errada\TIM 19-05.zip\TLE\BP Pre‡o C010 B009 - TLE v5 - 24 meses.xlsb\</t>
  </si>
  <si>
    <t>C:\Users\suelenmm\OneDrive - Grupo Algar\TIM\2017\1. TIM 19-05 - Rampa Errada\TIM 19-05.zip\TLE\BP Pre‡o C010 B009 - TLE v5 - 36 meses.xlsb\</t>
  </si>
  <si>
    <t>C:\Users\suelenmm\OneDrive - Grupo Algar\TIM\2017\1. TIM 19-05 - Rampa Errada\TIM 19-05.zip\TLE\Rascunho\BP Pre‡o C010 B009 - TLE v5 - 36 meses - proporcao terceiros.xlsb\</t>
  </si>
  <si>
    <t>C:\Users\suelenmm\OneDrive - Grupo Algar\TIM\2017\1. TIM 19-05 - Rampa Errada\TIM 19-05.zip\TNO\BP Pre‡o C010 B009 - TNO v5 - 12 meses.xlsb\</t>
  </si>
  <si>
    <t>C:\Users\suelenmm\OneDrive - Grupo Algar\TIM\2017\1. TIM 19-05 - Rampa Errada\TIM 19-05.zip\TNO\BP Pre‡o C010 B009 - TNO v5 - 24 meses.xlsb\</t>
  </si>
  <si>
    <t>C:\Users\suelenmm\OneDrive - Grupo Algar\TIM\2017\1. TIM 19-05 - Rampa Errada\TIM 19-05.zip\TNO\BP Pre‡o C010 B009 - TNO v5 - 36 meses.xlsb\</t>
  </si>
  <si>
    <t>C:\Users\suelenmm\OneDrive - Grupo Algar\TIM\2017\1. TIM 19-05 - Rampa Errada\TIM 19-05.zip\TSP\BP Pre‡o C010 B009 - TSP v5 - 12 meses.xlsb\</t>
  </si>
  <si>
    <t>C:\Users\suelenmm\OneDrive - Grupo Algar\TIM\2017\1. TIM 19-05 - Rampa Errada\TIM 19-05.zip\TSP\BP Pre‡o C010 B009 - TSP v5 - 24 meses.xlsb\</t>
  </si>
  <si>
    <t>C:\Users\suelenmm\OneDrive - Grupo Algar\TIM\2017\1. TIM 19-05 - Rampa Errada\TIM 19-05.zip\TSP\BP Pre‡o C010 B009 - TSP v5 - 36 meses.xlsb\</t>
  </si>
  <si>
    <t>11/21/2019 21:51:24</t>
  </si>
  <si>
    <t>C:\Users\suelenmm\OneDrive - Grupo Algar\TIM\2017\1. TIM 19-05 - Rampa Errada\TIM 19_05.zip\TLE\</t>
  </si>
  <si>
    <t>D:\21_11_2019 - PC ALGAR TECH\TIM\2017\1. TIM 19-05 - Rampa Errada\TIM 19_05.zip</t>
  </si>
  <si>
    <t>C:\Users\suelenmm\OneDrive - Grupo Algar\TIM\2017\1. TIM 19-05 - Rampa Errada\TIM 19_05.zip\TLE\Rascunho\</t>
  </si>
  <si>
    <t>C:\Users\suelenmm\OneDrive - Grupo Algar\TIM\2017\1. TIM 19-05 - Rampa Errada\TIM 19_05.zip\TNO\</t>
  </si>
  <si>
    <t>C:\Users\suelenmm\OneDrive - Grupo Algar\TIM\2017\1. TIM 19-05 - Rampa Errada\TIM 19_05.zip\TSP\</t>
  </si>
  <si>
    <t>C:\Users\suelenmm\OneDrive - Grupo Algar\TIM\2017\1. TIM 19-05 - Rampa Errada\TIM 19_05.zip\TLE\BP Pre‡o C010 B009 - TLE v5 - 12 meses.xlsb\</t>
  </si>
  <si>
    <t>C:\Users\suelenmm\OneDrive - Grupo Algar\TIM\2017\1. TIM 19-05 - Rampa Errada\TIM 19_05.zip\TLE\BP Pre‡o C010 B009 - TLE v5 - 24 meses.xlsb\</t>
  </si>
  <si>
    <t>C:\Users\suelenmm\OneDrive - Grupo Algar\TIM\2017\1. TIM 19-05 - Rampa Errada\TIM 19_05.zip\TLE\BP Pre‡o C010 B009 - TLE v5 - 36 meses.xlsb\</t>
  </si>
  <si>
    <t>C:\Users\suelenmm\OneDrive - Grupo Algar\TIM\2017\1. TIM 19-05 - Rampa Errada\TIM 19_05.zip\TLE\Rascunho\BP Pre‡o C010 B009 - TLE v5 - 36 meses - proporcao terceiros.xlsb\</t>
  </si>
  <si>
    <t>C:\Users\suelenmm\OneDrive - Grupo Algar\TIM\2017\1. TIM 19-05 - Rampa Errada\TIM 19_05.zip\TNO\BP Pre‡o C010 B009 - TNO v5 - 12 meses.xlsb\</t>
  </si>
  <si>
    <t>C:\Users\suelenmm\OneDrive - Grupo Algar\TIM\2017\1. TIM 19-05 - Rampa Errada\TIM 19_05.zip\TNO\BP Pre‡o C010 B009 - TNO v5 - 24 meses.xlsb\</t>
  </si>
  <si>
    <t>C:\Users\suelenmm\OneDrive - Grupo Algar\TIM\2017\1. TIM 19-05 - Rampa Errada\TIM 19_05.zip\TNO\BP Pre‡o C010 B009 - TNO v5 - 36 meses.xlsb\</t>
  </si>
  <si>
    <t>C:\Users\suelenmm\OneDrive - Grupo Algar\TIM\2017\1. TIM 19-05 - Rampa Errada\TIM 19_05.zip\TSP\BP Pre‡o C010 B009 - TSP v5 - 12 meses.xlsb\</t>
  </si>
  <si>
    <t>C:\Users\suelenmm\OneDrive - Grupo Algar\TIM\2017\1. TIM 19-05 - Rampa Errada\TIM 19_05.zip\TSP\BP Pre‡o C010 B009 - TSP v5 - 24 meses.xlsb\</t>
  </si>
  <si>
    <t>C:\Users\suelenmm\OneDrive - Grupo Algar\TIM\2017\1. TIM 19-05 - Rampa Errada\TIM 19_05.zip\TSP\BP Pre‡o C010 B009 - TSP v5 - 36 meses.xlsb\</t>
  </si>
  <si>
    <t>11/21/2019 21:51:30</t>
  </si>
  <si>
    <t>C:\Users\suelenmm\OneDrive - Grupo Algar\TIM\2017\1. TIM 19-05 - Rampa Errada\TLE\</t>
  </si>
  <si>
    <t>BP Preço C010 B009 - TLE v5 - 12 meses.xlsb</t>
  </si>
  <si>
    <t>D:\21_11_2019 - PC ALGAR TECH\TIM\2017\1. TIM 19-05 - Rampa Errada\TLE\BP Preço C010 B009 - TLE v5 - 12 meses.xlsb</t>
  </si>
  <si>
    <t>C:\Users\suelenmm\OneDrive - Grupo Algar\TIM\2017\1. TIM 19-05 - Rampa Errada\TLE\BP Preço C010 B009 - TLE v5 - 12 meses.xlsb\</t>
  </si>
  <si>
    <t>11/21/2019 21:51:32</t>
  </si>
  <si>
    <t>BP Preço C010 B009 - TLE v5 - 24 meses.xlsb</t>
  </si>
  <si>
    <t>D:\21_11_2019 - PC ALGAR TECH\TIM\2017\1. TIM 19-05 - Rampa Errada\TLE\BP Preço C010 B009 - TLE v5 - 24 meses.xlsb</t>
  </si>
  <si>
    <t>C:\Users\suelenmm\OneDrive - Grupo Algar\TIM\2017\1. TIM 19-05 - Rampa Errada\TLE\BP Preço C010 B009 - TLE v5 - 24 meses.xlsb\</t>
  </si>
  <si>
    <t>11/21/2019 21:51:35</t>
  </si>
  <si>
    <t>BP Preço C010 B009 - TLE v5 - 36 meses 1.xlsb</t>
  </si>
  <si>
    <t>D:\21_11_2019 - PC ALGAR TECH\TIM\2017\1. TIM 19-05 - Rampa Errada\TLE\BP Preço C010 B009 - TLE v5 - 36 meses 1.xlsb</t>
  </si>
  <si>
    <t>C:\Users\suelenmm\OneDrive - Grupo Algar\TIM\2017\1. TIM 19-05 - Rampa Errada\TLE\BP Preço C010 B009 - TLE v5 - 36 meses 1.xlsb\</t>
  </si>
  <si>
    <t>11/21/2019 21:51:37</t>
  </si>
  <si>
    <t>C:\Users\suelenmm\OneDrive - Grupo Algar\TIM\2017\1. TIM 19-05 - Rampa Errada\TLE\Rascunho\</t>
  </si>
  <si>
    <t>BP Preço C010 B009 - TLE v5 - 36 meses - proporcao terceiros.xlsb</t>
  </si>
  <si>
    <t>D:\21_11_2019 - PC ALGAR TECH\TIM\2017\1. TIM 19-05 - Rampa Errada\TLE\Rascunho\BP Preço C010 B009 - TLE v5 - 36 meses - proporcao terceiros.xlsb</t>
  </si>
  <si>
    <t>C:\Users\suelenmm\OneDrive - Grupo Algar\TIM\2017\1. TIM 19-05 - Rampa Errada\TLE\Rascunho\BP Preço C010 B009 - TLE v5 - 36 meses - proporcao terceiros.xlsb\</t>
  </si>
  <si>
    <t>11/21/2019 21:51:40</t>
  </si>
  <si>
    <t>C:\Users\suelenmm\OneDrive - Grupo Algar\TIM\2017\1. TIM 19-05 - Rampa Errada\TNO\</t>
  </si>
  <si>
    <t>BP Preço C010 B009 - TNO v5 - 12 meses.xlsb</t>
  </si>
  <si>
    <t>D:\21_11_2019 - PC ALGAR TECH\TIM\2017\1. TIM 19-05 - Rampa Errada\TNO\BP Preço C010 B009 - TNO v5 - 12 meses.xlsb</t>
  </si>
  <si>
    <t>C:\Users\suelenmm\OneDrive - Grupo Algar\TIM\2017\1. TIM 19-05 - Rampa Errada\TNO\BP Preço C010 B009 - TNO v5 - 12 meses.xlsb\</t>
  </si>
  <si>
    <t>11/21/2019 21:51:42</t>
  </si>
  <si>
    <t>BP Preço C010 B009 - TNO v5 - 24 meses.xlsb</t>
  </si>
  <si>
    <t>D:\21_11_2019 - PC ALGAR TECH\TIM\2017\1. TIM 19-05 - Rampa Errada\TNO\BP Preço C010 B009 - TNO v5 - 24 meses.xlsb</t>
  </si>
  <si>
    <t>C:\Users\suelenmm\OneDrive - Grupo Algar\TIM\2017\1. TIM 19-05 - Rampa Errada\TNO\BP Preço C010 B009 - TNO v5 - 24 meses.xlsb\</t>
  </si>
  <si>
    <t>11/21/2019 21:51:45</t>
  </si>
  <si>
    <t>BP Preço C010 B009 - TNO v5 - 36 meses.xlsb</t>
  </si>
  <si>
    <t>D:\21_11_2019 - PC ALGAR TECH\TIM\2017\1. TIM 19-05 - Rampa Errada\TNO\BP Preço C010 B009 - TNO v5 - 36 meses.xlsb</t>
  </si>
  <si>
    <t>C:\Users\suelenmm\OneDrive - Grupo Algar\TIM\2017\1. TIM 19-05 - Rampa Errada\TNO\BP Preço C010 B009 - TNO v5 - 36 meses.xlsb\</t>
  </si>
  <si>
    <t>11/21/2019 21:51:47</t>
  </si>
  <si>
    <t>C:\Users\suelenmm\OneDrive - Grupo Algar\TIM\2017\1. TIM 19-05 - Rampa Errada\TSP\</t>
  </si>
  <si>
    <t>BP Preço C010 B009 - TSP v5 - 12 meses.xlsb</t>
  </si>
  <si>
    <t>D:\21_11_2019 - PC ALGAR TECH\TIM\2017\1. TIM 19-05 - Rampa Errada\TSP\BP Preço C010 B009 - TSP v5 - 12 meses.xlsb</t>
  </si>
  <si>
    <t>C:\Users\suelenmm\OneDrive - Grupo Algar\TIM\2017\1. TIM 19-05 - Rampa Errada\TSP\BP Preço C010 B009 - TSP v5 - 12 meses.xlsb\</t>
  </si>
  <si>
    <t>11/21/2019 21:51:49</t>
  </si>
  <si>
    <t>BP Preço C010 B009 - TSP v5 - 24 meses.xlsb</t>
  </si>
  <si>
    <t>D:\21_11_2019 - PC ALGAR TECH\TIM\2017\1. TIM 19-05 - Rampa Errada\TSP\BP Preço C010 B009 - TSP v5 - 24 meses.xlsb</t>
  </si>
  <si>
    <t>C:\Users\suelenmm\OneDrive - Grupo Algar\TIM\2017\1. TIM 19-05 - Rampa Errada\TSP\BP Preço C010 B009 - TSP v5 - 24 meses.xlsb\</t>
  </si>
  <si>
    <t>11/21/2019 21:51:52</t>
  </si>
  <si>
    <t>D:\21_11_2019 - PC ALGAR TECH\TIM\2017\1. TIM 19-05 - Rampa Errada\TSP\</t>
  </si>
  <si>
    <t>BP Preço C010 B009 - TSP v5 - 36 meses.xlsb</t>
  </si>
  <si>
    <t>D:\21_11_2019 - PC ALGAR TECH\TIM\2017\1. TIM 19-05 - Rampa Errada\TSP\BP Preço C010 B009 - TSP v5 - 36 meses.xlsb</t>
  </si>
  <si>
    <t>D:\21_11_2019 - PC ALGAR TECH\TIM\2017\1. TIM 19-05 - Rampa Errada\TSP\BP Preço C010 B009 - TSP v5 - 36 meses.xlsb\</t>
  </si>
  <si>
    <t>11/21/2019 21:51:54</t>
  </si>
  <si>
    <t>C:\Users\suelenmm\OneDrive - Grupo Algar\TIM\2017\2. TIM 27-05 - Rampa Correta\</t>
  </si>
  <si>
    <t>D:\21_11_2019 - PC ALGAR TECH\TIM\2017\2. TIM 27-05 - Rampa Correta\Logística FMM-FMT v6.xlsx</t>
  </si>
  <si>
    <t>D:\21_11_2019 - PC ALGAR TECH\TIM\2017\2. TIM 27-05 - Rampa Correta\Resumo Cenários TIM.xlsx</t>
  </si>
  <si>
    <t>11/21/2019 21:52:02</t>
  </si>
  <si>
    <t>C:\Users\suelenmm\OneDrive - Grupo Algar\TIM\2017\2. TIM 27-05 - Rampa Correta\TLE\</t>
  </si>
  <si>
    <t>BP Preço C010 B009 - TLE v6 - 36 meses.xlsb</t>
  </si>
  <si>
    <t>D:\21_11_2019 - PC ALGAR TECH\TIM\2017\2. TIM 27-05 - Rampa Correta\TLE\BP Preço C010 B009 - TLE v6 - 36 meses.xlsb</t>
  </si>
  <si>
    <t>C:\Users\suelenmm\OneDrive - Grupo Algar\TIM\2017\2. TIM 27-05 - Rampa Correta\TLE\BP Preço C010 B009 - TLE v6 - 36 meses.xlsb\</t>
  </si>
  <si>
    <t>11/21/2019 21:52:06</t>
  </si>
  <si>
    <t>C:\Users\suelenmm\OneDrive - Grupo Algar\TIM\2017\2. TIM 27-05 - Rampa Correta\TNO\</t>
  </si>
  <si>
    <t>BP Preço C010 B009 - TNO v6 - 36 meses.xlsb</t>
  </si>
  <si>
    <t>D:\21_11_2019 - PC ALGAR TECH\TIM\2017\2. TIM 27-05 - Rampa Correta\TNO\BP Preço C010 B009 - TNO v6 - 36 meses.xlsb</t>
  </si>
  <si>
    <t>C:\Users\suelenmm\OneDrive - Grupo Algar\TIM\2017\2. TIM 27-05 - Rampa Correta\TNO\BP Preço C010 B009 - TNO v6 - 36 meses.xlsb\</t>
  </si>
  <si>
    <t>11/21/2019 21:52:09</t>
  </si>
  <si>
    <t>C:\Users\suelenmm\OneDrive - Grupo Algar\TIM\2017\2. TIM 27-05 - Rampa Correta\TSP\</t>
  </si>
  <si>
    <t>BP Preço C010 B009 - TSP v6 - 36 meses.xlsb</t>
  </si>
  <si>
    <t>D:\21_11_2019 - PC ALGAR TECH\TIM\2017\2. TIM 27-05 - Rampa Correta\TSP\BP Preço C010 B009 - TSP v6 - 36 meses.xlsb</t>
  </si>
  <si>
    <t>C:\Users\suelenmm\OneDrive - Grupo Algar\TIM\2017\2. TIM 27-05 - Rampa Correta\TSP\BP Preço C010 B009 - TSP v6 - 36 meses.xlsb\</t>
  </si>
  <si>
    <t>11/21/2019 21:52:12</t>
  </si>
  <si>
    <t>C:\Users\suelenmm\OneDrive - Grupo Algar\TIM\2017\3. TIM 27-05 - Rampa Correta + Fat B\</t>
  </si>
  <si>
    <t>Logística FMM-FMT v7.xlsx</t>
  </si>
  <si>
    <t>D:\21_11_2019 - PC ALGAR TECH\TIM\2017\3. TIM 27-05 - Rampa Correta + Fat B\Logística FMM-FMT v7.xlsx</t>
  </si>
  <si>
    <t>D:\21_11_2019 - PC ALGAR TECH\TIM\2017\3. TIM 27-05 - Rampa Correta + Fat B\Resumo Cenários TIM.xlsx</t>
  </si>
  <si>
    <t>11/21/2019 21:52:18</t>
  </si>
  <si>
    <t>C:\Users\suelenmm\OneDrive - Grupo Algar\TIM\2017\3. TIM 27-05 - Rampa Correta + Fat B\TLE\</t>
  </si>
  <si>
    <t>BP Preço C010 B009 - TLE v7 - 36 meses.xlsb</t>
  </si>
  <si>
    <t>D:\21_11_2019 - PC ALGAR TECH\TIM\2017\3. TIM 27-05 - Rampa Correta + Fat B\TLE\BP Preço C010 B009 - TLE v7 - 36 meses.xlsb</t>
  </si>
  <si>
    <t>C:\Users\suelenmm\OneDrive - Grupo Algar\TIM\2017\3. TIM 27-05 - Rampa Correta + Fat B\TLE\BP Preço C010 B009 - TLE v7 - 36 meses.xlsb\</t>
  </si>
  <si>
    <t>11/21/2019 21:52:22</t>
  </si>
  <si>
    <t>C:\Users\suelenmm\OneDrive - Grupo Algar\TIM\2017\3. TIM 27-05 - Rampa Correta + Fat B\TNO\</t>
  </si>
  <si>
    <t>BP Preço C010 B009 - TNO v7 - 36 meses.xlsb</t>
  </si>
  <si>
    <t>D:\21_11_2019 - PC ALGAR TECH\TIM\2017\3. TIM 27-05 - Rampa Correta + Fat B\TNO\BP Preço C010 B009 - TNO v7 - 36 meses.xlsb</t>
  </si>
  <si>
    <t>C:\Users\suelenmm\OneDrive - Grupo Algar\TIM\2017\3. TIM 27-05 - Rampa Correta + Fat B\TNO\BP Preço C010 B009 - TNO v7 - 36 meses.xlsb\</t>
  </si>
  <si>
    <t>11/21/2019 21:52:26</t>
  </si>
  <si>
    <t>C:\Users\suelenmm\OneDrive - Grupo Algar\TIM\2017\3. TIM 27-05 - Rampa Correta + Fat B\TSP\</t>
  </si>
  <si>
    <t>BP Preço C010 B009 - TSP v7 - 36 meses.xlsb</t>
  </si>
  <si>
    <t>D:\21_11_2019 - PC ALGAR TECH\TIM\2017\3. TIM 27-05 - Rampa Correta + Fat B\TSP\BP Preço C010 B009 - TSP v7 - 36 meses.xlsb</t>
  </si>
  <si>
    <t>C:\Users\suelenmm\OneDrive - Grupo Algar\TIM\2017\3. TIM 27-05 - Rampa Correta + Fat B\TSP\BP Preço C010 B009 - TSP v7 - 36 meses.xlsb\</t>
  </si>
  <si>
    <t>11/21/2019 21:52:28</t>
  </si>
  <si>
    <t>C:\Users\suelenmm\OneDrive - Grupo Algar\TIM\2017\4. TIM 27-05 - Rampa Correta + Fat B + Peric\</t>
  </si>
  <si>
    <t>Logística FMM-FMT v8.xlsx</t>
  </si>
  <si>
    <t>D:\21_11_2019 - PC ALGAR TECH\TIM\2017\4. TIM 27-05 - Rampa Correta + Fat B + Peric\Logística FMM-FMT v8.xlsx</t>
  </si>
  <si>
    <t>D:\21_11_2019 - PC ALGAR TECH\TIM\2017\4. TIM 27-05 - Rampa Correta + Fat B + Peric\Resumo Cenários TIM.xlsx</t>
  </si>
  <si>
    <t>11/21/2019 21:52:35</t>
  </si>
  <si>
    <t>C:\Users\suelenmm\OneDrive - Grupo Algar\TIM\2017\4. TIM 27-05 - Rampa Correta + Fat B + Peric\TLE\</t>
  </si>
  <si>
    <t>BP Preço C010 B009 - TLE v8 - 36 meses.xlsb</t>
  </si>
  <si>
    <t>D:\21_11_2019 - PC ALGAR TECH\TIM\2017\4. TIM 27-05 - Rampa Correta + Fat B + Peric\TLE\BP Preço C010 B009 - TLE v8 - 36 meses.xlsb</t>
  </si>
  <si>
    <t>C:\Users\suelenmm\OneDrive - Grupo Algar\TIM\2017\4. TIM 27-05 - Rampa Correta + Fat B + Peric\TLE\BP Preço C010 B009 - TLE v8 - 36 meses.xlsb\</t>
  </si>
  <si>
    <t>11/21/2019 21:52:40</t>
  </si>
  <si>
    <t>C:\Users\suelenmm\OneDrive - Grupo Algar\TIM\2017\4. TIM 27-05 - Rampa Correta + Fat B + Peric\TNO\</t>
  </si>
  <si>
    <t>BP Preço C010 B009 - TNO v8 - 36 meses.xlsb</t>
  </si>
  <si>
    <t>D:\21_11_2019 - PC ALGAR TECH\TIM\2017\4. TIM 27-05 - Rampa Correta + Fat B + Peric\TNO\BP Preço C010 B009 - TNO v8 - 36 meses.xlsb</t>
  </si>
  <si>
    <t>C:\Users\suelenmm\OneDrive - Grupo Algar\TIM\2017\4. TIM 27-05 - Rampa Correta + Fat B + Peric\TNO\BP Preço C010 B009 - TNO v8 - 36 meses.xlsb\</t>
  </si>
  <si>
    <t>11/21/2019 21:52:43</t>
  </si>
  <si>
    <t>C:\Users\suelenmm\OneDrive - Grupo Algar\TIM\2017\4. TIM 27-05 - Rampa Correta + Fat B + Peric\TSP\</t>
  </si>
  <si>
    <t>BP Preço C010 B009 - TSP v8 - 36 meses.xlsb</t>
  </si>
  <si>
    <t>D:\21_11_2019 - PC ALGAR TECH\TIM\2017\4. TIM 27-05 - Rampa Correta + Fat B + Peric\TSP\BP Preço C010 B009 - TSP v8 - 36 meses.xlsb</t>
  </si>
  <si>
    <t>C:\Users\suelenmm\OneDrive - Grupo Algar\TIM\2017\4. TIM 27-05 - Rampa Correta + Fat B + Peric\TSP\BP Preço C010 B009 - TSP v8 - 36 meses.xlsb\</t>
  </si>
  <si>
    <t>11/21/2019 21:52:45</t>
  </si>
  <si>
    <t>C:\Users\suelenmm\OneDrive - Grupo Algar\TIM\2017\5. TIM 28-05 - Rampa Correta + Fat B + Peric + Estrutura\</t>
  </si>
  <si>
    <t>Logística FMM-FMT v9.xlsx</t>
  </si>
  <si>
    <t>D:\21_11_2019 - PC ALGAR TECH\TIM\2017\5. TIM 28-05 - Rampa Correta + Fat B + Peric + Estrutura\Logística FMM-FMT v9.xlsx</t>
  </si>
  <si>
    <t>D:\21_11_2019 - PC ALGAR TECH\TIM\2017\5. TIM 28-05 - Rampa Correta + Fat B + Peric + Estrutura\Resumo Cenários TIM.xlsx</t>
  </si>
  <si>
    <t>11/21/2019 21:52:51</t>
  </si>
  <si>
    <t>C:\Users\suelenmm\OneDrive - Grupo Algar\TIM\2017\5. TIM 28-05 - Rampa Correta + Fat B + Peric + Estrutura\TLE\</t>
  </si>
  <si>
    <t>BP Preço C010 B009 - TLE v9 - 36 meses.xlsb</t>
  </si>
  <si>
    <t>D:\21_11_2019 - PC ALGAR TECH\TIM\2017\5. TIM 28-05 - Rampa Correta + Fat B + Peric + Estrutura\TLE\BP Preço C010 B009 - TLE v9 - 36 meses.xlsb</t>
  </si>
  <si>
    <t>C:\Users\suelenmm\OneDrive - Grupo Algar\TIM\2017\5. TIM 28-05 - Rampa Correta + Fat B + Peric + Estrutura\TLE\BP Preço C010 B009 - TLE v9 - 36 meses.xlsb\</t>
  </si>
  <si>
    <t>11/21/2019 21:52:55</t>
  </si>
  <si>
    <t>C:\Users\suelenmm\OneDrive - Grupo Algar\TIM\2017\5. TIM 28-05 - Rampa Correta + Fat B + Peric + Estrutura\TNO\</t>
  </si>
  <si>
    <t>BP Preço C010 B009 - TNO v9 - 36 meses.xlsb</t>
  </si>
  <si>
    <t>D:\21_11_2019 - PC ALGAR TECH\TIM\2017\5. TIM 28-05 - Rampa Correta + Fat B + Peric + Estrutura\TNO\BP Preço C010 B009 - TNO v9 - 36 meses.xlsb</t>
  </si>
  <si>
    <t>C:\Users\suelenmm\OneDrive - Grupo Algar\TIM\2017\5. TIM 28-05 - Rampa Correta + Fat B + Peric + Estrutura\TNO\BP Preço C010 B009 - TNO v9 - 36 meses.xlsb\</t>
  </si>
  <si>
    <t>11/21/2019 21:53:00</t>
  </si>
  <si>
    <t>C:\Users\suelenmm\OneDrive - Grupo Algar\TIM\2017\5. TIM 28-05 - Rampa Correta + Fat B + Peric + Estrutura\TSP\</t>
  </si>
  <si>
    <t>BP Preço C010 B009 - TSP CAPITAL v9 - 36 meses.xlsb</t>
  </si>
  <si>
    <t>D:\21_11_2019 - PC ALGAR TECH\TIM\2017\5. TIM 28-05 - Rampa Correta + Fat B + Peric + Estrutura\TSP\BP Preço C010 B009 - TSP CAPITAL v9 - 36 meses.xlsb</t>
  </si>
  <si>
    <t>C:\Users\suelenmm\OneDrive - Grupo Algar\TIM\2017\5. TIM 28-05 - Rampa Correta + Fat B + Peric + Estrutura\TSP\BP Preço C010 B009 - TSP CAPITAL v9 - 36 meses.xlsb\</t>
  </si>
  <si>
    <t>11/21/2019 21:53:04</t>
  </si>
  <si>
    <t>BP Preço C010 B009 - TSP INTERIOR v9 - 36 meses.xlsb</t>
  </si>
  <si>
    <t>D:\21_11_2019 - PC ALGAR TECH\TIM\2017\5. TIM 28-05 - Rampa Correta + Fat B + Peric + Estrutura\TSP\BP Preço C010 B009 - TSP INTERIOR v9 - 36 meses.xlsb</t>
  </si>
  <si>
    <t>C:\Users\suelenmm\OneDrive - Grupo Algar\TIM\2017\5. TIM 28-05 - Rampa Correta + Fat B + Peric + Estrutura\TSP\BP Preço C010 B009 - TSP INTERIOR v9 - 36 meses.xlsb\</t>
  </si>
  <si>
    <t>11/21/2019 21:53:07</t>
  </si>
  <si>
    <t>BP Preço C010 B009 - TSP v9 - 36 meses.xlsb</t>
  </si>
  <si>
    <t>D:\21_11_2019 - PC ALGAR TECH\TIM\2017\5. TIM 28-05 - Rampa Correta + Fat B + Peric + Estrutura\TSP\BP Preço C010 B009 - TSP v9 - 36 meses.xlsb</t>
  </si>
  <si>
    <t>C:\Users\suelenmm\OneDrive - Grupo Algar\TIM\2017\5. TIM 28-05 - Rampa Correta + Fat B + Peric + Estrutura\TSP\BP Preço C010 B009 - TSP v9 - 36 meses.xlsb\</t>
  </si>
  <si>
    <t>11/21/2019 21:53:11</t>
  </si>
  <si>
    <t>C:\Users\suelenmm\OneDrive - Grupo Algar\TIM\2017\6. TIM 29-05 - Receita Correta\</t>
  </si>
  <si>
    <t>BP Preço C010 B009 - TLE v10 - 36 meses.xlsb</t>
  </si>
  <si>
    <t>D:\21_11_2019 - PC ALGAR TECH\TIM\2017\6. TIM 29-05 - Receita Correta\BP Preço C010 B009 - TLE v10 - 36 meses.xlsb</t>
  </si>
  <si>
    <t>C:\Users\suelenmm\OneDrive - Grupo Algar\TIM\2017\6. TIM 29-05 - Receita Correta\BP Preço C010 B009 - TLE v10 - 36 meses.xlsb\</t>
  </si>
  <si>
    <t>11/21/2019 21:53:15</t>
  </si>
  <si>
    <t>BP Preço C010 B009 - TNO v10 - 36 meses.xlsb</t>
  </si>
  <si>
    <t>D:\21_11_2019 - PC ALGAR TECH\TIM\2017\6. TIM 29-05 - Receita Correta\BP Preço C010 B009 - TNO v10 - 36 meses.xlsb</t>
  </si>
  <si>
    <t>C:\Users\suelenmm\OneDrive - Grupo Algar\TIM\2017\6. TIM 29-05 - Receita Correta\BP Preço C010 B009 - TNO v10 - 36 meses.xlsb\</t>
  </si>
  <si>
    <t>11/21/2019 21:53:19</t>
  </si>
  <si>
    <t>BP Preço C010 B009 - TSP CAPITAL + INTERIOR v10 - 36 meses.xlsb</t>
  </si>
  <si>
    <t>D:\21_11_2019 - PC ALGAR TECH\TIM\2017\6. TIM 29-05 - Receita Correta\BP Preço C010 B009 - TSP CAPITAL + INTERIOR v10 - 36 meses.xlsb</t>
  </si>
  <si>
    <t>C:\Users\suelenmm\OneDrive - Grupo Algar\TIM\2017\6. TIM 29-05 - Receita Correta\BP Preço C010 B009 - TSP CAPITAL + INTERIOR v10 - 36 meses.xlsb\</t>
  </si>
  <si>
    <t>11/21/2019 21:53:24</t>
  </si>
  <si>
    <t>BP Preço C010 B009 - TSP CAPITAL v10 - 36 meses.xlsb</t>
  </si>
  <si>
    <t>D:\21_11_2019 - PC ALGAR TECH\TIM\2017\6. TIM 29-05 - Receita Correta\BP Preço C010 B009 - TSP CAPITAL v10 - 36 meses.xlsb</t>
  </si>
  <si>
    <t>C:\Users\suelenmm\OneDrive - Grupo Algar\TIM\2017\6. TIM 29-05 - Receita Correta\BP Preço C010 B009 - TSP CAPITAL v10 - 36 meses.xlsb\</t>
  </si>
  <si>
    <t>11/21/2019 21:53:29</t>
  </si>
  <si>
    <t>BP Preço C010 B009 - TSP INTERIOR v10 - 36 meses.xlsb</t>
  </si>
  <si>
    <t>D:\21_11_2019 - PC ALGAR TECH\TIM\2017\6. TIM 29-05 - Receita Correta\BP Preço C010 B009 - TSP INTERIOR v10 - 36 meses.xlsb</t>
  </si>
  <si>
    <t>C:\Users\suelenmm\OneDrive - Grupo Algar\TIM\2017\6. TIM 29-05 - Receita Correta\BP Preço C010 B009 - TSP INTERIOR v10 - 36 meses.xlsb\</t>
  </si>
  <si>
    <t>11/21/2019 21:53:30</t>
  </si>
  <si>
    <t>Logística FMM-FMT v10.xlsx</t>
  </si>
  <si>
    <t>D:\21_11_2019 - PC ALGAR TECH\TIM\2017\6. TIM 29-05 - Receita Correta\Logística FMM-FMT v10.xlsx</t>
  </si>
  <si>
    <t>11/21/2019 21:53:34</t>
  </si>
  <si>
    <t>C:\Users\suelenmm\OneDrive - Grupo Algar\TIM\2017\7. TIM 02-06 - Cenário TIM\</t>
  </si>
  <si>
    <t>BP Preço C010 B009 - TLE v11 - 36 meses - 90d + verticalização.xlsb</t>
  </si>
  <si>
    <t>D:\21_11_2019 - PC ALGAR TECH\TIM\2017\7. TIM 02-06 - Cenário TIM\BP Preço C010 B009 - TLE v11 - 36 meses - 90d + verticalização.xlsb</t>
  </si>
  <si>
    <t>C:\Users\suelenmm\OneDrive - Grupo Algar\TIM\2017\7. TIM 02-06 - Cenário TIM\BP Preço C010 B009 - TLE v11 - 36 meses - 90d + verticalização.xlsb\</t>
  </si>
  <si>
    <t>11/21/2019 21:53:37</t>
  </si>
  <si>
    <t>Logística FMM-FMT v11 - Cenário TIM.xlsx</t>
  </si>
  <si>
    <t>D:\21_11_2019 - PC ALGAR TECH\TIM\2017\7. TIM 02-06 - Cenário TIM\Logística FMM-FMT v11 - Cenário TIM.xlsx</t>
  </si>
  <si>
    <t>11/21/2019 21:53:40</t>
  </si>
  <si>
    <t>C:\Users\suelenmm\OneDrive - Grupo Algar\TIM\2017\7. TIM 02-06 - Cenário TIM\Rascunho\</t>
  </si>
  <si>
    <t>BP Preço C010 B009 - TLE v11 - 36 meses - 90 dias.xlsb</t>
  </si>
  <si>
    <t>D:\21_11_2019 - PC ALGAR TECH\TIM\2017\7. TIM 02-06 - Cenário TIM\Rascunho\BP Preço C010 B009 - TLE v11 - 36 meses - 90 dias.xlsb</t>
  </si>
  <si>
    <t>C:\Users\suelenmm\OneDrive - Grupo Algar\TIM\2017\7. TIM 02-06 - Cenário TIM\Rascunho\BP Preço C010 B009 - TLE v11 - 36 meses - 90 dias.xlsb\</t>
  </si>
  <si>
    <t>11/21/2019 21:53:44</t>
  </si>
  <si>
    <t>BP Preço C010 B009 - TLE v11 - 36 meses.xlsb</t>
  </si>
  <si>
    <t>D:\21_11_2019 - PC ALGAR TECH\TIM\2017\7. TIM 02-06 - Cenário TIM\Rascunho\BP Preço C010 B009 - TLE v11 - 36 meses.xlsb</t>
  </si>
  <si>
    <t>C:\Users\suelenmm\OneDrive - Grupo Algar\TIM\2017\7. TIM 02-06 - Cenário TIM\Rascunho\BP Preço C010 B009 - TLE v11 - 36 meses.xlsb\</t>
  </si>
  <si>
    <t>11/21/2019 21:53:47</t>
  </si>
  <si>
    <t>BP Preço C010 B009 - TNO v11 - 36 meses.xlsb</t>
  </si>
  <si>
    <t>D:\21_11_2019 - PC ALGAR TECH\TIM\2017\7. TIM 02-06 - Cenário TIM\Rascunho\BP Preço C010 B009 - TNO v11 - 36 meses.xlsb</t>
  </si>
  <si>
    <t>C:\Users\suelenmm\OneDrive - Grupo Algar\TIM\2017\7. TIM 02-06 - Cenário TIM\Rascunho\BP Preço C010 B009 - TNO v11 - 36 meses.xlsb\</t>
  </si>
  <si>
    <t>11/21/2019 21:53:50</t>
  </si>
  <si>
    <t>BP Preço C010 B009 - TSP CAPITAL + INTERIOR v11 - 36 meses.xlsb</t>
  </si>
  <si>
    <t>D:\21_11_2019 - PC ALGAR TECH\TIM\2017\7. TIM 02-06 - Cenário TIM\Rascunho\BP Preço C010 B009 - TSP CAPITAL + INTERIOR v11 - 36 meses.xlsb</t>
  </si>
  <si>
    <t>C:\Users\suelenmm\OneDrive - Grupo Algar\TIM\2017\7. TIM 02-06 - Cenário TIM\Rascunho\BP Preço C010 B009 - TSP CAPITAL + INTERIOR v11 - 36 meses.xlsb\</t>
  </si>
  <si>
    <t>11/21/2019 21:53:55</t>
  </si>
  <si>
    <t>BP Preço C010 B009 - TSP CAPITAL v11 - 36 meses.xlsb</t>
  </si>
  <si>
    <t>D:\21_11_2019 - PC ALGAR TECH\TIM\2017\7. TIM 02-06 - Cenário TIM\Rascunho\BP Preço C010 B009 - TSP CAPITAL v11 - 36 meses.xlsb</t>
  </si>
  <si>
    <t>C:\Users\suelenmm\OneDrive - Grupo Algar\TIM\2017\7. TIM 02-06 - Cenário TIM\Rascunho\BP Preço C010 B009 - TSP CAPITAL v11 - 36 meses.xlsb\</t>
  </si>
  <si>
    <t>11/21/2019 21:53:59</t>
  </si>
  <si>
    <t>BP Preço C010 B009 - TSP INTERIOR v11 - 36 meses.xlsb</t>
  </si>
  <si>
    <t>D:\21_11_2019 - PC ALGAR TECH\TIM\2017\7. TIM 02-06 - Cenário TIM\Rascunho\BP Preço C010 B009 - TSP INTERIOR v11 - 36 meses.xlsb</t>
  </si>
  <si>
    <t>C:\Users\suelenmm\OneDrive - Grupo Algar\TIM\2017\7. TIM 02-06 - Cenário TIM\Rascunho\BP Preço C010 B009 - TSP INTERIOR v11 - 36 meses.xlsb\</t>
  </si>
  <si>
    <t>11/21/2019 21:54:03</t>
  </si>
  <si>
    <t>C:\Users\suelenmm\OneDrive - Grupo Algar\TIM\2017\8. TIM 02-06 - Cenário Tech\60 dias\</t>
  </si>
  <si>
    <t>BP Preço C010 B009 - TLE v12 - 36 meses - 60d + verticalização + ipca.xlsb</t>
  </si>
  <si>
    <t>D:\21_11_2019 - PC ALGAR TECH\TIM\2017\8. TIM 02-06 - Cenário Tech\60 dias\BP Preço C010 B009 - TLE v12 - 36 meses - 60d + verticalização + ipca.xlsb</t>
  </si>
  <si>
    <t>C:\Users\suelenmm\OneDrive - Grupo Algar\TIM\2017\8. TIM 02-06 - Cenário Tech\60 dias\BP Preço C010 B009 - TLE v12 - 36 meses - 60d + verticalização + ipca.xlsb\</t>
  </si>
  <si>
    <t>11/21/2019 21:54:08</t>
  </si>
  <si>
    <t>BP Preço C010 B009 - TLE v12 - 36 meses - 60d + verticalização.xlsb</t>
  </si>
  <si>
    <t>D:\21_11_2019 - PC ALGAR TECH\TIM\2017\8. TIM 02-06 - Cenário Tech\60 dias\BP Preço C010 B009 - TLE v12 - 36 meses - 60d + verticalização.xlsb</t>
  </si>
  <si>
    <t>C:\Users\suelenmm\OneDrive - Grupo Algar\TIM\2017\8. TIM 02-06 - Cenário Tech\60 dias\BP Preço C010 B009 - TLE v12 - 36 meses - 60d + verticalização.xlsb\</t>
  </si>
  <si>
    <t>11/21/2019 21:54:11</t>
  </si>
  <si>
    <t>BP Preço C010 B009 - TLE v13 - 36 meses - 60d + verticalização - compra gmg.xlsb</t>
  </si>
  <si>
    <t>D:\21_11_2019 - PC ALGAR TECH\TIM\2017\8. TIM 02-06 - Cenário Tech\60 dias\BP Preço C010 B009 - TLE v13 - 36 meses - 60d + verticalização - compra gmg.xlsb</t>
  </si>
  <si>
    <t>11/21/2019 21:54:12</t>
  </si>
  <si>
    <t>C:\Users\suelenmm\OneDrive - Grupo Algar\TIM\2017\8. TIM 02-06 - Cenário Tech\60 dias\BP Preço C010 B009 - TLE v13 - 36 meses - 60d + verticalização - compra gmg.xlsb\</t>
  </si>
  <si>
    <t>11/21/2019 21:54:15</t>
  </si>
  <si>
    <t>BP Preço C010 B009 - TLE v13 - 36 meses - 60d + verticalização.xlsb</t>
  </si>
  <si>
    <t>D:\21_11_2019 - PC ALGAR TECH\TIM\2017\8. TIM 02-06 - Cenário Tech\60 dias\BP Preço C010 B009 - TLE v13 - 36 meses - 60d + verticalização.xlsb</t>
  </si>
  <si>
    <t>C:\Users\suelenmm\OneDrive - Grupo Algar\TIM\2017\8. TIM 02-06 - Cenário Tech\60 dias\BP Preço C010 B009 - TLE v13 - 36 meses - 60d + verticalização.xlsb\</t>
  </si>
  <si>
    <t>11/21/2019 21:54:16</t>
  </si>
  <si>
    <t>Logística FMM-FMT v12 - Cenário Tech - 60 dias.xlsx</t>
  </si>
  <si>
    <t>D:\21_11_2019 - PC ALGAR TECH\TIM\2017\8. TIM 02-06 - Cenário Tech\60 dias\Logística FMM-FMT v12 - Cenário Tech - 60 dias.xlsx</t>
  </si>
  <si>
    <t>11/21/2019 21:54:19</t>
  </si>
  <si>
    <t>Logística FMM-FMT v13 - Cenário Tech - 60 dias.xlsx</t>
  </si>
  <si>
    <t>D:\21_11_2019 - PC ALGAR TECH\TIM\2017\8. TIM 02-06 - Cenário Tech\60 dias\Logística FMM-FMT v13 - Cenário Tech - 60 dias.xlsx</t>
  </si>
  <si>
    <t>11/21/2019 21:54:23</t>
  </si>
  <si>
    <t>C:\Users\suelenmm\OneDrive - Grupo Algar\TIM\2017\8. TIM 02-06 - Cenário Tech\60 dias\Rascunho\</t>
  </si>
  <si>
    <t>BP Preço C010 B009 - TNO v12 - 36 meses.xlsb</t>
  </si>
  <si>
    <t>D:\21_11_2019 - PC ALGAR TECH\TIM\2017\8. TIM 02-06 - Cenário Tech\60 dias\Rascunho\BP Preço C010 B009 - TNO v12 - 36 meses.xlsb</t>
  </si>
  <si>
    <t>C:\Users\suelenmm\OneDrive - Grupo Algar\TIM\2017\8. TIM 02-06 - Cenário Tech\60 dias\Rascunho\BP Preço C010 B009 - TNO v12 - 36 meses.xlsb\</t>
  </si>
  <si>
    <t>11/21/2019 21:54:27</t>
  </si>
  <si>
    <t>BP Preço C010 B009 - TSP CAPITAL + INTERIOR v12 - 36 meses.xlsb</t>
  </si>
  <si>
    <t>D:\21_11_2019 - PC ALGAR TECH\TIM\2017\8. TIM 02-06 - Cenário Tech\60 dias\Rascunho\BP Preço C010 B009 - TSP CAPITAL + INTERIOR v12 - 36 meses.xlsb</t>
  </si>
  <si>
    <t>C:\Users\suelenmm\OneDrive - Grupo Algar\TIM\2017\8. TIM 02-06 - Cenário Tech\60 dias\Rascunho\BP Preço C010 B009 - TSP CAPITAL + INTERIOR v12 - 36 meses.xlsb\</t>
  </si>
  <si>
    <t>11/21/2019 21:54:31</t>
  </si>
  <si>
    <t>BP Preço C010 B009 - TSP CAPITAL v12 - 36 meses.xlsb</t>
  </si>
  <si>
    <t>D:\21_11_2019 - PC ALGAR TECH\TIM\2017\8. TIM 02-06 - Cenário Tech\60 dias\Rascunho\BP Preço C010 B009 - TSP CAPITAL v12 - 36 meses.xlsb</t>
  </si>
  <si>
    <t>C:\Users\suelenmm\OneDrive - Grupo Algar\TIM\2017\8. TIM 02-06 - Cenário Tech\60 dias\Rascunho\BP Preço C010 B009 - TSP CAPITAL v12 - 36 meses.xlsb\</t>
  </si>
  <si>
    <t>11/21/2019 21:54:35</t>
  </si>
  <si>
    <t>BP Preço C010 B009 - TSP INTERIOR v12 - 36 meses.xlsb</t>
  </si>
  <si>
    <t>D:\21_11_2019 - PC ALGAR TECH\TIM\2017\8. TIM 02-06 - Cenário Tech\60 dias\Rascunho\BP Preço C010 B009 - TSP INTERIOR v12 - 36 meses.xlsb</t>
  </si>
  <si>
    <t>C:\Users\suelenmm\OneDrive - Grupo Algar\TIM\2017\8. TIM 02-06 - Cenário Tech\60 dias\Rascunho\BP Preço C010 B009 - TSP INTERIOR v12 - 36 meses.xlsb\</t>
  </si>
  <si>
    <t>11/21/2019 21:54:39</t>
  </si>
  <si>
    <t>C:\Users\suelenmm\OneDrive - Grupo Algar\TIM\2017\8. TIM 02-06 - Cenário Tech\90 dias\</t>
  </si>
  <si>
    <t>BP Preço C010 B009 - TLE v12 - 36 meses - 90d + verticalização.xlsb</t>
  </si>
  <si>
    <t>D:\21_11_2019 - PC ALGAR TECH\TIM\2017\8. TIM 02-06 - Cenário Tech\90 dias\BP Preço C010 B009 - TLE v12 - 36 meses - 90d + verticalização.xlsb</t>
  </si>
  <si>
    <t>C:\Users\suelenmm\OneDrive - Grupo Algar\TIM\2017\8. TIM 02-06 - Cenário Tech\90 dias\BP Preço C010 B009 - TLE v12 - 36 meses - 90d + verticalização.xlsb\</t>
  </si>
  <si>
    <t>11/21/2019 21:54:42</t>
  </si>
  <si>
    <t>BP Preço C010 B009 - TNO v12 - 36 meses - 90 dias.xlsb</t>
  </si>
  <si>
    <t>D:\21_11_2019 - PC ALGAR TECH\TIM\2017\8. TIM 02-06 - Cenário Tech\90 dias\BP Preço C010 B009 - TNO v12 - 36 meses - 90 dias.xlsb</t>
  </si>
  <si>
    <t>C:\Users\suelenmm\OneDrive - Grupo Algar\TIM\2017\8. TIM 02-06 - Cenário Tech\90 dias\BP Preço C010 B009 - TNO v12 - 36 meses - 90 dias.xlsb\</t>
  </si>
  <si>
    <t>11/21/2019 21:54:46</t>
  </si>
  <si>
    <t>BP Preço C010 B009 - TSP CAPITAL + INTERIOR v12 - 36 meses - 90 dias.xlsb</t>
  </si>
  <si>
    <t>D:\21_11_2019 - PC ALGAR TECH\TIM\2017\8. TIM 02-06 - Cenário Tech\90 dias\BP Preço C010 B009 - TSP CAPITAL + INTERIOR v12 - 36 meses - 90 dias.xlsb</t>
  </si>
  <si>
    <t>C:\Users\suelenmm\OneDrive - Grupo Algar\TIM\2017\8. TIM 02-06 - Cenário Tech\90 dias\BP Preço C010 B009 - TSP CAPITAL + INTERIOR v12 - 36 meses - 90 dias.xlsb\</t>
  </si>
  <si>
    <t>11/21/2019 21:54:49</t>
  </si>
  <si>
    <t>BP Preço C010 B009 - TSP CAPITAL v12 - 36 meses - 90 dias.xlsb</t>
  </si>
  <si>
    <t>D:\21_11_2019 - PC ALGAR TECH\TIM\2017\8. TIM 02-06 - Cenário Tech\90 dias\BP Preço C010 B009 - TSP CAPITAL v12 - 36 meses - 90 dias.xlsb</t>
  </si>
  <si>
    <t>C:\Users\suelenmm\OneDrive - Grupo Algar\TIM\2017\8. TIM 02-06 - Cenário Tech\90 dias\BP Preço C010 B009 - TSP CAPITAL v12 - 36 meses - 90 dias.xlsb\</t>
  </si>
  <si>
    <t>11/21/2019 21:54:53</t>
  </si>
  <si>
    <t>BP Preço C010 B009 - TSP INTERIOR v12 - 36 meses - 90 dias.xlsb</t>
  </si>
  <si>
    <t>D:\21_11_2019 - PC ALGAR TECH\TIM\2017\8. TIM 02-06 - Cenário Tech\90 dias\BP Preço C010 B009 - TSP INTERIOR v12 - 36 meses - 90 dias.xlsb</t>
  </si>
  <si>
    <t>C:\Users\suelenmm\OneDrive - Grupo Algar\TIM\2017\8. TIM 02-06 - Cenário Tech\90 dias\BP Preço C010 B009 - TSP INTERIOR v12 - 36 meses - 90 dias.xlsb\</t>
  </si>
  <si>
    <t>11/21/2019 21:54:54</t>
  </si>
  <si>
    <t>Logística FMM-FMT v12 - Cenário Tech - 90 dias.xlsx</t>
  </si>
  <si>
    <t>D:\21_11_2019 - PC ALGAR TECH\TIM\2017\8. TIM 02-06 - Cenário Tech\90 dias\Logística FMM-FMT v12 - Cenário Tech - 90 dias.xlsx</t>
  </si>
  <si>
    <t>11/21/2019 21:54:58</t>
  </si>
  <si>
    <t>C:\Users\suelenmm\OneDrive - Grupo Algar\TIM\2017\8. TIM 02-06 - Cenário Tech\Rascunho\</t>
  </si>
  <si>
    <t>D:\21_11_2019 - PC ALGAR TECH\TIM\2017\8. TIM 02-06 - Cenário Tech\Rascunho\BP Preço C010 B009 - TLE v12 - 36 meses - 60d + verticalização + ipca.xlsb</t>
  </si>
  <si>
    <t>C:\Users\suelenmm\OneDrive - Grupo Algar\TIM\2017\8. TIM 02-06 - Cenário Tech\Rascunho\BP Preço C010 B009 - TLE v12 - 36 meses - 60d + verticalização + ipca.xlsb\</t>
  </si>
  <si>
    <t>11/21/2019 21:55:00</t>
  </si>
  <si>
    <t>BP Preço C010 B009 - TLE v12 - 36 meses - 60d + verticalização - rascunho.xlsb</t>
  </si>
  <si>
    <t>D:\21_11_2019 - PC ALGAR TECH\TIM\2017\8. TIM 02-06 - Cenário Tech\Rascunho\BP Preço C010 B009 - TLE v12 - 36 meses - 60d + verticalização - rascunho.xlsb</t>
  </si>
  <si>
    <t>C:\Users\suelenmm\OneDrive - Grupo Algar\TIM\2017\8. TIM 02-06 - Cenário Tech\Rascunho\BP Preço C010 B009 - TLE v12 - 36 meses - 60d + verticalização - rascunho.xlsb\</t>
  </si>
  <si>
    <t>11/21/2019 21:55:04</t>
  </si>
  <si>
    <t>BP Preço C010 B009 - TLE v12 - 36 meses - 60d c ipca.xlsb</t>
  </si>
  <si>
    <t>D:\21_11_2019 - PC ALGAR TECH\TIM\2017\8. TIM 02-06 - Cenário Tech\Rascunho\BP Preço C010 B009 - TLE v12 - 36 meses - 60d c ipca.xlsb</t>
  </si>
  <si>
    <t>C:\Users\suelenmm\OneDrive - Grupo Algar\TIM\2017\8. TIM 02-06 - Cenário Tech\Rascunho\BP Preço C010 B009 - TLE v12 - 36 meses - 60d c ipca.xlsb\</t>
  </si>
  <si>
    <t>11/21/2019 21:55:07</t>
  </si>
  <si>
    <t>BP Preço C010 B009 - TLE v12 - 36 meses - 60D+VERTIC CONFERENCIA.xlsb</t>
  </si>
  <si>
    <t>D:\21_11_2019 - PC ALGAR TECH\TIM\2017\8. TIM 02-06 - Cenário Tech\Rascunho\BP Preço C010 B009 - TLE v12 - 36 meses - 60D+VERTIC CONFERENCIA.xlsb</t>
  </si>
  <si>
    <t>C:\Users\suelenmm\OneDrive - Grupo Algar\TIM\2017\8. TIM 02-06 - Cenário Tech\Rascunho\BP Preço C010 B009 - TLE v12 - 36 meses - 60D+VERTIC CONFERENCIA.xlsb\</t>
  </si>
  <si>
    <t>11/21/2019 21:55:12</t>
  </si>
  <si>
    <t>BP Preço C010 B009 - TLE v12 - 36 meses - 90D+VERTIC CONFERENCIA.xlsb</t>
  </si>
  <si>
    <t>D:\21_11_2019 - PC ALGAR TECH\TIM\2017\8. TIM 02-06 - Cenário Tech\Rascunho\BP Preço C010 B009 - TLE v12 - 36 meses - 90D+VERTIC CONFERENCIA.xlsb</t>
  </si>
  <si>
    <t>C:\Users\suelenmm\OneDrive - Grupo Algar\TIM\2017\8. TIM 02-06 - Cenário Tech\Rascunho\BP Preço C010 B009 - TLE v12 - 36 meses - 90D+VERTIC CONFERENCIA.xlsb\</t>
  </si>
  <si>
    <t>11/21/2019 21:55:15</t>
  </si>
  <si>
    <t>BP Preço C010 B009 - TLE v12 - 36 meses - 90dias.xlsb</t>
  </si>
  <si>
    <t>D:\21_11_2019 - PC ALGAR TECH\TIM\2017\8. TIM 02-06 - Cenário Tech\Rascunho\BP Preço C010 B009 - TLE v12 - 36 meses - 90dias.xlsb</t>
  </si>
  <si>
    <t>C:\Users\suelenmm\OneDrive - Grupo Algar\TIM\2017\8. TIM 02-06 - Cenário Tech\Rascunho\BP Preço C010 B009 - TLE v12 - 36 meses - 90dias.xlsb\</t>
  </si>
  <si>
    <t>11/21/2019 21:55:19</t>
  </si>
  <si>
    <t>BP Preço C010 B009 - TLE v12 - 36 meses.xlsb</t>
  </si>
  <si>
    <t>D:\21_11_2019 - PC ALGAR TECH\TIM\2017\8. TIM 02-06 - Cenário Tech\Rascunho\BP Preço C010 B009 - TLE v12 - 36 meses.xlsb</t>
  </si>
  <si>
    <t>C:\Users\suelenmm\OneDrive - Grupo Algar\TIM\2017\8. TIM 02-06 - Cenário Tech\Rascunho\BP Preço C010 B009 - TLE v12 - 36 meses.xlsb\</t>
  </si>
  <si>
    <t>11/21/2019 21:55:33</t>
  </si>
  <si>
    <t>C:\Users\suelenmm\OneDrive - Grupo Algar\TIM\2017\Ganhamos\4ª Change - a ser enviada.zip\4¦ Change - a ser enviada\</t>
  </si>
  <si>
    <t>D:\21_11_2019 - PC ALGAR TECH\TIM\2017\Ganhamos\4ª Change - a ser enviada.zip</t>
  </si>
  <si>
    <t>C:\Users\suelenmm\OneDrive - Grupo Algar\TIM\2017\Ganhamos\4ª Change - a ser enviada.zip\4¦ Change - a ser enviada\BP Pre‡o C010 B009 - TLE v16.1 - 60d - Cenario mantendo impostos, folha e laudo com terceiro.xlsb\</t>
  </si>
  <si>
    <t>C:\Users\suelenmm\OneDrive - Grupo Algar\TIM\2017\Ganhamos\4ª Change - a ser enviada.zip\4¦ Change - a ser enviada\BP Pre‡o C010 B009 - TLE v16.2 - 60d - Cenario mantendo impostos e folha.xlsb\</t>
  </si>
  <si>
    <t>C:\Users\suelenmm\OneDrive - Grupo Algar\TIM\2017\Ganhamos\4ª Change - a ser enviada.zip\4¦ Change - a ser enviada\BP Pre‡o C010 B009 - TLE v16.3 - 60d - Cenario mantendo folha.xlsb\</t>
  </si>
  <si>
    <t>C:\Users\suelenmm\OneDrive - Grupo Algar\TIM\2017\Ganhamos\4ª Change - a ser enviada.zip\4¦ Change - a ser enviada\BP Pre‡o C010 B009 - TLE v16.4 - 60d - Cenario Final.xlsb\</t>
  </si>
  <si>
    <t>11/21/2019 21:55:35</t>
  </si>
  <si>
    <t>C:\Users\suelenmm\OneDrive - Grupo Algar\TIM\2017\Ganhamos\</t>
  </si>
  <si>
    <t>Logística FMM-FMT v17 - com adequação de cnpj.xlsx</t>
  </si>
  <si>
    <t>D:\21_11_2019 - PC ALGAR TECH\TIM\2017\Ganhamos\Logística FMM-FMT v17 - com adequação de cnpj.xlsx</t>
  </si>
  <si>
    <t>11/21/2019 21:55:37</t>
  </si>
  <si>
    <t>C:\Users\suelenmm\OneDrive - Grupo Algar\TIM\2017\Ganhamos\3ª Change\</t>
  </si>
  <si>
    <t>Logística FMM-FMT v15.xlsx</t>
  </si>
  <si>
    <t>D:\21_11_2019 - PC ALGAR TECH\TIM\2017\Ganhamos\3ª Change\Logística FMM-FMT v15.xlsx</t>
  </si>
  <si>
    <t>11/21/2019 21:55:41</t>
  </si>
  <si>
    <t>C:\Users\suelenmm\OneDrive - Grupo Algar\TIM\2017\Ganhamos\4ª Change - a ser enviada\</t>
  </si>
  <si>
    <t>BP Preço C010 B009 - TLE v16.1 - 60d - Cenario mantendo impostos, folha e laudo com terceiro.xlsb</t>
  </si>
  <si>
    <t>D:\21_11_2019 - PC ALGAR TECH\TIM\2017\Ganhamos\4ª Change - a ser enviada\BP Preço C010 B009 - TLE v16.1 - 60d - Cenario mantendo impostos, folha e laudo com terceiro.xlsb</t>
  </si>
  <si>
    <t>C:\Users\suelenmm\OneDrive - Grupo Algar\TIM\2017\Ganhamos\4ª Change - a ser enviada\BP Preço C010 B009 - TLE v16.1 - 60d - Cenario mantendo impostos, folha e laudo com terceiro.xlsb\</t>
  </si>
  <si>
    <t>11/21/2019 21:55:45</t>
  </si>
  <si>
    <t>BP Preço C010 B009 - TLE v16.2 - 60d - Cenario mantendo impostos e folha.xlsb</t>
  </si>
  <si>
    <t>D:\21_11_2019 - PC ALGAR TECH\TIM\2017\Ganhamos\4ª Change - a ser enviada\BP Preço C010 B009 - TLE v16.2 - 60d - Cenario mantendo impostos e folha.xlsb</t>
  </si>
  <si>
    <t>C:\Users\suelenmm\OneDrive - Grupo Algar\TIM\2017\Ganhamos\4ª Change - a ser enviada\BP Preço C010 B009 - TLE v16.2 - 60d - Cenario mantendo impostos e folha.xlsb\</t>
  </si>
  <si>
    <t>11/21/2019 21:55:49</t>
  </si>
  <si>
    <t>BP Preço C010 B009 - TLE v16.3.1 - 60d - Cenario mantendo folha + sup logística + fat b corrig - Início Ago-17.xlsb</t>
  </si>
  <si>
    <t>D:\21_11_2019 - PC ALGAR TECH\TIM\2017\Ganhamos\4ª Change - a ser enviada\BP Preço C010 B009 - TLE v16.3.1 - 60d - Cenario mantendo folha + sup logística + fat b corrig - Início Ago-17.xlsb</t>
  </si>
  <si>
    <t>C:\Users\suelenmm\OneDrive - Grupo Algar\TIM\2017\Ganhamos\4ª Change - a ser enviada\BP Preço C010 B009 - TLE v16.3.1 - 60d - Cenario mantendo folha + sup logística + fat b corrig - Início Ago-17.xlsb\</t>
  </si>
  <si>
    <t>11/21/2019 21:55:52</t>
  </si>
  <si>
    <t>BP Preço C010 B009 - TLE v16.3.1 - 60d - Cenario mantendo folha + sup logística - Início Ago-17.xlsb</t>
  </si>
  <si>
    <t>D:\21_11_2019 - PC ALGAR TECH\TIM\2017\Ganhamos\4ª Change - a ser enviada\BP Preço C010 B009 - TLE v16.3.1 - 60d - Cenario mantendo folha + sup logística - Início Ago-17.xlsb</t>
  </si>
  <si>
    <t>C:\Users\suelenmm\OneDrive - Grupo Algar\TIM\2017\Ganhamos\4ª Change - a ser enviada\BP Preço C010 B009 - TLE v16.3.1 - 60d - Cenario mantendo folha + sup logística - Início Ago-17.xlsb\</t>
  </si>
  <si>
    <t>11/21/2019 21:55:56</t>
  </si>
  <si>
    <t>BP Preço C010 B009 - TLE v16.3.1 - 60d - Cenario mantendo folha - Início Ago-17.xlsb</t>
  </si>
  <si>
    <t>D:\21_11_2019 - PC ALGAR TECH\TIM\2017\Ganhamos\4ª Change - a ser enviada\BP Preço C010 B009 - TLE v16.3.1 - 60d - Cenario mantendo folha - Início Ago-17.xlsb</t>
  </si>
  <si>
    <t>C:\Users\suelenmm\OneDrive - Grupo Algar\TIM\2017\Ganhamos\4ª Change - a ser enviada\BP Preço C010 B009 - TLE v16.3.1 - 60d - Cenario mantendo folha - Início Ago-17.xlsb\</t>
  </si>
  <si>
    <t>11/21/2019 21:55:59</t>
  </si>
  <si>
    <t>BP Preço C010 B009 - TLE v16.3.2 - 60d - Cenario mantendo folha + sup logística + fat b corrig - Início Set-17.xlsb</t>
  </si>
  <si>
    <t>D:\21_11_2019 - PC ALGAR TECH\TIM\2017\Ganhamos\4ª Change - a ser enviada\BP Preço C010 B009 - TLE v16.3.2 - 60d - Cenario mantendo folha + sup logística + fat b corrig - Início Set-17.xlsb</t>
  </si>
  <si>
    <t>C:\Users\suelenmm\OneDrive - Grupo Algar\TIM\2017\Ganhamos\4ª Change - a ser enviada\BP Preço C010 B009 - TLE v16.3.2 - 60d - Cenario mantendo folha + sup logística + fat b corrig - Início Set-17.xlsb\</t>
  </si>
  <si>
    <t>11/21/2019 21:56:02</t>
  </si>
  <si>
    <t>BP Preço C010 B009 - TLE v16.3.2 - 60d - Cenario mantendo folha + sup logística - Início Set-17.xlsb</t>
  </si>
  <si>
    <t>D:\21_11_2019 - PC ALGAR TECH\TIM\2017\Ganhamos\4ª Change - a ser enviada\BP Preço C010 B009 - TLE v16.3.2 - 60d - Cenario mantendo folha + sup logística - Início Set-17.xlsb</t>
  </si>
  <si>
    <t>C:\Users\suelenmm\OneDrive - Grupo Algar\TIM\2017\Ganhamos\4ª Change - a ser enviada\BP Preço C010 B009 - TLE v16.3.2 - 60d - Cenario mantendo folha + sup logística - Início Set-17.xlsb\</t>
  </si>
  <si>
    <t>11/21/2019 21:56:06</t>
  </si>
  <si>
    <t>BP Preço C010 B009 - TLE v16.3.2 - 60d - Cenario mantendo folha - Início Set-17.xlsb</t>
  </si>
  <si>
    <t>D:\21_11_2019 - PC ALGAR TECH\TIM\2017\Ganhamos\4ª Change - a ser enviada\BP Preço C010 B009 - TLE v16.3.2 - 60d - Cenario mantendo folha - Início Set-17.xlsb</t>
  </si>
  <si>
    <t>C:\Users\suelenmm\OneDrive - Grupo Algar\TIM\2017\Ganhamos\4ª Change - a ser enviada\BP Preço C010 B009 - TLE v16.3.2 - 60d - Cenario mantendo folha - Início Set-17.xlsb\</t>
  </si>
  <si>
    <t>11/21/2019 21:56:09</t>
  </si>
  <si>
    <t>BP Preço C010 B009 - TLE v16.4.1 - 60d - Cenario Final + sup logística + fat b corrig - Início Ago-17.xlsb</t>
  </si>
  <si>
    <t>D:\21_11_2019 - PC ALGAR TECH\TIM\2017\Ganhamos\4ª Change - a ser enviada\BP Preço C010 B009 - TLE v16.4.1 - 60d - Cenario Final + sup logística + fat b corrig - Início Ago-17.xlsb</t>
  </si>
  <si>
    <t>C:\Users\suelenmm\OneDrive - Grupo Algar\TIM\2017\Ganhamos\4ª Change - a ser enviada\BP Preço C010 B009 - TLE v16.4.1 - 60d - Cenario Final + sup logística + fat b corrig - Início Ago-17.xlsb\</t>
  </si>
  <si>
    <t>11/21/2019 21:56:12</t>
  </si>
  <si>
    <t>BP Preço C010 B009 - TLE v16.4.1 - 60d - Cenario Final + sup logística - Início Ago-17.xlsb</t>
  </si>
  <si>
    <t>D:\21_11_2019 - PC ALGAR TECH\TIM\2017\Ganhamos\4ª Change - a ser enviada\BP Preço C010 B009 - TLE v16.4.1 - 60d - Cenario Final + sup logística - Início Ago-17.xlsb</t>
  </si>
  <si>
    <t>C:\Users\suelenmm\OneDrive - Grupo Algar\TIM\2017\Ganhamos\4ª Change - a ser enviada\BP Preço C010 B009 - TLE v16.4.1 - 60d - Cenario Final + sup logística - Início Ago-17.xlsb\</t>
  </si>
  <si>
    <t>11/21/2019 21:56:15</t>
  </si>
  <si>
    <t>BP Preço C010 B009 - TLE v16.4.1 - 60d - Cenario Final - Início Ago-17.xlsb</t>
  </si>
  <si>
    <t>D:\21_11_2019 - PC ALGAR TECH\TIM\2017\Ganhamos\4ª Change - a ser enviada\BP Preço C010 B009 - TLE v16.4.1 - 60d - Cenario Final - Início Ago-17.xlsb</t>
  </si>
  <si>
    <t>C:\Users\suelenmm\OneDrive - Grupo Algar\TIM\2017\Ganhamos\4ª Change - a ser enviada\BP Preço C010 B009 - TLE v16.4.1 - 60d - Cenario Final - Início Ago-17.xlsb\</t>
  </si>
  <si>
    <t>11/21/2019 21:56:21</t>
  </si>
  <si>
    <t>BP Preço C010 B009 - TLE v16.4.2 - 60d - Cenario Final + sup logística + fat b corrig - Início Set-17.xlsb</t>
  </si>
  <si>
    <t>D:\21_11_2019 - PC ALGAR TECH\TIM\2017\Ganhamos\4ª Change - a ser enviada\BP Preço C010 B009 - TLE v16.4.2 - 60d - Cenario Final + sup logística + fat b corrig - Início Set-17.xlsb</t>
  </si>
  <si>
    <t>C:\Users\suelenmm\OneDrive - Grupo Algar\TIM\2017\Ganhamos\4ª Change - a ser enviada\BP Preço C010 B009 - TLE v16.4.2 - 60d - Cenario Final + sup logística + fat b corrig - Início Set-17.xlsb\</t>
  </si>
  <si>
    <t>11/21/2019 21:56:24</t>
  </si>
  <si>
    <t>BP Preço C010 B009 - TLE v16.4.2 - 60d - Cenario Final + sup logística - Início Set-17.xlsb</t>
  </si>
  <si>
    <t>D:\21_11_2019 - PC ALGAR TECH\TIM\2017\Ganhamos\4ª Change - a ser enviada\BP Preço C010 B009 - TLE v16.4.2 - 60d - Cenario Final + sup logística - Início Set-17.xlsb</t>
  </si>
  <si>
    <t>C:\Users\suelenmm\OneDrive - Grupo Algar\TIM\2017\Ganhamos\4ª Change - a ser enviada\BP Preço C010 B009 - TLE v16.4.2 - 60d - Cenario Final + sup logística - Início Set-17.xlsb\</t>
  </si>
  <si>
    <t>11/21/2019 21:56:28</t>
  </si>
  <si>
    <t>BP Preço C010 B009 - TLE v16.4.2 - 60d - Cenario Final - Início Set-17.xlsb</t>
  </si>
  <si>
    <t>D:\21_11_2019 - PC ALGAR TECH\TIM\2017\Ganhamos\4ª Change - a ser enviada\BP Preço C010 B009 - TLE v16.4.2 - 60d - Cenario Final - Início Set-17.xlsb</t>
  </si>
  <si>
    <t>C:\Users\suelenmm\OneDrive - Grupo Algar\TIM\2017\Ganhamos\4ª Change - a ser enviada\BP Preço C010 B009 - TLE v16.4.2 - 60d - Cenario Final - Início Set-17.xlsb\</t>
  </si>
  <si>
    <t>11/21/2019 21:56:32</t>
  </si>
  <si>
    <t>BP Preço C010 B009 - TLE v16.4.3 - 60d - Cenario Final Sem Adiantamento.xlsb</t>
  </si>
  <si>
    <t>D:\21_11_2019 - PC ALGAR TECH\TIM\2017\Ganhamos\4ª Change - a ser enviada\BP Preço C010 B009 - TLE v16.4.3 - 60d - Cenario Final Sem Adiantamento.xlsb</t>
  </si>
  <si>
    <t>C:\Users\suelenmm\OneDrive - Grupo Algar\TIM\2017\Ganhamos\4ª Change - a ser enviada\BP Preço C010 B009 - TLE v16.4.3 - 60d - Cenario Final Sem Adiantamento.xlsb\</t>
  </si>
  <si>
    <t>11/21/2019 21:56:35</t>
  </si>
  <si>
    <t>BP Preço C010 B009 - TLE v16.4.4 - 60d - Cenario Final Sem Adiantamento - Pagamento 30d.xlsb</t>
  </si>
  <si>
    <t>D:\21_11_2019 - PC ALGAR TECH\TIM\2017\Ganhamos\4ª Change - a ser enviada\BP Preço C010 B009 - TLE v16.4.4 - 60d - Cenario Final Sem Adiantamento - Pagamento 30d.xlsb</t>
  </si>
  <si>
    <t>C:\Users\suelenmm\OneDrive - Grupo Algar\TIM\2017\Ganhamos\4ª Change - a ser enviada\BP Preço C010 B009 - TLE v16.4.4 - 60d - Cenario Final Sem Adiantamento - Pagamento 30d.xlsb\</t>
  </si>
  <si>
    <t>11/21/2019 21:56:39</t>
  </si>
  <si>
    <t>BP Preço C010 B009 - TLE v16.5.1 - 60d - Cenario Final + sup logística + fat b corrig + 11 técnicos - Início Ago-17.xlsb</t>
  </si>
  <si>
    <t>D:\21_11_2019 - PC ALGAR TECH\TIM\2017\Ganhamos\4ª Change - a ser enviada\BP Preço C010 B009 - TLE v16.5.1 - 60d - Cenario Final + sup logística + fat b corrig + 11 técnicos - Início Ago-17.xlsb</t>
  </si>
  <si>
    <t>C:\Users\suelenmm\OneDrive - Grupo Algar\TIM\2017\Ganhamos\4ª Change - a ser enviada\BP Preço C010 B009 - TLE v16.5.1 - 60d - Cenario Final + sup logística + fat b corrig + 11 técnicos - Início Ago-17.xlsb\</t>
  </si>
  <si>
    <t>11/21/2019 21:56:43</t>
  </si>
  <si>
    <t>BP Preço C010 B009 - TLE v16.5.2 - 60d - Cenario Final + sup logística + fat b corrig + 11 técnicos + manut cnpj - Início Ago-17 - wacc 13.xlsb</t>
  </si>
  <si>
    <t>D:\21_11_2019 - PC ALGAR TECH\TIM\2017\Ganhamos\4ª Change - a ser enviada\BP Preço C010 B009 - TLE v16.5.2 - 60d - Cenario Final + sup logística + fat b corrig + 11 técnicos + manut cnpj - Início Ago-17 - wacc 13.xlsb</t>
  </si>
  <si>
    <t>C:\Users\suelenmm\OneDrive - Grupo Algar\TIM\2017\Ganhamos\4ª Change - a ser enviada\BP Preço C010 B009 - TLE v16.5.2 - 60d - Cenario Final + sup logística + fat b corrig + 11 técnicos + manut cnpj - Início Ago-17 - wacc 13.xlsb\</t>
  </si>
  <si>
    <t>11/21/2019 21:56:49</t>
  </si>
  <si>
    <t>BP Preço C010 B009 - TLE v16.5.2 - 60d - Cenario Final + sup logística + fat b corrig + 11 técnicos + manut cnpj - Início Ago-17 - wacc 16.6.xlsb</t>
  </si>
  <si>
    <t>D:\21_11_2019 - PC ALGAR TECH\TIM\2017\Ganhamos\4ª Change - a ser enviada\BP Preço C010 B009 - TLE v16.5.2 - 60d - Cenario Final + sup logística + fat b corrig + 11 técnicos + manut cnpj - Início Ago-17 - wacc 16.6.xlsb</t>
  </si>
  <si>
    <t>C:\Users\suelenmm\OneDrive - Grupo Algar\TIM\2017\Ganhamos\4ª Change - a ser enviada\BP Preço C010 B009 - TLE v16.5.2 - 60d - Cenario Final + sup logística + fat b corrig + 11 técnicos + manut cnpj - Início Ago-17 - wacc 16.6.xlsb\</t>
  </si>
  <si>
    <t>11/21/2019 21:56:51</t>
  </si>
  <si>
    <t>Logística FMM-FMT v16.1.xlsx</t>
  </si>
  <si>
    <t>D:\21_11_2019 - PC ALGAR TECH\TIM\2017\Ganhamos\4ª Change - a ser enviada\Logística FMM-FMT v16.1.xlsx</t>
  </si>
  <si>
    <t>11/21/2019 21:56:52</t>
  </si>
  <si>
    <t>Logística FMM-FMT v16.2.xlsx</t>
  </si>
  <si>
    <t>D:\21_11_2019 - PC ALGAR TECH\TIM\2017\Ganhamos\4ª Change - a ser enviada\Logística FMM-FMT v16.2.xlsx</t>
  </si>
  <si>
    <t>11/21/2019 21:56:54</t>
  </si>
  <si>
    <t>Logística FMM-FMT v16.3.xlsx</t>
  </si>
  <si>
    <t>D:\21_11_2019 - PC ALGAR TECH\TIM\2017\Ganhamos\4ª Change - a ser enviada\Logística FMM-FMT v16.3.xlsx</t>
  </si>
  <si>
    <t>11/21/2019 21:56:56</t>
  </si>
  <si>
    <t>D:\21_11_2019 - PC ALGAR TECH\TIM\2017\Ganhamos\4ª Change - a ser enviada\Logística FMM-FMT v16.4.xlsx</t>
  </si>
  <si>
    <t>11/21/2019 21:56:58</t>
  </si>
  <si>
    <t>Logística FMM-FMT v16.5.xlsx</t>
  </si>
  <si>
    <t>D:\21_11_2019 - PC ALGAR TECH\TIM\2017\Ganhamos\4ª Change - a ser enviada\Logística FMM-FMT v16.5.xlsx</t>
  </si>
  <si>
    <t>11/21/2019 21:57:03</t>
  </si>
  <si>
    <t>Orçamento Flavio.xlsb</t>
  </si>
  <si>
    <t>D:\21_11_2019 - PC ALGAR TECH\TIM\2017\Ganhamos\4ª Change - a ser enviada\Orçamento Flavio.xlsb</t>
  </si>
  <si>
    <t>C:\Users\suelenmm\OneDrive - Grupo Algar\TIM\2017\Ganhamos\4ª Change - a ser enviada\Orçamento Flavio.xlsb\</t>
  </si>
  <si>
    <t>11/21/2019 21:57:06</t>
  </si>
  <si>
    <t>C:\Users\suelenmm\OneDrive - Grupo Algar\TIM\2017\Ganhamos\4ª Change - a ser enviada\Vilarinho\</t>
  </si>
  <si>
    <t>D:\21_11_2019 - PC ALGAR TECH\TIM\2017\Ganhamos\4ª Change - a ser enviada\Vilarinho\BP Preço C010 B009 - TLE v13 - 36 meses - 60d + verticalização.xlsb</t>
  </si>
  <si>
    <t>C:\Users\suelenmm\OneDrive - Grupo Algar\TIM\2017\Ganhamos\4ª Change - a ser enviada\Vilarinho\BP Preço C010 B009 - TLE v13 - 36 meses - 60d + verticalização.xlsb\</t>
  </si>
  <si>
    <t>11/21/2019 21:57:10</t>
  </si>
  <si>
    <t>BP Preço C010 B009 - TLE v16.5.2 - 60d - Cenario Final - wacc 13.xlsb</t>
  </si>
  <si>
    <t>D:\21_11_2019 - PC ALGAR TECH\TIM\2017\Ganhamos\4ª Change - a ser enviada\Vilarinho\BP Preço C010 B009 - TLE v16.5.2 - 60d - Cenario Final - wacc 13.xlsb</t>
  </si>
  <si>
    <t>C:\Users\suelenmm\OneDrive - Grupo Algar\TIM\2017\Ganhamos\4ª Change - a ser enviada\Vilarinho\BP Preço C010 B009 - TLE v16.5.2 - 60d - Cenario Final - wacc 13.xlsb\</t>
  </si>
  <si>
    <t>11/21/2019 21:57:15</t>
  </si>
  <si>
    <t>BP Preço C010 B009 - TLE v16.5.2 - 60d - Cenario Final - wacc 16.6.xlsb</t>
  </si>
  <si>
    <t>D:\21_11_2019 - PC ALGAR TECH\TIM\2017\Ganhamos\4ª Change - a ser enviada\Vilarinho\BP Preço C010 B009 - TLE v16.5.2 - 60d - Cenario Final - wacc 16.6.xlsb</t>
  </si>
  <si>
    <t>C:\Users\suelenmm\OneDrive - Grupo Algar\TIM\2017\Ganhamos\4ª Change - a ser enviada\Vilarinho\BP Preço C010 B009 - TLE v16.5.2 - 60d - Cenario Final - wacc 16.6.xlsb\</t>
  </si>
  <si>
    <t>11/21/2019 21:57:18</t>
  </si>
  <si>
    <t>D:\21_11_2019 - PC ALGAR TECH\TIM\2017\Ganhamos\4ª Change - a ser enviada\Vilarinho\Logística FMM-FMT v16.5.xlsx</t>
  </si>
  <si>
    <t>11/21/2019 21:57:19</t>
  </si>
  <si>
    <t>C:\Users\suelenmm\OneDrive - Grupo Algar\TIM\2017\Ganhamos\Antigo\</t>
  </si>
  <si>
    <t>Logística FMM-FMT v14.xlsx</t>
  </si>
  <si>
    <t>D:\21_11_2019 - PC ALGAR TECH\TIM\2017\Ganhamos\Antigo\Logística FMM-FMT v14.xlsx</t>
  </si>
  <si>
    <t>11/21/2019 21:57:21</t>
  </si>
  <si>
    <t>C:\Users\suelenmm\OneDrive - Grupo Algar\TIM\2017\Ganhamos\Antigo\MG + BA-SE\</t>
  </si>
  <si>
    <t>Logística FMM-FMT v13 - Cenário Tech - 60 dias - BA-SE.xlsx</t>
  </si>
  <si>
    <t>D:\21_11_2019 - PC ALGAR TECH\TIM\2017\Ganhamos\Antigo\MG + BA-SE\Logística FMM-FMT v13 - Cenário Tech - 60 dias - BA-SE.xlsx</t>
  </si>
  <si>
    <t>11/21/2019 21:57:23</t>
  </si>
  <si>
    <t>Logística FMM-FMT v13 - Cenário Tech - 60 dias - MG.xlsx</t>
  </si>
  <si>
    <t>D:\21_11_2019 - PC ALGAR TECH\TIM\2017\Ganhamos\Antigo\MG + BA-SE\Logística FMM-FMT v13 - Cenário Tech - 60 dias - MG.xlsx</t>
  </si>
  <si>
    <t>11/21/2019 21:57:24</t>
  </si>
  <si>
    <t>C:\Users\suelenmm\OneDrive - Grupo Algar\TIM\2017\Ganhamos\Antigo\MG + BA-SE\Revisão 20-07\</t>
  </si>
  <si>
    <t>Logística FMM-FMT v15 - MG.xlsx</t>
  </si>
  <si>
    <t>D:\21_11_2019 - PC ALGAR TECH\TIM\2017\Ganhamos\Antigo\MG + BA-SE\Revisão 20-07\Logística FMM-FMT v15 - MG.xlsx</t>
  </si>
  <si>
    <t>11/21/2019 21:57:26</t>
  </si>
  <si>
    <t>D:\21_11_2019 - PC ALGAR TECH\TIM\2017\Ganhamos\Antigo\MG + BA-SE\Revisão 20-07\Logística FMM-FMT v15.xlsx</t>
  </si>
  <si>
    <t>11/21/2019 21:57:34</t>
  </si>
  <si>
    <t>C:\Users\suelenmm\OneDrive - Grupo Algar\TIM\CONTRATO\ANEXO 1.zip\ANEXO 1\18. ANEXO XVIII - ESPECIFICA€ÇO DOS SERVI€OS FMT - REVOPM - 291116.doc\</t>
  </si>
  <si>
    <t>D:\21_11_2019 - PC ALGAR TECH\TIM\CONTRATO\ANEXO 1.zip</t>
  </si>
  <si>
    <t>C:\Users\suelenmm\OneDrive - Grupo Algar\TIM\CONTRATO\ANEXO 1.zip\ANEXO 1\21. VERTICALIZA€ÇO - SERVI€O DE MANUT CAMPO PARA VSATS - 301116.doc\</t>
  </si>
  <si>
    <t>11/21/2019 21:57:35</t>
  </si>
  <si>
    <t>C:\Users\suelenmm\OneDrive - Grupo Algar\TIM\CONTRATO\ANEXO 2.zip\ANEXO 2\</t>
  </si>
  <si>
    <t>D:\21_11_2019 - PC ALGAR TECH\TIM\CONTRATO\ANEXO 2.zip</t>
  </si>
  <si>
    <t>11/21/2019 21:57:43</t>
  </si>
  <si>
    <t>C:\Users\suelenmm\OneDrive - Grupo Algar\TIM\CONTRATO\FMM FMT.zip\ANEXO 2\</t>
  </si>
  <si>
    <t>D:\21_11_2019 - PC ALGAR TECH\TIM\CONTRATO\FMM FMT.zip</t>
  </si>
  <si>
    <t>C:\Users\suelenmm\OneDrive - Grupo Algar\TIM\CONTRATO\FMM FMT.zip\ANEXO 1\18. ANEXO XVIII - ESPECIFICA€ÇO DOS SERVI€OS FMT - REVOPM - 291116.doc\</t>
  </si>
  <si>
    <t>C:\Users\suelenmm\OneDrive - Grupo Algar\TIM\CONTRATO\FMM FMT.zip\ANEXO 1\21. VERTICALIZA€ÇO - SERVI€O DE MANUT CAMPO PARA VSATS - 301116.doc\</t>
  </si>
  <si>
    <t>11/21/2019 21:57:53</t>
  </si>
  <si>
    <t>C:\Users\suelenmm\OneDrive - Grupo Algar\TIM\CONTRATO\ANEXO 1\18. ANEXO XVIII - ESPECIFICAÇÃO DOS SERVIÇOS FMT - REVOPM - 291116.doc\</t>
  </si>
  <si>
    <t>D:\21_11_2019 - PC ALGAR TECH\TIM\CONTRATO\ANEXO 1\18. ANEXO XVIII - ESPECIFICAÇÃO DOS SERVIÇOS FMT - REVOPM - 291116.doc</t>
  </si>
  <si>
    <t>11/21/2019 21:57:55</t>
  </si>
  <si>
    <t>C:\Users\suelenmm\OneDrive - Grupo Algar\TIM\CONTRATO\ANEXO 1\21. VERTICALIZAÇÃO - SERVIÇO DE MANUT CAMPO PARA VSATS - 301116.doc\</t>
  </si>
  <si>
    <t>D:\21_11_2019 - PC ALGAR TECH\TIM\CONTRATO\ANEXO 1\21. VERTICALIZAÇÃO - SERVIÇO DE MANUT CAMPO PARA VSATS - 301116.doc</t>
  </si>
  <si>
    <t>11/21/2019 21:57:56</t>
  </si>
  <si>
    <t>C:\Users\suelenmm\OneDrive - Grupo Algar\TIM\CONTRATO\ANEXO 2\</t>
  </si>
  <si>
    <t>FMM FMT TLE-NB-SUELENMM.xlsx</t>
  </si>
  <si>
    <t>D:\21_11_2019 - PC ALGAR TECH\TIM\CONTRATO\ANEXO 2\FMM FMT TLE-NB-SUELENMM.xlsx</t>
  </si>
  <si>
    <t>11/22/2019 08:52:35</t>
  </si>
  <si>
    <t>D:\21_11_2019 - PC ALGAR TECH\TIM\CONTRATO\ANEXO 2\FMM FMT TLE.xlsx</t>
  </si>
  <si>
    <t>11/21/2019 21:57:57</t>
  </si>
  <si>
    <t>D:\21_11_2019 - PC ALGAR TECH\TIM\CONTRATO\ANEXO 2\LPU TARGET FATURA B FMM.xlsx</t>
  </si>
  <si>
    <t>D:\21_11_2019 - PC ALGAR TECH\TIM\CONTRATO\ANEXO 2\LPU TARGET FATURA B FMT.xlsx</t>
  </si>
  <si>
    <t>D:\21_11_2019 - PC ALGAR TECH\TIM\CONTRATO\ANEXO 2\LPU TARGET GMG.xls</t>
  </si>
  <si>
    <t>D:\21_11_2019 - PC ALGAR TECH\TIM\CONTRATO\ANEXO 2\LPU TARGET INSTALACAO DE COW.xlsx</t>
  </si>
  <si>
    <t>D:\21_11_2019 - PC ALGAR TECH\TIM\CONTRATO\ANEXO 2\LPU TARGET SEGURANCA DE SITES.xlsx</t>
  </si>
  <si>
    <t>D:\21_11_2019 - PC ALGAR TECH\TIM\CONTRATO\ANEXO 2\LPU TARGET VSAT TIM.xls</t>
  </si>
  <si>
    <t>D:\21_11_2019 - PC ALGAR TECH\TIM\FMM-FMT 25-05\19. ANEXO XIX - LPU SERVIÇOS - FATURA A FMT - REVRGA 24052017.xlsx</t>
  </si>
  <si>
    <t>11/21/2019 21:57:58</t>
  </si>
  <si>
    <t>D:\21_11_2019 - PC ALGAR TECH\TIM\FMM-FMT 25-05\8 ANEXO VIII FATURAS A_B FMM - REVOPM24052017 - COMPARATIVO.xls</t>
  </si>
  <si>
    <t>D:\21_11_2019 - PC ALGAR TECH\TIM\FMM-FMT 25-05\8 ANEXO VIII FATURAS A_B FMM - REVOPM24052017.xls</t>
  </si>
  <si>
    <t>D:\21_11_2019 - PC ALGAR TECH\TIM\FMM-FMT 25-05\LPU LOCAÇÃO DE GMG - FMM - Fatura A_1.xls</t>
  </si>
  <si>
    <t>C:\Users\suelenmm\OneDrive - Grupo Algar\TIM\FMM-FMT 25-05\ESCLARECIMENTOS\</t>
  </si>
  <si>
    <t>Alterações.xlsx</t>
  </si>
  <si>
    <t>D:\21_11_2019 - PC ALGAR TECH\TIM\FMM-FMT 25-05\ESCLARECIMENTOS\Alterações.xlsx</t>
  </si>
  <si>
    <t>D:\21_11_2019 - PC ALGAR TECH\TIM\FMM-FMT 25-05\ESCLARECIMENTOS\LPU COW.xlsx</t>
  </si>
  <si>
    <t>D:\21_11_2019 - PC ALGAR TECH\TIM\FMM-FMT 25-05\ESCLARECIMENTOS\LPU FATURA A FMT.xlsx</t>
  </si>
  <si>
    <t>D:\21_11_2019 - PC ALGAR TECH\TIM\FMM-FMT 25-05\ESCLARECIMENTOS\LPU FATURA B FMT.xlsx</t>
  </si>
  <si>
    <t>D:\21_11_2019 - PC ALGAR TECH\TIM\FMM-FMT 25-05\ESCLARECIMENTOS\LPU FMM FATURA B MATERIAIS.xls</t>
  </si>
  <si>
    <t>D:\21_11_2019 - PC ALGAR TECH\TIM\FMM-FMT 25-05\ESCLARECIMENTOS\LPU GMG.xls</t>
  </si>
  <si>
    <t>11/21/2019 21:57:59</t>
  </si>
  <si>
    <t>D:\21_11_2019 - PC ALGAR TECH\TIM\FMM-FMT 25-05\ESCLARECIMENTOS\LPU SEGURANCA.xlsx</t>
  </si>
  <si>
    <t>D:\21_11_2019 - PC ALGAR TECH\TIM\FMM-FMT 25-05\ESCLARECIMENTOS\LPU VSAT.xls</t>
  </si>
  <si>
    <t>C:\Users\suelenmm\OneDrive - Grupo Algar\TIM\FMM-FMT 25-05\NOVAS LPUs\</t>
  </si>
  <si>
    <t>19. ANEXO XIX - LPU SERVIÇOS - FATURA A FMT - REVRGA 24052017 (1).xlsx</t>
  </si>
  <si>
    <t>D:\21_11_2019 - PC ALGAR TECH\TIM\FMM-FMT 25-05\NOVAS LPUs\19. ANEXO XIX - LPU SERVIÇOS - FATURA A FMT - REVRGA 24052017 (1).xlsx</t>
  </si>
  <si>
    <t>20. ANEXO XX - LPU SERVIÇOS E MATERIAIS - FATURA B FMT - REVOPM - 231116.xlsx</t>
  </si>
  <si>
    <t>D:\21_11_2019 - PC ALGAR TECH\TIM\FMM-FMT 25-05\NOVAS LPUs\20. ANEXO XX - LPU SERVIÇOS E MATERIAIS - FATURA B FMT - REVOPM - 231116.xlsx</t>
  </si>
  <si>
    <t>8 ANEXO VIII FATURAS A_B FMM - REVOPM24052017 (1).xls</t>
  </si>
  <si>
    <t>D:\21_11_2019 - PC ALGAR TECH\TIM\FMM-FMT 25-05\NOVAS LPUs\8 ANEXO VIII FATURAS A_B FMM - REVOPM24052017 (1).xls</t>
  </si>
  <si>
    <t>II - LPU FMM FATURA A E FATURA B_1.xls</t>
  </si>
  <si>
    <t>D:\21_11_2019 - PC ALGAR TECH\TIM\FMM-FMT 25-05\NOVAS LPUs\II - LPU FMM FATURA A E FATURA B_1.xls</t>
  </si>
  <si>
    <t>LPU LOCAÇÃO DE GMG - FMM - Fatura A_1 (1).xls</t>
  </si>
  <si>
    <t>D:\21_11_2019 - PC ALGAR TECH\TIM\FMM-FMT 25-05\NOVAS LPUs\LPU LOCAÇÃO DE GMG - FMM - Fatura A_1 (1).xls</t>
  </si>
  <si>
    <t>VERTICALIZAÇÃO - ADEQUAÇÃO SEGURANÇA EM EQUIPAMENTOS E SITES - LPU - 010217.xlsx</t>
  </si>
  <si>
    <t>D:\21_11_2019 - PC ALGAR TECH\TIM\FMM-FMT 25-05\NOVAS LPUs\VERTICALIZAÇÃO - ADEQUAÇÃO SEGURANÇA EM EQUIPAMENTOS E SITES - LPU - 010217.xlsx</t>
  </si>
  <si>
    <t>VERTICALIZAÇÃO - SERVIÇO DE INSTALAÇÃO DE SITES TRANSPORTÁVEIS - LPU - 010816.xlsx</t>
  </si>
  <si>
    <t>D:\21_11_2019 - PC ALGAR TECH\TIM\FMM-FMT 25-05\NOVAS LPUs\VERTICALIZAÇÃO - SERVIÇO DE INSTALAÇÃO DE SITES TRANSPORTÁVEIS - LPU - 010816.xlsx</t>
  </si>
  <si>
    <t>VERTICALIZAÇÃO - SERVIÇO DE MANUT CAMPO PARA VSATS - LPU - 301116.xls</t>
  </si>
  <si>
    <t>D:\21_11_2019 - PC ALGAR TECH\TIM\FMM-FMT 25-05\NOVAS LPUs\VERTICALIZAÇÃO - SERVIÇO DE MANUT CAMPO PARA VSATS - LPU - 301116.xls</t>
  </si>
  <si>
    <t>11/21/2019 21:58:03</t>
  </si>
  <si>
    <t>C:\Users\suelenmm\OneDrive - Grupo Algar\TIM\FMM-FMT RASCUNHO\</t>
  </si>
  <si>
    <t>BP Preço C009 B009 - TLE v3.xlsb</t>
  </si>
  <si>
    <t>D:\21_11_2019 - PC ALGAR TECH\TIM\FMM-FMT RASCUNHO\BP Preço C009 B009 - TLE v3.xlsb</t>
  </si>
  <si>
    <t>C:\Users\suelenmm\OneDrive - Grupo Algar\TIM\FMM-FMT RASCUNHO\BP Preço C009 B009 - TLE v3.xlsb\</t>
  </si>
  <si>
    <t>11/21/2019 21:58:06</t>
  </si>
  <si>
    <t>BP Preço C009 B009 - TLE.xlsb</t>
  </si>
  <si>
    <t>D:\21_11_2019 - PC ALGAR TECH\TIM\FMM-FMT RASCUNHO\BP Preço C009 B009 - TLE.xlsb</t>
  </si>
  <si>
    <t>C:\Users\suelenmm\OneDrive - Grupo Algar\TIM\FMM-FMT RASCUNHO\BP Preço C009 B009 - TLE.xlsb\</t>
  </si>
  <si>
    <t>11/21/2019 21:58:11</t>
  </si>
  <si>
    <t>BP Preço C009 B009 - TSP v3.xlsb</t>
  </si>
  <si>
    <t>D:\21_11_2019 - PC ALGAR TECH\TIM\FMM-FMT RASCUNHO\BP Preço C009 B009 - TSP v3.xlsb</t>
  </si>
  <si>
    <t>C:\Users\suelenmm\OneDrive - Grupo Algar\TIM\FMM-FMT RASCUNHO\BP Preço C009 B009 - TSP v3.xlsb\</t>
  </si>
  <si>
    <t>11/21/2019 21:58:14</t>
  </si>
  <si>
    <t>BP Preço C009 B009 - TSP.xlsb</t>
  </si>
  <si>
    <t>D:\21_11_2019 - PC ALGAR TECH\TIM\FMM-FMT RASCUNHO\BP Preço C009 B009 - TSP.xlsb</t>
  </si>
  <si>
    <t>C:\Users\suelenmm\OneDrive - Grupo Algar\TIM\FMM-FMT RASCUNHO\BP Preço C009 B009 - TSP.xlsb\</t>
  </si>
  <si>
    <t>11/21/2019 21:58:18</t>
  </si>
  <si>
    <t>BP Preço C010 B009 - TLE v5 - 36 meses - rampa certa.xlsb</t>
  </si>
  <si>
    <t>D:\21_11_2019 - PC ALGAR TECH\TIM\FMM-FMT RASCUNHO\BP Preço C010 B009 - TLE v5 - 36 meses - rampa certa.xlsb</t>
  </si>
  <si>
    <t>C:\Users\suelenmm\OneDrive - Grupo Algar\TIM\FMM-FMT RASCUNHO\BP Preço C010 B009 - TLE v5 - 36 meses - rampa certa.xlsb\</t>
  </si>
  <si>
    <t>11/21/2019 21:58:19</t>
  </si>
  <si>
    <t>COMMAND CENTER - BP Preço C009 B009.xlsb</t>
  </si>
  <si>
    <t>D:\21_11_2019 - PC ALGAR TECH\TIM\FMM-FMT RASCUNHO\COMMAND CENTER - BP Preço C009 B009.xlsb</t>
  </si>
  <si>
    <t>C:\Users\suelenmm\OneDrive - Grupo Algar\TIM\FMM-FMT RASCUNHO\COMMAND CENTER - BP Preço C009 B009.xlsb\</t>
  </si>
  <si>
    <t>11/21/2019 21:58:20</t>
  </si>
  <si>
    <t>Logística FMM-FMT v2.xlsx</t>
  </si>
  <si>
    <t>D:\21_11_2019 - PC ALGAR TECH\TIM\FMM-FMT RASCUNHO\Logística FMM-FMT v2.xlsx</t>
  </si>
  <si>
    <t>Logística FMM-FMT v3.xlsx</t>
  </si>
  <si>
    <t>D:\21_11_2019 - PC ALGAR TECH\TIM\FMM-FMT RASCUNHO\Logística FMM-FMT v3.xlsx</t>
  </si>
  <si>
    <t>11/21/2019 21:58:21</t>
  </si>
  <si>
    <t>C:\Users\suelenmm\OneDrive - Grupo Algar\TIM\FMM-FMT RASCUNHO\TIM 19-05\</t>
  </si>
  <si>
    <t>D:\21_11_2019 - PC ALGAR TECH\TIM\FMM-FMT RASCUNHO\TIM 19-05\Logística FMM-FMT v5.xlsx</t>
  </si>
  <si>
    <t>11/21/2019 21:58:22</t>
  </si>
  <si>
    <t>D:\21_11_2019 - PC ALGAR TECH\TIM\FMM-FMT RASCUNHO\TIM 19-05\Resumo Cenários TIM.xlsx</t>
  </si>
  <si>
    <t>11/21/2019 21:58:27</t>
  </si>
  <si>
    <t>C:\Users\suelenmm\OneDrive - Grupo Algar\TIM\FMM-FMT RASCUNHO\TIM 19-05\TLE\</t>
  </si>
  <si>
    <t>D:\21_11_2019 - PC ALGAR TECH\TIM\FMM-FMT RASCUNHO\TIM 19-05\TLE\BP Preço C010 B009 - TLE v5 - 12 meses.xlsb</t>
  </si>
  <si>
    <t>C:\Users\suelenmm\OneDrive - Grupo Algar\TIM\FMM-FMT RASCUNHO\TIM 19-05\TLE\BP Preço C010 B009 - TLE v5 - 12 meses.xlsb\</t>
  </si>
  <si>
    <t>11/21/2019 21:58:31</t>
  </si>
  <si>
    <t>D:\21_11_2019 - PC ALGAR TECH\TIM\FMM-FMT RASCUNHO\TIM 19-05\TLE\BP Preço C010 B009 - TLE v5 - 24 meses.xlsb</t>
  </si>
  <si>
    <t>C:\Users\suelenmm\OneDrive - Grupo Algar\TIM\FMM-FMT RASCUNHO\TIM 19-05\TLE\BP Preço C010 B009 - TLE v5 - 24 meses.xlsb\</t>
  </si>
  <si>
    <t>11/21/2019 21:58:35</t>
  </si>
  <si>
    <t>BP Preço C010 B009 - TLE v5 - 36 meses.xlsb</t>
  </si>
  <si>
    <t>D:\21_11_2019 - PC ALGAR TECH\TIM\FMM-FMT RASCUNHO\TIM 19-05\TLE\BP Preço C010 B009 - TLE v5 - 36 meses.xlsb</t>
  </si>
  <si>
    <t>C:\Users\suelenmm\OneDrive - Grupo Algar\TIM\FMM-FMT RASCUNHO\TIM 19-05\TLE\BP Preço C010 B009 - TLE v5 - 36 meses.xlsb\</t>
  </si>
  <si>
    <t>11/21/2019 21:58:37</t>
  </si>
  <si>
    <t>C:\Users\suelenmm\OneDrive - Grupo Algar\TIM\FMM-FMT RASCUNHO\TIM 19-05\TLE\Rascunho\</t>
  </si>
  <si>
    <t>D:\21_11_2019 - PC ALGAR TECH\TIM\FMM-FMT RASCUNHO\TIM 19-05\TLE\Rascunho\BP Preço C010 B009 - TLE v5 - 36 meses - proporcao terceiros.xlsb</t>
  </si>
  <si>
    <t>C:\Users\suelenmm\OneDrive - Grupo Algar\TIM\FMM-FMT RASCUNHO\TIM 19-05\TLE\Rascunho\BP Preço C010 B009 - TLE v5 - 36 meses - proporcao terceiros.xlsb\</t>
  </si>
  <si>
    <t>11/21/2019 21:58:40</t>
  </si>
  <si>
    <t>C:\Users\suelenmm\OneDrive - Grupo Algar\TIM\FMM-FMT RASCUNHO\TIM 19-05\TNO\</t>
  </si>
  <si>
    <t>D:\21_11_2019 - PC ALGAR TECH\TIM\FMM-FMT RASCUNHO\TIM 19-05\TNO\BP Preço C010 B009 - TNO v5 - 12 meses.xlsb</t>
  </si>
  <si>
    <t>C:\Users\suelenmm\OneDrive - Grupo Algar\TIM\FMM-FMT RASCUNHO\TIM 19-05\TNO\BP Preço C010 B009 - TNO v5 - 12 meses.xlsb\</t>
  </si>
  <si>
    <t>11/21/2019 21:58:43</t>
  </si>
  <si>
    <t>D:\21_11_2019 - PC ALGAR TECH\TIM\FMM-FMT RASCUNHO\TIM 19-05\TNO\BP Preço C010 B009 - TNO v5 - 24 meses.xlsb</t>
  </si>
  <si>
    <t>C:\Users\suelenmm\OneDrive - Grupo Algar\TIM\FMM-FMT RASCUNHO\TIM 19-05\TNO\BP Preço C010 B009 - TNO v5 - 24 meses.xlsb\</t>
  </si>
  <si>
    <t>11/21/2019 21:58:45</t>
  </si>
  <si>
    <t>D:\21_11_2019 - PC ALGAR TECH\TIM\FMM-FMT RASCUNHO\TIM 19-05\TNO\BP Preço C010 B009 - TNO v5 - 36 meses.xlsb</t>
  </si>
  <si>
    <t>C:\Users\suelenmm\OneDrive - Grupo Algar\TIM\FMM-FMT RASCUNHO\TIM 19-05\TNO\BP Preço C010 B009 - TNO v5 - 36 meses.xlsb\</t>
  </si>
  <si>
    <t>11/21/2019 21:58:48</t>
  </si>
  <si>
    <t>C:\Users\suelenmm\OneDrive - Grupo Algar\TIM\FMM-FMT RASCUNHO\TIM 19-05\TSP\</t>
  </si>
  <si>
    <t>D:\21_11_2019 - PC ALGAR TECH\TIM\FMM-FMT RASCUNHO\TIM 19-05\TSP\BP Preço C010 B009 - TSP v5 - 12 meses.xlsb</t>
  </si>
  <si>
    <t>C:\Users\suelenmm\OneDrive - Grupo Algar\TIM\FMM-FMT RASCUNHO\TIM 19-05\TSP\BP Preço C010 B009 - TSP v5 - 12 meses.xlsb\</t>
  </si>
  <si>
    <t>11/21/2019 21:58:50</t>
  </si>
  <si>
    <t>D:\21_11_2019 - PC ALGAR TECH\TIM\FMM-FMT RASCUNHO\TIM 19-05\TSP\BP Preço C010 B009 - TSP v5 - 24 meses.xlsb</t>
  </si>
  <si>
    <t>C:\Users\suelenmm\OneDrive - Grupo Algar\TIM\FMM-FMT RASCUNHO\TIM 19-05\TSP\BP Preço C010 B009 - TSP v5 - 24 meses.xlsb\</t>
  </si>
  <si>
    <t>11/21/2019 21:58:53</t>
  </si>
  <si>
    <t>D:\21_11_2019 - PC ALGAR TECH\TIM\FMM-FMT RASCUNHO\TIM 19-05\TSP\BP Preço C010 B009 - TSP v5 - 36 meses.xlsb</t>
  </si>
  <si>
    <t>C:\Users\suelenmm\OneDrive - Grupo Algar\TIM\FMM-FMT RASCUNHO\TIM 19-05\TSP\BP Preço C010 B009 - TSP v5 - 36 meses.xlsb\</t>
  </si>
  <si>
    <t>11/21/2019 21:58:56</t>
  </si>
  <si>
    <t>C:\Users\suelenmm\OneDrive - Grupo Algar\TIM\FMM-FMT RASCUNHO\v4 - + lucro economico corrigido\</t>
  </si>
  <si>
    <t>BP Preço C009 B009 - TLE v4.xlsb</t>
  </si>
  <si>
    <t>D:\21_11_2019 - PC ALGAR TECH\TIM\FMM-FMT RASCUNHO\v4 - + lucro economico corrigido\BP Preço C009 B009 - TLE v4.xlsb</t>
  </si>
  <si>
    <t>C:\Users\suelenmm\OneDrive - Grupo Algar\TIM\FMM-FMT RASCUNHO\v4 - + lucro economico corrigido\BP Preço C009 B009 - TLE v4.xlsb\</t>
  </si>
  <si>
    <t>11/21/2019 21:58:59</t>
  </si>
  <si>
    <t>BP Preço C009 B009 - TSP v4.xlsb</t>
  </si>
  <si>
    <t>D:\21_11_2019 - PC ALGAR TECH\TIM\FMM-FMT RASCUNHO\v4 - + lucro economico corrigido\BP Preço C009 B009 - TSP v4.xlsb</t>
  </si>
  <si>
    <t>C:\Users\suelenmm\OneDrive - Grupo Algar\TIM\FMM-FMT RASCUNHO\v4 - + lucro economico corrigido\BP Preço C009 B009 - TSP v4.xlsb\</t>
  </si>
  <si>
    <t>11/21/2019 21:59:01</t>
  </si>
  <si>
    <t>Logística FMM-FMT v4.xlsx</t>
  </si>
  <si>
    <t>D:\21_11_2019 - PC ALGAR TECH\TIM\FMM-FMT RASCUNHO\v4 - + lucro economico corrigido\Logística FMM-FMT v4.xlsx</t>
  </si>
  <si>
    <t>11/21/2019 21:59:03</t>
  </si>
  <si>
    <t>C:\Users\suelenmm\OneDrive - Grupo Algar\TIM\FMM-FMT RASCUNHO\v5 - C010 B009\</t>
  </si>
  <si>
    <t>D:\21_11_2019 - PC ALGAR TECH\TIM\FMM-FMT RASCUNHO\v5 - C010 B009\BP Preço C010 B009 - TLE v5 - 12 meses.xlsb</t>
  </si>
  <si>
    <t>C:\Users\suelenmm\OneDrive - Grupo Algar\TIM\FMM-FMT RASCUNHO\v5 - C010 B009\BP Preço C010 B009 - TLE v5 - 12 meses.xlsb\</t>
  </si>
  <si>
    <t>11/21/2019 21:59:05</t>
  </si>
  <si>
    <t>D:\21_11_2019 - PC ALGAR TECH\TIM\FMM-FMT RASCUNHO\v5 - C010 B009\BP Preço C010 B009 - TLE v5 - 24 meses.xlsb</t>
  </si>
  <si>
    <t>C:\Users\suelenmm\OneDrive - Grupo Algar\TIM\FMM-FMT RASCUNHO\v5 - C010 B009\BP Preço C010 B009 - TLE v5 - 24 meses.xlsb\</t>
  </si>
  <si>
    <t>11/21/2019 21:59:08</t>
  </si>
  <si>
    <t>D:\21_11_2019 - PC ALGAR TECH\TIM\FMM-FMT RASCUNHO\v5 - C010 B009\BP Preço C010 B009 - TLE v5 - 36 meses.xlsb</t>
  </si>
  <si>
    <t>C:\Users\suelenmm\OneDrive - Grupo Algar\TIM\FMM-FMT RASCUNHO\v5 - C010 B009\BP Preço C010 B009 - TLE v5 - 36 meses.xlsb\</t>
  </si>
  <si>
    <t>11/21/2019 21:59:10</t>
  </si>
  <si>
    <t>D:\21_11_2019 - PC ALGAR TECH\TIM\FMM-FMT RASCUNHO\v5 - C010 B009\BP Preço C010 B009 - TNO v5 - 12 meses.xlsb</t>
  </si>
  <si>
    <t>C:\Users\suelenmm\OneDrive - Grupo Algar\TIM\FMM-FMT RASCUNHO\v5 - C010 B009\BP Preço C010 B009 - TNO v5 - 12 meses.xlsb\</t>
  </si>
  <si>
    <t>11/21/2019 21:59:12</t>
  </si>
  <si>
    <t>D:\21_11_2019 - PC ALGAR TECH\TIM\FMM-FMT RASCUNHO\v5 - C010 B009\BP Preço C010 B009 - TNO v5 - 24 meses.xlsb</t>
  </si>
  <si>
    <t>C:\Users\suelenmm\OneDrive - Grupo Algar\TIM\FMM-FMT RASCUNHO\v5 - C010 B009\BP Preço C010 B009 - TNO v5 - 24 meses.xlsb\</t>
  </si>
  <si>
    <t>11/21/2019 21:59:15</t>
  </si>
  <si>
    <t>D:\21_11_2019 - PC ALGAR TECH\TIM\FMM-FMT RASCUNHO\v5 - C010 B009\BP Preço C010 B009 - TNO v5 - 36 meses.xlsb</t>
  </si>
  <si>
    <t>C:\Users\suelenmm\OneDrive - Grupo Algar\TIM\FMM-FMT RASCUNHO\v5 - C010 B009\BP Preço C010 B009 - TNO v5 - 36 meses.xlsb\</t>
  </si>
  <si>
    <t>11/21/2019 21:59:18</t>
  </si>
  <si>
    <t>BP Preço C010 B009 - TSP v5 - 12 meses c.xlsb</t>
  </si>
  <si>
    <t>D:\21_11_2019 - PC ALGAR TECH\TIM\FMM-FMT RASCUNHO\v5 - C010 B009\BP Preço C010 B009 - TSP v5 - 12 meses c.xlsb</t>
  </si>
  <si>
    <t>C:\Users\suelenmm\OneDrive - Grupo Algar\TIM\FMM-FMT RASCUNHO\v5 - C010 B009\BP Preço C010 B009 - TSP v5 - 12 meses c.xlsb\</t>
  </si>
  <si>
    <t>11/21/2019 21:59:21</t>
  </si>
  <si>
    <t>D:\21_11_2019 - PC ALGAR TECH\TIM\FMM-FMT RASCUNHO\v5 - C010 B009\BP Preço C010 B009 - TSP v5 - 24 meses.xlsb</t>
  </si>
  <si>
    <t>C:\Users\suelenmm\OneDrive - Grupo Algar\TIM\FMM-FMT RASCUNHO\v5 - C010 B009\BP Preço C010 B009 - TSP v5 - 24 meses.xlsb\</t>
  </si>
  <si>
    <t>11/21/2019 21:59:24</t>
  </si>
  <si>
    <t>D:\21_11_2019 - PC ALGAR TECH\TIM\FMM-FMT RASCUNHO\v5 - C010 B009\BP Preço C010 B009 - TSP v5 - 36 meses.xlsb</t>
  </si>
  <si>
    <t>C:\Users\suelenmm\OneDrive - Grupo Algar\TIM\FMM-FMT RASCUNHO\v5 - C010 B009\BP Preço C010 B009 - TSP v5 - 36 meses.xlsb\</t>
  </si>
  <si>
    <t>11/21/2019 21:59:25</t>
  </si>
  <si>
    <t>D:\21_11_2019 - PC ALGAR TECH\TIM\FMM-FMT RASCUNHO\v5 - C010 B009\Logística FMM-FMT v5.xlsx</t>
  </si>
  <si>
    <t>11/21/2019 21:59:28</t>
  </si>
  <si>
    <t>C:\Users\suelenmm\OneDrive - Grupo Algar\TIM\FMM-FMT RASCUNHO\v5 - C010 B009\Antigo\</t>
  </si>
  <si>
    <t>BP Preço C010 B009 - TSP v5.1.xlsb</t>
  </si>
  <si>
    <t>D:\21_11_2019 - PC ALGAR TECH\TIM\FMM-FMT RASCUNHO\v5 - C010 B009\Antigo\BP Preço C010 B009 - TSP v5.1.xlsb</t>
  </si>
  <si>
    <t>C:\Users\suelenmm\OneDrive - Grupo Algar\TIM\FMM-FMT RASCUNHO\v5 - C010 B009\Antigo\BP Preço C010 B009 - TSP v5.1.xlsb\</t>
  </si>
  <si>
    <t>C:\Users\suelenmm\OneDrive - Grupo Algar\TIM\LPUs TIM Atuais\</t>
  </si>
  <si>
    <t>D:\21_11_2019 - PC ALGAR TECH\TIM\LPUs TIM Atuais\13 - B2 - FATURA B - LPU FMM INFRA CO-NE - REV 03.xlsx</t>
  </si>
  <si>
    <t>D:\21_11_2019 - PC ALGAR TECH\TIM\LPUs TIM Atuais\II ANEXO II - LPU B1 - FATURA B - LPU FMM CO_NE_TLE - FAT B - APENDICE B.xls</t>
  </si>
  <si>
    <t>D:\21_11_2019 - PC ALGAR TECH\TIM\LPUs TIM Atuais\II ANEXO II - LPU B2 - FATURA B - LPU FMM INFRA FM TIM CO_NE - FAT B - APENDICE A.xls</t>
  </si>
  <si>
    <t>D:\21_11_2019 - PC ALGAR TECH\TIM\LPUs TIM Atuais\LPU FATURA B FMT.xlsx</t>
  </si>
  <si>
    <t>11/21/2019 21:59:51</t>
  </si>
  <si>
    <t>C:\Users\suelenmm\OneDrive - Grupo Algar\TIM\LPUs TIM Atuais\OK\</t>
  </si>
  <si>
    <t>LPU BACK BONE ENGESET - NET PRICE - versão com novas localidades sem revisao SLA negociado.xlsx</t>
  </si>
  <si>
    <t>D:\21_11_2019 - PC ALGAR TECH\TIM\LPUs TIM Atuais\OK\LPU BACK BONE ENGESET - NET PRICE - versão com novas localidades sem revisao SLA negociado.xlsx</t>
  </si>
  <si>
    <t>11/21/2019 22:00:07</t>
  </si>
  <si>
    <t>LPU BACK BONE ENGESET - NET PRICE.xlsx</t>
  </si>
  <si>
    <t>D:\21_11_2019 - PC ALGAR TECH\TIM\LPUs TIM Atuais\OK\LPU BACK BONE ENGESET - NET PRICE.xlsx</t>
  </si>
  <si>
    <t>11/21/2019 22:00:08</t>
  </si>
  <si>
    <t>LPU ENGESET - ACEITAÇÃO DE SITES NET PRICE.xlsx</t>
  </si>
  <si>
    <t>D:\21_11_2019 - PC ALGAR TECH\TIM\LPUs TIM Atuais\OK\LPU ENGESET - ACEITAÇÃO DE SITES NET PRICE.xlsx</t>
  </si>
  <si>
    <t>D:\21_11_2019 - PC ALGAR TECH\TIM\LPUs TIM Atuais\OK\LPU ENGESET FMM&amp;FMT.xlsx</t>
  </si>
  <si>
    <t>LPU ENGESET MANUTENÇÃO TIM FIBER SP.xlsx</t>
  </si>
  <si>
    <t>D:\21_11_2019 - PC ALGAR TECH\TIM\LPUs TIM Atuais\OK\LPU ENGESET MANUTENÇÃO TIM FIBER SP.xlsx</t>
  </si>
  <si>
    <t>TIM - Novas Localidades - consolidadas.xlsx</t>
  </si>
  <si>
    <t>D:\21_11_2019 - PC ALGAR TECH\TIM\LPUs TIM Atuais\OK\TIM - Novas Localidades - consolidadas.xlsx</t>
  </si>
  <si>
    <t>C:\Users\suelenmm\OneDrive - Grupo Algar\TIM\Pendências Rogério\</t>
  </si>
  <si>
    <t>Cópia de Relação de Associados TIM.xlsx</t>
  </si>
  <si>
    <t>D:\21_11_2019 - PC ALGAR TECH\TIM\Pendências Rogério\Cópia de Relação de Associados TIM.xlsx</t>
  </si>
  <si>
    <t>PRATICABILIDADE FMM _ FMT_FO.xls</t>
  </si>
  <si>
    <t>D:\21_11_2019 - PC ALGAR TECH\TIM\Pendências Rogério\PRATICABILIDADE FMM _ FMT_FO.xls</t>
  </si>
  <si>
    <t>11/21/2019 22:00:16</t>
  </si>
  <si>
    <t>C:\Users\suelenmm\OneDrive - Grupo Algar\TIM\TARGET TIM\LPUs aceitas.zip\LPUs aceitas\</t>
  </si>
  <si>
    <t>D:\21_11_2019 - PC ALGAR TECH\TIM\TARGET TIM\LPUs aceitas.zip</t>
  </si>
  <si>
    <t>11/21/2019 22:00:15</t>
  </si>
  <si>
    <t>C:\Users\suelenmm\OneDrive - Grupo Algar\TIM\Pendências Rogério\RES Localidade Não remuneradas.msg\s186\</t>
  </si>
  <si>
    <t>D:\21_11_2019 - PC ALGAR TECH\TIM\Pendências Rogério\RES Localidade Não remuneradas.msg</t>
  </si>
  <si>
    <t>C:\Users\suelenmm\OneDrive - Grupo Algar\TIM\TARGET TIM\LPUs aceitas\</t>
  </si>
  <si>
    <t>D:\21_11_2019 - PC ALGAR TECH\TIM\TARGET TIM\LPUs aceitas\FMM FMT TLE.xlsx</t>
  </si>
  <si>
    <t>D:\21_11_2019 - PC ALGAR TECH\TIM\TARGET TIM\LPUs aceitas\LPU TARGET FATURA B FMM.xlsx</t>
  </si>
  <si>
    <t>D:\21_11_2019 - PC ALGAR TECH\TIM\TARGET TIM\LPUs aceitas\LPU TARGET FATURA B FMT.xlsx</t>
  </si>
  <si>
    <t>D:\21_11_2019 - PC ALGAR TECH\TIM\TARGET TIM\LPUs aceitas\LPU TARGET GMG.xls</t>
  </si>
  <si>
    <t>D:\21_11_2019 - PC ALGAR TECH\TIM\TARGET TIM\LPUs aceitas\LPU TARGET INSTALACAO DE COW.xlsx</t>
  </si>
  <si>
    <t>11/21/2019 22:00:17</t>
  </si>
  <si>
    <t>D:\21_11_2019 - PC ALGAR TECH\TIM\TARGET TIM\LPUs aceitas\LPU TARGET SEGURANCA DE SITES.xlsx</t>
  </si>
  <si>
    <t>D:\21_11_2019 - PC ALGAR TECH\TIM\TARGET TIM\LPUs aceitas\LPU TARGET VSAT TIM.xls</t>
  </si>
  <si>
    <t>11/21/2019 22:00:23</t>
  </si>
  <si>
    <t>C:\Users\suelenmm\OneDrive - Grupo Algar\TIM\TARGET TIM\TARGET\</t>
  </si>
  <si>
    <t>LPU TARGET FATURA B FMM (2).xlsx</t>
  </si>
  <si>
    <t>D:\21_11_2019 - PC ALGAR TECH\TIM\TARGET TIM\TARGET\LPU TARGET FATURA B FMM (2).xlsx</t>
  </si>
  <si>
    <t>11/21/2019 22:00:29</t>
  </si>
  <si>
    <t>LPU TARGET FATURA B FMM 1.xlsx</t>
  </si>
  <si>
    <t>D:\21_11_2019 - PC ALGAR TECH\TIM\TARGET TIM\TARGET\LPU TARGET FATURA B FMM 1.xlsx</t>
  </si>
  <si>
    <t>11/21/2019 22:00:35</t>
  </si>
  <si>
    <t>LPU TARGET FATURA B FMM v2.xlsx</t>
  </si>
  <si>
    <t>D:\21_11_2019 - PC ALGAR TECH\TIM\TARGET TIM\TARGET\LPU TARGET FATURA B FMM v2.xlsx</t>
  </si>
  <si>
    <t>11/21/2019 22:00:42</t>
  </si>
  <si>
    <t>D:\21_11_2019 - PC ALGAR TECH\TIM\TARGET TIM\TARGET\LPU TARGET FATURA B FMM.xlsx</t>
  </si>
  <si>
    <t>D:\21_11_2019 - PC ALGAR TECH\TIM\TARGET TIM\TARGET\LPU TARGET FATURA B FMT.xlsx</t>
  </si>
  <si>
    <t>11/21/2019 22:00:43</t>
  </si>
  <si>
    <t>D:\21_11_2019 - PC ALGAR TECH\TIM\TARGET TIM\TARGET\LPU TARGET GMG.xls</t>
  </si>
  <si>
    <t>D:\21_11_2019 - PC ALGAR TECH\TIM\TARGET TIM\TARGET\LPU TARGET INSTALACAO DE COW.xlsx</t>
  </si>
  <si>
    <t>D:\21_11_2019 - PC ALGAR TECH\TIM\TARGET TIM\TARGET\LPU TARGET SEGURANCA DE SITES.xlsx</t>
  </si>
  <si>
    <t>D:\21_11_2019 - PC ALGAR TECH\TIM\TARGET TIM\TARGET\LPU TARGET VSAT TIM.xls</t>
  </si>
  <si>
    <t>11/21/2019 22:01:09</t>
  </si>
  <si>
    <t>C:\Users\suelenmm\OneDrive - Grupo Algar\9. Passagem de Pasta.rar\9. Passagem de Pasta\DocumentaÃ§Ã£o Final\CriaÃ§Ã£o dos novos cenÃ¡rios\</t>
  </si>
  <si>
    <t>ANEXO II - ELEMENTOS - LPU CENARIOS FMT TCO_TNE AND FMM TCO_TNO_TNE_REV_06.xlsx</t>
  </si>
  <si>
    <t>D:\21_11_2019 - PC ALGAR TECH\9. Passagem de Pasta.rar</t>
  </si>
  <si>
    <t>Cenarios_FMM.XLSX</t>
  </si>
  <si>
    <t>C:\Users\suelenmm\OneDrive - Grupo Algar\9. Passagem de Pasta.rar\9. Passagem de Pasta\LogÃ­stica\</t>
  </si>
  <si>
    <t>LogÃ­stica 11-09 v1.xlsx</t>
  </si>
  <si>
    <t>11/21/2019 22:01:10</t>
  </si>
  <si>
    <t>Sites de Acesso Ativos_TCO TNE TNO REV_03.xlsx</t>
  </si>
  <si>
    <t>C:\Users\suelenmm\OneDrive - Grupo Algar\9. Passagem de Pasta.rar\9. Passagem de Pasta\PrecificaÃ§Ã£o\</t>
  </si>
  <si>
    <t>BP TIM FMM e FMT padrÃ£o Algar - 75%% IPCA PMR 60DD 19_10.xlsb</t>
  </si>
  <si>
    <t>RevisÃ£o TIM v4.1 -22_10 - FMM.xlsb</t>
  </si>
  <si>
    <t>RevisÃ£o TIM v4.1 -22_10 - FMT.xlsb</t>
  </si>
  <si>
    <t>C:\Users\suelenmm\OneDrive - Grupo Algar\9. Passagem de Pasta.rar\9. Passagem de Pasta\Propostas Finais\</t>
  </si>
  <si>
    <t>ANEXO II - ELEMENTOS - LPU CENARIOS FMT TCO_TNE AND FMM TCO_TNO_TNE_REV_07.xlsx</t>
  </si>
  <si>
    <t>ANEXO II - FATURA B - LPU GMG FMM INFRA FM TIM CO_NO_NE - FAT A REV_01.xls</t>
  </si>
  <si>
    <t>ANEXO II - FATURA B - LPU FMM INFRA FM TIM CO_NO_NE - FAT B - APENDICE A REV_01.xls</t>
  </si>
  <si>
    <t>ANEXO II - FATURA B - LPU FMM INFRA FM TIM CO_NO_NE - FAT B - APENDICE B REV_01.xls</t>
  </si>
  <si>
    <t>ANEXO II -FATURA B - LPU FMT - TIM CO - REV_01.xlsx</t>
  </si>
  <si>
    <t>C:\Users\suelenmm\OneDrive - Grupo Algar\9. Passagem de Pasta.rar\9. Passagem de Pasta\</t>
  </si>
  <si>
    <t>Resumo TIM.xlsx</t>
  </si>
  <si>
    <t>C:\Users\suelenmm\OneDrive - Grupo Algar\9. Passagem de Pasta.rar\9. Passagem de Pasta\AnÃ¡lises\ComitÃª de SoluÃ§Ãµes.msg\s60\</t>
  </si>
  <si>
    <t>BP TIM FMM e FMT consolidado - v6.xlsb</t>
  </si>
  <si>
    <t>Logística 23-07 v3.xlsx</t>
  </si>
  <si>
    <t>C:\Users\suelenmm\OneDrive - Grupo Algar\9. Passagem de Pasta.rar\9. Passagem de Pasta\ApresentaÃ§Ã£o Passagem de Pasta.pptx\</t>
  </si>
  <si>
    <t>C:\Users\suelenmm\OneDrive - Grupo Algar\9. Passagem de Pasta.rar\9. Passagem de Pasta\DocumentaÃ§Ã£o Final\ANEXO II - LPU PRECIFICAÃ‡ÃƒO FATURA A - FMM_FMT - REV_04.zip\</t>
  </si>
  <si>
    <t>ANEXO II - ELEMENTO 1 - LPU FMM TIM CO - FAT A REV_01.xls</t>
  </si>
  <si>
    <t>ANEXO II - ELEMENTO 2 - LPU FMM TIM NE - FAT A REV_01.xls</t>
  </si>
  <si>
    <t>ANEXO II - ELEMENTO 3 - LPU FMM TIM NO - FAT A REV_01.xls</t>
  </si>
  <si>
    <t>ANEXO II - ELEMENTO 4 - LPU FMT - TIM CO - REV_01.xlsx</t>
  </si>
  <si>
    <t>ANEXO II - ELEMENTO 5 - LPU FMT - TIM NE - REV_01.xlsx</t>
  </si>
  <si>
    <t>ANEXO II - ELEMENTOS - LPU CENARIOS FMT TCO_TNE AND FMM TCO_TNO_TNE_REV_03.xlsx</t>
  </si>
  <si>
    <t>C:\Users\suelenmm\OneDrive - Grupo Algar\9. Passagem de Pasta.rar\9. Passagem de Pasta\DocumentaÃ§Ã£o Final\ANEXO II -LPU PRECIFICAÃ‡ÃƒO FATURA B - FMM_FMT - REV_01.zip\</t>
  </si>
  <si>
    <t>C:\Users\suelenmm\OneDrive - Grupo Algar\9. Passagem de Pasta.rar\9. Passagem de Pasta\DocumentaÃ§Ã£o Final\ENDEREÃ‡O DOS SITES ATIVOS_TCO TNE TNO REV_01.zip\</t>
  </si>
  <si>
    <t>C:\Users\suelenmm\OneDrive - Grupo Algar\9. Passagem de Pasta.rar\9. Passagem de Pasta\DocumentaÃ§Ã£o Final\ESPECIFICACOES TECNICAS DE FMT - Rev 7 050515.zip\</t>
  </si>
  <si>
    <t>Proposta de LPU Rev 5 140715.xlsx</t>
  </si>
  <si>
    <t>C:\Users\suelenmm\OneDrive - Grupo Algar\9. Passagem de Pasta.rar\9. Passagem de Pasta\DocumentaÃ§Ã£o Final\Especificacoes Tecnicas FMM_Rev_07.zip\</t>
  </si>
  <si>
    <t>ANEXO VIII LPU FM TCO TNO e TNE - FAT A_v20150603.xlsx</t>
  </si>
  <si>
    <t>Dados Rede TCO TNO e TNE v20150603.xlsx</t>
  </si>
  <si>
    <t>Sites Industriais TCO TNO e TNE_v20150603.xlsx</t>
  </si>
  <si>
    <t>C:\Users\suelenmm\OneDrive - Grupo Algar\9. Passagem de Pasta.rar\9. Passagem de Pasta\Propostas Finais\ApresentaÃ§Ã£o TIM v5.pptx\</t>
  </si>
  <si>
    <t>C:\Users\suelenmm\OneDrive - Grupo Algar\9. Passagem de Pasta.rar\9. Passagem de Pasta\DocumentaÃ§Ã£o Final\ESPECIFICACOES TECNICAS DE FMT - Rev 7 050515.zip\ET_NW_GOV_013 - Servi‡os Manut Eqptos Tx e Clientes Corporativos - Rev 4 050515.doc\</t>
  </si>
  <si>
    <t>C:\Users\suelenmm\OneDrive - Grupo Algar\9. Passagem de Pasta.rar\9. Passagem de Pasta\DocumentaÃ§Ã£o Final\ESPECIFICACOES TECNICAS DE FMT - Rev 7 050515.zip\ET_NW_GOV_015 - Servi‡os Manut Eqptos Tx e Clientes Corporativos - Instru‡äes RFQ - Rev 5 110615.d</t>
  </si>
  <si>
    <t>C:\Users\suelenmm\OneDrive - Grupo Algar\9. Passagem de Pasta.rar\9. Passagem de Pasta\DocumentaÃ§Ã£o Final\Especificacoes Tecnicas FMM_Rev_07.zip\ANEXO IX - Ficha de Manuten‡Æo Preventiva v20150603.docx\</t>
  </si>
  <si>
    <t>11/21/2019 22:01:12</t>
  </si>
  <si>
    <t>C:\Users\suelenmm\OneDrive - Grupo Algar\</t>
  </si>
  <si>
    <t>Algar_Atividades e Complexidades_ ESPECIALISTAS x ANALISTA DE PROCESSOS v4 - Suélen v2 - Editável.xlsx</t>
  </si>
  <si>
    <t>D:\21_11_2019 - PC ALGAR TECH\Algar_Atividades e Complexidades_ ESPECIALISTAS x ANALISTA DE PROCESSOS v4 - Suélen v2 - Editável.xlsx</t>
  </si>
  <si>
    <t>Algar_Atividades e Complexidades_ ESPECIALISTAS x ANALISTA DE PROCESSOS v4 - Suélen v2.xlsx</t>
  </si>
  <si>
    <t>D:\21_11_2019 - PC ALGAR TECH\Algar_Atividades e Complexidades_ ESPECIALISTAS x ANALISTA DE PROCESSOS v4 - Suélen v2.xlsx</t>
  </si>
  <si>
    <t>11/21/2019 22:01:19</t>
  </si>
  <si>
    <t>Controle de Propostas.xlsx</t>
  </si>
  <si>
    <t>D:\21_11_2019 - PC ALGAR TECH\Controle de Propostas.xlsx</t>
  </si>
  <si>
    <t>11/21/2019 22:01:24</t>
  </si>
  <si>
    <t>D:\21_11_2019 - PC ALGAR TECH\Levantamento Notebooks.xlsx</t>
  </si>
  <si>
    <t>Levantamento Notebooks-NB-SUELENMM.xlsx</t>
  </si>
  <si>
    <t>D:\21_11_2019 - PC ALGAR TECH\Levantamento Notebooks-NB-SUELENMM.xlsx</t>
  </si>
  <si>
    <t>Pasta.xlsx</t>
  </si>
  <si>
    <t>D:\21_11_2019 - PC ALGAR TECH\Pasta.xlsx</t>
  </si>
  <si>
    <t>Presença Academia de Vendas.xlsx</t>
  </si>
  <si>
    <t>D:\21_11_2019 - PC ALGAR TECH\Presença Academia de Vendas.xlsx</t>
  </si>
  <si>
    <t>11/21/2019 22:01:30</t>
  </si>
  <si>
    <t>D:\21_11_2019 - PC ALGAR TECH\Programacao Ferias CPV 2018.xls</t>
  </si>
  <si>
    <t>11/22/2019 08:53:30</t>
  </si>
  <si>
    <t>11/22/2019 08:53:36</t>
  </si>
  <si>
    <t>/o=exchangelabs/ou=exchange administrative group (fydibohf23spdlt)/cn=recipients/cn=10d9bf2715304872bd0e6f8b03de50d1-projetos -;/o=exchangelabs/ou=exchange administrative group (fydibohf23spdlt)/cn=recipients/cn=1e212ef08dab4f26b88cba944f2ab7cb-pmo.governa;/o=exchangelabs/ou=exchange administrative group (fydibohf23spdlt)/cn=recipients/cn=52684aee05874b27a5c249763c2fe008-andre mota;/o=exchangelabs/ou=exchange administrative group (fydibohf23spdlt)/cn=recipients/cn=830ba83a6b9b441ab3f8d8b3a47d0ffe-angelica ma;/o=exchangelabs/ou=exchange administrative group (fydibohf23spdlt)/cn=recipients/cn=d1d67808222e404a921bd1bad8bc54ad-leyriele le;/o=exchangelabs/ou=exchange administrative group (fydibohf23spdlt)/cn=recipients/cn=f87f494a8d1d405d8a7b42a51dd5ab84-iris eugeni;/o=exchangelabs/ou=exchange administrative group (fydibohf23spdlt)/cn=recipients/cn=fe134ce6f7124ebfa00395a14326bd71-luciana ber;</t>
  </si>
  <si>
    <t>RES: Comentário (REVISÃO) - Nº 519074</t>
  </si>
  <si>
    <t>PMO_Algar_Tech_-__DETALHAMENTO_DE_ITENS_DE_AQUISICOES_PARA_PROJETOS_classificada.xlsb</t>
  </si>
  <si>
    <t>/o=exchangelabs/ou=exchange administrative group (fydibohf23spdlt)/cn=recipients/cn=10d9bf2715304872bd0e6f8b03de50d1-projetos -,/o=exchangelabs/ou=exchange administrative group (fydibohf23spdlt)/cn=recipients/cn=1e212ef08dab4f26b88cba944f2ab7cb-pmo.governa,/o=exchangelabs/ou=exchange administrative group (fydibohf23spdlt)/cn=recipients/cn=52684aee05874b27a5c249763c2fe008-andre mota,/o=exchangelabs/ou=exchange administrative group (fydibohf23spdlt)/cn=recipients/cn=830ba83a6b9b441ab3f8d8b3a47d0ffe-angelica ma,/o=exchangelabs/ou=exchange administrative group (fydibohf23spdlt)/cn=recipients/cn=d1d67808222e404a921bd1bad8bc54ad-leyriele le,/o=exchangelabs/ou=exchange administrative group (fydibohf23spdlt)/cn=recipients/cn=f87f494a8d1d405d8a7b42a51dd5ab84-iris eugeni,/o=exchangelabs/ou=exchange administrative group (fydibohf23spdlt)/cn=recipients/cn=fe134ce6f7124ebfa00395a14326bd71-luciana ber</t>
  </si>
  <si>
    <t>11/21/2019 20:03:57</t>
  </si>
  <si>
    <t>11/22/2019 08:57:36</t>
  </si>
  <si>
    <t>C:\Users\suelenmm\OneDrive - Grupo Algar\desktop\</t>
  </si>
  <si>
    <t>11 Novas Localidades.xlsx</t>
  </si>
  <si>
    <t>D:\21_11_2019 - PC ALGAR TECH\desktop\11 Novas Localidades.xlsx</t>
  </si>
  <si>
    <t>11/21/2019 20:03:58</t>
  </si>
  <si>
    <t>D:\21_11_2019 - PC ALGAR TECH\desktop\139187 - TIWS - TRANSACIONAIS.xlsx</t>
  </si>
  <si>
    <t>11/21/2019 20:03:59</t>
  </si>
  <si>
    <t>D:\21_11_2019 - PC ALGAR TECH\desktop\140217 - LEVEL 3 - TRANSACIONAIS.xlsx</t>
  </si>
  <si>
    <t>11/21/2019 20:04:00</t>
  </si>
  <si>
    <t>D:\21_11_2019 - PC ALGAR TECH\desktop\140732 - LEVEL 3 - TRANSACIONAIS.xlsx</t>
  </si>
  <si>
    <t>Adicional Noturno.xlsx</t>
  </si>
  <si>
    <t>D:\21_11_2019 - PC ALGAR TECH\desktop\Adicional Noturno.xlsx</t>
  </si>
  <si>
    <t>11/21/2019 20:04:01</t>
  </si>
  <si>
    <t>ANALITICO -CRs TIM_INTELIG.xlsb</t>
  </si>
  <si>
    <t>D:\21_11_2019 - PC ALGAR TECH\desktop\ANALITICO -CRs TIM_INTELIG.xlsb</t>
  </si>
  <si>
    <t>11/21/2019 20:04:12</t>
  </si>
  <si>
    <t>Apuração Pré-vendas_2ºsem2016_V1 - PS.xlsx</t>
  </si>
  <si>
    <t>D:\21_11_2019 - PC ALGAR TECH\desktop\Apuração Pré-vendas_2ºsem2016_V1 - PS.xlsx</t>
  </si>
  <si>
    <t>11/21/2019 20:04:23</t>
  </si>
  <si>
    <t>Apuração Pré-vendas_2ºsem2016_V1 - SG TCOM.xlsx</t>
  </si>
  <si>
    <t>D:\21_11_2019 - PC ALGAR TECH\desktop\Apuração Pré-vendas_2ºsem2016_V1 - SG TCOM.xlsx</t>
  </si>
  <si>
    <t>11/21/2019 20:04:24</t>
  </si>
  <si>
    <t>BOQ's SEM ISS.xls</t>
  </si>
  <si>
    <t>D:\21_11_2019 - PC ALGAR TECH\desktop\BOQ's SEM ISS.xls</t>
  </si>
  <si>
    <t>11/21/2019 20:04:25</t>
  </si>
  <si>
    <t>CNAE e CNPJ Engeset v2.xlsx</t>
  </si>
  <si>
    <t>D:\21_11_2019 - PC ALGAR TECH\desktop\CNAE e CNPJ Engeset v2.xlsx</t>
  </si>
  <si>
    <t>11/21/2019 20:04:26</t>
  </si>
  <si>
    <t>CNAE e CNPJ Engeset v3.xlsx</t>
  </si>
  <si>
    <t>D:\21_11_2019 - PC ALGAR TECH\desktop\CNAE e CNPJ Engeset v3.xlsx</t>
  </si>
  <si>
    <t>Compromissado mai 17.xlsx</t>
  </si>
  <si>
    <t>D:\21_11_2019 - PC ALGAR TECH\desktop\Compromissado mai 17.xlsx</t>
  </si>
  <si>
    <t>Compromissado_ENGESET_19.12.16.xlsx</t>
  </si>
  <si>
    <t>D:\21_11_2019 - PC ALGAR TECH\desktop\Compromissado_ENGESET_19.12.16.xlsx</t>
  </si>
  <si>
    <t>11/21/2019 20:04:27</t>
  </si>
  <si>
    <t>CPQ.xlsx</t>
  </si>
  <si>
    <t>D:\21_11_2019 - PC ALGAR TECH\desktop\CPQ.xlsx</t>
  </si>
  <si>
    <t>CPQv2.xlsx</t>
  </si>
  <si>
    <t>D:\21_11_2019 - PC ALGAR TECH\desktop\CPQv2.xlsx</t>
  </si>
  <si>
    <t>Cópia de Compromissado ENGESET_12.12.16.xlsx</t>
  </si>
  <si>
    <t>D:\21_11_2019 - PC ALGAR TECH\desktop\Cópia de Compromissado ENGESET_12.12.16.xlsx</t>
  </si>
  <si>
    <t>Cópia de Cotação Preenchido.xlsx</t>
  </si>
  <si>
    <t>D:\21_11_2019 - PC ALGAR TECH\desktop\Cópia de Cotação Preenchido.xlsx</t>
  </si>
  <si>
    <t>Cópia de ENGESET - 4 Semana Outubro.xlsx</t>
  </si>
  <si>
    <t>D:\21_11_2019 - PC ALGAR TECH\desktop\Cópia de ENGESET - 4 Semana Outubro.xlsx</t>
  </si>
  <si>
    <t>11/21/2019 20:04:28</t>
  </si>
  <si>
    <t>Cópia de Engeset- 3 semana outubro.xlsx</t>
  </si>
  <si>
    <t>D:\21_11_2019 - PC ALGAR TECH\desktop\Cópia de Engeset- 3 semana outubro.xlsx</t>
  </si>
  <si>
    <t>Cópia de ENGESET_20161109.xlsx</t>
  </si>
  <si>
    <t>D:\21_11_2019 - PC ALGAR TECH\desktop\Cópia de ENGESET_20161109.xlsx</t>
  </si>
  <si>
    <t>11/21/2019 20:04:29</t>
  </si>
  <si>
    <t>ENGESET_20161123.xlsx</t>
  </si>
  <si>
    <t>D:\21_11_2019 - PC ALGAR TECH\desktop\ENGESET_20161123.xlsx</t>
  </si>
  <si>
    <t>11/21/2019 20:04:33</t>
  </si>
  <si>
    <t>C:\Users\suelenmm\OneDrive - Grupo Algar\desktop\Especificação Funcional_v01.3 - Suélen.docx\</t>
  </si>
  <si>
    <t>D:\21_11_2019 - PC ALGAR TECH\desktop\Especificação Funcional_v01.3 - Suélen.docx</t>
  </si>
  <si>
    <t>C:\Users\suelenmm\OneDrive - Grupo Algar\desktop\Especificação Funcional_v01.3 - Suélen.docx\Microsoft_Excel_Binary_Worksheet1.xlsb\</t>
  </si>
  <si>
    <t>FAT B TIM FMM FMT.xlsx</t>
  </si>
  <si>
    <t>D:\21_11_2019 - PC ALGAR TECH\desktop\FAT B TIM FMM FMT.xlsx</t>
  </si>
  <si>
    <t>Fatura B e construção TIM.xlsx</t>
  </si>
  <si>
    <t>D:\21_11_2019 - PC ALGAR TECH\desktop\Fatura B e construção TIM.xlsx</t>
  </si>
  <si>
    <t>FMM-FMT.xlsx</t>
  </si>
  <si>
    <t>D:\21_11_2019 - PC ALGAR TECH\desktop\FMM-FMT.xlsx</t>
  </si>
  <si>
    <t>Forecast para Atualização por Torre - Dezembro_16 Field v3.xlsx</t>
  </si>
  <si>
    <t>D:\21_11_2019 - PC ALGAR TECH\desktop\Forecast para Atualização por Torre - Dezembro_16 Field v3.xlsx</t>
  </si>
  <si>
    <t>Gás TIM.xlsx</t>
  </si>
  <si>
    <t>D:\21_11_2019 - PC ALGAR TECH\desktop\Gás TIM.xlsx</t>
  </si>
  <si>
    <t>11/21/2019 20:04:34</t>
  </si>
  <si>
    <t>LPU REAJUSTADA METROPOLITANA_4600014173 e INTERURBANA_46000014168 ENGESET SEM ISS.xlsx</t>
  </si>
  <si>
    <t>D:\21_11_2019 - PC ALGAR TECH\desktop\LPU REAJUSTADA METROPOLITANA_4600014173 e INTERURBANA_46000014168 ENGESET SEM ISS.xlsx</t>
  </si>
  <si>
    <t>11/21/2019 20:04:36</t>
  </si>
  <si>
    <t>Oportunidades por data criação (System Date) 12-10.xlsx</t>
  </si>
  <si>
    <t>D:\21_11_2019 - PC ALGAR TECH\desktop\Oportunidades por data criação (System Date) 12-10.xlsx</t>
  </si>
  <si>
    <t>11/21/2019 20:04:38</t>
  </si>
  <si>
    <t>Oportunidades por data criação (System Date) 30-11.xlsx</t>
  </si>
  <si>
    <t>D:\21_11_2019 - PC ALGAR TECH\desktop\Oportunidades por data criação (System Date) 30-11.xlsx</t>
  </si>
  <si>
    <t>11/21/2019 20:04:39</t>
  </si>
  <si>
    <t>D:\21_11_2019 - PC ALGAR TECH\desktop\Orçamento.xlsx</t>
  </si>
  <si>
    <t>parceiros TIM.xlsx</t>
  </si>
  <si>
    <t>D:\21_11_2019 - PC ALGAR TECH\desktop\parceiros TIM.xlsx</t>
  </si>
  <si>
    <t>Pendencias TIM.xlsx</t>
  </si>
  <si>
    <t>D:\21_11_2019 - PC ALGAR TECH\desktop\Pendencias TIM.xlsx</t>
  </si>
  <si>
    <t>11/21/2019 20:04:41</t>
  </si>
  <si>
    <t>D:\21_11_2019 - PC ALGAR TECH\desktop\Pipeline Detalhado.xlsx</t>
  </si>
  <si>
    <t>11/21/2019 20:04:42</t>
  </si>
  <si>
    <t>PREVENTIVA END_ID_TCO_TNE.xlsx</t>
  </si>
  <si>
    <t>D:\21_11_2019 - PC ALGAR TECH\desktop\PREVENTIVA END_ID_TCO_TNE.xlsx</t>
  </si>
  <si>
    <t>C:\Users\suelenmm\OneDrive - Grupo Algar\desktop\Procedimento - PRECIFICAÇÃO DE SERVIÇOS_revisão janeiro 17 _4_Suelen.docx\</t>
  </si>
  <si>
    <t>D:\21_11_2019 - PC ALGAR TECH\desktop\Procedimento - PRECIFICAÇÃO DE SERVIÇOS_revisão janeiro 17 _4_Suelen.docx</t>
  </si>
  <si>
    <t>D:\21_11_2019 - PC ALGAR TECH\desktop\Proposta Algartech-Brasil.xlsx</t>
  </si>
  <si>
    <t>D:\21_11_2019 - PC ALGAR TECH\desktop\Proposta Algartech-SP.xlsx</t>
  </si>
  <si>
    <t>11/21/2019 20:04:43</t>
  </si>
  <si>
    <t>Reajuste.xlsx</t>
  </si>
  <si>
    <t>D:\21_11_2019 - PC ALGAR TECH\desktop\Reajuste.xlsx</t>
  </si>
  <si>
    <t>Relatorio_BOQ 4161 - SEM ISS.xlsb</t>
  </si>
  <si>
    <t>D:\21_11_2019 - PC ALGAR TECH\desktop\Relatorio_BOQ 4161 - SEM ISS.xlsb</t>
  </si>
  <si>
    <t>Serviços para Execução SEM ISS.xlsx</t>
  </si>
  <si>
    <t>D:\21_11_2019 - PC ALGAR TECH\desktop\Serviços para Execução SEM ISS.xlsx</t>
  </si>
  <si>
    <t>11/21/2019 20:04:44</t>
  </si>
  <si>
    <t>Status assuntos tratados TIM e LIGHT v2.xlsx</t>
  </si>
  <si>
    <t>D:\21_11_2019 - PC ALGAR TECH\desktop\Status assuntos tratados TIM e LIGHT v2.xlsx</t>
  </si>
  <si>
    <t>Status assuntos tratados TIM e LIGHT.xlsx</t>
  </si>
  <si>
    <t>D:\21_11_2019 - PC ALGAR TECH\desktop\Status assuntos tratados TIM e LIGHT.xlsx</t>
  </si>
  <si>
    <t>TIM - A1 - LPU FMM - Cálculo de reajuste_v1.xlsx</t>
  </si>
  <si>
    <t>D:\21_11_2019 - PC ALGAR TECH\desktop\TIM - A1 - LPU FMM - Cálculo de reajuste_v1.xlsx</t>
  </si>
  <si>
    <t>11/21/2019 20:04:45</t>
  </si>
  <si>
    <t>TIM - A1 - LPU FMM - Quant Sites Revisado.xlsx</t>
  </si>
  <si>
    <t>D:\21_11_2019 - PC ALGAR TECH\desktop\TIM - A1 - LPU FMM - Quant Sites Revisado.xlsx</t>
  </si>
  <si>
    <t>11/21/2019 20:04:49</t>
  </si>
  <si>
    <t>D:\21_11_2019 - PC ALGAR TECH\desktop\TIM - Interurbana e Urbana Rota fibra - Planilha Suprimentos - Reajuste_....xlsx</t>
  </si>
  <si>
    <t>11/21/2019 20:04:53</t>
  </si>
  <si>
    <t>TIM - Interurbana e Urbana Rota fibra - Planilha Suprimentos - Reajuste_v1.xlsx</t>
  </si>
  <si>
    <t>D:\21_11_2019 - PC ALGAR TECH\desktop\TIM - Interurbana e Urbana Rota fibra - Planilha Suprimentos - Reajuste_v1.xlsx</t>
  </si>
  <si>
    <t>TIM - LPU FMT - Cálculo de Reajuste_v1.xlsx</t>
  </si>
  <si>
    <t>D:\21_11_2019 - PC ALGAR TECH\desktop\TIM - LPU FMT - Cálculo de Reajuste_v1.xlsx</t>
  </si>
  <si>
    <t>TIM BB NACIONAL.xls</t>
  </si>
  <si>
    <t>D:\21_11_2019 - PC ALGAR TECH\desktop\TIM BB NACIONAL.xls</t>
  </si>
  <si>
    <t>11/21/2019 20:05:04</t>
  </si>
  <si>
    <t>C:\Users\suelenmm\OneDrive - Grupo Algar\desktop\Contratos\CONSTRUÇÃO DE REDE AB_2016_SL1659.zip\CONSTRU€ÇO DE REDE AB_2016_SL1659\Origem\ANEXO II - Especifica‡äes T‚cnicas.zip\</t>
  </si>
  <si>
    <t>ANEXO TECNICO I_B - RNC_EMPRESA_CONTRATO_ANO.MÒS.00X.XLS</t>
  </si>
  <si>
    <t>D:\21_11_2019 - PC ALGAR TECH\desktop\Contratos\CONSTRUÇÃO DE REDE AB_2016_SL1659.zip</t>
  </si>
  <si>
    <t>ANEXO TCNICO I_C - AVALIA€ÇO_EMPRESA_CONTRATO_ANO.MES.00X.XLSX</t>
  </si>
  <si>
    <t>C:\Users\suelenmm\OneDrive - Grupo Algar\desktop\Contratos\CONSTRUÇÃO DE REDE AB_2016_SL1659.zip\CONSTRU€ÇO DE REDE AB_2016_SL1659\Origem\ANEXO II - Especifica‡äes T‚cnicas.zip\ANEXO TECNICO I_A - Procedimento - Avalia‡Æo do fornecedor v2.docx\</t>
  </si>
  <si>
    <t>C:\Users\suelenmm\OneDrive - Grupo Algar\desktop\Contratos\CONSTRUÇÃO DE REDE AB_2016_SL1659.zip\CONSTRU€ÇO DE REDE AB_2016_SL1659\Origem\ANEXO II - Especifica‡äes T‚cnicas.zip\ANEXO TECNICO V - Planilhas de Testes ¢pticos.7z\</t>
  </si>
  <si>
    <t>Planilha 01 - EMENDAS MONITORADAS 5 TENTATIVAS.xls</t>
  </si>
  <si>
    <t>Planilha 02 - EMENDAS OPTICAS.xls</t>
  </si>
  <si>
    <t>Planilha 03 - POTENCIA OPTICA-novo.xls</t>
  </si>
  <si>
    <t>Planilha de teste.xlsx</t>
  </si>
  <si>
    <t>C:\Users\suelenmm\OneDrive - Grupo Algar\desktop\Contratos\CONSTRUÇÃO DE REDE AB_2016_SL1659.zip\CONSTRU€ÇO DE REDE AB_2016_SL1659\Origem\CONSTRU€ÇO DE REDE AB_2016_SL1659.zip\ANEXO II - Especifica‡äes T‚cnicas.zip\</t>
  </si>
  <si>
    <t>C:\Users\suelenmm\OneDrive - Grupo Algar\desktop\Contratos\CONSTRUÇÃO DE REDE AB_2016_SL1659.zip\CONSTRU€ÇO DE REDE AB_2016_SL1659\Origem\RE CONTRATO - A58571 - Constru‡Æo de Rede Externa Nacional - ENGESET - Assinado.msg\s239\ANEXO II - Especificações Téc</t>
  </si>
  <si>
    <t>C:\Users\suelenmm\OneDrive - Grupo Algar\desktop\Contratos\CONSTRUÇÃO DE REDE AB_2016_SL1659.zip\CONSTRU€ÇO DE REDE AB_2016_SL1659\Origem\CONSTRU€ÇO DE REDE AB_2016_SL1659.zip\ANEXO II - Especifica‡äes T‚cnicas.zip\ANEXO TECNICO I_A - Procedimento - Avalia</t>
  </si>
  <si>
    <t>C:\Users\suelenmm\OneDrive - Grupo Algar\desktop\Contratos\CONSTRUÇÃO DE REDE AB_2016_SL1659.zip\CONSTRU€ÇO DE REDE AB_2016_SL1659\Origem\CONSTRU€ÇO DE REDE AB_2016_SL1659.zip\ANEXO II - Especifica‡äes T‚cnicas.zip\ANEXO TECNICO V - Planilhas de Testes ¢pt</t>
  </si>
  <si>
    <t>11/21/2019 20:05:05</t>
  </si>
  <si>
    <t>11/21/2019 20:05:11</t>
  </si>
  <si>
    <t>C:\Users\suelenmm\OneDrive - Grupo Algar\desktop\Contratos para assinatura TIM\ADITIVO FMM-FMT.zip\ADITIVO FMM-FMT\</t>
  </si>
  <si>
    <t>D:\21_11_2019 - PC ALGAR TECH\desktop\Contratos para assinatura TIM\ADITIVO FMM-FMT.zip</t>
  </si>
  <si>
    <t>C:\Users\suelenmm\OneDrive - Grupo Algar\desktop\Contratos para assinatura TIM\Aceitacao de sites\</t>
  </si>
  <si>
    <t>3 - LPU ACEITAÇÃO DE SITES - sem ISS.xlsx</t>
  </si>
  <si>
    <t>D:\21_11_2019 - PC ALGAR TECH\desktop\Contratos para assinatura TIM\Aceitacao de sites\3 - LPU ACEITAÇÃO DE SITES - sem ISS.xlsx</t>
  </si>
  <si>
    <t>11/21/2019 20:05:12</t>
  </si>
  <si>
    <t>ANEXO 1 - ACEITAÇÃO FÍSICA EPQTO ACESSO ERICSSON - REV 291116.xlsx</t>
  </si>
  <si>
    <t>D:\21_11_2019 - PC ALGAR TECH\desktop\Contratos para assinatura TIM\Aceitacao de sites\2 - ANEXO I - ESPEC TECNICA\ANEXO 1 - ACEITAÇÃO FÍSICA EPQTO ACESSO ERICSSON - REV 291116.xlsx</t>
  </si>
  <si>
    <t>ANEXO 10 - ACEITAÇÃO FÍSICA EQPTO CORE- REV 291116.xlsx</t>
  </si>
  <si>
    <t>D:\21_11_2019 - PC ALGAR TECH\desktop\Contratos para assinatura TIM\Aceitacao de sites\2 - ANEXO I - ESPEC TECNICA\ANEXO 10 - ACEITAÇÃO FÍSICA EQPTO CORE- REV 291116.xlsx</t>
  </si>
  <si>
    <t>11/21/2019 20:05:13</t>
  </si>
  <si>
    <t>ANEXO 11 - ACEITAÇÃO FÍSICA INFRA EQPTO ACESSO E TRANSPORTE - REV 291116.xlsx</t>
  </si>
  <si>
    <t>D:\21_11_2019 - PC ALGAR TECH\desktop\Contratos para assinatura TIM\Aceitacao de sites\2 - ANEXO I - ESPEC TECNICA\ANEXO 11 - ACEITAÇÃO FÍSICA INFRA EQPTO ACESSO E TRANSPORTE - REV 291116.xlsx</t>
  </si>
  <si>
    <t>ANEXO 12 - ACEITAÇÃO FÍSICA INFRA EQPTO BIOSITE - REV 291116.xlsx</t>
  </si>
  <si>
    <t>D:\21_11_2019 - PC ALGAR TECH\desktop\Contratos para assinatura TIM\Aceitacao de sites\2 - ANEXO I - ESPEC TECNICA\ANEXO 12 - ACEITAÇÃO FÍSICA INFRA EQPTO BIOSITE - REV 291116.xlsx</t>
  </si>
  <si>
    <t>ANEXO 13 - ACEITAÇÃO FÍSICA INFRA EQPTO ALTA HIERARQUIA - REV 291116.xlsx</t>
  </si>
  <si>
    <t>D:\21_11_2019 - PC ALGAR TECH\desktop\Contratos para assinatura TIM\Aceitacao de sites\2 - ANEXO I - ESPEC TECNICA\ANEXO 13 - ACEITAÇÃO FÍSICA INFRA EQPTO ALTA HIERARQUIA - REV 291116.xlsx</t>
  </si>
  <si>
    <t>ANEXO 14 - ACEITAÇÃO FÍSICA INFRA PREDIAL - REV 291116.xlsx</t>
  </si>
  <si>
    <t>D:\21_11_2019 - PC ALGAR TECH\desktop\Contratos para assinatura TIM\Aceitacao de sites\2 - ANEXO I - ESPEC TECNICA\ANEXO 14 - ACEITAÇÃO FÍSICA INFRA PREDIAL - REV 291116.xlsx</t>
  </si>
  <si>
    <t>11/22/2019 08:56:00</t>
  </si>
  <si>
    <t>11/22/2019 08:59:36</t>
  </si>
  <si>
    <t>/o=exchangelabs/ou=exchange administrative group (fydibohf23spdlt)/cn=recipients/cn=10d9bf2715304872bd0e6f8b03de50d1-projetos -;/o=exchangelabs/ou=exchange administrative group (fydibohf23spdlt)/cn=recipients/cn=52684aee05874b27a5c249763c2fe008-andre mota;/o=exchangelabs/ou=exchange administrative group (fydibohf23spdlt)/cn=recipients/cn=830ba83a6b9b441ab3f8d8b3a47d0ffe-angelica ma;/o=exchangelabs/ou=exchange administrative group (fydibohf23spdlt)/cn=recipients/cn=d1d67808222e404a921bd1bad8bc54ad-leyriele le;/o=exchangelabs/ou=exchange administrative group (fydibohf23spdlt)/cn=recipients/cn=f87f494a8d1d405d8a7b42a51dd5ab84-iris eugeni;/o=exchangelabs/ou=exchange administrative group (fydibohf23spdlt)/cn=recipients/cn=fe134ce6f7124ebfa00395a14326bd71-luciana ber;</t>
  </si>
  <si>
    <t>/o=exchangelabs/ou=exchange administrative group (fydibohf23spdlt)/cn=recipients/cn=10d9bf2715304872bd0e6f8b03de50d1-projetos -,/o=exchangelabs/ou=exchange administrative group (fydibohf23spdlt)/cn=recipients/cn=52684aee05874b27a5c249763c2fe008-andre mota,/o=exchangelabs/ou=exchange administrative group (fydibohf23spdlt)/cn=recipients/cn=830ba83a6b9b441ab3f8d8b3a47d0ffe-angelica ma,/o=exchangelabs/ou=exchange administrative group (fydibohf23spdlt)/cn=recipients/cn=d1d67808222e404a921bd1bad8bc54ad-leyriele le,/o=exchangelabs/ou=exchange administrative group (fydibohf23spdlt)/cn=recipients/cn=f87f494a8d1d405d8a7b42a51dd5ab84-iris eugeni,/o=exchangelabs/ou=exchange administrative group (fydibohf23spdlt)/cn=recipients/cn=fe134ce6f7124ebfa00395a14326bd71-luciana ber</t>
  </si>
  <si>
    <t>11/22/2019 08:58:31</t>
  </si>
  <si>
    <t>11/22/2019 09:02:35</t>
  </si>
  <si>
    <t>ENC: RETENÇÃO - Oportunidades e ajudas</t>
  </si>
  <si>
    <t>RET Atividades Novembro 2019.xlsx</t>
  </si>
  <si>
    <t>11/22/2019 09:07:58</t>
  </si>
  <si>
    <t>11/22/2019 09:09:35</t>
  </si>
  <si>
    <t>10.200.60.34</t>
  </si>
  <si>
    <t>FC-01-7C-B3-59-47</t>
  </si>
  <si>
    <t>mail.google.com/_/upload?authuser=1&amp;dcp=asu-n&amp;upload_id=AEnB2Upzrw1Dg-rU0LejkKROigqWIKdRWb0wkQ-p1g7TtHRYN6dZdBdW4m2cmp949GskeVEauChyTzAEz712ZkRj87APoGIQIw&amp;upload_protocol=resumable</t>
  </si>
  <si>
    <t>TRIPAG MEIOS DE PAGAMENTO LTDA - OUTUBRO.xlsx</t>
  </si>
  <si>
    <t>11/22/2019 09:09:58</t>
  </si>
  <si>
    <t>11/22/2019 09:11:35</t>
  </si>
  <si>
    <t>/o=exchangelabs/ou=exchange administrative group (fydibohf23spdlt)/cn=recipients/cn=0b12aab521944ecb8b32eb8c0929be5c-rafael gonz;/o=exchangelabs/ou=exchange administrative group (fydibohf23spdlt)/cn=recipients/cn=545f738e0fe740ba856f4eb6ef0135e0-vinicius si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f50351055a2944cebcbdc18a918945d6-gustavo res;</t>
  </si>
  <si>
    <t>ENC: ARQUIVO DE FATURAMENTO ALGAR - OUTUBRO/2019 | FECHAMENTO</t>
  </si>
  <si>
    <t>Novo Arquivo Faturamento_Algar_Outubro_2019_V0.xlsm</t>
  </si>
  <si>
    <t>/o=exchangelabs/ou=exchange administrative group (fydibohf23spdlt)/cn=recipients/cn=0b12aab521944ecb8b32eb8c0929be5c-rafael gonz,/o=exchangelabs/ou=exchange administrative group (fydibohf23spdlt)/cn=recipients/cn=545f738e0fe740ba856f4eb6ef0135e0-vinicius si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f50351055a2944cebcbdc18a918945d6-gustavo res</t>
  </si>
  <si>
    <t>11/22/2019 09:09:08</t>
  </si>
  <si>
    <t>11/22/2019 09:14:35</t>
  </si>
  <si>
    <t>11/22/2019 09:19:37</t>
  </si>
  <si>
    <t>11/22/2019 09:21:36</t>
  </si>
  <si>
    <t>Grupos IBI new.xls</t>
  </si>
  <si>
    <t>11/22/2019 09:18:17</t>
  </si>
  <si>
    <t>11/22/2019 09:22:37</t>
  </si>
  <si>
    <t>/o=exchangelabs/ou=exchange administrative group (fydibohf23spdlt)/cn=recipients/cn=8da96f497b5c46ee81c2775857a1df84-pedro henri;pedrohma@algartech.com.br;</t>
  </si>
  <si>
    <t>Dimensionamento</t>
  </si>
  <si>
    <t>DIMENS_CC BACK.xlsx</t>
  </si>
  <si>
    <t>/o=exchangelabs/ou=exchange administrative group (fydibohf23spdlt)/cn=recipients/cn=8da96f497b5c46ee81c2775857a1df84-pedro henri,pedrohma@algartech.com.br</t>
  </si>
  <si>
    <t>11/22/2019 09:23:02</t>
  </si>
  <si>
    <t>11/22/2019 09:24:37</t>
  </si>
  <si>
    <t>/o=exchangelabs/ou=exchange administrative group (fydibohf23spdlt)/cn=recipients/cn=027c2da1ea5a42378a892f895ed29947-andressa tu;/o=exchangelabs/ou=exchange administrative group (fydibohf23spdlt)/cn=recipients/cn=b79663656cc44aa3bf06617d1695ae51-carlos faci;</t>
  </si>
  <si>
    <t>RES: Empresas Carteirizadas</t>
  </si>
  <si>
    <t>/o=exchangelabs/ou=exchange administrative group (fydibohf23spdlt)/cn=recipients/cn=027c2da1ea5a42378a892f895ed29947-andressa tu,/o=exchangelabs/ou=exchange administrative group (fydibohf23spdlt)/cn=recipients/cn=b79663656cc44aa3bf06617d1695ae51-carlos faci</t>
  </si>
  <si>
    <t>11/21/2019 17:31:13</t>
  </si>
  <si>
    <t>11/22/2019 09:26:36</t>
  </si>
  <si>
    <t>11/22/2019 09:25:36</t>
  </si>
  <si>
    <t>11/22/2019 09:26:48</t>
  </si>
  <si>
    <t>11/22/2019 09:27:36</t>
  </si>
  <si>
    <t>RES: ASLCP_ACCESS REVIEW</t>
  </si>
  <si>
    <t>11/22/2019 09:26:05</t>
  </si>
  <si>
    <t>11/22/2019 09:29:36</t>
  </si>
  <si>
    <t>11/22/2019 09:29:43</t>
  </si>
  <si>
    <t>11/22/2019 09:33:36</t>
  </si>
  <si>
    <t>mail.google.com/_/upload?authuser=0&amp;dcp=asu-n&amp;upload_id=AEnB2UovGLgxaBbEj-A_kTly31zPfm4hjsHGdgWyK7c1RO8PvWJDWW2goOkX7ZxVYg_l3InMk6vrTxYjn3fB4uvpn4VypR6Scg&amp;upload_protocol=resumable</t>
  </si>
  <si>
    <t>Atividades-ANF31 - BH_22_11_19 (1) JULIANO.xlsx</t>
  </si>
  <si>
    <t>11/22/2019 09:31:54</t>
  </si>
  <si>
    <t>11/22/2019 09:34:36</t>
  </si>
  <si>
    <t>EC-55-F9-93-42-1F</t>
  </si>
  <si>
    <t>NB-SOC</t>
  </si>
  <si>
    <t>E:\AA - Festa 15 anos\</t>
  </si>
  <si>
    <t>Check-list segurança.xlsx</t>
  </si>
  <si>
    <t>F:\AA - Festa 15 anos\Check-list segurança.xlsx</t>
  </si>
  <si>
    <t>11/22/2019 09:32:02</t>
  </si>
  <si>
    <t>E:\AA - SP 22-02-17\14.5 - Site CASA - Santo Amaro\E-mail_Avaliação do Site CASA.msg\s1\</t>
  </si>
  <si>
    <t>ANALISE DE CUSTOS SANTO AMARO.xlsx</t>
  </si>
  <si>
    <t>F:\AA - SP 22-02-17\14.5 - Site CASA - Santo Amaro\E-mail_Avaliação do Site CASA.msg</t>
  </si>
  <si>
    <t>11/22/2019 09:33:08</t>
  </si>
  <si>
    <t>E:\Área de Trabalho\</t>
  </si>
  <si>
    <t>25667CCD.tmp</t>
  </si>
  <si>
    <t>F:\Área de Trabalho\25667CCD.tmp</t>
  </si>
  <si>
    <t>11/22/2019 09:33:11</t>
  </si>
  <si>
    <t>Ações Interna_Simulação.xlsx</t>
  </si>
  <si>
    <t>F:\Área de Trabalho\Ações Interna_Simulação.xlsx</t>
  </si>
  <si>
    <t>CAMPINAS - PROPOSTA 3A.xlsx</t>
  </si>
  <si>
    <t>F:\Área de Trabalho\CAMPINAS - PROPOSTA 3A.xlsx</t>
  </si>
  <si>
    <t>CAMPINAS - PROPOSTA 3A_V2.xlsx</t>
  </si>
  <si>
    <t>F:\Área de Trabalho\CAMPINAS - PROPOSTA 3A_V2.xlsx</t>
  </si>
  <si>
    <t>CEI_Planejamento Capex 2017_REV1 - 19-08-16.xlsx</t>
  </si>
  <si>
    <t>F:\Área de Trabalho\CEI_Planejamento Capex 2017_REV1 - 19-08-16.xlsx</t>
  </si>
  <si>
    <t>11/22/2019 09:33:12</t>
  </si>
  <si>
    <t>Cálculo_ACORDO COLETIVO_2016.xlsx</t>
  </si>
  <si>
    <t>F:\Área de Trabalho\Cálculo_ACORDO COLETIVO_2016.xlsx</t>
  </si>
  <si>
    <t>Cópia de CEI_Adequações das Equipes para 2017_V02.xlsx</t>
  </si>
  <si>
    <t>F:\Área de Trabalho\Cópia de CEI_Adequações das Equipes para 2017_V02.xlsx</t>
  </si>
  <si>
    <t>Descritivo Serviços de Segurança_2015-Em atualização.xls</t>
  </si>
  <si>
    <t>F:\Área de Trabalho\Descritivo Serviços de Segurança_2015-Em atualização.xls</t>
  </si>
  <si>
    <t>11/22/2019 09:33:13</t>
  </si>
  <si>
    <t>Entrevista Carlos.xls</t>
  </si>
  <si>
    <t>F:\Área de Trabalho\Entrevista Carlos.xls</t>
  </si>
  <si>
    <t>11/22/2019 09:33:27</t>
  </si>
  <si>
    <t>Formulario_Correios.xls</t>
  </si>
  <si>
    <t>F:\Área de Trabalho\Formulario_Correios.xls</t>
  </si>
  <si>
    <t>11/22/2019 09:33:28</t>
  </si>
  <si>
    <t>Memória de cálculo_Reduções de custos 2017.xlsx</t>
  </si>
  <si>
    <t>F:\Área de Trabalho\Memória de cálculo_Reduções de custos 2017.xlsx</t>
  </si>
  <si>
    <t>11/22/2019 09:33:30</t>
  </si>
  <si>
    <t>QUESTIONÁRIO-AUDITORIA-DE-PROCESSO-FORNECEDOR.xls</t>
  </si>
  <si>
    <t>F:\Área de Trabalho\QUESTIONÁRIO-AUDITORIA-DE-PROCESSO-FORNECEDOR.xls</t>
  </si>
  <si>
    <t>11/22/2019 09:33:31</t>
  </si>
  <si>
    <t>Relatório de despesas_Carlos.xlsx</t>
  </si>
  <si>
    <t>F:\Área de Trabalho\Relatório de despesas_Carlos.xlsx</t>
  </si>
  <si>
    <t>11/22/2019 09:33:33</t>
  </si>
  <si>
    <t>Relação de Grupos de acesso a rede.xlsx</t>
  </si>
  <si>
    <t>F:\Área de Trabalho\Relação de Grupos de acesso a rede.xlsx</t>
  </si>
  <si>
    <t>11/22/2019 09:33:34</t>
  </si>
  <si>
    <t>Serviços de Vigilância e Portaria_2016.xlsx</t>
  </si>
  <si>
    <t>F:\Área de Trabalho\Serviços de Vigilância e Portaria_2016.xlsx</t>
  </si>
  <si>
    <t>11/22/2019 09:33:39</t>
  </si>
  <si>
    <t>E:\Área de Trabalho\Pendências\</t>
  </si>
  <si>
    <t>Análise de Custo Crahá Funcional.xlsx</t>
  </si>
  <si>
    <t>F:\Área de Trabalho\Pendências\Análise de Custo Crahá Funcional.xlsx</t>
  </si>
  <si>
    <t>11/22/2019 09:33:42</t>
  </si>
  <si>
    <t>Avaliação de desempenho.xls</t>
  </si>
  <si>
    <t>F:\Área de Trabalho\Pendências\Avaliação de desempenho.xls</t>
  </si>
  <si>
    <t>11/22/2019 09:33:44</t>
  </si>
  <si>
    <t>Planejamento de atividades_Carlos.xlsx</t>
  </si>
  <si>
    <t>F:\Área de Trabalho\Pendências\Planejamento de atividades_Carlos.xlsx</t>
  </si>
  <si>
    <t>11/22/2019 09:33:47</t>
  </si>
  <si>
    <t>E:\Área de Trabalho\Temp\</t>
  </si>
  <si>
    <t>CRS_Assessoria_340001415_7000.xls</t>
  </si>
  <si>
    <t>F:\Área de Trabalho\Temp\CRS_Assessoria_340001415_7000.xls</t>
  </si>
  <si>
    <t>Descritivo Serviços de Segurança_2014_Willy - Atualizada 2015.xls</t>
  </si>
  <si>
    <t>F:\Área de Trabalho\Temp\Descritivo Serviços de Segurança_2014_Willy - Atualizada 2015.xls</t>
  </si>
  <si>
    <t>11/22/2019 09:33:49</t>
  </si>
  <si>
    <t>OPEX_2015.xls</t>
  </si>
  <si>
    <t>F:\Área de Trabalho\Temp\OPEX_2015.xls</t>
  </si>
  <si>
    <t>11/22/2019 09:30:40</t>
  </si>
  <si>
    <t>11/22/2019 09:35:36</t>
  </si>
  <si>
    <t>mail.google.com/_/upload?authuser=0&amp;dcp=asu-n&amp;upload_id=AEnB2Uo79tDUfmnnT1Nd7r4T24S5I9h5PCVWdCzizCG-Dm21s-mCHhCrg2MbTfFTfYOqZ6Dxv0s5hBZbJ4cPSpBAr_JZe57_2A&amp;upload_protocol=resumable</t>
  </si>
  <si>
    <t>MAILING G SUITE - 22_11.xlsx</t>
  </si>
  <si>
    <t>11/22/2019 09:30:54</t>
  </si>
  <si>
    <t>BP Brasif</t>
  </si>
  <si>
    <t>217399 Brasif Precificacao C018 B018_v1 92 Incidenes.xlsb</t>
  </si>
  <si>
    <t>11/22/2019 09:33:54</t>
  </si>
  <si>
    <t>11/22/2019 09:39:36</t>
  </si>
  <si>
    <t>E:\Área de Trabalho\Temp\Apresentação_Diretoria\</t>
  </si>
  <si>
    <t>CUSTO BOTTON.xlsx</t>
  </si>
  <si>
    <t>F:\Área de Trabalho\Temp\Apresentação_Diretoria\CUSTO BOTTON.xlsx</t>
  </si>
  <si>
    <t>11/22/2019 09:33:55</t>
  </si>
  <si>
    <t>MATERIAIS PARA SUBSTITUIÇÃO DO USO DOS BOTONS .xlsx</t>
  </si>
  <si>
    <t>F:\Área de Trabalho\Temp\Apresentação_Diretoria\MATERIAIS PARA SUBSTITUIÇÃO DO USO DOS BOTONS .xlsx</t>
  </si>
  <si>
    <t>MATERIAIS PARA SUBSTITUIÇÃO DO USO DOS BOTONS..xlsx</t>
  </si>
  <si>
    <t>F:\Área de Trabalho\Temp\Apresentação_Diretoria\MATERIAIS PARA SUBSTITUIÇÃO DO USO DOS BOTONS..xlsx</t>
  </si>
  <si>
    <t>11/22/2019 09:34:14</t>
  </si>
  <si>
    <t>E:\Área de Trabalho\Temp\Apresentação_Diretoria\COI\</t>
  </si>
  <si>
    <t>ANALISE CUSTO DE CONFECÇÃO DE CRACHÁ..xlsx</t>
  </si>
  <si>
    <t>F:\Área de Trabalho\Temp\Apresentação_Diretoria\COI\ANALISE CUSTO DE CONFECÇÃO DE CRACHÁ..xlsx</t>
  </si>
  <si>
    <t>11/22/2019 09:34:16</t>
  </si>
  <si>
    <t>COI.xls</t>
  </si>
  <si>
    <t>F:\Área de Trabalho\Temp\Apresentação_Diretoria\COI\COI.xls</t>
  </si>
  <si>
    <t>11/22/2019 09:34:17</t>
  </si>
  <si>
    <t>Cópia de Indicadores de performance_Seguranca.xlsx</t>
  </si>
  <si>
    <t>F:\Área de Trabalho\Temp\Apresentação_Diretoria\COI\Cópia de Indicadores de performance_Seguranca.xlsx</t>
  </si>
  <si>
    <t>Lista_Segurança Empresarial.xls .xls</t>
  </si>
  <si>
    <t>F:\Área de Trabalho\Temp\Apresentação_Diretoria\COI\Lista_Segurança Empresarial.xls .xls</t>
  </si>
  <si>
    <t>11/22/2019 09:34:50</t>
  </si>
  <si>
    <t>E:\Área de Trabalho\Temporário02\</t>
  </si>
  <si>
    <t>ALAOR_Seguranca.xlsx</t>
  </si>
  <si>
    <t>F:\Área de Trabalho\Temporário02\ALAOR_Seguranca.xlsx</t>
  </si>
  <si>
    <t>11/22/2019 09:34:52</t>
  </si>
  <si>
    <t>Algar_Tech_Infraestrutura_Carlos Rodrigues_v1.xls</t>
  </si>
  <si>
    <t>F:\Área de Trabalho\Temporário02\Algar_Tech_Infraestrutura_Carlos Rodrigues_v1.xls</t>
  </si>
  <si>
    <t>11/22/2019 09:34:55</t>
  </si>
  <si>
    <t>CARLOS RODRIGUES COSTA.xls</t>
  </si>
  <si>
    <t>F:\Área de Trabalho\Temporário02\CARLOS RODRIGUES COSTA.xls</t>
  </si>
  <si>
    <t>11/22/2019 09:34:57</t>
  </si>
  <si>
    <t>Categorias RO.xlsx</t>
  </si>
  <si>
    <t>F:\Área de Trabalho\Temporário02\Categorias RO.xlsx</t>
  </si>
  <si>
    <t>11/22/2019 09:34:58</t>
  </si>
  <si>
    <t>Controle de atividadades.xlsx</t>
  </si>
  <si>
    <t>F:\Área de Trabalho\Temporário02\Controle de atividadades.xlsx</t>
  </si>
  <si>
    <t>ControleTarefas_v2.xlsx</t>
  </si>
  <si>
    <t>F:\Área de Trabalho\Temporário02\ControleTarefas_v2.xlsx</t>
  </si>
  <si>
    <t>11/22/2019 09:35:00</t>
  </si>
  <si>
    <t>Cópia de Planejamento CAPEX INFRAESTRUTURA 2015.xls</t>
  </si>
  <si>
    <t>F:\Área de Trabalho\Temporário02\Cópia de Planejamento CAPEX INFRAESTRUTURA 2015.xls</t>
  </si>
  <si>
    <t>Cópia de Planilha Resumo Corporativo.xlsx</t>
  </si>
  <si>
    <t>F:\Área de Trabalho\Temporário02\Cópia de Planilha Resumo Corporativo.xlsx</t>
  </si>
  <si>
    <t>11/22/2019 09:35:01</t>
  </si>
  <si>
    <t>DE - PARA - segurança.xlsx</t>
  </si>
  <si>
    <t>F:\Área de Trabalho\Temporário02\DE - PARA - segurança.xlsx</t>
  </si>
  <si>
    <t>DEPARTAMENTAL - CARLOS - 102014.xlsx</t>
  </si>
  <si>
    <t>F:\Área de Trabalho\Temporário02\DEPARTAMENTAL - CARLOS - 102014.xlsx</t>
  </si>
  <si>
    <t>Descritivo Serviços de Segurança_2014_Com reajuste_Willy.xls</t>
  </si>
  <si>
    <t>F:\Área de Trabalho\Temporário02\Descritivo Serviços de Segurança_2014_Com reajuste_Willy.xls</t>
  </si>
  <si>
    <t>11/22/2019 09:35:24</t>
  </si>
  <si>
    <t>Evidência para objetivos 1º semestre 2014.xls</t>
  </si>
  <si>
    <t>F:\Área de Trabalho\Temporário02\Evidência para objetivos 1º semestre 2014.xls</t>
  </si>
  <si>
    <t>11/22/2019 09:35:26</t>
  </si>
  <si>
    <t>Informações para processo de investigação.xlsx</t>
  </si>
  <si>
    <t>F:\Área de Trabalho\Temporário02\Informações para processo de investigação.xlsx</t>
  </si>
  <si>
    <t>11/22/2019 09:35:27</t>
  </si>
  <si>
    <t>Link Rápido_Carlos.xlsx</t>
  </si>
  <si>
    <t>F:\Área de Trabalho\Temporário02\Link Rápido_Carlos.xlsx</t>
  </si>
  <si>
    <t>11/22/2019 09:35:30</t>
  </si>
  <si>
    <t>Mapa de atividades.xlsx</t>
  </si>
  <si>
    <t>F:\Área de Trabalho\Temporário02\Mapa de atividades.xlsx</t>
  </si>
  <si>
    <t>Números de segurança eletrônica_04-09-14.xlsx</t>
  </si>
  <si>
    <t>F:\Área de Trabalho\Temporário02\Números de segurança eletrônica_04-09-14.xlsx</t>
  </si>
  <si>
    <t>Objetivos 1ª Semestre 2014_COI.xlsx</t>
  </si>
  <si>
    <t>F:\Área de Trabalho\Temporário02\Objetivos 1ª Semestre 2014_COI.xlsx</t>
  </si>
  <si>
    <t>Objetivos 1ª Semestre 2014_Final.xlsx</t>
  </si>
  <si>
    <t>F:\Área de Trabalho\Temporário02\Objetivos 1ª Semestre 2014_Final.xlsx</t>
  </si>
  <si>
    <t>Objetivos 2ª Semestre 2014_Assessoria_Carlos e Wemerson.xlsx</t>
  </si>
  <si>
    <t>F:\Área de Trabalho\Temporário02\Objetivos 2ª Semestre 2014_Assessoria_Carlos e Wemerson.xlsx</t>
  </si>
  <si>
    <t>11/22/2019 09:35:42</t>
  </si>
  <si>
    <t>E:\Área de Trabalho\Temporário02\EVIDENCIA\POLITICA PLT-EM-Cartoes-015 - Emails contendo anexo INCIDENTE 48861231 (7.81 MB).msg\s117\</t>
  </si>
  <si>
    <t>Registrados_30-10.xls</t>
  </si>
  <si>
    <t>F:\Área de Trabalho\Temporário02\EVIDENCIA\POLITICA PLT-EM-Cartoes-015 - Emails contendo anexo INCIDENTE 48861231 (7.81 MB).msg</t>
  </si>
  <si>
    <t>Resolvidos_30-10.xls</t>
  </si>
  <si>
    <t>11/22/2019 09:35:55</t>
  </si>
  <si>
    <t>E:\Área de Trabalho\Temporário02\Indicadores_2013 2014\</t>
  </si>
  <si>
    <t>1º Trimestre_2013.xls</t>
  </si>
  <si>
    <t>F:\Área de Trabalho\Temporário02\Indicadores_2013 2014\1º Trimestre_2013.xls</t>
  </si>
  <si>
    <t>11/22/2019 09:36:08</t>
  </si>
  <si>
    <t>1º Trimestre_2014.xls</t>
  </si>
  <si>
    <t>F:\Área de Trabalho\Temporário02\Indicadores_2013 2014\1º Trimestre_2014.xls</t>
  </si>
  <si>
    <t>11/22/2019 09:36:20</t>
  </si>
  <si>
    <t>2º Trimestre_2013.xls</t>
  </si>
  <si>
    <t>F:\Área de Trabalho\Temporário02\Indicadores_2013 2014\2º Trimestre_2013.xls</t>
  </si>
  <si>
    <t>11/22/2019 09:36:25</t>
  </si>
  <si>
    <t>2º Trimestre_2014.xls</t>
  </si>
  <si>
    <t>F:\Área de Trabalho\Temporário02\Indicadores_2013 2014\2º Trimestre_2014.xls</t>
  </si>
  <si>
    <t>11/22/2019 09:36:30</t>
  </si>
  <si>
    <t>3º Trimestre_2013.xls</t>
  </si>
  <si>
    <t>F:\Área de Trabalho\Temporário02\Indicadores_2013 2014\3º Trimestre_2013.xls</t>
  </si>
  <si>
    <t>11/22/2019 09:36:38</t>
  </si>
  <si>
    <t>3º Trimestre_2014.xls</t>
  </si>
  <si>
    <t>F:\Área de Trabalho\Temporário02\Indicadores_2013 2014\3º Trimestre_2014.xls</t>
  </si>
  <si>
    <t>11/22/2019 09:36:42</t>
  </si>
  <si>
    <t>4º Trimestre_2013.xls</t>
  </si>
  <si>
    <t>F:\Área de Trabalho\Temporário02\Indicadores_2013 2014\4º Trimestre_2013.xls</t>
  </si>
  <si>
    <t>11/22/2019 09:37:02</t>
  </si>
  <si>
    <t>Indicadores_2013_Tickets.xls</t>
  </si>
  <si>
    <t>F:\Área de Trabalho\Temporário02\Indicadores_2013 2014\Indicadores_2013_Tickets.xls</t>
  </si>
  <si>
    <t>11/22/2019 09:37:14</t>
  </si>
  <si>
    <t>Indicadores_até 3 trimestre 2014_Ticket.xls</t>
  </si>
  <si>
    <t>F:\Área de Trabalho\Temporário02\Indicadores_2013 2014\Indicadores_até 3 trimestre 2014_Ticket.xls</t>
  </si>
  <si>
    <t>11/22/2019 09:37:18</t>
  </si>
  <si>
    <t>E:\Área de Trabalho\Temporário02\Pesquisa de Clima_Seg\Algar Tech_Clima 2014_Seg.ppt\s2\</t>
  </si>
  <si>
    <t>F:\Área de Trabalho\Temporário02\Pesquisa de Clima_Seg\Algar Tech_Clima 2014_Seg.ppt</t>
  </si>
  <si>
    <t>Microsoft Excel Chart2.dat</t>
  </si>
  <si>
    <t>11/22/2019 09:37:19</t>
  </si>
  <si>
    <t>E:\Área de Trabalho\Temporário02\Pesquisa de Clima_Seg\</t>
  </si>
  <si>
    <t>Pesquisa 2014_Comentários.xlsx</t>
  </si>
  <si>
    <t>F:\Área de Trabalho\Temporário02\Pesquisa de Clima_Seg\Pesquisa 2014_Comentários.xlsx</t>
  </si>
  <si>
    <t>Pesquisa_2014_Melhorias.xlsx</t>
  </si>
  <si>
    <t>F:\Área de Trabalho\Temporário02\Pesquisa de Clima_Seg\Pesquisa_2014_Melhorias.xlsx</t>
  </si>
  <si>
    <t>11/22/2019 09:37:57</t>
  </si>
  <si>
    <t>E:\carlosrcos\desktop_backup\Planos de ação\</t>
  </si>
  <si>
    <t>Action Plan Carlos 2011 v1_01.xls</t>
  </si>
  <si>
    <t>F:\carlosrcos\desktop_backup\Planos de ação\Action Plan Carlos 2011 v1_01.xls</t>
  </si>
  <si>
    <t>11/22/2019 09:38:06</t>
  </si>
  <si>
    <t>Action Plan_Alex 2011 v1.xls</t>
  </si>
  <si>
    <t>F:\carlosrcos\desktop_backup\Planos de ação\Action Plan_Alex 2011 v1.xls</t>
  </si>
  <si>
    <t>11/22/2019 09:38:36</t>
  </si>
  <si>
    <t>E:\carlosrcos\desktop_backup\RRPerimetral_UDI\</t>
  </si>
  <si>
    <t>Mapeamento de Roubo em Caixas Eletrônicos.xls</t>
  </si>
  <si>
    <t>F:\carlosrcos\desktop_backup\RRPerimetral_UDI\Mapeamento de Roubo em Caixas Eletrônicos.xls</t>
  </si>
  <si>
    <t>11/22/2019 09:38:37</t>
  </si>
  <si>
    <t>E:\carlosrcos\desktop_backup\Segurança Empresarial_Nova equipe\</t>
  </si>
  <si>
    <t>Estrutura_Segurança.xls</t>
  </si>
  <si>
    <t>F:\carlosrcos\desktop_backup\Segurança Empresarial_Nova equipe\Estrutura_Segurança.xls</t>
  </si>
  <si>
    <t>E:\carlosrcos\desktop_backup\Temporário\</t>
  </si>
  <si>
    <t>49xxxx.xls</t>
  </si>
  <si>
    <t>F:\carlosrcos\desktop_backup\Temporário\49xxxx.xls</t>
  </si>
  <si>
    <t>11/22/2019 09:38:38</t>
  </si>
  <si>
    <t>access events.xls</t>
  </si>
  <si>
    <t>F:\carlosrcos\desktop_backup\Temporário\access events.xls</t>
  </si>
  <si>
    <t>acessos habilitado.xls</t>
  </si>
  <si>
    <t>F:\carlosrcos\desktop_backup\Temporário\acessos habilitado.xls</t>
  </si>
  <si>
    <t>Acompanhamento.xls</t>
  </si>
  <si>
    <t>F:\carlosrcos\desktop_backup\Temporário\Acompanhamento.xls</t>
  </si>
  <si>
    <t>11/22/2019 09:38:39</t>
  </si>
  <si>
    <t>Analise CTBC do contrato ATI 2011..xls</t>
  </si>
  <si>
    <t>F:\carlosrcos\desktop_backup\Temporário\Analise CTBC do contrato ATI 2011..xls</t>
  </si>
  <si>
    <t>Analise CTBC do contrato ATI 2011.xls</t>
  </si>
  <si>
    <t>F:\carlosrcos\desktop_backup\Temporário\Analise CTBC do contrato ATI 2011.xls</t>
  </si>
  <si>
    <t>Analise do contrato ATI 2011.xls</t>
  </si>
  <si>
    <t>F:\carlosrcos\desktop_backup\Temporário\Analise do contrato ATI 2011.xls</t>
  </si>
  <si>
    <t>11/22/2019 09:38:40</t>
  </si>
  <si>
    <t>Análise Gerencial Consolidada - Internalização - 18-08-2011.xls</t>
  </si>
  <si>
    <t>F:\carlosrcos\desktop_backup\Temporário\Análise Gerencial Consolidada - Internalização - 18-08-2011.xls</t>
  </si>
  <si>
    <t>11/22/2019 09:38:44</t>
  </si>
  <si>
    <t>Auditoria operação Bradesco_23-09-11.xlsx</t>
  </si>
  <si>
    <t>F:\carlosrcos\desktop_backup\Temporário\Auditoria operação Bradesco_23-09-11.xlsx</t>
  </si>
  <si>
    <t>avaliar alterações.xls</t>
  </si>
  <si>
    <t>F:\carlosrcos\desktop_backup\Temporário\avaliar alterações.xls</t>
  </si>
  <si>
    <t>Avaliação de Eficacia - Carlos.xls</t>
  </si>
  <si>
    <t>F:\carlosrcos\desktop_backup\Temporário\Avaliação de Eficacia - Carlos.xls</t>
  </si>
  <si>
    <t>11/22/2019 09:38:48</t>
  </si>
  <si>
    <t>calculo maturidade SGSI-v2.xls</t>
  </si>
  <si>
    <t>F:\carlosrcos\desktop_backup\Temporário\calculo maturidade SGSI-v2.xls</t>
  </si>
  <si>
    <t>11/22/2019 09:38:49</t>
  </si>
  <si>
    <t>COD.xlsx</t>
  </si>
  <si>
    <t>F:\carlosrcos\desktop_backup\Temporário\COD.xlsx</t>
  </si>
  <si>
    <t>Codinomes_Equipe VIG.xlsx</t>
  </si>
  <si>
    <t>F:\carlosrcos\desktop_backup\Temporário\Codinomes_Equipe VIG.xlsx</t>
  </si>
  <si>
    <t>11/22/2019 09:38:50</t>
  </si>
  <si>
    <t>Contatos - Comunidade de Inteligência.xls</t>
  </si>
  <si>
    <t>F:\carlosrcos\desktop_backup\Temporário\Contatos - Comunidade de Inteligência.xls</t>
  </si>
  <si>
    <t>Contatos - RICEI_Atualizada 2011.xls</t>
  </si>
  <si>
    <t>F:\carlosrcos\desktop_backup\Temporário\Contatos - RICEI_Atualizada 2011.xls</t>
  </si>
  <si>
    <t>Controle de chaves.xlsx</t>
  </si>
  <si>
    <t>F:\carlosrcos\desktop_backup\Temporário\Controle de chaves.xlsx</t>
  </si>
  <si>
    <t>Controle de gastos - CPS.xlsx</t>
  </si>
  <si>
    <t>F:\carlosrcos\desktop_backup\Temporário\Controle de gastos - CPS.xlsx</t>
  </si>
  <si>
    <t>11/22/2019 09:40:14</t>
  </si>
  <si>
    <t>11/22/2019 09:40:36</t>
  </si>
  <si>
    <t>/o=exchangelabs/ou=exchange administrative group (fydibohf23spdlt)/cn=recipients/cn=2f25493a7e37433d8dafca90f527b173-danubia cri;/o=exchangelabs/ou=exchange administrative group (fydibohf23spdlt)/cn=recipients/cn=86f97e3fdf744bd7a2dfff398729d365-polyana cri;danubiacsm@algartech.com;</t>
  </si>
  <si>
    <t>Presença Semana do Conhecimento Novembro 2019</t>
  </si>
  <si>
    <t>/o=exchangelabs/ou=exchange administrative group (fydibohf23spdlt)/cn=recipients/cn=2f25493a7e37433d8dafca90f527b173-danubia cri,/o=exchangelabs/ou=exchange administrative group (fydibohf23spdlt)/cn=recipients/cn=86f97e3fdf744bd7a2dfff398729d365-polyana cri,danubiacsm@algartech.com</t>
  </si>
  <si>
    <t>11/22/2019 09:41:37</t>
  </si>
  <si>
    <t>11/20/2019 17:34:02</t>
  </si>
  <si>
    <t>c:\users\iramildass\desktop\reembolso novembro\</t>
  </si>
  <si>
    <t>recibo de reembolso - denise.xls</t>
  </si>
  <si>
    <t>recibo de reembolso - iramilda.xls</t>
  </si>
  <si>
    <t>11/22/2019 09:38:55</t>
  </si>
  <si>
    <t>H:\Controladoria\Planejamento\Reuniao Gerencial\2019\4ª Reuger\Premissas Macro_Economicas\</t>
  </si>
  <si>
    <t>Taxas Macroeconomicas 18 out 2019.xlsx</t>
  </si>
  <si>
    <t>11/22/2019 09:38:59</t>
  </si>
  <si>
    <t>11/22/2019 09:44:36</t>
  </si>
  <si>
    <t>Controle Ferias.xls</t>
  </si>
  <si>
    <t>F:\carlosrcos\desktop_backup\Temporário\Controle Ferias.xls</t>
  </si>
  <si>
    <t>11/22/2019 09:39:00</t>
  </si>
  <si>
    <t>coordenadores.xls</t>
  </si>
  <si>
    <t>F:\carlosrcos\desktop_backup\Temporário\coordenadores.xls</t>
  </si>
  <si>
    <t>11/22/2019 09:39:01</t>
  </si>
  <si>
    <t>Cópia de DC_Sede_238_Retirar acessos.xls</t>
  </si>
  <si>
    <t>F:\carlosrcos\desktop_backup\Temporário\Cópia de DC_Sede_238_Retirar acessos.xls</t>
  </si>
  <si>
    <t>Dados.xls</t>
  </si>
  <si>
    <t>F:\carlosrcos\desktop_backup\Temporário\Dados.xls</t>
  </si>
  <si>
    <t>DC_Sede_238_Emerson.xls</t>
  </si>
  <si>
    <t>F:\carlosrcos\desktop_backup\Temporário\DC_Sede_238_Emerson.xls</t>
  </si>
  <si>
    <t>DC_Sede_238_Retirar acessos.xls</t>
  </si>
  <si>
    <t>F:\carlosrcos\desktop_backup\Temporário\DC_Sede_238_Retirar acessos.xls</t>
  </si>
  <si>
    <t>Departamental(1).xls</t>
  </si>
  <si>
    <t>F:\carlosrcos\desktop_backup\Temporário\Departamental(1).xls</t>
  </si>
  <si>
    <t>Despesa com viagem.xlsx</t>
  </si>
  <si>
    <t>F:\carlosrcos\desktop_backup\Temporário\Despesa com viagem.xlsx</t>
  </si>
  <si>
    <t>11/22/2019 09:39:10</t>
  </si>
  <si>
    <t>entrada%20e%20saida_alterado(1).xls</t>
  </si>
  <si>
    <t>F:\carlosrcos\desktop_backup\Temporário\entrada%20e%20saida_alterado(1).xls</t>
  </si>
  <si>
    <t>11/22/2019 09:39:12</t>
  </si>
  <si>
    <t>Fluxo de Acessos_Segurança - em criação.xls</t>
  </si>
  <si>
    <t>F:\carlosrcos\desktop_backup\Temporário\Fluxo de Acessos_Segurança - em criação.xls</t>
  </si>
  <si>
    <t>11/22/2019 09:39:23</t>
  </si>
  <si>
    <t>habilitados.xls</t>
  </si>
  <si>
    <t>F:\carlosrcos\desktop_backup\Temporário\habilitados.xls</t>
  </si>
  <si>
    <t>11/22/2019 09:39:24</t>
  </si>
  <si>
    <t>Infra - Detalhe Atividades - SLA.xlsx</t>
  </si>
  <si>
    <t>F:\carlosrcos\desktop_backup\Temporário\Infra - Detalhe Atividades - SLA.xlsx</t>
  </si>
  <si>
    <t>irregular_algar seg..xls</t>
  </si>
  <si>
    <t>F:\carlosrcos\desktop_backup\Temporário\irregular_algar seg..xls</t>
  </si>
  <si>
    <t>Levantamento de custo_internalização.xlsx</t>
  </si>
  <si>
    <t>F:\carlosrcos\desktop_backup\Temporário\Levantamento de custo_internalização.xlsx</t>
  </si>
  <si>
    <t>11/22/2019 09:39:33</t>
  </si>
  <si>
    <t>NOVO TEMPLATE RDM (vinculo com BDGC).xls</t>
  </si>
  <si>
    <t>F:\carlosrcos\desktop_backup\Temporário\NOVO TEMPLATE RDM (vinculo com BDGC).xls</t>
  </si>
  <si>
    <t>Novos usuários DC 238.xlsx</t>
  </si>
  <si>
    <t>F:\carlosrcos\desktop_backup\Temporário\Novos usuários DC 238.xlsx</t>
  </si>
  <si>
    <t>11/22/2019 09:39:34</t>
  </si>
  <si>
    <t>Oportunidades - Gerais de Seg. Patrimonial.xls</t>
  </si>
  <si>
    <t>F:\carlosrcos\desktop_backup\Temporário\Oportunidades - Gerais de Seg. Patrimonial.xls</t>
  </si>
  <si>
    <t>F:\carlosrcos\desktop_backup\Temporário\Pasta3.xlsx</t>
  </si>
  <si>
    <t>11/22/2019 09:39:35</t>
  </si>
  <si>
    <t>png2_com cpf.xls</t>
  </si>
  <si>
    <t>F:\carlosrcos\desktop_backup\Temporário\png2_com cpf.xls</t>
  </si>
  <si>
    <t>11/22/2019 09:39:38</t>
  </si>
  <si>
    <t>Relatório_01-01 a 04-10_incidentes.xlsx</t>
  </si>
  <si>
    <t>F:\carlosrcos\desktop_backup\Temporário\Relatório_01-01 a 04-10_incidentes.xlsx</t>
  </si>
  <si>
    <t>11/22/2019 09:39:39</t>
  </si>
  <si>
    <t>relação algar RJ.xls</t>
  </si>
  <si>
    <t>F:\carlosrcos\desktop_backup\Temporário\relação algar RJ.xls</t>
  </si>
  <si>
    <t>RO-MODELO_v3.XLS</t>
  </si>
  <si>
    <t>F:\carlosrcos\desktop_backup\Temporário\RO-MODELO_v3.XLS</t>
  </si>
  <si>
    <t>Rua Padre Pio.xlsx</t>
  </si>
  <si>
    <t>F:\carlosrcos\desktop_backup\Temporário\Rua Padre Pio.xlsx</t>
  </si>
  <si>
    <t>Solicitação de Viagem - Campinas SP - Carlos Rodrigues Costa.xls</t>
  </si>
  <si>
    <t>F:\carlosrcos\desktop_backup\Temporário\Solicitação de Viagem - Campinas SP - Carlos Rodrigues Costa.xls</t>
  </si>
  <si>
    <t>Terceiros habilitados.xls</t>
  </si>
  <si>
    <t>F:\carlosrcos\desktop_backup\Temporário\Terceiros habilitados.xls</t>
  </si>
  <si>
    <t>11/22/2019 09:39:43</t>
  </si>
  <si>
    <t>Tickets encerrados.xls</t>
  </si>
  <si>
    <t>F:\carlosrcos\desktop_backup\Temporário\Tickets encerrados.xls</t>
  </si>
  <si>
    <t>usuários com acesso.xls</t>
  </si>
  <si>
    <t>F:\carlosrcos\desktop_backup\Temporário\usuários com acesso.xls</t>
  </si>
  <si>
    <t>11/22/2019 09:39:44</t>
  </si>
  <si>
    <t>Validação Luismar.xlsx</t>
  </si>
  <si>
    <t>F:\carlosrcos\desktop_backup\Temporário\Validação Luismar.xlsx</t>
  </si>
  <si>
    <t>Validação Luismar_Revisão Carlos_14-10-11.xlsx</t>
  </si>
  <si>
    <t>F:\carlosrcos\desktop_backup\Temporário\Validação Luismar_Revisão Carlos_14-10-11.xlsx</t>
  </si>
  <si>
    <t>11/22/2019 09:39:47</t>
  </si>
  <si>
    <t>Álcool x Gasolina.xlsx</t>
  </si>
  <si>
    <t>F:\carlosrcos\desktop_backup\Temporário\Álcool x Gasolina.xlsx</t>
  </si>
  <si>
    <t>E:\carlosrcos\desktop_backup\Temporário\Análise crítica de acesso\</t>
  </si>
  <si>
    <t>assessoria.xls</t>
  </si>
  <si>
    <t>F:\carlosrcos\desktop_backup\Temporário\Análise crítica de acesso\assessoria.xls</t>
  </si>
  <si>
    <t>dc em férias.xls</t>
  </si>
  <si>
    <t>F:\carlosrcos\desktop_backup\Temporário\Análise crítica de acesso\dc em férias.xls</t>
  </si>
  <si>
    <t>11/22/2019 09:39:48</t>
  </si>
  <si>
    <t>DC_Sede, 238.xls</t>
  </si>
  <si>
    <t>F:\carlosrcos\desktop_backup\Temporário\Análise crítica de acesso\DC_Sede, 238.xls</t>
  </si>
  <si>
    <t>Relação de usuários_Edilson.xlsx</t>
  </si>
  <si>
    <t>F:\carlosrcos\desktop_backup\Temporário\Análise crítica de acesso\Relação de usuários_Edilson.xlsx</t>
  </si>
  <si>
    <t>Relação de usuários_Frederico.xlsx</t>
  </si>
  <si>
    <t>F:\carlosrcos\desktop_backup\Temporário\Análise crítica de acesso\Relação de usuários_Frederico.xlsx</t>
  </si>
  <si>
    <t>ti_238_ativos.xls</t>
  </si>
  <si>
    <t>F:\carlosrcos\desktop_backup\Temporário\Análise crítica de acesso\ti_238_ativos.xls</t>
  </si>
  <si>
    <t>ti_geral_férias.xls</t>
  </si>
  <si>
    <t>F:\carlosrcos\desktop_backup\Temporário\Análise crítica de acesso\ti_geral_férias.xls</t>
  </si>
  <si>
    <t>E:\carlosrcos\desktop_backup\Temporário\Análise crítica de acesso\Atualização\</t>
  </si>
  <si>
    <t>Rodrigo_Pode ter crachá 49 mas não terá o acesso.xls</t>
  </si>
  <si>
    <t>F:\carlosrcos\desktop_backup\Temporário\Análise crítica de acesso\Atualização\Rodrigo_Pode ter crachá 49 mas não terá o acesso.xls</t>
  </si>
  <si>
    <t>11/22/2019 09:39:50</t>
  </si>
  <si>
    <t>E:\carlosrcos\desktop_backup\Temporário\Análise crítica de acesso\Infra\</t>
  </si>
  <si>
    <t>infra_ativos.xls</t>
  </si>
  <si>
    <t>F:\carlosrcos\desktop_backup\Temporário\Análise crítica de acesso\Infra\infra_ativos.xls</t>
  </si>
  <si>
    <t>11/22/2019 09:39:51</t>
  </si>
  <si>
    <t>E:\carlosrcos\desktop_backup\Temporário\Análise crítica de acesso\Liberação final_autorizado por Emerson\</t>
  </si>
  <si>
    <t>Equipe Kelly Cristina.xlsx</t>
  </si>
  <si>
    <t>F:\carlosrcos\desktop_backup\Temporário\Análise crítica de acesso\Liberação final_autorizado por Emerson\Equipe Kelly Cristina.xlsx</t>
  </si>
  <si>
    <t>Equipe Rodrigo Storti.xls</t>
  </si>
  <si>
    <t>F:\carlosrcos\desktop_backup\Temporário\Análise crítica de acesso\Liberação final_autorizado por Emerson\Equipe Rodrigo Storti.xls</t>
  </si>
  <si>
    <t>E:\carlosrcos\desktop_backup\Temporário\Análise crítica de acesso\Subistituição de crachá 49xxx_14-10-11\</t>
  </si>
  <si>
    <t>Recolhimento_01.xlsx</t>
  </si>
  <si>
    <t>F:\carlosrcos\desktop_backup\Temporário\Análise crítica de acesso\Subistituição de crachá 49xxx_14-10-11\Recolhimento_01.xlsx</t>
  </si>
  <si>
    <t>11/22/2019 09:39:56</t>
  </si>
  <si>
    <t>E:\carlosrcos\desktop_backup\Temporário\Estudar Planilhas\</t>
  </si>
  <si>
    <t>Documento de Apoio 232.xls</t>
  </si>
  <si>
    <t>F:\carlosrcos\desktop_backup\Temporário\Estudar Planilhas\Documento de Apoio 232.xls</t>
  </si>
  <si>
    <t>11/22/2019 09:39:57</t>
  </si>
  <si>
    <t>Documento de Apoio 232_2.xls</t>
  </si>
  <si>
    <t>F:\carlosrcos\desktop_backup\Temporário\Estudar Planilhas\Documento de Apoio 232_2.xls</t>
  </si>
  <si>
    <t>11/22/2019 09:39:58</t>
  </si>
  <si>
    <t>Lista de Ramais AMEX ATUALIZADOS-USAR AS 2 LISTAS (portaria v1).xls</t>
  </si>
  <si>
    <t>F:\carlosrcos\desktop_backup\Temporário\Estudar Planilhas\Lista de Ramais AMEX ATUALIZADOS-USAR AS 2 LISTAS (portaria v1).xls</t>
  </si>
  <si>
    <t>E:\carlosrcos\desktop_backup\Treinamento_Nova equipe\</t>
  </si>
  <si>
    <t>Controle de Usuários e Aprovadores Responsáveis_V01.xlsx</t>
  </si>
  <si>
    <t>F:\carlosrcos\desktop_backup\Treinamento_Nova equipe\Controle de Usuários e Aprovadores Responsáveis_V01.xlsx</t>
  </si>
  <si>
    <t>11/22/2019 09:40:32</t>
  </si>
  <si>
    <t>E:\desktop\</t>
  </si>
  <si>
    <t>amazon_geral.xls</t>
  </si>
  <si>
    <t>F:\desktop\amazon_geral.xls</t>
  </si>
  <si>
    <t>11/22/2019 09:40:33</t>
  </si>
  <si>
    <t>E:\desktop\Assessment SEB - COC v3.2 - Livia.rar\</t>
  </si>
  <si>
    <t>Assessment SEB - COC v3.2 - Livia.xls</t>
  </si>
  <si>
    <t>F:\desktop\Assessment SEB - COC v3.2 - Livia.rar</t>
  </si>
  <si>
    <t>11/22/2019 09:40:34</t>
  </si>
  <si>
    <t>Avaliação de Eficácia 2012 - Carlos.xls</t>
  </si>
  <si>
    <t>F:\desktop\Avaliação de Eficácia 2012 - Carlos.xls</t>
  </si>
  <si>
    <t>F:\desktop\Codinomes_Equipe VIG.xlsx</t>
  </si>
  <si>
    <t>F:\desktop\COI.xls</t>
  </si>
  <si>
    <t>11/22/2019 09:40:35</t>
  </si>
  <si>
    <t>F:\desktop\Escala.xlsx</t>
  </si>
  <si>
    <t>11/22/2019 09:40:37</t>
  </si>
  <si>
    <t>Imagens Facebook_.xlsx</t>
  </si>
  <si>
    <t>F:\desktop\Imagens Facebook_.xlsx</t>
  </si>
  <si>
    <t>11/22/2019 09:40:38</t>
  </si>
  <si>
    <t>Mapeamento de Furtos e Roubos Caixa Eletrônicos_UDI CPS.xls</t>
  </si>
  <si>
    <t>F:\desktop\Mapeamento de Furtos e Roubos Caixa Eletrônicos_UDI CPS.xls</t>
  </si>
  <si>
    <t>11/22/2019 09:40:39</t>
  </si>
  <si>
    <t>OBJETIVOS ASSESSORIA SEGURANÇA 2012.xls</t>
  </si>
  <si>
    <t>F:\desktop\OBJETIVOS ASSESSORIA SEGURANÇA 2012.xls</t>
  </si>
  <si>
    <t>Postos e CRs_ leonidas.xlsx</t>
  </si>
  <si>
    <t>F:\desktop\Postos e CRs_ leonidas.xlsx</t>
  </si>
  <si>
    <t>11/22/2019 09:41:21</t>
  </si>
  <si>
    <t>TELECOM (2).xlsx</t>
  </si>
  <si>
    <t>F:\desktop\TELECOM (2).xlsx</t>
  </si>
  <si>
    <t>TELECOM.xlsx</t>
  </si>
  <si>
    <t>F:\desktop\TELECOM.xlsx</t>
  </si>
  <si>
    <t>11/22/2019 09:41:23</t>
  </si>
  <si>
    <t>Valores e Rateios postos Vigilancia e Portaria.xlsx</t>
  </si>
  <si>
    <t>F:\desktop\Valores e Rateios postos Vigilancia e Portaria.xlsx</t>
  </si>
  <si>
    <t>11/22/2019 09:41:26</t>
  </si>
  <si>
    <t>E:\desktop\Acompanhamento\</t>
  </si>
  <si>
    <t>0009031 - VEICULO SUSPEITO - REGINALDO MORAIS.XLS</t>
  </si>
  <si>
    <t>F:\desktop\Acompanhamento\0009031 - VEICULO SUSPEITO - REGINALDO MORAIS.XLS</t>
  </si>
  <si>
    <t>11/22/2019 09:41:56</t>
  </si>
  <si>
    <t>E:\desktop\DeskTop Temp\</t>
  </si>
  <si>
    <t>car299c.xls</t>
  </si>
  <si>
    <t>F:\desktop\DeskTop Temp\car299c.xls</t>
  </si>
  <si>
    <t>11/22/2019 09:41:58</t>
  </si>
  <si>
    <t>Cópia de Mapeamento de Furtos e Roubos Caixa Eletrônicos_UDI CPS.xls</t>
  </si>
  <si>
    <t>F:\desktop\DeskTop Temp\Cópia de Mapeamento de Furtos e Roubos Caixa Eletrônicos_UDI CPS.xls</t>
  </si>
  <si>
    <t>11/22/2019 09:42:00</t>
  </si>
  <si>
    <t>Mapeamento%20de%20Roubo%20em%20Caixas%20Eletrônicos(1).xls</t>
  </si>
  <si>
    <t>F:\desktop\DeskTop Temp\Mapeamento%20de%20Roubo%20em%20Caixas%20Eletrônicos(1).xls</t>
  </si>
  <si>
    <t>11/22/2019 09:42:20</t>
  </si>
  <si>
    <t>Tickets encerrados -2010 e 2011.xlsm</t>
  </si>
  <si>
    <t>F:\desktop\DeskTop Temp\Tickets encerrados -2010 e 2011.xlsm</t>
  </si>
  <si>
    <t>11/22/2019 09:42:34</t>
  </si>
  <si>
    <t>Tickets encerrados -2010.xlsm</t>
  </si>
  <si>
    <t>F:\desktop\DeskTop Temp\Tickets encerrados -2010.xlsm</t>
  </si>
  <si>
    <t>11/22/2019 09:42:48</t>
  </si>
  <si>
    <t>Tickets encerrados -2011.xlsm</t>
  </si>
  <si>
    <t>F:\desktop\DeskTop Temp\Tickets encerrados -2011.xlsm</t>
  </si>
  <si>
    <t>11/22/2019 09:42:49</t>
  </si>
  <si>
    <t>E:\desktop\DeskTop Temp\COI - Centro de Operações de Inteligência\</t>
  </si>
  <si>
    <t>F:\desktop\DeskTop Temp\COI - Centro de Operações de Inteligência\Estrutura_Segurança.xls</t>
  </si>
  <si>
    <t>E:\desktop\DeskTop Temp\Organiza\</t>
  </si>
  <si>
    <t>Análise de entrada de veículo_945961.xlsx</t>
  </si>
  <si>
    <t>F:\desktop\DeskTop Temp\Organiza\Análise de entrada de veículo_945961.xlsx</t>
  </si>
  <si>
    <t>11/22/2019 09:42:52</t>
  </si>
  <si>
    <t>Mapeamento de Furtos e Roubos a Caixa Eletrônicos_Campinas.xls</t>
  </si>
  <si>
    <t>F:\desktop\DeskTop Temp\Organiza\Mapeamento de Furtos e Roubos a Caixa Eletrônicos_Campinas.xls</t>
  </si>
  <si>
    <t>11/22/2019 09:42:53</t>
  </si>
  <si>
    <t>Mapeamento de Furtos e Roubos a Caixa Eletrônicos_ULA.xls</t>
  </si>
  <si>
    <t>F:\desktop\DeskTop Temp\Organiza\Mapeamento de Furtos e Roubos a Caixa Eletrônicos_ULA.xls</t>
  </si>
  <si>
    <t>Recomendações Petrobras.xlsx</t>
  </si>
  <si>
    <t>F:\desktop\DeskTop Temp\Organiza\Recomendações Petrobras.xlsx</t>
  </si>
  <si>
    <t>11/22/2019 09:43:00</t>
  </si>
  <si>
    <t>F:\desktop\DeskTop Temp\Organiza\Tickets encerrados.xls</t>
  </si>
  <si>
    <t>11/22/2019 09:42:13</t>
  </si>
  <si>
    <t>11/22/2019 09:45:37</t>
  </si>
  <si>
    <t>MailboxUsageDetail11_22_2019 12_03_30 PM.xlsx</t>
  </si>
  <si>
    <t>11/22/2019 09:40:43</t>
  </si>
  <si>
    <t>10.211.2.95</t>
  </si>
  <si>
    <t>ENC: CADASTRO GERAL NOVEMBRO 2019 - TECH/TI</t>
  </si>
  <si>
    <t>CADASTRO GERAL NOVEMBRO 2019.csv</t>
  </si>
  <si>
    <t>11/22/2019 09:44:32</t>
  </si>
  <si>
    <t>11/22/2019 09:49:37</t>
  </si>
  <si>
    <t>E:\desktop\DeskTop Temp\Organiza\Indicadores 2011\</t>
  </si>
  <si>
    <t>CAIBM_Atualizar.xlsx</t>
  </si>
  <si>
    <t>F:\desktop\DeskTop Temp\Organiza\Indicadores 2011\CAIBM_Atualizar.xlsx</t>
  </si>
  <si>
    <t>11/22/2019 09:44:38</t>
  </si>
  <si>
    <t>CAToutatis_26-07-11.xls</t>
  </si>
  <si>
    <t>F:\desktop\DeskTop Temp\Organiza\Indicadores 2011\CAToutatis_26-07-11.xls</t>
  </si>
  <si>
    <t>11/22/2019 09:44:40</t>
  </si>
  <si>
    <t>Panilha RJ - verificar se esta ativo ou demitido.xls</t>
  </si>
  <si>
    <t>F:\desktop\DeskTop Temp\Organiza\Indicadores 2011\Panilha RJ - verificar se esta ativo ou demitido.xls</t>
  </si>
  <si>
    <t>11/22/2019 09:44:43</t>
  </si>
  <si>
    <t>Tickets encerrados 2011.xls</t>
  </si>
  <si>
    <t>F:\desktop\DeskTop Temp\Organiza\Indicadores 2011\Tickets encerrados 2011.xls</t>
  </si>
  <si>
    <t>11/22/2019 09:44:46</t>
  </si>
  <si>
    <t>Tickets encerrados_2010.xls</t>
  </si>
  <si>
    <t>F:\desktop\DeskTop Temp\Organiza\Indicadores 2011\Tickets encerrados_2010.xls</t>
  </si>
  <si>
    <t>11/22/2019 09:44:49</t>
  </si>
  <si>
    <t>E:\desktop\Diretorio I\</t>
  </si>
  <si>
    <t>CONTROLE DE TERCEIROS.xlsx</t>
  </si>
  <si>
    <t>F:\desktop\Diretorio I\CONTROLE DE TERCEIROS.xlsx</t>
  </si>
  <si>
    <t>RAMAIS.xlsx</t>
  </si>
  <si>
    <t>F:\desktop\Diretorio I\RAMAIS.xlsx</t>
  </si>
  <si>
    <t>11/22/2019 09:44:53</t>
  </si>
  <si>
    <t>E:\desktop\Diretorio I\1 - Operação\1.1 - Seguranca Patrimonial\1.1.3 - Administrativo Algar Tecnologia\Escala de Plantão Infraestrutura\</t>
  </si>
  <si>
    <t>Plantão 2010.xls</t>
  </si>
  <si>
    <t>F:\desktop\Diretorio I\1 - Operação\1.1 - Seguranca Patrimonial\1.1.3 - Administrativo Algar Tecnologia\Escala de Plantão Infraestrutura\Plantão 2010.xls</t>
  </si>
  <si>
    <t>11/22/2019 09:48:19</t>
  </si>
  <si>
    <t>E:\desktop\Diretorio I\1 - Operação\1.1 - Seguranca Patrimonial\1.1.3 - Administrativo Algar Tecnologia\Fotos X Matriculas Campinas\Old\Matriculas\</t>
  </si>
  <si>
    <t>Nome e matrícula novos associados.xls</t>
  </si>
  <si>
    <t>F:\desktop\Diretorio I\1 - Operação\1.1 - Seguranca Patrimonial\1.1.3 - Administrativo Algar Tecnologia\Fotos X Matriculas Campinas\Old\Matriculas\Nome e matrícula novos associados.xls</t>
  </si>
  <si>
    <t>11/22/2019 09:48:20</t>
  </si>
  <si>
    <t>E:\desktop\Diretorio I\1 - Operação\1.1 - Seguranca Patrimonial\1.1.3 - Administrativo Algar Tecnologia\Fotos X Matriculas Campinas\Old\Relatórios de Admissões\</t>
  </si>
  <si>
    <t>Admissões Abril - 17-04-09.xls</t>
  </si>
  <si>
    <t>F:\desktop\Diretorio I\1 - Operação\1.1 - Seguranca Patrimonial\1.1.3 - Administrativo Algar Tecnologia\Fotos X Matriculas Campinas\Old\Relatórios de Admissões\Admissões Abril - 17-04-09.xls</t>
  </si>
  <si>
    <t>11/22/2019 09:48:21</t>
  </si>
  <si>
    <t>E:\desktop\Diretorio I\1 - Operação\1.2 - Relatórios\RO\RO 2011\01 - JANEIRO 2011\</t>
  </si>
  <si>
    <t>FORMULÁRIO DE RO.xls</t>
  </si>
  <si>
    <t>F:\desktop\Diretorio I\1 - Operação\1.2 - Relatórios\RO\RO 2011\01 - JANEIRO 2011\FORMULÁRIO DE RO.xls</t>
  </si>
  <si>
    <t>E:\desktop\Diretorio I\1 - Operação\1.2 - Relatórios\RO\RO 2011\01 - JANEIRO 2011\Resolvidas\</t>
  </si>
  <si>
    <t>CPS068 Uso Indevido de Sala.xls</t>
  </si>
  <si>
    <t>F:\desktop\Diretorio I\1 - Operação\1.2 - Relatórios\RO\RO 2011\01 - JANEIRO 2011\Resolvidas\CPS068 Uso Indevido de Sala.xls</t>
  </si>
  <si>
    <t>CPS069 INCIDENTE COM MOTO.xls</t>
  </si>
  <si>
    <t>F:\desktop\Diretorio I\1 - Operação\1.2 - Relatórios\RO\RO 2011\01 - JANEIRO 2011\Resolvidas\CPS069 INCIDENTE COM MOTO.xls</t>
  </si>
  <si>
    <t>CPS071 Liberação sem Documento.xls</t>
  </si>
  <si>
    <t>F:\desktop\Diretorio I\1 - Operação\1.2 - Relatórios\RO\RO 2011\01 - JANEIRO 2011\Resolvidas\CPS071 Liberação sem Documento.xls</t>
  </si>
  <si>
    <t>CPS072USO INDEVIDO DE ARMÁRIO.xls</t>
  </si>
  <si>
    <t>F:\desktop\Diretorio I\1 - Operação\1.2 - Relatórios\RO\RO 2011\01 - JANEIRO 2011\Resolvidas\CPS072USO INDEVIDO DE ARMÁRIO.xls</t>
  </si>
  <si>
    <t>11/22/2019 09:48:22</t>
  </si>
  <si>
    <t>CPS073 MAL ESTAR DE ASSOCIADA.xls</t>
  </si>
  <si>
    <t>F:\desktop\Diretorio I\1 - Operação\1.2 - Relatórios\RO\RO 2011\01 - JANEIRO 2011\Resolvidas\CPS073 MAL ESTAR DE ASSOCIADA.xls</t>
  </si>
  <si>
    <t>CPS074 Atitude Suspeita.xlsx</t>
  </si>
  <si>
    <t>F:\desktop\Diretorio I\1 - Operação\1.2 - Relatórios\RO\RO 2011\01 - JANEIRO 2011\Resolvidas\CPS074 Atitude Suspeita.xlsx</t>
  </si>
  <si>
    <t>CPS075 QUEBRA DE CADEADO.xls</t>
  </si>
  <si>
    <t>F:\desktop\Diretorio I\1 - Operação\1.2 - Relatórios\RO\RO 2011\01 - JANEIRO 2011\Resolvidas\CPS075 QUEBRA DE CADEADO.xls</t>
  </si>
  <si>
    <t>CPS076 ALIMENTAÇÃO EM SALA DE TRN.xls</t>
  </si>
  <si>
    <t>F:\desktop\Diretorio I\1 - Operação\1.2 - Relatórios\RO\RO 2011\01 - JANEIRO 2011\Resolvidas\CPS076 ALIMENTAÇÃO EM SALA DE TRN.xls</t>
  </si>
  <si>
    <t>CPS077DESRESPEITO FAIXA DE PEDESTRES.xls</t>
  </si>
  <si>
    <t>F:\desktop\Diretorio I\1 - Operação\1.2 - Relatórios\RO\RO 2011\01 - JANEIRO 2011\Resolvidas\CPS077DESRESPEITO FAIXA DE PEDESTRES.xls</t>
  </si>
  <si>
    <t>CPS078 DANOS NA CERCA ELÉTRICA.xls</t>
  </si>
  <si>
    <t>F:\desktop\Diretorio I\1 - Operação\1.2 - Relatórios\RO\RO 2011\01 - JANEIRO 2011\Resolvidas\CPS078 DANOS NA CERCA ELÉTRICA.xls</t>
  </si>
  <si>
    <t>11/22/2019 09:48:23</t>
  </si>
  <si>
    <t>RO 070 DESAPARECIMENTO DE CAMERA.xlsx</t>
  </si>
  <si>
    <t>F:\desktop\Diretorio I\1 - Operação\1.2 - Relatórios\RO\RO 2011\01 - JANEIRO 2011\Resolvidas\RO 070 DESAPARECIMENTO DE CAMERA.xlsx</t>
  </si>
  <si>
    <t>E:\desktop\Diretorio I\1 - Operação\1.2 - Relatórios\RO\RO 2011\02- FEVEREIRO 2011\</t>
  </si>
  <si>
    <t>FORMULARIO RO 2011.xlsx</t>
  </si>
  <si>
    <t>F:\desktop\Diretorio I\1 - Operação\1.2 - Relatórios\RO\RO 2011\02- FEVEREIRO 2011\FORMULARIO RO 2011.xlsx</t>
  </si>
  <si>
    <t>F:\desktop\Diretorio I\1 - Operação\1.2 - Relatórios\RO\RO 2011\02- FEVEREIRO 2011\FORMULÁRIO DE RO.xls</t>
  </si>
  <si>
    <t>E:\desktop\Diretorio I\1 - Operação\1.2 - Relatórios\RO\RO 2011\02- FEVEREIRO 2011\Resolvidas\</t>
  </si>
  <si>
    <t>CPS079 SUMIÇO DE FONE.xls</t>
  </si>
  <si>
    <t>F:\desktop\Diretorio I\1 - Operação\1.2 - Relatórios\RO\RO 2011\02- FEVEREIRO 2011\Resolvidas\CPS079 SUMIÇO DE FONE.xls</t>
  </si>
  <si>
    <t>11/22/2019 09:48:24</t>
  </si>
  <si>
    <t>cps080 vazamento caixa D'água.xlsx</t>
  </si>
  <si>
    <t>F:\desktop\Diretorio I\1 - Operação\1.2 - Relatórios\RO\RO 2011\02- FEVEREIRO 2011\Resolvidas\cps080 vazamento caixa D'água.xlsx</t>
  </si>
  <si>
    <t>CPS081 NOTEBOOKS NO STAFF.xls</t>
  </si>
  <si>
    <t>F:\desktop\Diretorio I\1 - Operação\1.2 - Relatórios\RO\RO 2011\02- FEVEREIRO 2011\Resolvidas\CPS081 NOTEBOOKS NO STAFF.xls</t>
  </si>
  <si>
    <t>CPS082 VISITA SUSPEITA.xlsx</t>
  </si>
  <si>
    <t>F:\desktop\Diretorio I\1 - Operação\1.2 - Relatórios\RO\RO 2011\02- FEVEREIRO 2011\Resolvidas\CPS082 VISITA SUSPEITA.xlsx</t>
  </si>
  <si>
    <t>CPS083 LUZ DE EMERGÊNCIA GMG 2.xls</t>
  </si>
  <si>
    <t>F:\desktop\Diretorio I\1 - Operação\1.2 - Relatórios\RO\RO 2011\02- FEVEREIRO 2011\Resolvidas\CPS083 LUZ DE EMERGÊNCIA GMG 2.xls</t>
  </si>
  <si>
    <t>CPS084 ACHADOS E PERDIDOS.xls</t>
  </si>
  <si>
    <t>F:\desktop\Diretorio I\1 - Operação\1.2 - Relatórios\RO\RO 2011\02- FEVEREIRO 2011\Resolvidas\CPS084 ACHADOS E PERDIDOS.xls</t>
  </si>
  <si>
    <t>11/22/2019 09:48:25</t>
  </si>
  <si>
    <t>CPS085 LIBERAÇÃO SEM DOCUMENTO.xls</t>
  </si>
  <si>
    <t>F:\desktop\Diretorio I\1 - Operação\1.2 - Relatórios\RO\RO 2011\02- FEVEREIRO 2011\Resolvidas\CPS085 LIBERAÇÃO SEM DOCUMENTO.xls</t>
  </si>
  <si>
    <t>CPS086 USO INCORRETO DE ARMÁRIO.xls</t>
  </si>
  <si>
    <t>F:\desktop\Diretorio I\1 - Operação\1.2 - Relatórios\RO\RO 2011\02- FEVEREIRO 2011\Resolvidas\CPS086 USO INCORRETO DE ARMÁRIO.xls</t>
  </si>
  <si>
    <t>CPS087 ROUBO DE MOTO.xls</t>
  </si>
  <si>
    <t>F:\desktop\Diretorio I\1 - Operação\1.2 - Relatórios\RO\RO 2011\02- FEVEREIRO 2011\Resolvidas\CPS087 ROUBO DE MOTO.xls</t>
  </si>
  <si>
    <t>CPS088 ACHADOS E PERDIDOS.xls</t>
  </si>
  <si>
    <t>F:\desktop\Diretorio I\1 - Operação\1.2 - Relatórios\RO\RO 2011\02- FEVEREIRO 2011\Resolvidas\CPS088 ACHADOS E PERDIDOS.xls</t>
  </si>
  <si>
    <t>CPS089 SAIDA COM NOTEBOOK.xls</t>
  </si>
  <si>
    <t>F:\desktop\Diretorio I\1 - Operação\1.2 - Relatórios\RO\RO 2011\02- FEVEREIRO 2011\Resolvidas\CPS089 SAIDA COM NOTEBOOK.xls</t>
  </si>
  <si>
    <t>CPS090 FURTO DE BANDEIJA.xls</t>
  </si>
  <si>
    <t>F:\desktop\Diretorio I\1 - Operação\1.2 - Relatórios\RO\RO 2011\02- FEVEREIRO 2011\Resolvidas\CPS090 FURTO DE BANDEIJA.xls</t>
  </si>
  <si>
    <t>CPS091 AGRESSÃO VERBAL.xls</t>
  </si>
  <si>
    <t>F:\desktop\Diretorio I\1 - Operação\1.2 - Relatórios\RO\RO 2011\02- FEVEREIRO 2011\Resolvidas\CPS091 AGRESSÃO VERBAL.xls</t>
  </si>
  <si>
    <t>11/22/2019 09:48:26</t>
  </si>
  <si>
    <t>CPS092 ROUBO DE GUARDA CHUVA.xls</t>
  </si>
  <si>
    <t>F:\desktop\Diretorio I\1 - Operação\1.2 - Relatórios\RO\RO 2011\02- FEVEREIRO 2011\Resolvidas\CPS092 ROUBO DE GUARDA CHUVA.xls</t>
  </si>
  <si>
    <t>CPS093A FURTO DE MARMITA.xlsx</t>
  </si>
  <si>
    <t>F:\desktop\Diretorio I\1 - Operação\1.2 - Relatórios\RO\RO 2011\02- FEVEREIRO 2011\Resolvidas\CPS093A FURTO DE MARMITA.xlsx</t>
  </si>
  <si>
    <t>CPS094 INFRINGIU NORMAS DA EMPRESA.xlsx</t>
  </si>
  <si>
    <t>F:\desktop\Diretorio I\1 - Operação\1.2 - Relatórios\RO\RO 2011\02- FEVEREIRO 2011\Resolvidas\CPS094 INFRINGIU NORMAS DA EMPRESA.xlsx</t>
  </si>
  <si>
    <t>E:\desktop\Diretorio I\1 - Operação\1.2 - Relatórios\RO\RO 2011\03 - MARÇO 2011\</t>
  </si>
  <si>
    <t>F:\desktop\Diretorio I\1 - Operação\1.2 - Relatórios\RO\RO 2011\03 - MARÇO 2011\FORMULARIO RO 2011.xlsx</t>
  </si>
  <si>
    <t>11/22/2019 09:50:36</t>
  </si>
  <si>
    <t>F:\desktop\Diretorio I\1 - Operação\1.2 - Relatórios\RO\RO 2011\03 - MARÇO 2011\FORMULÁRIO DE RO.xls</t>
  </si>
  <si>
    <t>11/22/2019 09:48:27</t>
  </si>
  <si>
    <t>E:\desktop\Diretorio I\1 - Operação\1.2 - Relatórios\RO\RO 2011\03 - MARÇO 2011\Resolvidas\</t>
  </si>
  <si>
    <t>CPS 099 INFRINGIU NORMAS DA EMPRESA.xls</t>
  </si>
  <si>
    <t>F:\desktop\Diretorio I\1 - Operação\1.2 - Relatórios\RO\RO 2011\03 - MARÇO 2011\Resolvidas\CPS 099 INFRINGIU NORMAS DA EMPRESA.xls</t>
  </si>
  <si>
    <t>CPS095 ASSOCIADA ASSALTADA.xls</t>
  </si>
  <si>
    <t>F:\desktop\Diretorio I\1 - Operação\1.2 - Relatórios\RO\RO 2011\03 - MARÇO 2011\Resolvidas\CPS095 ASSOCIADA ASSALTADA.xls</t>
  </si>
  <si>
    <t>CPS096 FURTO DE MOTO.xls</t>
  </si>
  <si>
    <t>F:\desktop\Diretorio I\1 - Operação\1.2 - Relatórios\RO\RO 2011\03 - MARÇO 2011\Resolvidas\CPS096 FURTO DE MOTO.xls</t>
  </si>
  <si>
    <t>CPS097 ALIMENTAÇÃO DENTRO DO SITE.xls</t>
  </si>
  <si>
    <t>F:\desktop\Diretorio I\1 - Operação\1.2 - Relatórios\RO\RO 2011\03 - MARÇO 2011\Resolvidas\CPS097 ALIMENTAÇÃO DENTRO DO SITE.xls</t>
  </si>
  <si>
    <t>CPS098 RETIRADA DE EQUIPAMENTOS.xls</t>
  </si>
  <si>
    <t>F:\desktop\Diretorio I\1 - Operação\1.2 - Relatórios\RO\RO 2011\03 - MARÇO 2011\Resolvidas\CPS098 RETIRADA DE EQUIPAMENTOS.xls</t>
  </si>
  <si>
    <t>CPS100 INCIDENTE KIT SALA.xls</t>
  </si>
  <si>
    <t>F:\desktop\Diretorio I\1 - Operação\1.2 - Relatórios\RO\RO 2011\03 - MARÇO 2011\Resolvidas\CPS100 INCIDENTE KIT SALA.xls</t>
  </si>
  <si>
    <t>CPS101 INCIDENTE KIT SALA.xls</t>
  </si>
  <si>
    <t>F:\desktop\Diretorio I\1 - Operação\1.2 - Relatórios\RO\RO 2011\03 - MARÇO 2011\Resolvidas\CPS101 INCIDENTE KIT SALA.xls</t>
  </si>
  <si>
    <t>11/22/2019 09:48:28</t>
  </si>
  <si>
    <t>CPS102 PERDA DE PORTA-CELULAR.xls</t>
  </si>
  <si>
    <t>F:\desktop\Diretorio I\1 - Operação\1.2 - Relatórios\RO\RO 2011\03 - MARÇO 2011\Resolvidas\CPS102 PERDA DE PORTA-CELULAR.xls</t>
  </si>
  <si>
    <t>CPS103 ALEGAÇÃO DE FURTO.xls</t>
  </si>
  <si>
    <t>F:\desktop\Diretorio I\1 - Operação\1.2 - Relatórios\RO\RO 2011\03 - MARÇO 2011\Resolvidas\CPS103 ALEGAÇÃO DE FURTO.xls</t>
  </si>
  <si>
    <t>CPS104 LIBERAÇÃO SEM DOCUMENTO.xls</t>
  </si>
  <si>
    <t>F:\desktop\Diretorio I\1 - Operação\1.2 - Relatórios\RO\RO 2011\03 - MARÇO 2011\Resolvidas\CPS104 LIBERAÇÃO SEM DOCUMENTO.xls</t>
  </si>
  <si>
    <t>CPS105 INCIDENTE KIT SALA.xls</t>
  </si>
  <si>
    <t>F:\desktop\Diretorio I\1 - Operação\1.2 - Relatórios\RO\RO 2011\03 - MARÇO 2011\Resolvidas\CPS105 INCIDENTE KIT SALA.xls</t>
  </si>
  <si>
    <t>CPS106 FURTO DE MARMITA.xls</t>
  </si>
  <si>
    <t>F:\desktop\Diretorio I\1 - Operação\1.2 - Relatórios\RO\RO 2011\03 - MARÇO 2011\Resolvidas\CPS106 FURTO DE MARMITA.xls</t>
  </si>
  <si>
    <t>CPS108 FURTO DE CELULAR.xls</t>
  </si>
  <si>
    <t>F:\desktop\Diretorio I\1 - Operação\1.2 - Relatórios\RO\RO 2011\03 - MARÇO 2011\Resolvidas\CPS108 FURTO DE CELULAR.xls</t>
  </si>
  <si>
    <t>11/22/2019 09:48:29</t>
  </si>
  <si>
    <t>CPS109 FURTO DE MARMITA.xls</t>
  </si>
  <si>
    <t>F:\desktop\Diretorio I\1 - Operação\1.2 - Relatórios\RO\RO 2011\03 - MARÇO 2011\Resolvidas\CPS109 FURTO DE MARMITA.xls</t>
  </si>
  <si>
    <t>CSP094 FURTO NA ALPINO.xls</t>
  </si>
  <si>
    <t>F:\desktop\Diretorio I\1 - Operação\1.2 - Relatórios\RO\RO 2011\03 - MARÇO 2011\Resolvidas\CSP094 FURTO NA ALPINO.xls</t>
  </si>
  <si>
    <t>E:\desktop\Diretorio I\1 - Operação\1.2 - Relatórios\RO\RO 2011\04 - ABRIL 2011\</t>
  </si>
  <si>
    <t>F:\desktop\Diretorio I\1 - Operação\1.2 - Relatórios\RO\RO 2011\04 - ABRIL 2011\FORMULARIO RO 2011.xlsx</t>
  </si>
  <si>
    <t>F:\desktop\Diretorio I\1 - Operação\1.2 - Relatórios\RO\RO 2011\04 - ABRIL 2011\FORMULÁRIO DE RO.xls</t>
  </si>
  <si>
    <t>11/22/2019 09:48:30</t>
  </si>
  <si>
    <t>E:\desktop\Diretorio I\1 - Operação\1.2 - Relatórios\RO\RO 2011\04 - ABRIL 2011\Resolvidas\</t>
  </si>
  <si>
    <t>COPIA DE CPS110.xls</t>
  </si>
  <si>
    <t>F:\desktop\Diretorio I\1 - Operação\1.2 - Relatórios\RO\RO 2011\04 - ABRIL 2011\Resolvidas\COPIA DE CPS110.xls</t>
  </si>
  <si>
    <t>CPS111 LIBERAÇÃO SEM DOCUMENTO.xls</t>
  </si>
  <si>
    <t>F:\desktop\Diretorio I\1 - Operação\1.2 - Relatórios\RO\RO 2011\04 - ABRIL 2011\Resolvidas\CPS111 LIBERAÇÃO SEM DOCUMENTO.xls</t>
  </si>
  <si>
    <t>CPS112 DESAPARECIMENTO DE NOTEBOOK.xls</t>
  </si>
  <si>
    <t>F:\desktop\Diretorio I\1 - Operação\1.2 - Relatórios\RO\RO 2011\04 - ABRIL 2011\Resolvidas\CPS112 DESAPARECIMENTO DE NOTEBOOK.xls</t>
  </si>
  <si>
    <t>CPS113 DESAPARECIMENTO DE NEXTEL.xls</t>
  </si>
  <si>
    <t>F:\desktop\Diretorio I\1 - Operação\1.2 - Relatórios\RO\RO 2011\04 - ABRIL 2011\Resolvidas\CPS113 DESAPARECIMENTO DE NEXTEL.xls</t>
  </si>
  <si>
    <t>CPS114 KIT CHAVES.xls</t>
  </si>
  <si>
    <t>F:\desktop\Diretorio I\1 - Operação\1.2 - Relatórios\RO\RO 2011\04 - ABRIL 2011\Resolvidas\CPS114 KIT CHAVES.xls</t>
  </si>
  <si>
    <t>11/22/2019 09:48:31</t>
  </si>
  <si>
    <t>cps115 liberaçao th nucleo.xls</t>
  </si>
  <si>
    <t>F:\desktop\Diretorio I\1 - Operação\1.2 - Relatórios\RO\RO 2011\04 - ABRIL 2011\Resolvidas\cps115 liberaçao th nucleo.xls</t>
  </si>
  <si>
    <t>CPS117 PERDA DE APARELHO CELULAR.xls</t>
  </si>
  <si>
    <t>F:\desktop\Diretorio I\1 - Operação\1.2 - Relatórios\RO\RO 2011\04 - ABRIL 2011\Resolvidas\CPS117 PERDA DE APARELHO CELULAR.xls</t>
  </si>
  <si>
    <t>fotos nao autorizadas cps 116.xls</t>
  </si>
  <si>
    <t>F:\desktop\Diretorio I\1 - Operação\1.2 - Relatórios\RO\RO 2011\04 - ABRIL 2011\Resolvidas\fotos nao autorizadas cps 116.xls</t>
  </si>
  <si>
    <t>E:\desktop\Diretorio I\1 - Operação\1.2 - Relatórios\RO\RO 2011\05 - MAIO 2011\</t>
  </si>
  <si>
    <t>F:\desktop\Diretorio I\1 - Operação\1.2 - Relatórios\RO\RO 2011\05 - MAIO 2011\FORMULARIO RO 2011.xlsx</t>
  </si>
  <si>
    <t>F:\desktop\Diretorio I\1 - Operação\1.2 - Relatórios\RO\RO 2011\05 - MAIO 2011\FORMULÁRIO DE RO.xls</t>
  </si>
  <si>
    <t>E:\desktop\Diretorio I\1 - Operação\1.2 - Relatórios\RO\RO 2011\05 - MAIO 2011\Resolvidas\</t>
  </si>
  <si>
    <t>CPS119 COMERCIALIZAÇÃO DENTRO DA EMPRESA.xls</t>
  </si>
  <si>
    <t>F:\desktop\Diretorio I\1 - Operação\1.2 - Relatórios\RO\RO 2011\05 - MAIO 2011\Resolvidas\CPS119 COMERCIALIZAÇÃO DENTRO DA EMPRESA.xls</t>
  </si>
  <si>
    <t>11/22/2019 09:48:32</t>
  </si>
  <si>
    <t>CPS120 DANIFICOU PORTÃO DE VEICULOS.xls</t>
  </si>
  <si>
    <t>F:\desktop\Diretorio I\1 - Operação\1.2 - Relatórios\RO\RO 2011\05 - MAIO 2011\Resolvidas\CPS120 DANIFICOU PORTÃO DE VEICULOS.xls</t>
  </si>
  <si>
    <t>CPS121 passando o crachá de outra associada.xls</t>
  </si>
  <si>
    <t>F:\desktop\Diretorio I\1 - Operação\1.2 - Relatórios\RO\RO 2011\05 - MAIO 2011\Resolvidas\CPS121 passando o crachá de outra associada.xls</t>
  </si>
  <si>
    <t>CPS122 INFRINGIU NORMAS DA EMPRESA.xls</t>
  </si>
  <si>
    <t>F:\desktop\Diretorio I\1 - Operação\1.2 - Relatórios\RO\RO 2011\05 - MAIO 2011\Resolvidas\CPS122 INFRINGIU NORMAS DA EMPRESA.xls</t>
  </si>
  <si>
    <t>CPS123 ACHADOS E PERDIDOS.xls</t>
  </si>
  <si>
    <t>F:\desktop\Diretorio I\1 - Operação\1.2 - Relatórios\RO\RO 2011\05 - MAIO 2011\Resolvidas\CPS123 ACHADOS E PERDIDOS.xls</t>
  </si>
  <si>
    <t>CPS124 INCIDENTE DE SEGURANÇA.xls</t>
  </si>
  <si>
    <t>F:\desktop\Diretorio I\1 - Operação\1.2 - Relatórios\RO\RO 2011\05 - MAIO 2011\Resolvidas\CPS124 INCIDENTE DE SEGURANÇA.xls</t>
  </si>
  <si>
    <t>CPS125 INFRINGIU NORMAS DA EMPRESA.xls</t>
  </si>
  <si>
    <t>F:\desktop\Diretorio I\1 - Operação\1.2 - Relatórios\RO\RO 2011\05 - MAIO 2011\Resolvidas\CPS125 INFRINGIU NORMAS DA EMPRESA.xls</t>
  </si>
  <si>
    <t>11/22/2019 09:48:33</t>
  </si>
  <si>
    <t>E:\desktop\Diretorio I\1 - Operação\1.2 - Relatórios\RO\RO 2011\06 - JUNHO 2011\</t>
  </si>
  <si>
    <t>Cópia de FORMULÁRIO DE RO.xls</t>
  </si>
  <si>
    <t>F:\desktop\Diretorio I\1 - Operação\1.2 - Relatórios\RO\RO 2011\06 - JUNHO 2011\Cópia de FORMULÁRIO DE RO.xls</t>
  </si>
  <si>
    <t>F:\desktop\Diretorio I\1 - Operação\1.2 - Relatórios\RO\RO 2011\06 - JUNHO 2011\FORMULÁRIO DE RO.xls</t>
  </si>
  <si>
    <t>E:\desktop\Diretorio I\1 - Operação\1.2 - Relatórios\RO\RO 2011\06 - JUNHO 2011\Resolvidas\</t>
  </si>
  <si>
    <t>CPS 134 RISCO NO TETO DO VEICULO.xls</t>
  </si>
  <si>
    <t>F:\desktop\Diretorio I\1 - Operação\1.2 - Relatórios\RO\RO 2011\06 - JUNHO 2011\Resolvidas\CPS 134 RISCO NO TETO DO VEICULO.xls</t>
  </si>
  <si>
    <t>CPS 135 ALEGAÇÃO DE FURTO OBRAS.xls</t>
  </si>
  <si>
    <t>F:\desktop\Diretorio I\1 - Operação\1.2 - Relatórios\RO\RO 2011\06 - JUNHO 2011\Resolvidas\CPS 135 ALEGAÇÃO DE FURTO OBRAS.xls</t>
  </si>
  <si>
    <t>CPS 136 LIBERAÇÃO SEM DOCUMENTO.xls</t>
  </si>
  <si>
    <t>F:\desktop\Diretorio I\1 - Operação\1.2 - Relatórios\RO\RO 2011\06 - JUNHO 2011\Resolvidas\CPS 136 LIBERAÇÃO SEM DOCUMENTO.xls</t>
  </si>
  <si>
    <t>CPS126.xls</t>
  </si>
  <si>
    <t>F:\desktop\Diretorio I\1 - Operação\1.2 - Relatórios\RO\RO 2011\06 - JUNHO 2011\Resolvidas\CPS126.xls</t>
  </si>
  <si>
    <t>11/22/2019 09:48:34</t>
  </si>
  <si>
    <t>CPS128 VANDALISMO.xls</t>
  </si>
  <si>
    <t>F:\desktop\Diretorio I\1 - Operação\1.2 - Relatórios\RO\RO 2011\06 - JUNHO 2011\Resolvidas\CPS128 VANDALISMO.xls</t>
  </si>
  <si>
    <t>CPS129 ALEGAÇAO DE FURTO.xls</t>
  </si>
  <si>
    <t>F:\desktop\Diretorio I\1 - Operação\1.2 - Relatórios\RO\RO 2011\06 - JUNHO 2011\Resolvidas\CPS129 ALEGAÇAO DE FURTO.xls</t>
  </si>
  <si>
    <t>CPS130 ALEGAÇAO DE FURTO.xls</t>
  </si>
  <si>
    <t>F:\desktop\Diretorio I\1 - Operação\1.2 - Relatórios\RO\RO 2011\06 - JUNHO 2011\Resolvidas\CPS130 ALEGAÇAO DE FURTO.xls</t>
  </si>
  <si>
    <t>CPS131 DIFICULDADE DE CONTATO.xls</t>
  </si>
  <si>
    <t>F:\desktop\Diretorio I\1 - Operação\1.2 - Relatórios\RO\RO 2011\06 - JUNHO 2011\Resolvidas\CPS131 DIFICULDADE DE CONTATO.xls</t>
  </si>
  <si>
    <t>CPS132 ALEGAÇAO DE FURTO.xls</t>
  </si>
  <si>
    <t>F:\desktop\Diretorio I\1 - Operação\1.2 - Relatórios\RO\RO 2011\06 - JUNHO 2011\Resolvidas\CPS132 ALEGAÇAO DE FURTO.xls</t>
  </si>
  <si>
    <t>CPS133 GOTEIRA DC.xls</t>
  </si>
  <si>
    <t>F:\desktop\Diretorio I\1 - Operação\1.2 - Relatórios\RO\RO 2011\06 - JUNHO 2011\Resolvidas\CPS133 GOTEIRA DC.xls</t>
  </si>
  <si>
    <t>F:\desktop\Diretorio I\1 - Operação\1.2 - Relatórios\RO\RO 2011\06 - JUNHO 2011\Resolvidas\FORMULARIO RO 2011.xlsx</t>
  </si>
  <si>
    <t>11/22/2019 09:48:45</t>
  </si>
  <si>
    <t>E:\desktop\Diretorio I\1 - Operação\1.2 - Relatórios\RO\RO 2011\07 - JULHO 2011\</t>
  </si>
  <si>
    <t>F:\desktop\Diretorio I\1 - Operação\1.2 - Relatórios\RO\RO 2011\07 - JULHO 2011\FORMULARIO RO 2011.xlsx</t>
  </si>
  <si>
    <t>F:\desktop\Diretorio I\1 - Operação\1.2 - Relatórios\RO\RO 2011\07 - JULHO 2011\FORMULÁRIO DE RO.xls</t>
  </si>
  <si>
    <t>E:\desktop\Diretorio I\1 - Operação\1.2 - Relatórios\RO\RO 2011\07 - JULHO 2011\Resolvidas\</t>
  </si>
  <si>
    <t>CPS 137 ALEGAÇÃO DE FURTO GM.xls</t>
  </si>
  <si>
    <t>F:\desktop\Diretorio I\1 - Operação\1.2 - Relatórios\RO\RO 2011\07 - JULHO 2011\Resolvidas\CPS 137 ALEGAÇÃO DE FURTO GM.xls</t>
  </si>
  <si>
    <t>CPS 138 ALTA VELOCIDADE.xls</t>
  </si>
  <si>
    <t>F:\desktop\Diretorio I\1 - Operação\1.2 - Relatórios\RO\RO 2011\07 - JULHO 2011\Resolvidas\CPS 138 ALTA VELOCIDADE.xls</t>
  </si>
  <si>
    <t>CPS 140 SUSPEITOS.xls</t>
  </si>
  <si>
    <t>F:\desktop\Diretorio I\1 - Operação\1.2 - Relatórios\RO\RO 2011\07 - JULHO 2011\Resolvidas\CPS 140 SUSPEITOS.xls</t>
  </si>
  <si>
    <t>CPS 143 ALEGAÇÃO DE FURTO.xls</t>
  </si>
  <si>
    <t>F:\desktop\Diretorio I\1 - Operação\1.2 - Relatórios\RO\RO 2011\07 - JULHO 2011\Resolvidas\CPS 143 ALEGAÇÃO DE FURTO.xls</t>
  </si>
  <si>
    <t>11/22/2019 09:48:46</t>
  </si>
  <si>
    <t>CPS 144 BEBIDA ALCOOLICA.xlsx</t>
  </si>
  <si>
    <t>F:\desktop\Diretorio I\1 - Operação\1.2 - Relatórios\RO\RO 2011\07 - JULHO 2011\Resolvidas\CPS 144 BEBIDA ALCOOLICA.xlsx</t>
  </si>
  <si>
    <t>CPS139LIBERAÇÃO SEM DOCUMENTO.xls</t>
  </si>
  <si>
    <t>F:\desktop\Diretorio I\1 - Operação\1.2 - Relatórios\RO\RO 2011\07 - JULHO 2011\Resolvidas\CPS139LIBERAÇÃO SEM DOCUMENTO.xls</t>
  </si>
  <si>
    <t>CPS141 ALEGAÇÃO DE FURTO.xls</t>
  </si>
  <si>
    <t>F:\desktop\Diretorio I\1 - Operação\1.2 - Relatórios\RO\RO 2011\07 - JULHO 2011\Resolvidas\CPS141 ALEGAÇÃO DE FURTO.xls</t>
  </si>
  <si>
    <t>CPS142 ALEGAÇÃO DE FURTO..xls</t>
  </si>
  <si>
    <t>F:\desktop\Diretorio I\1 - Operação\1.2 - Relatórios\RO\RO 2011\07 - JULHO 2011\Resolvidas\CPS142 ALEGAÇÃO DE FURTO..xls</t>
  </si>
  <si>
    <t>CPS145 ALEGAÇÃO DE FURTO.xls</t>
  </si>
  <si>
    <t>F:\desktop\Diretorio I\1 - Operação\1.2 - Relatórios\RO\RO 2011\07 - JULHO 2011\Resolvidas\CPS145 ALEGAÇÃO DE FURTO.xls</t>
  </si>
  <si>
    <t>CPS146 INFRINGIU NORMAS DA EMPRESA.xls</t>
  </si>
  <si>
    <t>F:\desktop\Diretorio I\1 - Operação\1.2 - Relatórios\RO\RO 2011\07 - JULHO 2011\Resolvidas\CPS146 INFRINGIU NORMAS DA EMPRESA.xls</t>
  </si>
  <si>
    <t>11/22/2019 09:49:27</t>
  </si>
  <si>
    <t>E:\desktop\Diretorio I\1 - Operação\1.2 - Relatórios\RO\RO 2011\08 - AGOSTO 2011\</t>
  </si>
  <si>
    <t>F:\desktop\Diretorio I\1 - Operação\1.2 - Relatórios\RO\RO 2011\08 - AGOSTO 2011\Cópia de FORMULÁRIO DE RO.xls</t>
  </si>
  <si>
    <t>E:\desktop\Diretorio I\1 - Operação\1.2 - Relatórios\RO\RO 2011\08 - AGOSTO 2011\Resolvidas\</t>
  </si>
  <si>
    <t>CPS 150 SALA DE TREINAMENTO CULTO.xls</t>
  </si>
  <si>
    <t>F:\desktop\Diretorio I\1 - Operação\1.2 - Relatórios\RO\RO 2011\08 - AGOSTO 2011\Resolvidas\CPS 150 SALA DE TREINAMENTO CULTO.xls</t>
  </si>
  <si>
    <t>CPS 151 ENTRADA IRREGULAR.xls</t>
  </si>
  <si>
    <t>F:\desktop\Diretorio I\1 - Operação\1.2 - Relatórios\RO\RO 2011\08 - AGOSTO 2011\Resolvidas\CPS 151 ENTRADA IRREGULAR.xls</t>
  </si>
  <si>
    <t>CPS 153 COLISÃO DE VEICULO.xls</t>
  </si>
  <si>
    <t>F:\desktop\Diretorio I\1 - Operação\1.2 - Relatórios\RO\RO 2011\08 - AGOSTO 2011\Resolvidas\CPS 153 COLISÃO DE VEICULO.xls</t>
  </si>
  <si>
    <t>CPS147 ACHADOS E PERDIDOS.xls</t>
  </si>
  <si>
    <t>F:\desktop\Diretorio I\1 - Operação\1.2 - Relatórios\RO\RO 2011\08 - AGOSTO 2011\Resolvidas\CPS147 ACHADOS E PERDIDOS.xls</t>
  </si>
  <si>
    <t>11/22/2019 09:49:28</t>
  </si>
  <si>
    <t>CPS148 INFRINGIU NORMAS DA EMPRESA.xls</t>
  </si>
  <si>
    <t>F:\desktop\Diretorio I\1 - Operação\1.2 - Relatórios\RO\RO 2011\08 - AGOSTO 2011\Resolvidas\CPS148 INFRINGIU NORMAS DA EMPRESA.xls</t>
  </si>
  <si>
    <t>FORMULARIO RO CPS149.xls</t>
  </si>
  <si>
    <t>F:\desktop\Diretorio I\1 - Operação\1.2 - Relatórios\RO\RO 2011\08 - AGOSTO 2011\Resolvidas\FORMULARIO RO CPS149.xls</t>
  </si>
  <si>
    <t>RO CPS 152 FURTO DE CALÇADOS.xls</t>
  </si>
  <si>
    <t>F:\desktop\Diretorio I\1 - Operação\1.2 - Relatórios\RO\RO 2011\08 - AGOSTO 2011\Resolvidas\RO CPS 152 FURTO DE CALÇADOS.xls</t>
  </si>
  <si>
    <t>E:\desktop\Diretorio I\1 - Operação\1.2 - Relatórios\RO\RO 2011\08 - AGOSTO 2011\RO 152\</t>
  </si>
  <si>
    <t>RO 152 Relatorio de acesso.xls</t>
  </si>
  <si>
    <t>F:\desktop\Diretorio I\1 - Operação\1.2 - Relatórios\RO\RO 2011\08 - AGOSTO 2011\RO 152\RO 152 Relatorio de acesso.xls</t>
  </si>
  <si>
    <t>11/22/2019 09:47:01</t>
  </si>
  <si>
    <t>11/22/2019 09:51:37</t>
  </si>
  <si>
    <t>/o=exchangelabs/ou=exchange administrative group (fydibohf23spdlt)/cn=recipients/cn=004fbe04a76042fda28a404cff30f61b-vinicius ma;/o=exchangelabs/ou=exchange administrative group (fydibohf23spdlt)/cn=recipients/cn=2c2ca45b5e45440cb13172a7e4ee8b8f-gustavo mac;/o=exchangelabs/ou=exchange administrative group (fydibohf23spdlt)/cn=recipients/cn=6fbc44b6d6b549208175d5a27201bd13-cintia nune;/o=exchangelabs/ou=exchange administrative group (fydibohf23spdlt)/cn=recipients/cn=823ff3c9d5fe49399d544dd8d287e4b4-alexandre m;/o=exchangelabs/ou=exchange administrative group (fydibohf23spdlt)/cn=recipients/cn=a4545fc7818a4461b891552a00f66c55-algar tech;/o=exchangelabs/ou=exchange administrative group (fydibohf23spdlt)/cn=recipients/cn=usera699e94b;gessycaam@algartech.com;</t>
  </si>
  <si>
    <t>Controle de Horas Logadas_Novas_NOV.xlsx</t>
  </si>
  <si>
    <t>/o=exchangelabs/ou=exchange administrative group (fydibohf23spdlt)/cn=recipients/cn=004fbe04a76042fda28a404cff30f61b-vinicius ma,/o=exchangelabs/ou=exchange administrative group (fydibohf23spdlt)/cn=recipients/cn=2c2ca45b5e45440cb13172a7e4ee8b8f-gustavo mac,/o=exchangelabs/ou=exchange administrative group (fydibohf23spdlt)/cn=recipients/cn=6fbc44b6d6b549208175d5a27201bd13-cintia nune,/o=exchangelabs/ou=exchange administrative group (fydibohf23spdlt)/cn=recipients/cn=823ff3c9d5fe49399d544dd8d287e4b4-alexandre m,/o=exchangelabs/ou=exchange administrative group (fydibohf23spdlt)/cn=recipients/cn=a4545fc7818a4461b891552a00f66c55-algar tech,/o=exchangelabs/ou=exchange administrative group (fydibohf23spdlt)/cn=recipients/cn=usera699e94b,gessycaam@algartech.com</t>
  </si>
  <si>
    <t>11/22/2019 09:46:45</t>
  </si>
  <si>
    <t>mail.google.com/_/upload?authuser=0&amp;dcp=asu-n&amp;upload_id=AEnB2Uq4J6RIqE2z78bJc0GGIPR9djV1hr4meG4H_W-NF3z0uEkLEB1kQH6EN_JHo2weCXn-SBp8Ew3zrjQI0e92ylPMza1iS7d0la3yjgUSjUwMlWoXGZI&amp;upload_protocol=resumable</t>
  </si>
  <si>
    <t>11/22/2019 09:48:42</t>
  </si>
  <si>
    <t>11/22/2019 09:52:36</t>
  </si>
  <si>
    <t>11/22/2019 09:50:58</t>
  </si>
  <si>
    <t>ENC: Validação Preço Avon - Front Apartado</t>
  </si>
  <si>
    <t>Plan Precificacao C017 B017 GRC - URA e MESA DIGITAL Apartados.xlsb</t>
  </si>
  <si>
    <t>11/22/2019 09:49:33</t>
  </si>
  <si>
    <t>11/22/2019 09:55:37</t>
  </si>
  <si>
    <t>F:\desktop\Diretorio I\1 - Operação\1.2 - Relatórios\RO\RO 2011\08 - AGOSTO 2011\RO 152\RO CPS 152 FURTO DE CALÇADOS.xls</t>
  </si>
  <si>
    <t>11/22/2019 09:49:35</t>
  </si>
  <si>
    <t>E:\desktop\Diretorio I\1 - Operação\1.2 - Relatórios\RO\RO 2011\09 - SETEMBRO 2011\</t>
  </si>
  <si>
    <t>Cópia de Cópia de FORMULÁRIO DE RO.xls</t>
  </si>
  <si>
    <t>F:\desktop\Diretorio I\1 - Operação\1.2 - Relatórios\RO\RO 2011\09 - SETEMBRO 2011\Cópia de Cópia de FORMULÁRIO DE RO.xls</t>
  </si>
  <si>
    <t>11/22/2019 09:49:36</t>
  </si>
  <si>
    <t>F:\desktop\Diretorio I\1 - Operação\1.2 - Relatórios\RO\RO 2011\09 - SETEMBRO 2011\FORMULARIO RO 2011.xlsx</t>
  </si>
  <si>
    <t>E:\desktop\Diretorio I\1 - Operação\1.2 - Relatórios\RO\RO 2011\09 - SETEMBRO 2011\Resolvidas\</t>
  </si>
  <si>
    <t>CPS 156 FURTO DE MARMITA.xls</t>
  </si>
  <si>
    <t>F:\desktop\Diretorio I\1 - Operação\1.2 - Relatórios\RO\RO 2011\09 - SETEMBRO 2011\Resolvidas\CPS 156 FURTO DE MARMITA.xls</t>
  </si>
  <si>
    <t>cps 160 furto de celular.xls</t>
  </si>
  <si>
    <t>F:\desktop\Diretorio I\1 - Operação\1.2 - Relatórios\RO\RO 2011\09 - SETEMBRO 2011\Resolvidas\cps 160 furto de celular.xls</t>
  </si>
  <si>
    <t>CPS Furto Celular 159.xls</t>
  </si>
  <si>
    <t>F:\desktop\Diretorio I\1 - Operação\1.2 - Relatórios\RO\RO 2011\09 - SETEMBRO 2011\Resolvidas\CPS Furto Celular 159.xls</t>
  </si>
  <si>
    <t>CPS155 Liberação não autorisada ao Data Center.xls</t>
  </si>
  <si>
    <t>F:\desktop\Diretorio I\1 - Operação\1.2 - Relatórios\RO\RO 2011\09 - SETEMBRO 2011\Resolvidas\CPS155 Liberação não autorisada ao Data Center.xls</t>
  </si>
  <si>
    <t>CPS157 Veiculo Quebrado.xls</t>
  </si>
  <si>
    <t>F:\desktop\Diretorio I\1 - Operação\1.2 - Relatórios\RO\RO 2011\09 - SETEMBRO 2011\Resolvidas\CPS157 Veiculo Quebrado.xls</t>
  </si>
  <si>
    <t>FORMULÁRIO DE RO cps154.xls</t>
  </si>
  <si>
    <t>F:\desktop\Diretorio I\1 - Operação\1.2 - Relatórios\RO\RO 2011\09 - SETEMBRO 2011\Resolvidas\FORMULÁRIO DE RO cps154.xls</t>
  </si>
  <si>
    <t>Futo de Lanche na Geladeira CPS158.xls</t>
  </si>
  <si>
    <t>F:\desktop\Diretorio I\1 - Operação\1.2 - Relatórios\RO\RO 2011\09 - SETEMBRO 2011\Resolvidas\Futo de Lanche na Geladeira CPS158.xls</t>
  </si>
  <si>
    <t>E:\desktop\Diretorio I\1 - Operação\1.2 - Relatórios\RO\RO 2011\10 - OUTUBRO 2011\</t>
  </si>
  <si>
    <t>Cópia (2) de FORMULÁRIO DE RO.xls</t>
  </si>
  <si>
    <t>F:\desktop\Diretorio I\1 - Operação\1.2 - Relatórios\RO\RO 2011\10 - OUTUBRO 2011\Cópia (2) de FORMULÁRIO DE RO.xls</t>
  </si>
  <si>
    <t>F:\desktop\Diretorio I\1 - Operação\1.2 - Relatórios\RO\RO 2011\10 - OUTUBRO 2011\FORMULARIO RO 2011.xlsx</t>
  </si>
  <si>
    <t>E:\desktop\Diretorio I\1 - Operação\1.2 - Relatórios\RO\RO 2011\10 - OUTUBRO 2011\Resolvidas\</t>
  </si>
  <si>
    <t>CPS 165 FURTO DE MEMORIA COMPUTADOR.xls</t>
  </si>
  <si>
    <t>F:\desktop\Diretorio I\1 - Operação\1.2 - Relatórios\RO\RO 2011\10 - OUTUBRO 2011\Resolvidas\CPS 165 FURTO DE MEMORIA COMPUTADOR.xls</t>
  </si>
  <si>
    <t>11/22/2019 09:49:38</t>
  </si>
  <si>
    <t>cps 166 furto de guarda chuva.xls</t>
  </si>
  <si>
    <t>F:\desktop\Diretorio I\1 - Operação\1.2 - Relatórios\RO\RO 2011\10 - OUTUBRO 2011\Resolvidas\cps 166 furto de guarda chuva.xls</t>
  </si>
  <si>
    <t>Cópia de CPS 162 INFRAÇAO NAS NORMAS.xls</t>
  </si>
  <si>
    <t>F:\desktop\Diretorio I\1 - Operação\1.2 - Relatórios\RO\RO 2011\10 - OUTUBRO 2011\Resolvidas\Cópia de CPS 162 INFRAÇAO NAS NORMAS.xls</t>
  </si>
  <si>
    <t>Furto na Geladeira Frontal 161.xls</t>
  </si>
  <si>
    <t>F:\desktop\Diretorio I\1 - Operação\1.2 - Relatórios\RO\RO 2011\10 - OUTUBRO 2011\Resolvidas\Furto na Geladeira Frontal 161.xls</t>
  </si>
  <si>
    <t>RO 163 VESTIMENTAS.xls</t>
  </si>
  <si>
    <t>F:\desktop\Diretorio I\1 - Operação\1.2 - Relatórios\RO\RO 2011\10 - OUTUBRO 2011\Resolvidas\RO 163 VESTIMENTAS.xls</t>
  </si>
  <si>
    <t>RO 167 DATA CENTER.xls</t>
  </si>
  <si>
    <t>F:\desktop\Diretorio I\1 - Operação\1.2 - Relatórios\RO\RO 2011\10 - OUTUBRO 2011\Resolvidas\RO 167 DATA CENTER.xls</t>
  </si>
  <si>
    <t>RO164 DESACATO.xls</t>
  </si>
  <si>
    <t>F:\desktop\Diretorio I\1 - Operação\1.2 - Relatórios\RO\RO 2011\10 - OUTUBRO 2011\Resolvidas\RO164 DESACATO.xls</t>
  </si>
  <si>
    <t>11/22/2019 09:50:32</t>
  </si>
  <si>
    <t>E:\desktop\Diretorio I\1 - Operação\1.2 - Relatórios\RO\RO 2011\11 - NOVEMBRO 2011\</t>
  </si>
  <si>
    <t>F:\desktop\Diretorio I\1 - Operação\1.2 - Relatórios\RO\RO 2011\11 - NOVEMBRO 2011\Cópia de FORMULÁRIO DE RO.xls</t>
  </si>
  <si>
    <t>F:\desktop\Diretorio I\1 - Operação\1.2 - Relatórios\RO\RO 2011\11 - NOVEMBRO 2011\FORMULARIO RO 2011.xlsx</t>
  </si>
  <si>
    <t>11/22/2019 09:50:33</t>
  </si>
  <si>
    <t>E:\desktop\Diretorio I\1 - Operação\1.2 - Relatórios\RO\RO 2011\11 - NOVEMBRO 2011\Resolvidas\</t>
  </si>
  <si>
    <t>FURTO DE NECESSARE 168.xls</t>
  </si>
  <si>
    <t>F:\desktop\Diretorio I\1 - Operação\1.2 - Relatórios\RO\RO 2011\11 - NOVEMBRO 2011\Resolvidas\FURTO DE NECESSARE 168.xls</t>
  </si>
  <si>
    <t>RO 169 FURTO MOUSE.xls</t>
  </si>
  <si>
    <t>F:\desktop\Diretorio I\1 - Operação\1.2 - Relatórios\RO\RO 2011\11 - NOVEMBRO 2011\Resolvidas\RO 169 FURTO MOUSE.xls</t>
  </si>
  <si>
    <t>E:\desktop\Diretorio I\1 - Operação\1.2 - Relatórios\RO\RO 2011\12 - DEZEMBRO 2011\</t>
  </si>
  <si>
    <t>F:\desktop\Diretorio I\1 - Operação\1.2 - Relatórios\RO\RO 2011\12 - DEZEMBRO 2011\FORMULARIO RO 2011.xlsx</t>
  </si>
  <si>
    <t>11/22/2019 09:50:37</t>
  </si>
  <si>
    <t>E:\desktop\Diretorio I\1 - Operação\1.2 - Relatórios\RO\RO 2011\12 - DEZEMBRO 2011\Resolvidas\</t>
  </si>
  <si>
    <t>CPS 170 FURTO DE CELULAR.xls</t>
  </si>
  <si>
    <t>F:\desktop\Diretorio I\1 - Operação\1.2 - Relatórios\RO\RO 2011\12 - DEZEMBRO 2011\Resolvidas\CPS 170 FURTO DE CELULAR.xls</t>
  </si>
  <si>
    <t>CPS 171 Entrada indevida.xls</t>
  </si>
  <si>
    <t>F:\desktop\Diretorio I\1 - Operação\1.2 - Relatórios\RO\RO 2011\12 - DEZEMBRO 2011\Resolvidas\CPS 171 Entrada indevida.xls</t>
  </si>
  <si>
    <t>RO 172 Notebook encontrado.xls</t>
  </si>
  <si>
    <t>F:\desktop\Diretorio I\1 - Operação\1.2 - Relatórios\RO\RO 2011\12 - DEZEMBRO 2011\Resolvidas\RO 172 Notebook encontrado.xls</t>
  </si>
  <si>
    <t>RO 173 Furto geladeira.xls</t>
  </si>
  <si>
    <t>F:\desktop\Diretorio I\1 - Operação\1.2 - Relatórios\RO\RO 2011\12 - DEZEMBRO 2011\Resolvidas\RO 173 Furto geladeira.xls</t>
  </si>
  <si>
    <t>RO 174 Furto De Armario.xls</t>
  </si>
  <si>
    <t>F:\desktop\Diretorio I\1 - Operação\1.2 - Relatórios\RO\RO 2011\12 - DEZEMBRO 2011\Resolvidas\RO 174 Furto De Armario.xls</t>
  </si>
  <si>
    <t>RO 175 FURTO NO BANHEIRO.xls</t>
  </si>
  <si>
    <t>F:\desktop\Diretorio I\1 - Operação\1.2 - Relatórios\RO\RO 2011\12 - DEZEMBRO 2011\Resolvidas\RO 175 FURTO NO BANHEIRO.xls</t>
  </si>
  <si>
    <t>11/22/2019 09:50:38</t>
  </si>
  <si>
    <t>RO 176 Furto de Celular.xls</t>
  </si>
  <si>
    <t>F:\desktop\Diretorio I\1 - Operação\1.2 - Relatórios\RO\RO 2011\12 - DEZEMBRO 2011\Resolvidas\RO 176 Furto de Celular.xls</t>
  </si>
  <si>
    <t>E:\desktop\Diretorio I\1 - Operação\1.2 - Relatórios\RO\RO 2012\01-JANEIRO 2012\</t>
  </si>
  <si>
    <t>cps 006 FURTO DE RECIPIENTE DE MARMITA.xls</t>
  </si>
  <si>
    <t>F:\desktop\Diretorio I\1 - Operação\1.2 - Relatórios\RO\RO 2012\01-JANEIRO 2012\cps 006 FURTO DE RECIPIENTE DE MARMITA.xls</t>
  </si>
  <si>
    <t>CPS 007 ARMARIO.xls</t>
  </si>
  <si>
    <t>F:\desktop\Diretorio I\1 - Operação\1.2 - Relatórios\RO\RO 2012\01-JANEIRO 2012\CPS 007 ARMARIO.xls</t>
  </si>
  <si>
    <t>CPS 008 INFRIGIU AS NORMAS.xls</t>
  </si>
  <si>
    <t>F:\desktop\Diretorio I\1 - Operação\1.2 - Relatórios\RO\RO 2012\01-JANEIRO 2012\CPS 008 INFRIGIU AS NORMAS.xls</t>
  </si>
  <si>
    <t>CPS 009 DESRESPEITO AS NORMAS.xls</t>
  </si>
  <si>
    <t>F:\desktop\Diretorio I\1 - Operação\1.2 - Relatórios\RO\RO 2012\01-JANEIRO 2012\CPS 009 DESRESPEITO AS NORMAS.xls</t>
  </si>
  <si>
    <t>11/22/2019 09:50:39</t>
  </si>
  <si>
    <t>F:\desktop\Diretorio I\1 - Operação\1.2 - Relatórios\RO\RO 2012\01-JANEIRO 2012\Cópia de FORMULÁRIO DE RO.xls</t>
  </si>
  <si>
    <t>F:\desktop\Diretorio I\1 - Operação\1.2 - Relatórios\RO\RO 2012\01-JANEIRO 2012\FORMULÁRIO DE RO.xls</t>
  </si>
  <si>
    <t>E:\desktop\Diretorio I\1 - Operação\1.2 - Relatórios\RO\RO 2012\01-JANEIRO 2012\Resolvidas\</t>
  </si>
  <si>
    <t>CPS 001Furto de mouse RO 001.xls</t>
  </si>
  <si>
    <t>F:\desktop\Diretorio I\1 - Operação\1.2 - Relatórios\RO\RO 2012\01-JANEIRO 2012\Resolvidas\CPS 001Furto de mouse RO 001.xls</t>
  </si>
  <si>
    <t>CPS 002 Portão aberto.xlsx</t>
  </si>
  <si>
    <t>F:\desktop\Diretorio I\1 - Operação\1.2 - Relatórios\RO\RO 2012\01-JANEIRO 2012\Resolvidas\CPS 002 Portão aberto.xlsx</t>
  </si>
  <si>
    <t>CPS 003 INFLIGIU AS NORMAS.xls</t>
  </si>
  <si>
    <t>F:\desktop\Diretorio I\1 - Operação\1.2 - Relatórios\RO\RO 2012\01-JANEIRO 2012\Resolvidas\CPS 003 INFLIGIU AS NORMAS.xls</t>
  </si>
  <si>
    <t>11/22/2019 09:50:40</t>
  </si>
  <si>
    <t>CPS 004 PERDA DE CARTEIRA.xls</t>
  </si>
  <si>
    <t>F:\desktop\Diretorio I\1 - Operação\1.2 - Relatórios\RO\RO 2012\01-JANEIRO 2012\Resolvidas\CPS 004 PERDA DE CARTEIRA.xls</t>
  </si>
  <si>
    <t>CPS 005 PERDA DE CHAVE.xls</t>
  </si>
  <si>
    <t>F:\desktop\Diretorio I\1 - Operação\1.2 - Relatórios\RO\RO 2012\01-JANEIRO 2012\Resolvidas\CPS 005 PERDA DE CHAVE.xls</t>
  </si>
  <si>
    <t>E:\desktop\Diretorio I\1 - Operação\1.2 - Relatórios\RO\RO 2012\02-FEVEREIRO 2012\</t>
  </si>
  <si>
    <t>F:\desktop\Diretorio I\1 - Operação\1.2 - Relatórios\RO\RO 2012\02-FEVEREIRO 2012\FORMULÁRIO DE RO.xls</t>
  </si>
  <si>
    <t>R.O CPS 010 USO DE ENTORPECENTES.xlsx</t>
  </si>
  <si>
    <t>F:\desktop\Diretorio I\1 - Operação\1.2 - Relatórios\RO\RO 2012\02-FEVEREIRO 2012\R.O CPS 010 USO DE ENTORPECENTES.xlsx</t>
  </si>
  <si>
    <t>11/22/2019 09:50:41</t>
  </si>
  <si>
    <t>Relatorio RO 2012...(1).xlsx</t>
  </si>
  <si>
    <t>F:\desktop\Diretorio I\1 - Operação\1.2 - Relatórios\RO\RO 2012\02-FEVEREIRO 2012\Relatorio RO 2012...(1).xlsx</t>
  </si>
  <si>
    <t>E:\desktop\Diretorio I\1 - Operação\1.2 - Relatórios\RO\RO 2012\03-MARÇO 2012\</t>
  </si>
  <si>
    <t>F:\desktop\Diretorio I\1 - Operação\1.2 - Relatórios\RO\RO 2012\03-MARÇO 2012\FORMULÁRIO DE RO.xls</t>
  </si>
  <si>
    <t>11/22/2019 09:50:42</t>
  </si>
  <si>
    <t>E:\desktop\Diretorio I\1 - Operação\1.2 - Relatórios\RO\RO 2012\04-ABRIL 2012\</t>
  </si>
  <si>
    <t>F:\desktop\Diretorio I\1 - Operação\1.2 - Relatórios\RO\RO 2012\04-ABRIL 2012\FORMULÁRIO DE RO.xls</t>
  </si>
  <si>
    <t>E:\desktop\Diretorio I\1 - Operação\1.2 - Relatórios\RO\RO 2012\05-MAIO 2012\</t>
  </si>
  <si>
    <t>F:\desktop\Diretorio I\1 - Operação\1.2 - Relatórios\RO\RO 2012\05-MAIO 2012\FORMULÁRIO DE RO.xls</t>
  </si>
  <si>
    <t>E:\desktop\Diretorio I\1 - Operação\1.2 - Relatórios\RO\RO 2012\06-JUNHO 2012\</t>
  </si>
  <si>
    <t>F:\desktop\Diretorio I\1 - Operação\1.2 - Relatórios\RO\RO 2012\06-JUNHO 2012\FORMULÁRIO DE RO.xls</t>
  </si>
  <si>
    <t>11/22/2019 09:50:43</t>
  </si>
  <si>
    <t>E:\desktop\Diretorio I\1 - Operação\1.2 - Relatórios\RO\RO 2012\07-JULHO 2012\</t>
  </si>
  <si>
    <t>F:\desktop\Diretorio I\1 - Operação\1.2 - Relatórios\RO\RO 2012\07-JULHO 2012\FORMULÁRIO DE RO.xls</t>
  </si>
  <si>
    <t>E:\desktop\Diretorio I\1 - Operação\1.2 - Relatórios\RO\RO 2012\08-AGOSTO 2012\</t>
  </si>
  <si>
    <t>F:\desktop\Diretorio I\1 - Operação\1.2 - Relatórios\RO\RO 2012\08-AGOSTO 2012\FORMULÁRIO DE RO.xls</t>
  </si>
  <si>
    <t>E:\desktop\Diretorio I\1 - Operação\1.2 - Relatórios\RO\RO 2012\09-SETEMBRO 2012\</t>
  </si>
  <si>
    <t>F:\desktop\Diretorio I\1 - Operação\1.2 - Relatórios\RO\RO 2012\09-SETEMBRO 2012\FORMULÁRIO DE RO.xls</t>
  </si>
  <si>
    <t>11/22/2019 09:50:44</t>
  </si>
  <si>
    <t>E:\desktop\Diretorio I\1 - Operação\1.2 - Relatórios\RO\RO 2012\10- OUTUBRO 2012\</t>
  </si>
  <si>
    <t>F:\desktop\Diretorio I\1 - Operação\1.2 - Relatórios\RO\RO 2012\10- OUTUBRO 2012\FORMULÁRIO DE RO.xls</t>
  </si>
  <si>
    <t>E:\desktop\Diretorio I\1 - Operação\1.2 - Relatórios\RO\RO 2012\11-NOVEMBRO 2012\</t>
  </si>
  <si>
    <t>F:\desktop\Diretorio I\1 - Operação\1.2 - Relatórios\RO\RO 2012\11-NOVEMBRO 2012\FORMULÁRIO DE RO.xls</t>
  </si>
  <si>
    <t>11/22/2019 09:50:45</t>
  </si>
  <si>
    <t>E:\desktop\Diretorio I\1 - Operação\1.2 - Relatórios\RO\RO 2012\12- DEZEMBRO 2012\</t>
  </si>
  <si>
    <t>F:\desktop\Diretorio I\1 - Operação\1.2 - Relatórios\RO\RO 2012\12- DEZEMBRO 2012\FORMULÁRIO DE RO.xls</t>
  </si>
  <si>
    <t>E:\desktop\Diretorio I\Controle Entrada Amazon\</t>
  </si>
  <si>
    <t>Controle Entrada Amazon.xlsx</t>
  </si>
  <si>
    <t>F:\desktop\Diretorio I\Controle Entrada Amazon\Controle Entrada Amazon.xlsx</t>
  </si>
  <si>
    <t>11/22/2019 09:52:22</t>
  </si>
  <si>
    <t>E:\desktop\Novos processos Bancos\</t>
  </si>
  <si>
    <t>Contatos PAB's.xlsx</t>
  </si>
  <si>
    <t>F:\desktop\Novos processos Bancos\Contatos PAB's.xlsx</t>
  </si>
  <si>
    <t>11/22/2019 09:52:24</t>
  </si>
  <si>
    <t>E:\desktop\Organizar\</t>
  </si>
  <si>
    <t>F:\desktop\Organizar\FORMULÁRIO DE RO.xls</t>
  </si>
  <si>
    <t>Posto Brasília.xlsx</t>
  </si>
  <si>
    <t>F:\desktop\Organizar\Posto Brasília.xlsx</t>
  </si>
  <si>
    <t>11/22/2019 09:52:25</t>
  </si>
  <si>
    <t>Projeto+GED+-+Segurança+Empresarial2012.xlsx</t>
  </si>
  <si>
    <t>F:\desktop\Organizar\Projeto+GED+-+Segurança+Empresarial2012.xlsx</t>
  </si>
  <si>
    <t>11/22/2019 09:52:26</t>
  </si>
  <si>
    <t>E:\desktop\Organizar\Mudança PDC\</t>
  </si>
  <si>
    <t>Mudança Portaria DC_2012.xlsx</t>
  </si>
  <si>
    <t>F:\desktop\Organizar\Mudança PDC\Mudança Portaria DC_2012.xlsx</t>
  </si>
  <si>
    <t>11/22/2019 09:52:35</t>
  </si>
  <si>
    <t>E:\desktop\Treinamento MS-Project 2010\Projeto Video\</t>
  </si>
  <si>
    <t>Book1.xlsx</t>
  </si>
  <si>
    <t>F:\desktop\Treinamento MS-Project 2010\Projeto Video\Book1.xlsx</t>
  </si>
  <si>
    <t>Calendário.xlsx</t>
  </si>
  <si>
    <t>F:\desktop\Treinamento MS-Project 2010\Projeto Video\Calendário.xlsx</t>
  </si>
  <si>
    <t>E:\desktop\Treinamento MS-Project 2010\Treinamento Project_2 aula\</t>
  </si>
  <si>
    <t>F:\desktop\Treinamento MS-Project 2010\Treinamento Project_2 aula\Calendário.xlsx</t>
  </si>
  <si>
    <t>Projeto Obra.xlsx</t>
  </si>
  <si>
    <t>F:\desktop\Treinamento MS-Project 2010\Treinamento Project_2 aula\Projeto Obra.xlsx</t>
  </si>
  <si>
    <t>11/22/2019 09:52:38</t>
  </si>
  <si>
    <t>E:\desktop\Treinamento MS-Project 2010\TreinamentoMSP\</t>
  </si>
  <si>
    <t>F:\desktop\Treinamento MS-Project 2010\TreinamentoMSP\Book1.xlsx</t>
  </si>
  <si>
    <t>11/22/2019 09:52:43</t>
  </si>
  <si>
    <t>E:\Diretório H\9.1 - Segurança Física\9.1.1 - Unidades Algar Tec\9.1.1.3 - 235\2 - Projetos\Melhoria 235\</t>
  </si>
  <si>
    <t>CFTV e Controle de Acesso 235.xlsx</t>
  </si>
  <si>
    <t>F:\Diretório H\9.1 - Segurança Física\9.1.1 - Unidades Algar Tec\9.1.1.3 - 235\2 - Projetos\Melhoria 235\CFTV e Controle de Acesso 235.xlsx</t>
  </si>
  <si>
    <t>11/22/2019 09:52:53</t>
  </si>
  <si>
    <t>E:\Diretório H\9.4 - Administrativo\Objetivos\2 Semestre_2013\</t>
  </si>
  <si>
    <t>OBJETIVOS Carlos e Wemerson.xls</t>
  </si>
  <si>
    <t>F:\Diretório H\9.4 - Administrativo\Objetivos\2 Semestre_2013\OBJETIVOS Carlos e Wemerson.xls</t>
  </si>
  <si>
    <t>OBJETIVOS COI.xls</t>
  </si>
  <si>
    <t>F:\Diretório H\9.4 - Administrativo\Objetivos\2 Semestre_2013\OBJETIVOS COI.xls</t>
  </si>
  <si>
    <t>11/22/2019 09:53:16</t>
  </si>
  <si>
    <t>E:\Objetivos_2013\</t>
  </si>
  <si>
    <t>F:\Objetivos_2013\Objetivos 1ª Semestre 2014_COI.xlsx</t>
  </si>
  <si>
    <t>OBJETIVOS EQUIPE_ 2 Semestre 2013_02.xls</t>
  </si>
  <si>
    <t>F:\Objetivos_2013\OBJETIVOS EQUIPE_ 2 Semestre 2013_02.xls</t>
  </si>
  <si>
    <t>OBJETIVOS EQUIPE_ 2 Semestre 2013_Geral.xls</t>
  </si>
  <si>
    <t>F:\Objetivos_2013\OBJETIVOS EQUIPE_ 2 Semestre 2013_Geral.xls</t>
  </si>
  <si>
    <t>OBJETIVOS EQUIPE_ 2 Semestre 2013_Maria Edith.xls</t>
  </si>
  <si>
    <t>F:\Objetivos_2013\OBJETIVOS EQUIPE_ 2 Semestre 2013_Maria Edith.xls</t>
  </si>
  <si>
    <t>OBJETIVOS EQUIPE_ 2 Semestre_Desligados.xls</t>
  </si>
  <si>
    <t>F:\Objetivos_2013\OBJETIVOS EQUIPE_ 2 Semestre_Desligados.xls</t>
  </si>
  <si>
    <t>11/22/2019 09:53:21</t>
  </si>
  <si>
    <t>E:\Procedimentos e Instruções\IT - Cargos e Remunerações.doc\</t>
  </si>
  <si>
    <t>F:\Procedimentos e Instruções\IT - Cargos e Remunerações.doc</t>
  </si>
  <si>
    <t>11/22/2019 09:54:16</t>
  </si>
  <si>
    <t>E:\Projeto Willy\</t>
  </si>
  <si>
    <t>1AAD9566.tmp</t>
  </si>
  <si>
    <t>F:\Projeto Willy\1AAD9566.tmp</t>
  </si>
  <si>
    <t>11/22/2019 09:54:17</t>
  </si>
  <si>
    <t>Descritivo Serviços de Segurança_2014.xls</t>
  </si>
  <si>
    <t>F:\Projeto Willy\Descritivo Serviços de Segurança_2014.xls</t>
  </si>
  <si>
    <t>Descritivo Serviços de Segurança_2014_Willy.xls</t>
  </si>
  <si>
    <t>F:\Projeto Willy\Descritivo Serviços de Segurança_2014_Willy.xls</t>
  </si>
  <si>
    <t>Detalhamento de notas_Willy.xlsx</t>
  </si>
  <si>
    <t>F:\Projeto Willy\Detalhamento de notas_Willy.xlsx</t>
  </si>
  <si>
    <t>Reajuste Algar Segurança_2014 controle.xlsx</t>
  </si>
  <si>
    <t>F:\Projeto Willy\Reajuste Algar Segurança_2014 controle.xlsx</t>
  </si>
  <si>
    <t>11/21/2019 17:40:45</t>
  </si>
  <si>
    <t>11/22/2019 09:56:36</t>
  </si>
  <si>
    <t>/o=exchangelabs/ou=exchange administrative group (fydibohf23spdlt)/cn=recipients/cn=0ee39e9e189c42369588db5cf6d2866d-celia regin;/o=exchangelabs/ou=exchange administrative group (fydibohf23spdlt)/cn=recipients/cn=161c8ab454bb4f4ebde8223bf694a34b-pedro felip;/o=exchangelabs/ou=exchange administrative group (fydibohf23spdlt)/cn=recipients/cn=2144abc9537143519f505fcb8550b74c-juliana emi;/o=exchangelabs/ou=exchange administrative group (fydibohf23spdlt)/cn=recipients/cn=61af722dd06149089cf1c867d796b8bc-delso estre;/o=exchangelabs/ou=exchange administrative group (fydibohf23spdlt)/cn=recipients/cn=9ec15fdf8a374c6f80ea1bf33684216e-roberta alv;/o=exchangelabs/ou=exchange administrative group (fydibohf23spdlt)/cn=recipients/cn=ab45243d601947128cfe3dec663408bf-pamela tava;/o=exchangelabs/ou=exchange administrative group (fydibohf23spdlt)/cn=recipients/cn=e46cd96e8e9e452c8cc8ba65a6c4ec57-gustavo hen;kellycb@algartech.com;rafaelqs@algartech.com;</t>
  </si>
  <si>
    <t>ENC: Planilhas calculo premio</t>
  </si>
  <si>
    <t>RE Planilhas calculo premio.msg\s1\</t>
  </si>
  <si>
    <t>/o=exchangelabs/ou=exchange administrative group (fydibohf23spdlt)/cn=recipients/cn=0ee39e9e189c42369588db5cf6d2866d-celia regin,/o=exchangelabs/ou=exchange administrative group (fydibohf23spdlt)/cn=recipients/cn=161c8ab454bb4f4ebde8223bf694a34b-pedro felip,/o=exchangelabs/ou=exchange administrative group (fydibohf23spdlt)/cn=recipients/cn=2144abc9537143519f505fcb8550b74c-juliana emi,/o=exchangelabs/ou=exchange administrative group (fydibohf23spdlt)/cn=recipients/cn=61af722dd06149089cf1c867d796b8bc-delso estre,/o=exchangelabs/ou=exchange administrative group (fydibohf23spdlt)/cn=recipients/cn=9ec15fdf8a374c6f80ea1bf33684216e-roberta alv,/o=exchangelabs/ou=exchange administrative group (fydibohf23spdlt)/cn=recipients/cn=ab45243d601947128cfe3dec663408bf-pamela tava,/o=exchangelabs/ou=exchange administrative group (fydibohf23spdlt)/cn=recipients/cn=e46cd96e8e9e452c8cc8ba65a6c4ec57-gustavo hen,kellycb@algartech.com,rafaelqs@algartech.com</t>
  </si>
  <si>
    <t>11/22/2019 09:53:56</t>
  </si>
  <si>
    <t>11/22/2019 09:58:36</t>
  </si>
  <si>
    <t>11/22/2019 09:55:25</t>
  </si>
  <si>
    <t>11/22/2019 10:00:36</t>
  </si>
  <si>
    <t>E:\Temp\</t>
  </si>
  <si>
    <t>0012628 - DENÚNCIA SOBRE PORTE ILEGAL DE ARMA - CARLOS.xls</t>
  </si>
  <si>
    <t>F:\Temp\0012628 - DENÚNCIA SOBRE PORTE ILEGAL DE ARMA - CARLOS.xls</t>
  </si>
  <si>
    <t>11/22/2019 09:55:26</t>
  </si>
  <si>
    <t>cancela de saída.xls</t>
  </si>
  <si>
    <t>F:\Temp\cancela de saída.xls</t>
  </si>
  <si>
    <t>11/22/2019 09:55:28</t>
  </si>
  <si>
    <t>Equipe por horario.xlsx</t>
  </si>
  <si>
    <t>F:\Temp\Equipe por horario.xlsx</t>
  </si>
  <si>
    <t>11/22/2019 09:55:29</t>
  </si>
  <si>
    <t>investigaÇÃo_genesys.xls</t>
  </si>
  <si>
    <t>F:\Temp\investigaÇÃo_genesys.xls</t>
  </si>
  <si>
    <t>Levantamento de Incidentes_2013-2014.xls</t>
  </si>
  <si>
    <t>F:\Temp\Levantamento de Incidentes_2013-2014.xls</t>
  </si>
  <si>
    <t>11/22/2019 09:55:42</t>
  </si>
  <si>
    <t>Plano de ação_Segurança 1.xls</t>
  </si>
  <si>
    <t>F:\Temp\Plano de ação_Segurança 1.xls</t>
  </si>
  <si>
    <t>PLANO DIRETOR_15ANOS ALGAR.xlsx</t>
  </si>
  <si>
    <t>F:\Temp\PLANO DIRETOR_15ANOS ALGAR.xlsx</t>
  </si>
  <si>
    <t>11/22/2019 09:55:48</t>
  </si>
  <si>
    <t>teste.xls</t>
  </si>
  <si>
    <t>F:\Temp\teste.xls</t>
  </si>
  <si>
    <t>11/22/2019 09:55:54</t>
  </si>
  <si>
    <t>E:\Temp\Temporário\</t>
  </si>
  <si>
    <t>2013_RGP.xls</t>
  </si>
  <si>
    <t>F:\Temp\Temporário\2013_RGP.xls</t>
  </si>
  <si>
    <t>11/22/2019 09:55:55</t>
  </si>
  <si>
    <t>Action Plan_.xls</t>
  </si>
  <si>
    <t>F:\Temp\Temporário\Action Plan_.xls</t>
  </si>
  <si>
    <t>11/22/2019 09:55:57</t>
  </si>
  <si>
    <t>COI (1).xls</t>
  </si>
  <si>
    <t>F:\Temp\Temporário\COI (1).xls</t>
  </si>
  <si>
    <t>11/22/2019 09:55:58</t>
  </si>
  <si>
    <t>F:\Temp\Temporário\COI.xls</t>
  </si>
  <si>
    <t>11/22/2019 09:55:59</t>
  </si>
  <si>
    <t>DRE INFRA 2013_Carlos.xlsx</t>
  </si>
  <si>
    <t>F:\Temp\Temporário\DRE INFRA 2013_Carlos.xlsx</t>
  </si>
  <si>
    <t>11/22/2019 09:56:01</t>
  </si>
  <si>
    <t>Estrutura_Segurança Empresarial.xlsx</t>
  </si>
  <si>
    <t>F:\Temp\Temporário\Estrutura_Segurança Empresarial.xlsx</t>
  </si>
  <si>
    <t>11/22/2019 09:56:05</t>
  </si>
  <si>
    <t>Indicadores de RO.xlsx</t>
  </si>
  <si>
    <t>F:\Temp\Temporário\Indicadores de RO.xlsx</t>
  </si>
  <si>
    <t>11/22/2019 09:56:06</t>
  </si>
  <si>
    <t>Jacimara.xls</t>
  </si>
  <si>
    <t>F:\Temp\Temporário\Jacimara.xls</t>
  </si>
  <si>
    <t>11/22/2019 09:56:07</t>
  </si>
  <si>
    <t>Lista de Contato PCN - Desatualizada.xls</t>
  </si>
  <si>
    <t>F:\Temp\Temporário\Lista de Contato PCN - Desatualizada.xls</t>
  </si>
  <si>
    <t>Listas Adequação Rio de Janeiro.xlsx</t>
  </si>
  <si>
    <t>F:\Temp\Temporário\Listas Adequação Rio de Janeiro.xlsx</t>
  </si>
  <si>
    <t>Mapeamento de Furtos e Roubos Caixa Eletrônicos_UDI CPS_v02.xls</t>
  </si>
  <si>
    <t>F:\Temp\Temporário\Mapeamento de Furtos e Roubos Caixa Eletrônicos_UDI CPS_v02.xls</t>
  </si>
  <si>
    <t>11/22/2019 09:56:08</t>
  </si>
  <si>
    <t>Modelo Fluxo_Suporte a Segurança.xlsx</t>
  </si>
  <si>
    <t>F:\Temp\Temporário\Modelo Fluxo_Suporte a Segurança.xlsx</t>
  </si>
  <si>
    <t>11/22/2019 09:56:09</t>
  </si>
  <si>
    <t>perfis de acesso.xls</t>
  </si>
  <si>
    <t>F:\Temp\Temporário\perfis de acesso.xls</t>
  </si>
  <si>
    <t>11/22/2019 09:56:10</t>
  </si>
  <si>
    <t>Plano de ação.xls</t>
  </si>
  <si>
    <t>F:\Temp\Temporário\Plano de ação.xls</t>
  </si>
  <si>
    <t>11/22/2019 09:56:11</t>
  </si>
  <si>
    <t>Plano de ação_Segurança.xls</t>
  </si>
  <si>
    <t>F:\Temp\Temporário\Plano de ação_Segurança.xls</t>
  </si>
  <si>
    <t>11/22/2019 09:56:13</t>
  </si>
  <si>
    <t>REVISÃO_09-2013.xlsx</t>
  </si>
  <si>
    <t>F:\Temp\Temporário\REVISÃO_09-2013.xlsx</t>
  </si>
  <si>
    <t>11/22/2019 09:56:14</t>
  </si>
  <si>
    <t>Treinamentos 2014.xlsx</t>
  </si>
  <si>
    <t>F:\Temp\Temporário\Treinamentos 2014.xlsx</t>
  </si>
  <si>
    <t>11/22/2019 09:59:44</t>
  </si>
  <si>
    <t>F:\Cópia\AA - Festa 15 anos\Check-list segurança.xlsx</t>
  </si>
  <si>
    <t>11/22/2019 09:59:48</t>
  </si>
  <si>
    <t>F:\Cópia\AA - SP 22-02-17\14.5 - Site CASA - Santo Amaro\E-mail_Avaliação do Site CASA.msg</t>
  </si>
  <si>
    <t>11/22/2019 09:57:18</t>
  </si>
  <si>
    <t>11/22/2019 10:02:36</t>
  </si>
  <si>
    <t>RES: Reset WF</t>
  </si>
  <si>
    <t>11/22/2019 10:01:59</t>
  </si>
  <si>
    <t>11/22/2019 10:03:36</t>
  </si>
  <si>
    <t>11/22/2019 10:00:45</t>
  </si>
  <si>
    <t>11/22/2019 10:05:37</t>
  </si>
  <si>
    <t>F:\Cópia\Área de Trabalho\25667CCD.tmp</t>
  </si>
  <si>
    <t>11/22/2019 10:00:47</t>
  </si>
  <si>
    <t>F:\Cópia\Área de Trabalho\Ações Interna_Simulação.xlsx</t>
  </si>
  <si>
    <t>F:\Cópia\Área de Trabalho\CAMPINAS - PROPOSTA 3A.xlsx</t>
  </si>
  <si>
    <t>F:\Cópia\Área de Trabalho\CAMPINAS - PROPOSTA 3A_V2.xlsx</t>
  </si>
  <si>
    <t>F:\Cópia\Área de Trabalho\CEI_Planejamento Capex 2017_REV1 - 19-08-16.xlsx</t>
  </si>
  <si>
    <t>F:\Cópia\Área de Trabalho\Cálculo_ACORDO COLETIVO_2016.xlsx</t>
  </si>
  <si>
    <t>11/22/2019 10:00:48</t>
  </si>
  <si>
    <t>F:\Cópia\Área de Trabalho\Cópia de CEI_Adequações das Equipes para 2017_V02.xlsx</t>
  </si>
  <si>
    <t>F:\Cópia\Área de Trabalho\Descritivo Serviços de Segurança_2015-Em atualização.xls</t>
  </si>
  <si>
    <t>F:\Cópia\Área de Trabalho\Entrevista Carlos.xls</t>
  </si>
  <si>
    <t>11/22/2019 10:00:58</t>
  </si>
  <si>
    <t>F:\Cópia\Área de Trabalho\Formulario_Correios.xls</t>
  </si>
  <si>
    <t>11/22/2019 10:00:59</t>
  </si>
  <si>
    <t>F:\Cópia\Área de Trabalho\Memória de cálculo_Reduções de custos 2017.xlsx</t>
  </si>
  <si>
    <t>11/22/2019 10:01:00</t>
  </si>
  <si>
    <t>F:\Cópia\Área de Trabalho\QUESTIONÁRIO-AUDITORIA-DE-PROCESSO-FORNECEDOR.xls</t>
  </si>
  <si>
    <t>F:\Cópia\Área de Trabalho\Relatório de despesas_Carlos.xlsx</t>
  </si>
  <si>
    <t>11/22/2019 10:01:02</t>
  </si>
  <si>
    <t>F:\Cópia\Área de Trabalho\Relação de Grupos de acesso a rede.xlsx</t>
  </si>
  <si>
    <t>F:\Cópia\Área de Trabalho\Serviços de Vigilância e Portaria_2016.xlsx</t>
  </si>
  <si>
    <t>11/22/2019 10:01:07</t>
  </si>
  <si>
    <t>F:\Cópia\Área de Trabalho\Pendências\Análise de Custo Crahá Funcional.xlsx</t>
  </si>
  <si>
    <t>11/22/2019 10:01:08</t>
  </si>
  <si>
    <t>F:\Cópia\Área de Trabalho\Pendências\Avaliação de desempenho.xls</t>
  </si>
  <si>
    <t>11/22/2019 10:01:10</t>
  </si>
  <si>
    <t>F:\Cópia\Área de Trabalho\Pendências\Planejamento de atividades_Carlos.xlsx</t>
  </si>
  <si>
    <t>11/22/2019 10:01:13</t>
  </si>
  <si>
    <t>F:\Cópia\Área de Trabalho\Temp\CRS_Assessoria_340001415_7000.xls</t>
  </si>
  <si>
    <t>F:\Cópia\Área de Trabalho\Temp\Descritivo Serviços de Segurança_2014_Willy - Atualizada 2015.xls</t>
  </si>
  <si>
    <t>11/22/2019 10:01:14</t>
  </si>
  <si>
    <t>F:\Cópia\Área de Trabalho\Temp\OPEX_2015.xls</t>
  </si>
  <si>
    <t>11/22/2019 10:01:17</t>
  </si>
  <si>
    <t>F:\Cópia\Área de Trabalho\Temp\Apresentação_Diretoria\CUSTO BOTTON.xlsx</t>
  </si>
  <si>
    <t>F:\Cópia\Área de Trabalho\Temp\Apresentação_Diretoria\MATERIAIS PARA SUBSTITUIÇÃO DO USO DOS BOTONS .xlsx</t>
  </si>
  <si>
    <t>F:\Cópia\Área de Trabalho\Temp\Apresentação_Diretoria\MATERIAIS PARA SUBSTITUIÇÃO DO USO DOS BOTONS..xlsx</t>
  </si>
  <si>
    <t>11/22/2019 10:01:22</t>
  </si>
  <si>
    <t>F:\Cópia\Área de Trabalho\Temp\Apresentação_Diretoria\COI\ANALISE CUSTO DE CONFECÇÃO DE CRACHÁ..xlsx</t>
  </si>
  <si>
    <t>11/22/2019 10:01:23</t>
  </si>
  <si>
    <t>F:\Cópia\Área de Trabalho\Temp\Apresentação_Diretoria\COI\COI.xls</t>
  </si>
  <si>
    <t>F:\Cópia\Área de Trabalho\Temp\Apresentação_Diretoria\COI\Cópia de Indicadores de performance_Seguranca.xlsx</t>
  </si>
  <si>
    <t>F:\Cópia\Área de Trabalho\Temp\Apresentação_Diretoria\COI\Lista_Segurança Empresarial.xls .xls</t>
  </si>
  <si>
    <t>11/22/2019 10:01:54</t>
  </si>
  <si>
    <t>F:\Cópia\Área de Trabalho\Temporário02\ALAOR_Seguranca.xlsx</t>
  </si>
  <si>
    <t>11/22/2019 10:01:55</t>
  </si>
  <si>
    <t>F:\Cópia\Área de Trabalho\Temporário02\Algar_Tech_Infraestrutura_Carlos Rodrigues_v1.xls</t>
  </si>
  <si>
    <t>11/22/2019 10:01:56</t>
  </si>
  <si>
    <t>F:\Cópia\Área de Trabalho\Temporário02\CARLOS RODRIGUES COSTA.xls</t>
  </si>
  <si>
    <t>F:\Cópia\Área de Trabalho\Temporário02\Categorias RO.xlsx</t>
  </si>
  <si>
    <t>11/22/2019 10:01:57</t>
  </si>
  <si>
    <t>F:\Cópia\Área de Trabalho\Temporário02\Controle de atividadades.xlsx</t>
  </si>
  <si>
    <t>F:\Cópia\Área de Trabalho\Temporário02\ControleTarefas_v2.xlsx</t>
  </si>
  <si>
    <t>11/22/2019 10:01:58</t>
  </si>
  <si>
    <t>F:\Cópia\Área de Trabalho\Temporário02\Cópia de Planejamento CAPEX INFRAESTRUTURA 2015.xls</t>
  </si>
  <si>
    <t>F:\Cópia\Área de Trabalho\Temporário02\Cópia de Planilha Resumo Corporativo.xlsx</t>
  </si>
  <si>
    <t>F:\Cópia\Área de Trabalho\Temporário02\DE - PARA - segurança.xlsx</t>
  </si>
  <si>
    <t>F:\Cópia\Área de Trabalho\Temporário02\DEPARTAMENTAL - CARLOS - 102014.xlsx</t>
  </si>
  <si>
    <t>F:\Cópia\Área de Trabalho\Temporário02\Descritivo Serviços de Segurança_2014_Com reajuste_Willy.xls</t>
  </si>
  <si>
    <t>11/22/2019 10:02:05</t>
  </si>
  <si>
    <t>F:\Cópia\Área de Trabalho\Temporário02\Evidência para objetivos 1º semestre 2014.xls</t>
  </si>
  <si>
    <t>11/22/2019 10:02:06</t>
  </si>
  <si>
    <t>F:\Cópia\Área de Trabalho\Temporário02\Informações para processo de investigação.xlsx</t>
  </si>
  <si>
    <t>11/22/2019 10:02:07</t>
  </si>
  <si>
    <t>F:\Cópia\Área de Trabalho\Temporário02\Link Rápido_Carlos.xlsx</t>
  </si>
  <si>
    <t>11/22/2019 10:02:09</t>
  </si>
  <si>
    <t>F:\Cópia\Área de Trabalho\Temporário02\Mapa de atividades.xlsx</t>
  </si>
  <si>
    <t>11/22/2019 10:00:22</t>
  </si>
  <si>
    <t>F:\Cópia\Área de Trabalho\Temporário02\Números de segurança eletrônica_04-09-14.xlsx</t>
  </si>
  <si>
    <t>11/22/2019 10:02:10</t>
  </si>
  <si>
    <t>F:\Cópia\Área de Trabalho\Temporário02\Objetivos 1ª Semestre 2014_COI.xlsx</t>
  </si>
  <si>
    <t>F:\Cópia\Área de Trabalho\Temporário02\Objetivos 1ª Semestre 2014_Final.xlsx</t>
  </si>
  <si>
    <t>F:\Cópia\Área de Trabalho\Temporário02\Objetivos 2ª Semestre 2014_Assessoria_Carlos e Wemerson.xlsx</t>
  </si>
  <si>
    <t>11/22/2019 10:02:17</t>
  </si>
  <si>
    <t>F:\Cópia\Área de Trabalho\Temporário02\EVIDENCIA\POLITICA PLT-EM-Cartoes-015 - Emails contendo anexo INCIDENTE 48861231 (7.81 MB).msg</t>
  </si>
  <si>
    <t>11/22/2019 10:02:27</t>
  </si>
  <si>
    <t>F:\Cópia\Área de Trabalho\Temporário02\Indicadores_2013 2014\1º Trimestre_2013.xls</t>
  </si>
  <si>
    <t>11/22/2019 10:02:34</t>
  </si>
  <si>
    <t>F:\Cópia\Área de Trabalho\Temporário02\Indicadores_2013 2014\1º Trimestre_2014.xls</t>
  </si>
  <si>
    <t>11/22/2019 10:02:38</t>
  </si>
  <si>
    <t>F:\Cópia\Área de Trabalho\Temporário02\Indicadores_2013 2014\2º Trimestre_2013.xls</t>
  </si>
  <si>
    <t>11/22/2019 10:02:41</t>
  </si>
  <si>
    <t>F:\Cópia\Área de Trabalho\Temporário02\Indicadores_2013 2014\2º Trimestre_2014.xls</t>
  </si>
  <si>
    <t>11/22/2019 10:02:45</t>
  </si>
  <si>
    <t>F:\Cópia\Área de Trabalho\Temporário02\Indicadores_2013 2014\3º Trimestre_2013.xls</t>
  </si>
  <si>
    <t>11/22/2019 10:02:48</t>
  </si>
  <si>
    <t>F:\Cópia\Área de Trabalho\Temporário02\Indicadores_2013 2014\3º Trimestre_2014.xls</t>
  </si>
  <si>
    <t>11/22/2019 10:02:52</t>
  </si>
  <si>
    <t>F:\Cópia\Área de Trabalho\Temporário02\Indicadores_2013 2014\4º Trimestre_2013.xls</t>
  </si>
  <si>
    <t>11/22/2019 10:03:00</t>
  </si>
  <si>
    <t>F:\Cópia\Área de Trabalho\Temporário02\Indicadores_2013 2014\Indicadores_2013_Tickets.xls</t>
  </si>
  <si>
    <t>11/22/2019 10:03:09</t>
  </si>
  <si>
    <t>F:\Cópia\Área de Trabalho\Temporário02\Indicadores_2013 2014\Indicadores_até 3 trimestre 2014_Ticket.xls</t>
  </si>
  <si>
    <t>11/22/2019 10:03:11</t>
  </si>
  <si>
    <t>F:\Cópia\Área de Trabalho\Temporário02\Pesquisa de Clima_Seg\Algar Tech_Clima 2014_Seg.ppt</t>
  </si>
  <si>
    <t>11/22/2019 10:03:12</t>
  </si>
  <si>
    <t>F:\Cópia\Área de Trabalho\Temporário02\Pesquisa de Clima_Seg\Pesquisa 2014_Comentários.xlsx</t>
  </si>
  <si>
    <t>F:\Cópia\Área de Trabalho\Temporário02\Pesquisa de Clima_Seg\Pesquisa_2014_Melhorias.xlsx</t>
  </si>
  <si>
    <t>11/22/2019 10:03:40</t>
  </si>
  <si>
    <t>F:\Cópia\carlosrcos\desktop_backup\Planos de ação\Action Plan Carlos 2011 v1_01.xls</t>
  </si>
  <si>
    <t>11/22/2019 10:03:41</t>
  </si>
  <si>
    <t>F:\Cópia\carlosrcos\desktop_backup\Planos de ação\Action Plan_Alex 2011 v1.xls</t>
  </si>
  <si>
    <t>11/22/2019 10:04:05</t>
  </si>
  <si>
    <t>F:\Cópia\carlosrcos\desktop_backup\RRPerimetral_UDI\Mapeamento de Roubo em Caixas Eletrônicos.xls</t>
  </si>
  <si>
    <t>F:\Cópia\carlosrcos\desktop_backup\Segurança Empresarial_Nova equipe\Estrutura_Segurança.xls</t>
  </si>
  <si>
    <t>11/22/2019 10:04:06</t>
  </si>
  <si>
    <t>F:\Cópia\carlosrcos\desktop_backup\Temporário\49xxxx.xls</t>
  </si>
  <si>
    <t>F:\Cópia\carlosrcos\desktop_backup\Temporário\access events.xls</t>
  </si>
  <si>
    <t>F:\Cópia\carlosrcos\desktop_backup\Temporário\acessos habilitado.xls</t>
  </si>
  <si>
    <t>11/22/2019 10:04:07</t>
  </si>
  <si>
    <t>F:\Cópia\carlosrcos\desktop_backup\Temporário\Acompanhamento.xls</t>
  </si>
  <si>
    <t>F:\Cópia\carlosrcos\desktop_backup\Temporário\Analise CTBC do contrato ATI 2011..xls</t>
  </si>
  <si>
    <t>F:\Cópia\carlosrcos\desktop_backup\Temporário\Analise CTBC do contrato ATI 2011.xls</t>
  </si>
  <si>
    <t>F:\Cópia\carlosrcos\desktop_backup\Temporário\Analise do contrato ATI 2011.xls</t>
  </si>
  <si>
    <t>11/22/2019 10:04:08</t>
  </si>
  <si>
    <t>F:\Cópia\carlosrcos\desktop_backup\Temporário\Análise Gerencial Consolidada - Internalização - 18-08-2011.xls</t>
  </si>
  <si>
    <t>11/22/2019 10:04:09</t>
  </si>
  <si>
    <t>F:\Cópia\carlosrcos\desktop_backup\Temporário\Auditoria operação Bradesco_23-09-11.xlsx</t>
  </si>
  <si>
    <t>11/22/2019 10:04:10</t>
  </si>
  <si>
    <t>F:\Cópia\carlosrcos\desktop_backup\Temporário\avaliar alterações.xls</t>
  </si>
  <si>
    <t>F:\Cópia\carlosrcos\desktop_backup\Temporário\Avaliação de Eficacia - Carlos.xls</t>
  </si>
  <si>
    <t>F:\Cópia\carlosrcos\desktop_backup\Temporário\calculo maturidade SGSI-v2.xls</t>
  </si>
  <si>
    <t>11/22/2019 10:04:11</t>
  </si>
  <si>
    <t>F:\Cópia\carlosrcos\desktop_backup\Temporário\COD.xlsx</t>
  </si>
  <si>
    <t>F:\Cópia\carlosrcos\desktop_backup\Temporário\Codinomes_Equipe VIG.xlsx</t>
  </si>
  <si>
    <t>11/22/2019 10:04:12</t>
  </si>
  <si>
    <t>F:\Cópia\carlosrcos\desktop_backup\Temporário\Contatos - Comunidade de Inteligência.xls</t>
  </si>
  <si>
    <t>F:\Cópia\carlosrcos\desktop_backup\Temporário\Contatos - RICEI_Atualizada 2011.xls</t>
  </si>
  <si>
    <t>F:\Cópia\carlosrcos\desktop_backup\Temporário\Controle de chaves.xlsx</t>
  </si>
  <si>
    <t>F:\Cópia\carlosrcos\desktop_backup\Temporário\Controle de gastos - CPS.xlsx</t>
  </si>
  <si>
    <t>11/22/2019 10:04:14</t>
  </si>
  <si>
    <t>F:\Cópia\carlosrcos\desktop_backup\Temporário\Controle Ferias.xls</t>
  </si>
  <si>
    <t>11/22/2019 10:04:15</t>
  </si>
  <si>
    <t>F:\Cópia\carlosrcos\desktop_backup\Temporário\coordenadores.xls</t>
  </si>
  <si>
    <t>11/22/2019 10:04:16</t>
  </si>
  <si>
    <t>F:\Cópia\carlosrcos\desktop_backup\Temporário\Cópia de DC_Sede_238_Retirar acessos.xls</t>
  </si>
  <si>
    <t>F:\Cópia\carlosrcos\desktop_backup\Temporário\Dados.xls</t>
  </si>
  <si>
    <t>F:\Cópia\carlosrcos\desktop_backup\Temporário\DC_Sede_238_Emerson.xls</t>
  </si>
  <si>
    <t>F:\Cópia\carlosrcos\desktop_backup\Temporário\DC_Sede_238_Retirar acessos.xls</t>
  </si>
  <si>
    <t>F:\Cópia\carlosrcos\desktop_backup\Temporário\Departamental(1).xls</t>
  </si>
  <si>
    <t>F:\Cópia\carlosrcos\desktop_backup\Temporário\Despesa com viagem.xlsx</t>
  </si>
  <si>
    <t>11/22/2019 10:04:20</t>
  </si>
  <si>
    <t>F:\Cópia\carlosrcos\desktop_backup\Temporário\entrada%20e%20saida_alterado(1).xls</t>
  </si>
  <si>
    <t>11/22/2019 10:04:21</t>
  </si>
  <si>
    <t>F:\Cópia\carlosrcos\desktop_backup\Temporário\Fluxo de Acessos_Segurança - em criação.xls</t>
  </si>
  <si>
    <t>11/22/2019 10:04:24</t>
  </si>
  <si>
    <t>F:\Cópia\carlosrcos\desktop_backup\Temporário\habilitados.xls</t>
  </si>
  <si>
    <t>F:\Cópia\carlosrcos\desktop_backup\Temporário\Infra - Detalhe Atividades - SLA.xlsx</t>
  </si>
  <si>
    <t>F:\Cópia\carlosrcos\desktop_backup\Temporário\irregular_algar seg..xls</t>
  </si>
  <si>
    <t>F:\Cópia\carlosrcos\desktop_backup\Temporário\Levantamento de custo_internalização.xlsx</t>
  </si>
  <si>
    <t>11/22/2019 10:04:28</t>
  </si>
  <si>
    <t>F:\Cópia\carlosrcos\desktop_backup\Temporário\NOVO TEMPLATE RDM (vinculo com BDGC).xls</t>
  </si>
  <si>
    <t>F:\Cópia\carlosrcos\desktop_backup\Temporário\Novos usuários DC 238.xlsx</t>
  </si>
  <si>
    <t>F:\Cópia\carlosrcos\desktop_backup\Temporário\Oportunidades - Gerais de Seg. Patrimonial.xls</t>
  </si>
  <si>
    <t>F:\Cópia\carlosrcos\desktop_backup\Temporário\Pasta3.xlsx</t>
  </si>
  <si>
    <t>11/22/2019 10:04:31</t>
  </si>
  <si>
    <t>F:\Cópia\carlosrcos\desktop_backup\Temporário\png2_com cpf.xls</t>
  </si>
  <si>
    <t>11/22/2019 10:04:36</t>
  </si>
  <si>
    <t>F:\Cópia\carlosrcos\desktop_backup\Temporário\Relatório_01-01 a 04-10_incidentes.xlsx</t>
  </si>
  <si>
    <t>F:\Cópia\carlosrcos\desktop_backup\Temporário\relação algar RJ.xls</t>
  </si>
  <si>
    <t>F:\Cópia\carlosrcos\desktop_backup\Temporário\RO-MODELO_v3.XLS</t>
  </si>
  <si>
    <t>F:\Cópia\carlosrcos\desktop_backup\Temporário\Rua Padre Pio.xlsx</t>
  </si>
  <si>
    <t>F:\Cópia\carlosrcos\desktop_backup\Temporário\Solicitação de Viagem - Campinas SP - Carlos Rodrigues Costa.xls</t>
  </si>
  <si>
    <t>F:\Cópia\carlosrcos\desktop_backup\Temporário\Terceiros habilitados.xls</t>
  </si>
  <si>
    <t>11/22/2019 10:04:38</t>
  </si>
  <si>
    <t>F:\Cópia\carlosrcos\desktop_backup\Temporário\Tickets encerrados.xls</t>
  </si>
  <si>
    <t>11/22/2019 10:04:39</t>
  </si>
  <si>
    <t>F:\Cópia\carlosrcos\desktop_backup\Temporário\usuários com acesso.xls</t>
  </si>
  <si>
    <t>F:\Cópia\carlosrcos\desktop_backup\Temporário\Validação Luismar.xlsx</t>
  </si>
  <si>
    <t>F:\Cópia\carlosrcos\desktop_backup\Temporário\Validação Luismar_Revisão Carlos_14-10-11.xlsx</t>
  </si>
  <si>
    <t>11/22/2019 10:04:42</t>
  </si>
  <si>
    <t>F:\Cópia\carlosrcos\desktop_backup\Temporário\Álcool x Gasolina.xlsx</t>
  </si>
  <si>
    <t>F:\Cópia\carlosrcos\desktop_backup\Temporário\Análise crítica de acesso\assessoria.xls</t>
  </si>
  <si>
    <t>F:\Cópia\carlosrcos\desktop_backup\Temporário\Análise crítica de acesso\dc em férias.xls</t>
  </si>
  <si>
    <t>11/22/2019 10:04:43</t>
  </si>
  <si>
    <t>F:\Cópia\carlosrcos\desktop_backup\Temporário\Análise crítica de acesso\DC_Sede, 238.xls</t>
  </si>
  <si>
    <t>F:\Cópia\carlosrcos\desktop_backup\Temporário\Análise crítica de acesso\Relação de usuários_Edilson.xlsx</t>
  </si>
  <si>
    <t>F:\Cópia\carlosrcos\desktop_backup\Temporário\Análise crítica de acesso\Relação de usuários_Frederico.xlsx</t>
  </si>
  <si>
    <t>F:\Cópia\carlosrcos\desktop_backup\Temporário\Análise crítica de acesso\ti_238_ativos.xls</t>
  </si>
  <si>
    <t>F:\Cópia\carlosrcos\desktop_backup\Temporário\Análise crítica de acesso\ti_geral_férias.xls</t>
  </si>
  <si>
    <t>F:\Cópia\carlosrcos\desktop_backup\Temporário\Análise crítica de acesso\Atualização\Rodrigo_Pode ter crachá 49 mas não terá o acesso.xls</t>
  </si>
  <si>
    <t>11/22/2019 10:04:44</t>
  </si>
  <si>
    <t>F:\Cópia\carlosrcos\desktop_backup\Temporário\Análise crítica de acesso\Infra\infra_ativos.xls</t>
  </si>
  <si>
    <t>F:\Cópia\carlosrcos\desktop_backup\Temporário\Análise crítica de acesso\Liberação final_autorizado por Emerson\Equipe Kelly Cristina.xlsx</t>
  </si>
  <si>
    <t>11/22/2019 10:04:45</t>
  </si>
  <si>
    <t>F:\Cópia\carlosrcos\desktop_backup\Temporário\Análise crítica de acesso\Liberação final_autorizado por Emerson\Equipe Rodrigo Storti.xls</t>
  </si>
  <si>
    <t>F:\Cópia\carlosrcos\desktop_backup\Temporário\Análise crítica de acesso\Subistituição de crachá 49xxx_14-10-11\Recolhimento_01.xlsx</t>
  </si>
  <si>
    <t>11/22/2019 10:04:48</t>
  </si>
  <si>
    <t>F:\Cópia\carlosrcos\desktop_backup\Temporário\Estudar Planilhas\Documento de Apoio 232.xls</t>
  </si>
  <si>
    <t>11/22/2019 10:04:49</t>
  </si>
  <si>
    <t>F:\Cópia\carlosrcos\desktop_backup\Temporário\Estudar Planilhas\Documento de Apoio 232_2.xls</t>
  </si>
  <si>
    <t>F:\Cópia\carlosrcos\desktop_backup\Temporário\Estudar Planilhas\Lista de Ramais AMEX ATUALIZADOS-USAR AS 2 LISTAS (portaria v1).xls</t>
  </si>
  <si>
    <t>F:\Cópia\carlosrcos\desktop_backup\Treinamento_Nova equipe\Controle de Usuários e Aprovadores Responsáveis_V01.xlsx</t>
  </si>
  <si>
    <t>11/22/2019 10:05:07</t>
  </si>
  <si>
    <t>F:\Cópia\desktop\amazon_geral.xls</t>
  </si>
  <si>
    <t>F:\Cópia\desktop\Assessment SEB - COC v3.2 - Livia.rar</t>
  </si>
  <si>
    <t>F:\Cópia\desktop\Avaliação de Eficácia 2012 - Carlos.xls</t>
  </si>
  <si>
    <t>11/22/2019 10:05:08</t>
  </si>
  <si>
    <t>F:\Cópia\desktop\Codinomes_Equipe VIG.xlsx</t>
  </si>
  <si>
    <t>F:\Cópia\desktop\COI.xls</t>
  </si>
  <si>
    <t>11/22/2019 10:02:20</t>
  </si>
  <si>
    <t>11/22/2019 10:07:37</t>
  </si>
  <si>
    <t>ENC: Report Back</t>
  </si>
  <si>
    <t>Report Back Geral.xlsx</t>
  </si>
  <si>
    <t>11/22/2019 10:05:09</t>
  </si>
  <si>
    <t>11/22/2019 10:10:36</t>
  </si>
  <si>
    <t>F:\Cópia\desktop\Escala.xlsx</t>
  </si>
  <si>
    <t>11/22/2019 10:05:10</t>
  </si>
  <si>
    <t>F:\Cópia\desktop\Imagens Facebook_.xlsx</t>
  </si>
  <si>
    <t>11/22/2019 10:05:11</t>
  </si>
  <si>
    <t>F:\Cópia\desktop\Mapeamento de Furtos e Roubos Caixa Eletrônicos_UDI CPS.xls</t>
  </si>
  <si>
    <t>11/22/2019 10:05:12</t>
  </si>
  <si>
    <t>F:\Cópia\desktop\OBJETIVOS ASSESSORIA SEGURANÇA 2012.xls</t>
  </si>
  <si>
    <t>F:\Cópia\desktop\Postos e CRs_ leonidas.xlsx</t>
  </si>
  <si>
    <t>11/22/2019 10:05:48</t>
  </si>
  <si>
    <t>F:\Cópia\desktop\TELECOM (2).xlsx</t>
  </si>
  <si>
    <t>F:\Cópia\desktop\TELECOM.xlsx</t>
  </si>
  <si>
    <t>F:\Cópia\desktop\Valores e Rateios postos Vigilancia e Portaria.xlsx</t>
  </si>
  <si>
    <t>11/22/2019 10:05:49</t>
  </si>
  <si>
    <t>F:\Cópia\desktop\Acompanhamento\0009031 - VEICULO SUSPEITO - REGINALDO MORAIS.XLS</t>
  </si>
  <si>
    <t>11/22/2019 10:06:10</t>
  </si>
  <si>
    <t>F:\Cópia\desktop\DeskTop Temp\car299c.xls</t>
  </si>
  <si>
    <t>11/22/2019 10:06:11</t>
  </si>
  <si>
    <t>F:\Cópia\desktop\DeskTop Temp\Cópia de Mapeamento de Furtos e Roubos Caixa Eletrônicos_UDI CPS.xls</t>
  </si>
  <si>
    <t>11/22/2019 10:06:12</t>
  </si>
  <si>
    <t>F:\Cópia\desktop\DeskTop Temp\Mapeamento%20de%20Roubo%20em%20Caixas%20Eletrônicos(1).xls</t>
  </si>
  <si>
    <t>11/22/2019 10:06:29</t>
  </si>
  <si>
    <t>F:\Cópia\desktop\DeskTop Temp\Tickets encerrados -2010 e 2011.xlsm</t>
  </si>
  <si>
    <t>11/22/2019 10:06:42</t>
  </si>
  <si>
    <t>F:\Cópia\desktop\DeskTop Temp\Tickets encerrados -2010.xlsm</t>
  </si>
  <si>
    <t>11/22/2019 10:06:54</t>
  </si>
  <si>
    <t>F:\Cópia\desktop\DeskTop Temp\Tickets encerrados -2011.xlsm</t>
  </si>
  <si>
    <t>11/22/2019 10:06:55</t>
  </si>
  <si>
    <t>F:\Cópia\desktop\DeskTop Temp\COI - Centro de Operações de Inteligência\Estrutura_Segurança.xls</t>
  </si>
  <si>
    <t>11/22/2019 10:06:56</t>
  </si>
  <si>
    <t>F:\Cópia\desktop\DeskTop Temp\Organiza\Análise de entrada de veículo_945961.xlsx</t>
  </si>
  <si>
    <t>11/22/2019 10:06:57</t>
  </si>
  <si>
    <t>F:\Cópia\desktop\DeskTop Temp\Organiza\Mapeamento de Furtos e Roubos a Caixa Eletrônicos_Campinas.xls</t>
  </si>
  <si>
    <t>11/22/2019 10:06:58</t>
  </si>
  <si>
    <t>F:\Cópia\desktop\DeskTop Temp\Organiza\Mapeamento de Furtos e Roubos a Caixa Eletrônicos_ULA.xls</t>
  </si>
  <si>
    <t>F:\Cópia\desktop\DeskTop Temp\Organiza\Recomendações Petrobras.xlsx</t>
  </si>
  <si>
    <t>11/22/2019 10:07:01</t>
  </si>
  <si>
    <t>F:\Cópia\desktop\DeskTop Temp\Organiza\Tickets encerrados.xls</t>
  </si>
  <si>
    <t>11/22/2019 10:08:25</t>
  </si>
  <si>
    <t>F:\Cópia\desktop\DeskTop Temp\Organiza\Indicadores 2011\CAIBM_Atualizar.xlsx</t>
  </si>
  <si>
    <t>11/22/2019 10:08:29</t>
  </si>
  <si>
    <t>F:\Cópia\desktop\DeskTop Temp\Organiza\Indicadores 2011\CAToutatis_26-07-11.xls</t>
  </si>
  <si>
    <t>11/22/2019 10:08:31</t>
  </si>
  <si>
    <t>F:\Cópia\desktop\DeskTop Temp\Organiza\Indicadores 2011\Panilha RJ - verificar se esta ativo ou demitido.xls</t>
  </si>
  <si>
    <t>11/22/2019 10:08:33</t>
  </si>
  <si>
    <t>F:\Cópia\desktop\DeskTop Temp\Organiza\Indicadores 2011\Tickets encerrados 2011.xls</t>
  </si>
  <si>
    <t>11/22/2019 10:08:36</t>
  </si>
  <si>
    <t>F:\Cópia\desktop\DeskTop Temp\Organiza\Indicadores 2011\Tickets encerrados_2010.xls</t>
  </si>
  <si>
    <t>11/22/2019 10:08:43</t>
  </si>
  <si>
    <t>F:\Cópia\desktop\Diretorio I\CONTROLE DE TERCEIROS.xlsx</t>
  </si>
  <si>
    <t>F:\Cópia\desktop\Diretorio I\RAMAIS.xlsx</t>
  </si>
  <si>
    <t>11/22/2019 10:08:46</t>
  </si>
  <si>
    <t>F:\Cópia\desktop\Diretorio I\1 - Operação\1.1 - Seguranca Patrimonial\1.1.3 - Administrativo Algar Tecnologia\Escala de Plantão Infraestrutura\Plantão 2010.xls</t>
  </si>
  <si>
    <t>11/22/2019 10:10:43</t>
  </si>
  <si>
    <t>11/22/2019 10:12:36</t>
  </si>
  <si>
    <t>/o=exchangelabs/ou=exchange administrative group (fydibohf23spdlt)/cn=recipients/cn=0ca6cc8d100949a7866a928f62ef5778-rosilene de;/o=exchangelabs/ou=exchange administrative group (fydibohf23spdlt)/cn=recipients/cn=2b2fb8df84f84951b6d53454b4b3e8b3-izadora may;/o=exchangelabs/ou=exchange administrative group (fydibohf23spdlt)/cn=recipients/cn=545f738e0fe740ba856f4eb6ef0135e0-vinicius si;/o=exchangelabs/ou=exchange administrative group (fydibohf23spdlt)/cn=recipients/cn=7903c13fa0504ff0bc7dd2644020b0e8-mirna prado;/o=exchangelabs/ou=exchange administrative group (fydibohf23spdlt)/cn=recipients/cn=a72a765de829420582b78941417073ac-karina rodr;/o=exchangelabs/ou=exchange administrative group (fydibohf23spdlt)/cn=recipients/cn=c22b2d8de1594760baec681322c0933f-fernanda ma;/o=exchangelabs/ou=exchange administrative group (fydibohf23spdlt)/cn=recipients/cn=e174366906884bd1b4d4c5ddfc8c9433-rodrigo men;</t>
  </si>
  <si>
    <t>Operações EH - Janeiro/2020</t>
  </si>
  <si>
    <t>Estrutura Prevista_Janeiro 2020.xlsx</t>
  </si>
  <si>
    <t>/o=exchangelabs/ou=exchange administrative group (fydibohf23spdlt)/cn=recipients/cn=0ca6cc8d100949a7866a928f62ef5778-rosilene de,/o=exchangelabs/ou=exchange administrative group (fydibohf23spdlt)/cn=recipients/cn=2b2fb8df84f84951b6d53454b4b3e8b3-izadora may,/o=exchangelabs/ou=exchange administrative group (fydibohf23spdlt)/cn=recipients/cn=545f738e0fe740ba856f4eb6ef0135e0-vinicius si,/o=exchangelabs/ou=exchange administrative group (fydibohf23spdlt)/cn=recipients/cn=7903c13fa0504ff0bc7dd2644020b0e8-mirna prado,/o=exchangelabs/ou=exchange administrative group (fydibohf23spdlt)/cn=recipients/cn=a72a765de829420582b78941417073ac-karina rodr,/o=exchangelabs/ou=exchange administrative group (fydibohf23spdlt)/cn=recipients/cn=c22b2d8de1594760baec681322c0933f-fernanda ma,/o=exchangelabs/ou=exchange administrative group (fydibohf23spdlt)/cn=recipients/cn=e174366906884bd1b4d4c5ddfc8c9433-rodrigo men</t>
  </si>
  <si>
    <t>11/22/2019 10:10:25</t>
  </si>
  <si>
    <t>/o=exchangelabs/ou=exchange administrative group (fydibohf23spdlt)/cn=recipients/cn=97bf0b4d6b424f9fbf91192510276150-renata de o;</t>
  </si>
  <si>
    <t>Receitamento novembro.19</t>
  </si>
  <si>
    <t>/o=exchangelabs/ou=exchange administrative group (fydibohf23spdlt)/cn=recipients/cn=97bf0b4d6b424f9fbf91192510276150-renata de o</t>
  </si>
  <si>
    <t>11/22/2019 10:10:40</t>
  </si>
  <si>
    <t>11/22/2019 10:13:37</t>
  </si>
  <si>
    <t>11/22/2019 10:14:10</t>
  </si>
  <si>
    <t>11/22/2019 10:15:37</t>
  </si>
  <si>
    <t>ENC: Programação de férias do associado Hercules Angieski</t>
  </si>
  <si>
    <t>11/22/2019 10:11:27</t>
  </si>
  <si>
    <t>F:\Cópia\desktop\Diretorio I\1 - Operação\1.1 - Seguranca Patrimonial\1.1.3 - Administrativo Algar Tecnologia\Fotos X Matriculas Campinas\Old\Matriculas\Nome e matrícula novos associados.xls</t>
  </si>
  <si>
    <t>F:\Cópia\desktop\Diretorio I\1 - Operação\1.1 - Seguranca Patrimonial\1.1.3 - Administrativo Algar Tecnologia\Fotos X Matriculas Campinas\Old\Relatórios de Admissões\Admissões Abril - 17-04-09.xls</t>
  </si>
  <si>
    <t>11/22/2019 10:11:28</t>
  </si>
  <si>
    <t>F:\Cópia\desktop\Diretorio I\1 - Operação\1.2 - Relatórios\RO\RO 2011\01 - JANEIRO 2011\FORMULÁRIO DE RO.xls</t>
  </si>
  <si>
    <t>F:\Cópia\desktop\Diretorio I\1 - Operação\1.2 - Relatórios\RO\RO 2011\01 - JANEIRO 2011\Resolvidas\CPS068 Uso Indevido de Sala.xls</t>
  </si>
  <si>
    <t>F:\Cópia\desktop\Diretorio I\1 - Operação\1.2 - Relatórios\RO\RO 2011\01 - JANEIRO 2011\Resolvidas\CPS069 INCIDENTE COM MOTO.xls</t>
  </si>
  <si>
    <t>F:\Cópia\desktop\Diretorio I\1 - Operação\1.2 - Relatórios\RO\RO 2011\01 - JANEIRO 2011\Resolvidas\CPS071 Liberação sem Documento.xls</t>
  </si>
  <si>
    <t>11/22/2019 10:11:29</t>
  </si>
  <si>
    <t>F:\Cópia\desktop\Diretorio I\1 - Operação\1.2 - Relatórios\RO\RO 2011\01 - JANEIRO 2011\Resolvidas\CPS072USO INDEVIDO DE ARMÁRIO.xls</t>
  </si>
  <si>
    <t>F:\Cópia\desktop\Diretorio I\1 - Operação\1.2 - Relatórios\RO\RO 2011\01 - JANEIRO 2011\Resolvidas\CPS073 MAL ESTAR DE ASSOCIADA.xls</t>
  </si>
  <si>
    <t>F:\Cópia\desktop\Diretorio I\1 - Operação\1.2 - Relatórios\RO\RO 2011\01 - JANEIRO 2011\Resolvidas\CPS074 Atitude Suspeita.xlsx</t>
  </si>
  <si>
    <t>F:\Cópia\desktop\Diretorio I\1 - Operação\1.2 - Relatórios\RO\RO 2011\01 - JANEIRO 2011\Resolvidas\CPS075 QUEBRA DE CADEADO.xls</t>
  </si>
  <si>
    <t>F:\Cópia\desktop\Diretorio I\1 - Operação\1.2 - Relatórios\RO\RO 2011\01 - JANEIRO 2011\Resolvidas\CPS076 ALIMENTAÇÃO EM SALA DE TRN.xls</t>
  </si>
  <si>
    <t>F:\Cópia\desktop\Diretorio I\1 - Operação\1.2 - Relatórios\RO\RO 2011\01 - JANEIRO 2011\Resolvidas\CPS077DESRESPEITO FAIXA DE PEDESTRES.xls</t>
  </si>
  <si>
    <t>F:\Cópia\desktop\Diretorio I\1 - Operação\1.2 - Relatórios\RO\RO 2011\01 - JANEIRO 2011\Resolvidas\CPS078 DANOS NA CERCA ELÉTRICA.xls</t>
  </si>
  <si>
    <t>11/22/2019 10:11:30</t>
  </si>
  <si>
    <t>F:\Cópia\desktop\Diretorio I\1 - Operação\1.2 - Relatórios\RO\RO 2011\01 - JANEIRO 2011\Resolvidas\RO 070 DESAPARECIMENTO DE CAMERA.xlsx</t>
  </si>
  <si>
    <t>F:\Cópia\desktop\Diretorio I\1 - Operação\1.2 - Relatórios\RO\RO 2011\02- FEVEREIRO 2011\FORMULARIO RO 2011.xlsx</t>
  </si>
  <si>
    <t>F:\Cópia\desktop\Diretorio I\1 - Operação\1.2 - Relatórios\RO\RO 2011\02- FEVEREIRO 2011\FORMULÁRIO DE RO.xls</t>
  </si>
  <si>
    <t>11/22/2019 10:11:31</t>
  </si>
  <si>
    <t>F:\Cópia\desktop\Diretorio I\1 - Operação\1.2 - Relatórios\RO\RO 2011\02- FEVEREIRO 2011\Resolvidas\CPS079 SUMIÇO DE FONE.xls</t>
  </si>
  <si>
    <t>F:\Cópia\desktop\Diretorio I\1 - Operação\1.2 - Relatórios\RO\RO 2011\02- FEVEREIRO 2011\Resolvidas\cps080 vazamento caixa D'água.xlsx</t>
  </si>
  <si>
    <t>F:\Cópia\desktop\Diretorio I\1 - Operação\1.2 - Relatórios\RO\RO 2011\02- FEVEREIRO 2011\Resolvidas\CPS081 NOTEBOOKS NO STAFF.xls</t>
  </si>
  <si>
    <t>F:\Cópia\desktop\Diretorio I\1 - Operação\1.2 - Relatórios\RO\RO 2011\02- FEVEREIRO 2011\Resolvidas\CPS082 VISITA SUSPEITA.xlsx</t>
  </si>
  <si>
    <t>F:\Cópia\desktop\Diretorio I\1 - Operação\1.2 - Relatórios\RO\RO 2011\02- FEVEREIRO 2011\Resolvidas\CPS083 LUZ DE EMERGÊNCIA GMG 2.xls</t>
  </si>
  <si>
    <t>F:\Cópia\desktop\Diretorio I\1 - Operação\1.2 - Relatórios\RO\RO 2011\02- FEVEREIRO 2011\Resolvidas\CPS084 ACHADOS E PERDIDOS.xls</t>
  </si>
  <si>
    <t>F:\Cópia\desktop\Diretorio I\1 - Operação\1.2 - Relatórios\RO\RO 2011\02- FEVEREIRO 2011\Resolvidas\CPS085 LIBERAÇÃO SEM DOCUMENTO.xls</t>
  </si>
  <si>
    <t>11/22/2019 10:11:32</t>
  </si>
  <si>
    <t>F:\Cópia\desktop\Diretorio I\1 - Operação\1.2 - Relatórios\RO\RO 2011\02- FEVEREIRO 2011\Resolvidas\CPS086 USO INCORRETO DE ARMÁRIO.xls</t>
  </si>
  <si>
    <t>F:\Cópia\desktop\Diretorio I\1 - Operação\1.2 - Relatórios\RO\RO 2011\02- FEVEREIRO 2011\Resolvidas\CPS087 ROUBO DE MOTO.xls</t>
  </si>
  <si>
    <t>F:\Cópia\desktop\Diretorio I\1 - Operação\1.2 - Relatórios\RO\RO 2011\02- FEVEREIRO 2011\Resolvidas\CPS088 ACHADOS E PERDIDOS.xls</t>
  </si>
  <si>
    <t>F:\Cópia\desktop\Diretorio I\1 - Operação\1.2 - Relatórios\RO\RO 2011\02- FEVEREIRO 2011\Resolvidas\CPS089 SAIDA COM NOTEBOOK.xls</t>
  </si>
  <si>
    <t>F:\Cópia\desktop\Diretorio I\1 - Operação\1.2 - Relatórios\RO\RO 2011\02- FEVEREIRO 2011\Resolvidas\CPS090 FURTO DE BANDEIJA.xls</t>
  </si>
  <si>
    <t>F:\Cópia\desktop\Diretorio I\1 - Operação\1.2 - Relatórios\RO\RO 2011\02- FEVEREIRO 2011\Resolvidas\CPS091 AGRESSÃO VERBAL.xls</t>
  </si>
  <si>
    <t>11/22/2019 10:11:33</t>
  </si>
  <si>
    <t>F:\Cópia\desktop\Diretorio I\1 - Operação\1.2 - Relatórios\RO\RO 2011\02- FEVEREIRO 2011\Resolvidas\CPS092 ROUBO DE GUARDA CHUVA.xls</t>
  </si>
  <si>
    <t>F:\Cópia\desktop\Diretorio I\1 - Operação\1.2 - Relatórios\RO\RO 2011\02- FEVEREIRO 2011\Resolvidas\CPS093A FURTO DE MARMITA.xlsx</t>
  </si>
  <si>
    <t>F:\Cópia\desktop\Diretorio I\1 - Operação\1.2 - Relatórios\RO\RO 2011\02- FEVEREIRO 2011\Resolvidas\CPS094 INFRINGIU NORMAS DA EMPRESA.xlsx</t>
  </si>
  <si>
    <t>F:\Cópia\desktop\Diretorio I\1 - Operação\1.2 - Relatórios\RO\RO 2011\03 - MARÇO 2011\FORMULARIO RO 2011.xlsx</t>
  </si>
  <si>
    <t>F:\Cópia\desktop\Diretorio I\1 - Operação\1.2 - Relatórios\RO\RO 2011\03 - MARÇO 2011\FORMULÁRIO DE RO.xls</t>
  </si>
  <si>
    <t>11/22/2019 10:11:34</t>
  </si>
  <si>
    <t>F:\Cópia\desktop\Diretorio I\1 - Operação\1.2 - Relatórios\RO\RO 2011\03 - MARÇO 2011\Resolvidas\CPS 099 INFRINGIU NORMAS DA EMPRESA.xls</t>
  </si>
  <si>
    <t>F:\Cópia\desktop\Diretorio I\1 - Operação\1.2 - Relatórios\RO\RO 2011\03 - MARÇO 2011\Resolvidas\CPS095 ASSOCIADA ASSALTADA.xls</t>
  </si>
  <si>
    <t>F:\Cópia\desktop\Diretorio I\1 - Operação\1.2 - Relatórios\RO\RO 2011\03 - MARÇO 2011\Resolvidas\CPS096 FURTO DE MOTO.xls</t>
  </si>
  <si>
    <t>F:\Cópia\desktop\Diretorio I\1 - Operação\1.2 - Relatórios\RO\RO 2011\03 - MARÇO 2011\Resolvidas\CPS097 ALIMENTAÇÃO DENTRO DO SITE.xls</t>
  </si>
  <si>
    <t>11/22/2019 10:16:37</t>
  </si>
  <si>
    <t>F:\Cópia\desktop\Diretorio I\1 - Operação\1.2 - Relatórios\RO\RO 2011\03 - MARÇO 2011\Resolvidas\CPS098 RETIRADA DE EQUIPAMENTOS.xls</t>
  </si>
  <si>
    <t>F:\Cópia\desktop\Diretorio I\1 - Operação\1.2 - Relatórios\RO\RO 2011\03 - MARÇO 2011\Resolvidas\CPS100 INCIDENTE KIT SALA.xls</t>
  </si>
  <si>
    <t>11/22/2019 10:11:35</t>
  </si>
  <si>
    <t>F:\Cópia\desktop\Diretorio I\1 - Operação\1.2 - Relatórios\RO\RO 2011\03 - MARÇO 2011\Resolvidas\CPS101 INCIDENTE KIT SALA.xls</t>
  </si>
  <si>
    <t>F:\Cópia\desktop\Diretorio I\1 - Operação\1.2 - Relatórios\RO\RO 2011\03 - MARÇO 2011\Resolvidas\CPS102 PERDA DE PORTA-CELULAR.xls</t>
  </si>
  <si>
    <t>F:\Cópia\desktop\Diretorio I\1 - Operação\1.2 - Relatórios\RO\RO 2011\03 - MARÇO 2011\Resolvidas\CPS103 ALEGAÇÃO DE FURTO.xls</t>
  </si>
  <si>
    <t>F:\Cópia\desktop\Diretorio I\1 - Operação\1.2 - Relatórios\RO\RO 2011\03 - MARÇO 2011\Resolvidas\CPS104 LIBERAÇÃO SEM DOCUMENTO.xls</t>
  </si>
  <si>
    <t>F:\Cópia\desktop\Diretorio I\1 - Operação\1.2 - Relatórios\RO\RO 2011\03 - MARÇO 2011\Resolvidas\CPS105 INCIDENTE KIT SALA.xls</t>
  </si>
  <si>
    <t>F:\Cópia\desktop\Diretorio I\1 - Operação\1.2 - Relatórios\RO\RO 2011\03 - MARÇO 2011\Resolvidas\CPS106 FURTO DE MARMITA.xls</t>
  </si>
  <si>
    <t>F:\Cópia\desktop\Diretorio I\1 - Operação\1.2 - Relatórios\RO\RO 2011\03 - MARÇO 2011\Resolvidas\CPS108 FURTO DE CELULAR.xls</t>
  </si>
  <si>
    <t>11/22/2019 10:11:36</t>
  </si>
  <si>
    <t>F:\Cópia\desktop\Diretorio I\1 - Operação\1.2 - Relatórios\RO\RO 2011\03 - MARÇO 2011\Resolvidas\CPS109 FURTO DE MARMITA.xls</t>
  </si>
  <si>
    <t>F:\Cópia\desktop\Diretorio I\1 - Operação\1.2 - Relatórios\RO\RO 2011\03 - MARÇO 2011\Resolvidas\CSP094 FURTO NA ALPINO.xls</t>
  </si>
  <si>
    <t>F:\Cópia\desktop\Diretorio I\1 - Operação\1.2 - Relatórios\RO\RO 2011\04 - ABRIL 2011\FORMULARIO RO 2011.xlsx</t>
  </si>
  <si>
    <t>F:\Cópia\desktop\Diretorio I\1 - Operação\1.2 - Relatórios\RO\RO 2011\04 - ABRIL 2011\FORMULÁRIO DE RO.xls</t>
  </si>
  <si>
    <t>F:\Cópia\desktop\Diretorio I\1 - Operação\1.2 - Relatórios\RO\RO 2011\04 - ABRIL 2011\Resolvidas\COPIA DE CPS110.xls</t>
  </si>
  <si>
    <t>F:\Cópia\desktop\Diretorio I\1 - Operação\1.2 - Relatórios\RO\RO 2011\04 - ABRIL 2011\Resolvidas\CPS111 LIBERAÇÃO SEM DOCUMENTO.xls</t>
  </si>
  <si>
    <t>11/22/2019 10:11:37</t>
  </si>
  <si>
    <t>F:\Cópia\desktop\Diretorio I\1 - Operação\1.2 - Relatórios\RO\RO 2011\04 - ABRIL 2011\Resolvidas\CPS112 DESAPARECIMENTO DE NOTEBOOK.xls</t>
  </si>
  <si>
    <t>F:\Cópia\desktop\Diretorio I\1 - Operação\1.2 - Relatórios\RO\RO 2011\04 - ABRIL 2011\Resolvidas\CPS113 DESAPARECIMENTO DE NEXTEL.xls</t>
  </si>
  <si>
    <t>F:\Cópia\desktop\Diretorio I\1 - Operação\1.2 - Relatórios\RO\RO 2011\04 - ABRIL 2011\Resolvidas\CPS114 KIT CHAVES.xls</t>
  </si>
  <si>
    <t>F:\Cópia\desktop\Diretorio I\1 - Operação\1.2 - Relatórios\RO\RO 2011\04 - ABRIL 2011\Resolvidas\cps115 liberaçao th nucleo.xls</t>
  </si>
  <si>
    <t>F:\Cópia\desktop\Diretorio I\1 - Operação\1.2 - Relatórios\RO\RO 2011\04 - ABRIL 2011\Resolvidas\CPS117 PERDA DE APARELHO CELULAR.xls</t>
  </si>
  <si>
    <t>F:\Cópia\desktop\Diretorio I\1 - Operação\1.2 - Relatórios\RO\RO 2011\04 - ABRIL 2011\Resolvidas\fotos nao autorizadas cps 116.xls</t>
  </si>
  <si>
    <t>F:\Cópia\desktop\Diretorio I\1 - Operação\1.2 - Relatórios\RO\RO 2011\05 - MAIO 2011\FORMULARIO RO 2011.xlsx</t>
  </si>
  <si>
    <t>11/22/2019 10:11:38</t>
  </si>
  <si>
    <t>F:\Cópia\desktop\Diretorio I\1 - Operação\1.2 - Relatórios\RO\RO 2011\05 - MAIO 2011\FORMULÁRIO DE RO.xls</t>
  </si>
  <si>
    <t>F:\Cópia\desktop\Diretorio I\1 - Operação\1.2 - Relatórios\RO\RO 2011\05 - MAIO 2011\Resolvidas\CPS119 COMERCIALIZAÇÃO DENTRO DA EMPRESA.xls</t>
  </si>
  <si>
    <t>F:\Cópia\desktop\Diretorio I\1 - Operação\1.2 - Relatórios\RO\RO 2011\05 - MAIO 2011\Resolvidas\CPS120 DANIFICOU PORTÃO DE VEICULOS.xls</t>
  </si>
  <si>
    <t>F:\Cópia\desktop\Diretorio I\1 - Operação\1.2 - Relatórios\RO\RO 2011\05 - MAIO 2011\Resolvidas\CPS121 passando o crachá de outra associada.xls</t>
  </si>
  <si>
    <t>F:\Cópia\desktop\Diretorio I\1 - Operação\1.2 - Relatórios\RO\RO 2011\05 - MAIO 2011\Resolvidas\CPS122 INFRINGIU NORMAS DA EMPRESA.xls</t>
  </si>
  <si>
    <t>F:\Cópia\desktop\Diretorio I\1 - Operação\1.2 - Relatórios\RO\RO 2011\05 - MAIO 2011\Resolvidas\CPS123 ACHADOS E PERDIDOS.xls</t>
  </si>
  <si>
    <t>F:\Cópia\desktop\Diretorio I\1 - Operação\1.2 - Relatórios\RO\RO 2011\05 - MAIO 2011\Resolvidas\CPS124 INCIDENTE DE SEGURANÇA.xls</t>
  </si>
  <si>
    <t>11/22/2019 10:11:39</t>
  </si>
  <si>
    <t>F:\Cópia\desktop\Diretorio I\1 - Operação\1.2 - Relatórios\RO\RO 2011\05 - MAIO 2011\Resolvidas\CPS125 INFRINGIU NORMAS DA EMPRESA.xls</t>
  </si>
  <si>
    <t>F:\Cópia\desktop\Diretorio I\1 - Operação\1.2 - Relatórios\RO\RO 2011\06 - JUNHO 2011\Cópia de FORMULÁRIO DE RO.xls</t>
  </si>
  <si>
    <t>F:\Cópia\desktop\Diretorio I\1 - Operação\1.2 - Relatórios\RO\RO 2011\06 - JUNHO 2011\FORMULÁRIO DE RO.xls</t>
  </si>
  <si>
    <t>F:\Cópia\desktop\Diretorio I\1 - Operação\1.2 - Relatórios\RO\RO 2011\06 - JUNHO 2011\Resolvidas\CPS 134 RISCO NO TETO DO VEICULO.xls</t>
  </si>
  <si>
    <t>F:\Cópia\desktop\Diretorio I\1 - Operação\1.2 - Relatórios\RO\RO 2011\06 - JUNHO 2011\Resolvidas\CPS 135 ALEGAÇÃO DE FURTO OBRAS.xls</t>
  </si>
  <si>
    <t>F:\Cópia\desktop\Diretorio I\1 - Operação\1.2 - Relatórios\RO\RO 2011\06 - JUNHO 2011\Resolvidas\CPS 136 LIBERAÇÃO SEM DOCUMENTO.xls</t>
  </si>
  <si>
    <t>F:\Cópia\desktop\Diretorio I\1 - Operação\1.2 - Relatórios\RO\RO 2011\06 - JUNHO 2011\Resolvidas\CPS126.xls</t>
  </si>
  <si>
    <t>11/22/2019 10:11:40</t>
  </si>
  <si>
    <t>F:\Cópia\desktop\Diretorio I\1 - Operação\1.2 - Relatórios\RO\RO 2011\06 - JUNHO 2011\Resolvidas\CPS128 VANDALISMO.xls</t>
  </si>
  <si>
    <t>F:\Cópia\desktop\Diretorio I\1 - Operação\1.2 - Relatórios\RO\RO 2011\06 - JUNHO 2011\Resolvidas\CPS129 ALEGAÇAO DE FURTO.xls</t>
  </si>
  <si>
    <t>F:\Cópia\desktop\Diretorio I\1 - Operação\1.2 - Relatórios\RO\RO 2011\06 - JUNHO 2011\Resolvidas\CPS130 ALEGAÇAO DE FURTO.xls</t>
  </si>
  <si>
    <t>F:\Cópia\desktop\Diretorio I\1 - Operação\1.2 - Relatórios\RO\RO 2011\06 - JUNHO 2011\Resolvidas\CPS131 DIFICULDADE DE CONTATO.xls</t>
  </si>
  <si>
    <t>F:\Cópia\desktop\Diretorio I\1 - Operação\1.2 - Relatórios\RO\RO 2011\06 - JUNHO 2011\Resolvidas\CPS132 ALEGAÇAO DE FURTO.xls</t>
  </si>
  <si>
    <t>F:\Cópia\desktop\Diretorio I\1 - Operação\1.2 - Relatórios\RO\RO 2011\06 - JUNHO 2011\Resolvidas\CPS133 GOTEIRA DC.xls</t>
  </si>
  <si>
    <t>11/22/2019 10:11:41</t>
  </si>
  <si>
    <t>F:\Cópia\desktop\Diretorio I\1 - Operação\1.2 - Relatórios\RO\RO 2011\06 - JUNHO 2011\Resolvidas\FORMULARIO RO 2011.xlsx</t>
  </si>
  <si>
    <t>11/22/2019 10:11:53</t>
  </si>
  <si>
    <t>F:\Cópia\desktop\Diretorio I\1 - Operação\1.2 - Relatórios\RO\RO 2011\07 - JULHO 2011\FORMULARIO RO 2011.xlsx</t>
  </si>
  <si>
    <t>F:\Cópia\desktop\Diretorio I\1 - Operação\1.2 - Relatórios\RO\RO 2011\07 - JULHO 2011\FORMULÁRIO DE RO.xls</t>
  </si>
  <si>
    <t>F:\Cópia\desktop\Diretorio I\1 - Operação\1.2 - Relatórios\RO\RO 2011\07 - JULHO 2011\Resolvidas\CPS 137 ALEGAÇÃO DE FURTO GM.xls</t>
  </si>
  <si>
    <t>11/22/2019 10:11:54</t>
  </si>
  <si>
    <t>F:\Cópia\desktop\Diretorio I\1 - Operação\1.2 - Relatórios\RO\RO 2011\07 - JULHO 2011\Resolvidas\CPS 138 ALTA VELOCIDADE.xls</t>
  </si>
  <si>
    <t>F:\Cópia\desktop\Diretorio I\1 - Operação\1.2 - Relatórios\RO\RO 2011\07 - JULHO 2011\Resolvidas\CPS 140 SUSPEITOS.xls</t>
  </si>
  <si>
    <t>F:\Cópia\desktop\Diretorio I\1 - Operação\1.2 - Relatórios\RO\RO 2011\07 - JULHO 2011\Resolvidas\CPS 143 ALEGAÇÃO DE FURTO.xls</t>
  </si>
  <si>
    <t>F:\Cópia\desktop\Diretorio I\1 - Operação\1.2 - Relatórios\RO\RO 2011\07 - JULHO 2011\Resolvidas\CPS 144 BEBIDA ALCOOLICA.xlsx</t>
  </si>
  <si>
    <t>F:\Cópia\desktop\Diretorio I\1 - Operação\1.2 - Relatórios\RO\RO 2011\07 - JULHO 2011\Resolvidas\CPS139LIBERAÇÃO SEM DOCUMENTO.xls</t>
  </si>
  <si>
    <t>F:\Cópia\desktop\Diretorio I\1 - Operação\1.2 - Relatórios\RO\RO 2011\07 - JULHO 2011\Resolvidas\CPS141 ALEGAÇÃO DE FURTO.xls</t>
  </si>
  <si>
    <t>F:\Cópia\desktop\Diretorio I\1 - Operação\1.2 - Relatórios\RO\RO 2011\07 - JULHO 2011\Resolvidas\CPS142 ALEGAÇÃO DE FURTO..xls</t>
  </si>
  <si>
    <t>11/22/2019 10:11:55</t>
  </si>
  <si>
    <t>F:\Cópia\desktop\Diretorio I\1 - Operação\1.2 - Relatórios\RO\RO 2011\07 - JULHO 2011\Resolvidas\CPS145 ALEGAÇÃO DE FURTO.xls</t>
  </si>
  <si>
    <t>F:\Cópia\desktop\Diretorio I\1 - Operação\1.2 - Relatórios\RO\RO 2011\07 - JULHO 2011\Resolvidas\CPS146 INFRINGIU NORMAS DA EMPRESA.xls</t>
  </si>
  <si>
    <t>11/22/2019 10:12:35</t>
  </si>
  <si>
    <t>F:\Cópia\desktop\Diretorio I\1 - Operação\1.2 - Relatórios\RO\RO 2011\08 - AGOSTO 2011\Cópia de FORMULÁRIO DE RO.xls</t>
  </si>
  <si>
    <t>F:\Cópia\desktop\Diretorio I\1 - Operação\1.2 - Relatórios\RO\RO 2011\08 - AGOSTO 2011\Resolvidas\CPS 150 SALA DE TREINAMENTO CULTO.xls</t>
  </si>
  <si>
    <t>F:\Cópia\desktop\Diretorio I\1 - Operação\1.2 - Relatórios\RO\RO 2011\08 - AGOSTO 2011\Resolvidas\CPS 151 ENTRADA IRREGULAR.xls</t>
  </si>
  <si>
    <t>F:\Cópia\desktop\Diretorio I\1 - Operação\1.2 - Relatórios\RO\RO 2011\08 - AGOSTO 2011\Resolvidas\CPS 153 COLISÃO DE VEICULO.xls</t>
  </si>
  <si>
    <t>F:\Cópia\desktop\Diretorio I\1 - Operação\1.2 - Relatórios\RO\RO 2011\08 - AGOSTO 2011\Resolvidas\CPS147 ACHADOS E PERDIDOS.xls</t>
  </si>
  <si>
    <t>F:\Cópia\desktop\Diretorio I\1 - Operação\1.2 - Relatórios\RO\RO 2011\08 - AGOSTO 2011\Resolvidas\CPS148 INFRINGIU NORMAS DA EMPRESA.xls</t>
  </si>
  <si>
    <t>F:\Cópia\desktop\Diretorio I\1 - Operação\1.2 - Relatórios\RO\RO 2011\08 - AGOSTO 2011\Resolvidas\FORMULARIO RO CPS149.xls</t>
  </si>
  <si>
    <t>F:\Cópia\desktop\Diretorio I\1 - Operação\1.2 - Relatórios\RO\RO 2011\08 - AGOSTO 2011\Resolvidas\RO CPS 152 FURTO DE CALÇADOS.xls</t>
  </si>
  <si>
    <t>F:\Cópia\desktop\Diretorio I\1 - Operação\1.2 - Relatórios\RO\RO 2011\08 - AGOSTO 2011\RO 152\RO 152 Relatorio de acesso.xls</t>
  </si>
  <si>
    <t>11/22/2019 10:12:41</t>
  </si>
  <si>
    <t>F:\Cópia\desktop\Diretorio I\1 - Operação\1.2 - Relatórios\RO\RO 2011\08 - AGOSTO 2011\RO 152\RO CPS 152 FURTO DE CALÇADOS.xls</t>
  </si>
  <si>
    <t>11/22/2019 10:12:43</t>
  </si>
  <si>
    <t>F:\Cópia\desktop\Diretorio I\1 - Operação\1.2 - Relatórios\RO\RO 2011\09 - SETEMBRO 2011\Cópia de Cópia de FORMULÁRIO DE RO.xls</t>
  </si>
  <si>
    <t>F:\Cópia\desktop\Diretorio I\1 - Operação\1.2 - Relatórios\RO\RO 2011\09 - SETEMBRO 2011\FORMULARIO RO 2011.xlsx</t>
  </si>
  <si>
    <t>11/22/2019 10:12:44</t>
  </si>
  <si>
    <t>F:\Cópia\desktop\Diretorio I\1 - Operação\1.2 - Relatórios\RO\RO 2011\09 - SETEMBRO 2011\Resolvidas\CPS 156 FURTO DE MARMITA.xls</t>
  </si>
  <si>
    <t>F:\Cópia\desktop\Diretorio I\1 - Operação\1.2 - Relatórios\RO\RO 2011\09 - SETEMBRO 2011\Resolvidas\cps 160 furto de celular.xls</t>
  </si>
  <si>
    <t>F:\Cópia\desktop\Diretorio I\1 - Operação\1.2 - Relatórios\RO\RO 2011\09 - SETEMBRO 2011\Resolvidas\CPS Furto Celular 159.xls</t>
  </si>
  <si>
    <t>F:\Cópia\desktop\Diretorio I\1 - Operação\1.2 - Relatórios\RO\RO 2011\09 - SETEMBRO 2011\Resolvidas\CPS155 Liberação não autorisada ao Data Center.xls</t>
  </si>
  <si>
    <t>F:\Cópia\desktop\Diretorio I\1 - Operação\1.2 - Relatórios\RO\RO 2011\09 - SETEMBRO 2011\Resolvidas\CPS157 Veiculo Quebrado.xls</t>
  </si>
  <si>
    <t>F:\Cópia\desktop\Diretorio I\1 - Operação\1.2 - Relatórios\RO\RO 2011\09 - SETEMBRO 2011\Resolvidas\FORMULÁRIO DE RO cps154.xls</t>
  </si>
  <si>
    <t>F:\Cópia\desktop\Diretorio I\1 - Operação\1.2 - Relatórios\RO\RO 2011\09 - SETEMBRO 2011\Resolvidas\Futo de Lanche na Geladeira CPS158.xls</t>
  </si>
  <si>
    <t>11/22/2019 10:12:45</t>
  </si>
  <si>
    <t>F:\Cópia\desktop\Diretorio I\1 - Operação\1.2 - Relatórios\RO\RO 2011\10 - OUTUBRO 2011\Cópia (2) de FORMULÁRIO DE RO.xls</t>
  </si>
  <si>
    <t>F:\Cópia\desktop\Diretorio I\1 - Operação\1.2 - Relatórios\RO\RO 2011\10 - OUTUBRO 2011\FORMULARIO RO 2011.xlsx</t>
  </si>
  <si>
    <t>F:\Cópia\desktop\Diretorio I\1 - Operação\1.2 - Relatórios\RO\RO 2011\10 - OUTUBRO 2011\Resolvidas\CPS 165 FURTO DE MEMORIA COMPUTADOR.xls</t>
  </si>
  <si>
    <t>F:\Cópia\desktop\Diretorio I\1 - Operação\1.2 - Relatórios\RO\RO 2011\10 - OUTUBRO 2011\Resolvidas\cps 166 furto de guarda chuva.xls</t>
  </si>
  <si>
    <t>F:\Cópia\desktop\Diretorio I\1 - Operação\1.2 - Relatórios\RO\RO 2011\10 - OUTUBRO 2011\Resolvidas\Cópia de CPS 162 INFRAÇAO NAS NORMAS.xls</t>
  </si>
  <si>
    <t>F:\Cópia\desktop\Diretorio I\1 - Operação\1.2 - Relatórios\RO\RO 2011\10 - OUTUBRO 2011\Resolvidas\Furto na Geladeira Frontal 161.xls</t>
  </si>
  <si>
    <t>11/22/2019 10:12:46</t>
  </si>
  <si>
    <t>F:\Cópia\desktop\Diretorio I\1 - Operação\1.2 - Relatórios\RO\RO 2011\10 - OUTUBRO 2011\Resolvidas\RO 163 VESTIMENTAS.xls</t>
  </si>
  <si>
    <t>F:\Cópia\desktop\Diretorio I\1 - Operação\1.2 - Relatórios\RO\RO 2011\10 - OUTUBRO 2011\Resolvidas\RO 167 DATA CENTER.xls</t>
  </si>
  <si>
    <t>F:\Cópia\desktop\Diretorio I\1 - Operação\1.2 - Relatórios\RO\RO 2011\10 - OUTUBRO 2011\Resolvidas\RO164 DESACATO.xls</t>
  </si>
  <si>
    <t>11/22/2019 10:13:29</t>
  </si>
  <si>
    <t>F:\Cópia\desktop\Diretorio I\1 - Operação\1.2 - Relatórios\RO\RO 2011\11 - NOVEMBRO 2011\Cópia de FORMULÁRIO DE RO.xls</t>
  </si>
  <si>
    <t>11/22/2019 10:13:30</t>
  </si>
  <si>
    <t>F:\Cópia\desktop\Diretorio I\1 - Operação\1.2 - Relatórios\RO\RO 2011\11 - NOVEMBRO 2011\FORMULARIO RO 2011.xlsx</t>
  </si>
  <si>
    <t>F:\Cópia\desktop\Diretorio I\1 - Operação\1.2 - Relatórios\RO\RO 2011\11 - NOVEMBRO 2011\Resolvidas\FURTO DE NECESSARE 168.xls</t>
  </si>
  <si>
    <t>F:\Cópia\desktop\Diretorio I\1 - Operação\1.2 - Relatórios\RO\RO 2011\11 - NOVEMBRO 2011\Resolvidas\RO 169 FURTO MOUSE.xls</t>
  </si>
  <si>
    <t>11/22/2019 10:13:33</t>
  </si>
  <si>
    <t>F:\Cópia\desktop\Diretorio I\1 - Operação\1.2 - Relatórios\RO\RO 2011\12 - DEZEMBRO 2011\FORMULARIO RO 2011.xlsx</t>
  </si>
  <si>
    <t>F:\Cópia\desktop\Diretorio I\1 - Operação\1.2 - Relatórios\RO\RO 2011\12 - DEZEMBRO 2011\Resolvidas\CPS 170 FURTO DE CELULAR.xls</t>
  </si>
  <si>
    <t>F:\Cópia\desktop\Diretorio I\1 - Operação\1.2 - Relatórios\RO\RO 2011\12 - DEZEMBRO 2011\Resolvidas\CPS 171 Entrada indevida.xls</t>
  </si>
  <si>
    <t>F:\Cópia\desktop\Diretorio I\1 - Operação\1.2 - Relatórios\RO\RO 2011\12 - DEZEMBRO 2011\Resolvidas\RO 172 Notebook encontrado.xls</t>
  </si>
  <si>
    <t>11/22/2019 10:13:34</t>
  </si>
  <si>
    <t>F:\Cópia\desktop\Diretorio I\1 - Operação\1.2 - Relatórios\RO\RO 2011\12 - DEZEMBRO 2011\Resolvidas\RO 173 Furto geladeira.xls</t>
  </si>
  <si>
    <t>F:\Cópia\desktop\Diretorio I\1 - Operação\1.2 - Relatórios\RO\RO 2011\12 - DEZEMBRO 2011\Resolvidas\RO 174 Furto De Armario.xls</t>
  </si>
  <si>
    <t>F:\Cópia\desktop\Diretorio I\1 - Operação\1.2 - Relatórios\RO\RO 2011\12 - DEZEMBRO 2011\Resolvidas\RO 175 FURTO NO BANHEIRO.xls</t>
  </si>
  <si>
    <t>F:\Cópia\desktop\Diretorio I\1 - Operação\1.2 - Relatórios\RO\RO 2011\12 - DEZEMBRO 2011\Resolvidas\RO 176 Furto de Celular.xls</t>
  </si>
  <si>
    <t>F:\Cópia\desktop\Diretorio I\1 - Operação\1.2 - Relatórios\RO\RO 2012\01-JANEIRO 2012\cps 006 FURTO DE RECIPIENTE DE MARMITA.xls</t>
  </si>
  <si>
    <t>F:\Cópia\desktop\Diretorio I\1 - Operação\1.2 - Relatórios\RO\RO 2012\01-JANEIRO 2012\CPS 007 ARMARIO.xls</t>
  </si>
  <si>
    <t>11/22/2019 10:13:35</t>
  </si>
  <si>
    <t>F:\Cópia\desktop\Diretorio I\1 - Operação\1.2 - Relatórios\RO\RO 2012\01-JANEIRO 2012\CPS 008 INFRIGIU AS NORMAS.xls</t>
  </si>
  <si>
    <t>F:\Cópia\desktop\Diretorio I\1 - Operação\1.2 - Relatórios\RO\RO 2012\01-JANEIRO 2012\CPS 009 DESRESPEITO AS NORMAS.xls</t>
  </si>
  <si>
    <t>F:\Cópia\desktop\Diretorio I\1 - Operação\1.2 - Relatórios\RO\RO 2012\01-JANEIRO 2012\Cópia de FORMULÁRIO DE RO.xls</t>
  </si>
  <si>
    <t>F:\Cópia\desktop\Diretorio I\1 - Operação\1.2 - Relatórios\RO\RO 2012\01-JANEIRO 2012\FORMULÁRIO DE RO.xls</t>
  </si>
  <si>
    <t>F:\Cópia\desktop\Diretorio I\1 - Operação\1.2 - Relatórios\RO\RO 2012\01-JANEIRO 2012\Resolvidas\CPS 001Furto de mouse RO 001.xls</t>
  </si>
  <si>
    <t>11/22/2019 10:13:36</t>
  </si>
  <si>
    <t>F:\Cópia\desktop\Diretorio I\1 - Operação\1.2 - Relatórios\RO\RO 2012\01-JANEIRO 2012\Resolvidas\CPS 002 Portão aberto.xlsx</t>
  </si>
  <si>
    <t>F:\Cópia\desktop\Diretorio I\1 - Operação\1.2 - Relatórios\RO\RO 2012\01-JANEIRO 2012\Resolvidas\CPS 003 INFLIGIU AS NORMAS.xls</t>
  </si>
  <si>
    <t>F:\Cópia\desktop\Diretorio I\1 - Operação\1.2 - Relatórios\RO\RO 2012\01-JANEIRO 2012\Resolvidas\CPS 004 PERDA DE CARTEIRA.xls</t>
  </si>
  <si>
    <t>F:\Cópia\desktop\Diretorio I\1 - Operação\1.2 - Relatórios\RO\RO 2012\01-JANEIRO 2012\Resolvidas\CPS 005 PERDA DE CHAVE.xls</t>
  </si>
  <si>
    <t>F:\Cópia\desktop\Diretorio I\1 - Operação\1.2 - Relatórios\RO\RO 2012\02-FEVEREIRO 2012\FORMULÁRIO DE RO.xls</t>
  </si>
  <si>
    <t>F:\Cópia\desktop\Diretorio I\1 - Operação\1.2 - Relatórios\RO\RO 2012\02-FEVEREIRO 2012\R.O CPS 010 USO DE ENTORPECENTES.xlsx</t>
  </si>
  <si>
    <t>F:\Cópia\desktop\Diretorio I\1 - Operação\1.2 - Relatórios\RO\RO 2012\02-FEVEREIRO 2012\Relatorio RO 2012...(1).xlsx</t>
  </si>
  <si>
    <t>F:\Cópia\desktop\Diretorio I\1 - Operação\1.2 - Relatórios\RO\RO 2012\03-MARÇO 2012\FORMULÁRIO DE RO.xls</t>
  </si>
  <si>
    <t>F:\Cópia\desktop\Diretorio I\1 - Operação\1.2 - Relatórios\RO\RO 2012\04-ABRIL 2012\FORMULÁRIO DE RO.xls</t>
  </si>
  <si>
    <t>F:\Cópia\desktop\Diretorio I\1 - Operação\1.2 - Relatórios\RO\RO 2012\05-MAIO 2012\FORMULÁRIO DE RO.xls</t>
  </si>
  <si>
    <t>11/22/2019 10:13:38</t>
  </si>
  <si>
    <t>F:\Cópia\desktop\Diretorio I\1 - Operação\1.2 - Relatórios\RO\RO 2012\06-JUNHO 2012\FORMULÁRIO DE RO.xls</t>
  </si>
  <si>
    <t>F:\Cópia\desktop\Diretorio I\1 - Operação\1.2 - Relatórios\RO\RO 2012\07-JULHO 2012\FORMULÁRIO DE RO.xls</t>
  </si>
  <si>
    <t>F:\Cópia\desktop\Diretorio I\1 - Operação\1.2 - Relatórios\RO\RO 2012\08-AGOSTO 2012\FORMULÁRIO DE RO.xls</t>
  </si>
  <si>
    <t>11/22/2019 10:13:39</t>
  </si>
  <si>
    <t>F:\Cópia\desktop\Diretorio I\1 - Operação\1.2 - Relatórios\RO\RO 2012\09-SETEMBRO 2012\FORMULÁRIO DE RO.xls</t>
  </si>
  <si>
    <t>F:\Cópia\desktop\Diretorio I\1 - Operação\1.2 - Relatórios\RO\RO 2012\10- OUTUBRO 2012\FORMULÁRIO DE RO.xls</t>
  </si>
  <si>
    <t>11/22/2019 10:11:52</t>
  </si>
  <si>
    <t>/o=exchangelabs/ou=exchange administrative group (fydibohf23spdlt)/cn=recipients/cn=240fafdb21074ab9a87c95d3265e411c-rodrigo rod;</t>
  </si>
  <si>
    <t>Correntista - Análise</t>
  </si>
  <si>
    <t>Correntista - Análise.xlsx</t>
  </si>
  <si>
    <t>/o=exchangelabs/ou=exchange administrative group (fydibohf23spdlt)/cn=recipients/cn=240fafdb21074ab9a87c95d3265e411c-rodrigo rod</t>
  </si>
  <si>
    <t>11/22/2019 10:13:40</t>
  </si>
  <si>
    <t>F:\Cópia\desktop\Diretorio I\1 - Operação\1.2 - Relatórios\RO\RO 2012\11-NOVEMBRO 2012\FORMULÁRIO DE RO.xls</t>
  </si>
  <si>
    <t>F:\Cópia\desktop\Diretorio I\1 - Operação\1.2 - Relatórios\RO\RO 2012\12- DEZEMBRO 2012\FORMULÁRIO DE RO.xls</t>
  </si>
  <si>
    <t>F:\Cópia\desktop\Diretorio I\Controle Entrada Amazon\Controle Entrada Amazon.xlsx</t>
  </si>
  <si>
    <t>11/22/2019 10:15:07</t>
  </si>
  <si>
    <t>F:\Cópia\desktop\Novos processos Bancos\Contatos PAB's.xlsx</t>
  </si>
  <si>
    <t>11/22/2019 10:15:08</t>
  </si>
  <si>
    <t>F:\Cópia\desktop\Organizar\FORMULÁRIO DE RO.xls</t>
  </si>
  <si>
    <t>F:\Cópia\desktop\Organizar\Posto Brasília.xlsx</t>
  </si>
  <si>
    <t>11/22/2019 10:15:09</t>
  </si>
  <si>
    <t>F:\Cópia\desktop\Organizar\Projeto+GED+-+Segurança+Empresarial2012.xlsx</t>
  </si>
  <si>
    <t>11/22/2019 10:15:10</t>
  </si>
  <si>
    <t>F:\Cópia\desktop\Organizar\Mudança PDC\Mudança Portaria DC_2012.xlsx</t>
  </si>
  <si>
    <t>11/22/2019 10:15:18</t>
  </si>
  <si>
    <t>F:\Cópia\desktop\Treinamento MS-Project 2010\Projeto Video\Book1.xlsx</t>
  </si>
  <si>
    <t>F:\Cópia\desktop\Treinamento MS-Project 2010\Projeto Video\Calendário.xlsx</t>
  </si>
  <si>
    <t>11/22/2019 10:15:19</t>
  </si>
  <si>
    <t>F:\Cópia\desktop\Treinamento MS-Project 2010\Treinamento Project_2 aula\Calendário.xlsx</t>
  </si>
  <si>
    <t>F:\Cópia\desktop\Treinamento MS-Project 2010\Treinamento Project_2 aula\Projeto Obra.xlsx</t>
  </si>
  <si>
    <t>11/22/2019 10:15:21</t>
  </si>
  <si>
    <t>F:\Cópia\desktop\Treinamento MS-Project 2010\TreinamentoMSP\Book1.xlsx</t>
  </si>
  <si>
    <t>11/22/2019 10:15:24</t>
  </si>
  <si>
    <t>F:\Cópia\Diretório H\9.1 - Segurança Física\9.1.1 - Unidades Algar Tec\9.1.1.3 - 235\2 - Projetos\Melhoria 235\CFTV e Controle de Acesso 235.xlsx</t>
  </si>
  <si>
    <t>11/22/2019 10:13:27</t>
  </si>
  <si>
    <t>11/22/2019 10:17:37</t>
  </si>
  <si>
    <t>10.200.68.12</t>
  </si>
  <si>
    <t>/o=exchangelabs/ou=exchange administrative group (fydibohf23spdlt)/cn=recipients/cn=5dd03a66f797451390d7113259343399-aline da si;/o=exchangelabs/ou=exchange administrative group (fydibohf23spdlt)/cn=recipients/cn=f4de30cd53104832ac10bc8c610e453e-gustavo pae;</t>
  </si>
  <si>
    <t>ENC: Acompanhamento de Receita | Período: 01//19 a 20/11/19</t>
  </si>
  <si>
    <t>Acompanhamento de Receita Telecom - 211119.xlsx</t>
  </si>
  <si>
    <t>/o=exchangelabs/ou=exchange administrative group (fydibohf23spdlt)/cn=recipients/cn=5dd03a66f797451390d7113259343399-aline da si,/o=exchangelabs/ou=exchange administrative group (fydibohf23spdlt)/cn=recipients/cn=f4de30cd53104832ac10bc8c610e453e-gustavo pae</t>
  </si>
  <si>
    <t>11/22/2019 10:15:34</t>
  </si>
  <si>
    <t>11/22/2019 10:21:37</t>
  </si>
  <si>
    <t>F:\Cópia\Diretório H\9.4 - Administrativo\Objetivos\2 Semestre_2013\OBJETIVOS Carlos e Wemerson.xls</t>
  </si>
  <si>
    <t>F:\Cópia\Diretório H\9.4 - Administrativo\Objetivos\2 Semestre_2013\OBJETIVOS COI.xls</t>
  </si>
  <si>
    <t>11/22/2019 10:15:57</t>
  </si>
  <si>
    <t>F:\Cópia\Objetivos_2013\Objetivos 1ª Semestre 2014_COI.xlsx</t>
  </si>
  <si>
    <t>F:\Cópia\Objetivos_2013\OBJETIVOS EQUIPE_ 2 Semestre 2013_02.xls</t>
  </si>
  <si>
    <t>F:\Cópia\Objetivos_2013\OBJETIVOS EQUIPE_ 2 Semestre 2013_Geral.xls</t>
  </si>
  <si>
    <t>F:\Cópia\Objetivos_2013\OBJETIVOS EQUIPE_ 2 Semestre 2013_Maria Edith.xls</t>
  </si>
  <si>
    <t>F:\Cópia\Objetivos_2013\OBJETIVOS EQUIPE_ 2 Semestre_Desligados.xls</t>
  </si>
  <si>
    <t>11/22/2019 10:16:03</t>
  </si>
  <si>
    <t>F:\Cópia\Procedimentos e Instruções\IT - Cargos e Remunerações.doc</t>
  </si>
  <si>
    <t>11/22/2019 10:16:53</t>
  </si>
  <si>
    <t>F:\Cópia\Projeto Willy\1AAD9566.tmp</t>
  </si>
  <si>
    <t>11/22/2019 10:16:54</t>
  </si>
  <si>
    <t>F:\Cópia\Projeto Willy\Descritivo Serviços de Segurança_2014.xls</t>
  </si>
  <si>
    <t>F:\Cópia\Projeto Willy\Descritivo Serviços de Segurança_2014_Willy.xls</t>
  </si>
  <si>
    <t>F:\Cópia\Projeto Willy\Detalhamento de notas_Willy.xlsx</t>
  </si>
  <si>
    <t>F:\Cópia\Projeto Willy\Reajuste Algar Segurança_2014 controle.xlsx</t>
  </si>
  <si>
    <t>11/22/2019 10:17:59</t>
  </si>
  <si>
    <t>F:\Cópia\Temp\0012628 - DENÚNCIA SOBRE PORTE ILEGAL DE ARMA - CARLOS.xls</t>
  </si>
  <si>
    <t>11/22/2019 10:18:00</t>
  </si>
  <si>
    <t>F:\Cópia\Temp\cancela de saída.xls</t>
  </si>
  <si>
    <t>11/22/2019 10:18:02</t>
  </si>
  <si>
    <t>F:\Cópia\Temp\Equipe por horario.xlsx</t>
  </si>
  <si>
    <t>F:\Cópia\Temp\investigaÇÃo_genesys.xls</t>
  </si>
  <si>
    <t>11/22/2019 10:18:10</t>
  </si>
  <si>
    <t>F:\Cópia\Temp\Levantamento de Incidentes_2013-2014.xls</t>
  </si>
  <si>
    <t>11/22/2019 10:18:15</t>
  </si>
  <si>
    <t>F:\Cópia\Temp\Plano de ação_Segurança 1.xls</t>
  </si>
  <si>
    <t>F:\Cópia\Temp\PLANO DIRETOR_15ANOS ALGAR.xlsx</t>
  </si>
  <si>
    <t>11/22/2019 10:18:19</t>
  </si>
  <si>
    <t>F:\Cópia\Temp\teste.xls</t>
  </si>
  <si>
    <t>11/22/2019 10:18:25</t>
  </si>
  <si>
    <t>F:\Cópia\Temp\Temporário\2013_RGP.xls</t>
  </si>
  <si>
    <t>11/22/2019 10:18:26</t>
  </si>
  <si>
    <t>F:\Cópia\Temp\Temporário\Action Plan_.xls</t>
  </si>
  <si>
    <t>11/22/2019 10:18:28</t>
  </si>
  <si>
    <t>F:\Cópia\Temp\Temporário\COI (1).xls</t>
  </si>
  <si>
    <t>F:\Cópia\Temp\Temporário\COI.xls</t>
  </si>
  <si>
    <t>11/22/2019 10:18:30</t>
  </si>
  <si>
    <t>F:\Cópia\Temp\Temporário\DRE INFRA 2013_Carlos.xlsx</t>
  </si>
  <si>
    <t>11/22/2019 10:18:31</t>
  </si>
  <si>
    <t>F:\Cópia\Temp\Temporário\Estrutura_Segurança Empresarial.xlsx</t>
  </si>
  <si>
    <t>11/22/2019 10:18:35</t>
  </si>
  <si>
    <t>F:\Cópia\Temp\Temporário\Indicadores de RO.xlsx</t>
  </si>
  <si>
    <t>11/22/2019 10:18:36</t>
  </si>
  <si>
    <t>F:\Cópia\Temp\Temporário\Jacimara.xls</t>
  </si>
  <si>
    <t>F:\Cópia\Temp\Temporário\Lista de Contato PCN - Desatualizada.xls</t>
  </si>
  <si>
    <t>F:\Cópia\Temp\Temporário\Listas Adequação Rio de Janeiro.xlsx</t>
  </si>
  <si>
    <t>11/22/2019 10:18:37</t>
  </si>
  <si>
    <t>F:\Cópia\Temp\Temporário\Mapeamento de Furtos e Roubos Caixa Eletrônicos_UDI CPS_v02.xls</t>
  </si>
  <si>
    <t>F:\Cópia\Temp\Temporário\Modelo Fluxo_Suporte a Segurança.xlsx</t>
  </si>
  <si>
    <t>11/22/2019 10:18:38</t>
  </si>
  <si>
    <t>F:\Cópia\Temp\Temporário\perfis de acesso.xls</t>
  </si>
  <si>
    <t>11/22/2019 10:18:39</t>
  </si>
  <si>
    <t>F:\Cópia\Temp\Temporário\Plano de ação.xls</t>
  </si>
  <si>
    <t>11/22/2019 10:18:40</t>
  </si>
  <si>
    <t>F:\Cópia\Temp\Temporário\Plano de ação_Segurança.xls</t>
  </si>
  <si>
    <t>11/22/2019 10:18:42</t>
  </si>
  <si>
    <t>F:\Cópia\Temp\Temporário\REVISÃO_09-2013.xlsx</t>
  </si>
  <si>
    <t>11/22/2019 10:18:43</t>
  </si>
  <si>
    <t>F:\Cópia\Temp\Temporário\Treinamentos 2014.xlsx</t>
  </si>
  <si>
    <t>11/22/2019 10:22:10</t>
  </si>
  <si>
    <t>11/22/2019 10:23:37</t>
  </si>
  <si>
    <t>Cartinhas de Natal - Novas - 1411.xlsx</t>
  </si>
  <si>
    <t>11/22/2019 10:22:45</t>
  </si>
  <si>
    <t>11/22/2019 10:24:36</t>
  </si>
  <si>
    <t>/o=exchangelabs/ou=exchange administrative group (fydibohf23spdlt)/cn=recipients/cn=b79663656cc44aa3bf06617d1695ae51-carlos faci;/o=exchangelabs/ou=exchange administrative group (fydibohf23spdlt)/cn=recipients/cn=e894bfa401c848dc9e25ced4ad1f3dd7-luciana fer;</t>
  </si>
  <si>
    <t>/o=exchangelabs/ou=exchange administrative group (fydibohf23spdlt)/cn=recipients/cn=b79663656cc44aa3bf06617d1695ae51-carlos faci,/o=exchangelabs/ou=exchange administrative group (fydibohf23spdlt)/cn=recipients/cn=e894bfa401c848dc9e25ced4ad1f3dd7-luciana fer</t>
  </si>
  <si>
    <t>11/22/2019 10:29:30</t>
  </si>
  <si>
    <t>11/22/2019 10:31:36</t>
  </si>
  <si>
    <t>eliane.martins@bv.com.br;jose.gomes@bv.com.br;</t>
  </si>
  <si>
    <t>Diário de Bordo - Novembro Algar</t>
  </si>
  <si>
    <t>Cópia de Diario de Bordo BV 2019.xlsb</t>
  </si>
  <si>
    <t>eliane.martins@bv.com.br,jose.gomes@bv.com.br</t>
  </si>
  <si>
    <t>11/22/2019 10:27:20</t>
  </si>
  <si>
    <t>11/22/2019 10:32:37</t>
  </si>
  <si>
    <t>/o=exchangelabs/ou=exchange administrative group (fydibohf23spdlt)/cn=recipients/cn=287c26b08a0f48578479a15a452f025d-edilson rod;/o=exchangelabs/ou=exchange administrative group (fydibohf23spdlt)/cn=recipients/cn=3d85af75e9a44da5bad9ced68d6c53ed-rosana peix;/o=exchangelabs/ou=exchange administrative group (fydibohf23spdlt)/cn=recipients/cn=4e42be0c35fe437c89a815dbb8f1ffeb-faturamento;/o=exchangelabs/ou=exchange administrative group (fydibohf23spdlt)/cn=recipients/cn=79b149cf7a984ca686e3b0e40b3bc8cf-danilo cesa;/o=exchangelabs/ou=exchange administrative group (fydibohf23spdlt)/cn=recipients/cn=d376cbd484f64104bc8476daf590c7dc-paulo eduar;</t>
  </si>
  <si>
    <t>/o=exchangelabs/ou=exchange administrative group (fydibohf23spdlt)/cn=recipients/cn=287c26b08a0f48578479a15a452f025d-edilson rod,/o=exchangelabs/ou=exchange administrative group (fydibohf23spdlt)/cn=recipients/cn=3d85af75e9a44da5bad9ced68d6c53ed-rosana peix,/o=exchangelabs/ou=exchange administrative group (fydibohf23spdlt)/cn=recipients/cn=4e42be0c35fe437c89a815dbb8f1ffeb-faturamento,/o=exchangelabs/ou=exchange administrative group (fydibohf23spdlt)/cn=recipients/cn=79b149cf7a984ca686e3b0e40b3bc8cf-danilo cesa,/o=exchangelabs/ou=exchange administrative group (fydibohf23spdlt)/cn=recipients/cn=d376cbd484f64104bc8476daf590c7dc-paulo eduar</t>
  </si>
  <si>
    <t>11/22/2019 10:30:21</t>
  </si>
  <si>
    <t>11/22/2019 10:33:36</t>
  </si>
  <si>
    <t>RES: Considerar este / Comentário (REVISÃO) - Nº 519074</t>
  </si>
  <si>
    <t>11/22/2019 10:39:04</t>
  </si>
  <si>
    <t>11/22/2019 10:41:37</t>
  </si>
  <si>
    <t>polianaad@algartech.com;</t>
  </si>
  <si>
    <t>Planilha de Acompanhamento de Viagens - BV Financeira</t>
  </si>
  <si>
    <t>Planejamento de Viagens _ BV.xlsx</t>
  </si>
  <si>
    <t>polianaad@algartech.com</t>
  </si>
  <si>
    <t>11/22/2019 10:37:02</t>
  </si>
  <si>
    <t>/o=exchangelabs/ou=exchange administrative group (fydibohf23spdlt)/cn=recipients/cn=06d628e3f48b48f491437fe6311215ae-claudiane a;/o=exchangelabs/ou=exchange administrative group (fydibohf23spdlt)/cn=recipients/cn=a9a1fe1d51ef4ee29617a1c11aa10050-marinalva i;/o=exchangelabs/ou=exchange administrative group (fydibohf23spdlt)/cn=recipients/cn=bf5c8ee8081a4a4cbf005372e2697869-tassiane ci;/o=exchangelabs/ou=exchange administrative group (fydibohf23spdlt)/cn=recipients/cn=group19021abd;</t>
  </si>
  <si>
    <t>/o=exchangelabs/ou=exchange administrative group (fydibohf23spdlt)/cn=recipients/cn=06d628e3f48b48f491437fe6311215ae-claudiane a,/o=exchangelabs/ou=exchange administrative group (fydibohf23spdlt)/cn=recipients/cn=a9a1fe1d51ef4ee29617a1c11aa10050-marinalva i,/o=exchangelabs/ou=exchange administrative group (fydibohf23spdlt)/cn=recipients/cn=bf5c8ee8081a4a4cbf005372e2697869-tassiane ci,/o=exchangelabs/ou=exchange administrative group (fydibohf23spdlt)/cn=recipients/cn=group19021abd</t>
  </si>
  <si>
    <t>11/22/2019 10:38:10</t>
  </si>
  <si>
    <t>/o=exchangelabs/ou=exchange administrative group (fydibohf23spdlt)/cn=recipients/cn=2f4bb3276da2464096fd9ebe23e1d908-marla jorda;/o=exchangelabs/ou=exchange administrative group (fydibohf23spdlt)/cn=recipients/cn=38bffaaccd0949f9804fcde336e4fb36-emilio sant;/o=exchangelabs/ou=exchange administrative group (fydibohf23spdlt)/cn=recipients/cn=583ab8d189e142a9b21d65898b5a0d82-camila porf;/o=exchangelabs/ou=exchange administrative group (fydibohf23spdlt)/cn=recipients/cn=830ba83a6b9b441ab3f8d8b3a47d0ffe-angelica ma;/o=exchangelabs/ou=exchange administrative group (fydibohf23spdlt)/cn=recipients/cn=8448bc0d964c4200bf3bd8bd54310da1-kesley isai;/o=exchangelabs/ou=exchange administrative group (fydibohf23spdlt)/cn=recipients/cn=d634880a7abd41c6afd38546d3ce7eaa-andressa fi;/o=exchangelabs/ou=exchange administrative group (fydibohf23spdlt)/cn=recipients/cn=f0ea6176274649dbb6ccb918587786a9-dalina arau;</t>
  </si>
  <si>
    <t>Resultado Auditorias TOP Outubro</t>
  </si>
  <si>
    <t>Auditoria Outubro online.xlsx</t>
  </si>
  <si>
    <t>/o=exchangelabs/ou=exchange administrative group (fydibohf23spdlt)/cn=recipients/cn=2f4bb3276da2464096fd9ebe23e1d908-marla jorda,/o=exchangelabs/ou=exchange administrative group (fydibohf23spdlt)/cn=recipients/cn=38bffaaccd0949f9804fcde336e4fb36-emilio sant,/o=exchangelabs/ou=exchange administrative group (fydibohf23spdlt)/cn=recipients/cn=583ab8d189e142a9b21d65898b5a0d82-camila porf,/o=exchangelabs/ou=exchange administrative group (fydibohf23spdlt)/cn=recipients/cn=830ba83a6b9b441ab3f8d8b3a47d0ffe-angelica ma,/o=exchangelabs/ou=exchange administrative group (fydibohf23spdlt)/cn=recipients/cn=8448bc0d964c4200bf3bd8bd54310da1-kesley isai,/o=exchangelabs/ou=exchange administrative group (fydibohf23spdlt)/cn=recipients/cn=d634880a7abd41c6afd38546d3ce7eaa-andressa fi,/o=exchangelabs/ou=exchange administrative group (fydibohf23spdlt)/cn=recipients/cn=f0ea6176274649dbb6ccb918587786a9-dalina arau</t>
  </si>
  <si>
    <t>11/22/2019 10:38:24</t>
  </si>
  <si>
    <t>/o=exchangelabs/ou=exchange administrative group (fydibohf23spdlt)/cn=recipients/cn=d634880a7abd41c6afd38546d3ce7eaa-andressa fi;</t>
  </si>
  <si>
    <t>Cintia Nunes.xlsx</t>
  </si>
  <si>
    <t>/o=exchangelabs/ou=exchange administrative group (fydibohf23spdlt)/cn=recipients/cn=d634880a7abd41c6afd38546d3ce7eaa-andressa fi</t>
  </si>
  <si>
    <t>11/22/2019 10:46:30</t>
  </si>
  <si>
    <t>11/22/2019 10:48:36</t>
  </si>
  <si>
    <t>11/22/2019 10:47:46</t>
  </si>
  <si>
    <t>11/22/2019 10:50:36</t>
  </si>
  <si>
    <t>11/22/2019 10:51:47</t>
  </si>
  <si>
    <t>11/22/2019 10:53:37</t>
  </si>
  <si>
    <t>ENC: Status Pesquisa de Clima 21/11</t>
  </si>
  <si>
    <t>Status Pesquisa de Clima 2019 - 2111.xlsx</t>
  </si>
  <si>
    <t>11/22/2019 10:53:22</t>
  </si>
  <si>
    <t>11/22/2019 10:54:36</t>
  </si>
  <si>
    <t>/o=exchangelabs/ou=exchange administrative group (fydibohf23spdlt)/cn=recipients/cn=1e212ef08dab4f26b88cba944f2ab7cb-pmo.governa;/o=exchangelabs/ou=exchange administrative group (fydibohf23spdlt)/cn=recipients/cn=56f1ed18d0b4438e8484a989403b0f53-ana paula c;</t>
  </si>
  <si>
    <t>Goodyear Licitação: TAP para aprovação</t>
  </si>
  <si>
    <t>TAP_Goodyear Licitacao_v1.pptx\</t>
  </si>
  <si>
    <t>/o=exchangelabs/ou=exchange administrative group (fydibohf23spdlt)/cn=recipients/cn=1e212ef08dab4f26b88cba944f2ab7cb-pmo.governa,/o=exchangelabs/ou=exchange administrative group (fydibohf23spdlt)/cn=recipients/cn=56f1ed18d0b4438e8484a989403b0f53-ana paula c</t>
  </si>
  <si>
    <t>11/22/2019 10:54:51</t>
  </si>
  <si>
    <t>11/22/2019 10:58:36</t>
  </si>
  <si>
    <t>/o=exchangelabs/ou=exchange administrative group (fydibohf23spdlt)/cn=recipients/cn=1e212ef08dab4f26b88cba944f2ab7cb-pmo.governa;/o=exchangelabs/ou=exchange administrative group (fydibohf23spdlt)/cn=recipients/cn=56f1ed18d0b4438e8484a989403b0f53-ana paula c;/o=exchangelabs/ou=exchange administrative group (fydibohf23spdlt)/cn=recipients/cn=65d35bc38c6743d7a55b3ae9726a5893-diego ribei;/o=exchangelabs/ou=exchange administrative group (fydibohf23spdlt)/cn=recipients/cn=b3ad8a638fcc4c57bf8c7953dd4b3cb8-augusto ces;emersonmdp@algartech.com;</t>
  </si>
  <si>
    <t>RES: CAPEX Projetos Estratégicos</t>
  </si>
  <si>
    <t>Resultados Financeiros Projetos.xlsx</t>
  </si>
  <si>
    <t>/o=exchangelabs/ou=exchange administrative group (fydibohf23spdlt)/cn=recipients/cn=1e212ef08dab4f26b88cba944f2ab7cb-pmo.governa,/o=exchangelabs/ou=exchange administrative group (fydibohf23spdlt)/cn=recipients/cn=56f1ed18d0b4438e8484a989403b0f53-ana paula c,/o=exchangelabs/ou=exchange administrative group (fydibohf23spdlt)/cn=recipients/cn=65d35bc38c6743d7a55b3ae9726a5893-diego ribei,/o=exchangelabs/ou=exchange administrative group (fydibohf23spdlt)/cn=recipients/cn=b3ad8a638fcc4c57bf8c7953dd4b3cb8-augusto ces,emersonmdp@algartech.com</t>
  </si>
  <si>
    <t>11/22/2019 10:58:27</t>
  </si>
  <si>
    <t>C:\Users\mariannacsm\OneDrive - Grupo Algar\0- PMO-POOL\COMPRAS\Demandas pontuais\</t>
  </si>
  <si>
    <t>11/22/2019 10:57:18</t>
  </si>
  <si>
    <t>11/22/2019 10:59:37</t>
  </si>
  <si>
    <t>Orcamento Comparado.xlsx</t>
  </si>
  <si>
    <t>11/22/2019 10:59:01</t>
  </si>
  <si>
    <t>11/22/2019 11:00:36</t>
  </si>
  <si>
    <t>CADASTRO GERAL NOVEMBRO 2019 (002).csv</t>
  </si>
  <si>
    <t>11/22/2019 10:57:23</t>
  </si>
  <si>
    <t>/o=exchangelabs/ou=exchange administrative group (fydibohf23spdlt)/cn=recipients/cn=f4b2ca11f1274dff9b442727f3d982af-lais de sou;</t>
  </si>
  <si>
    <t>ENC: Premissas Orçamentárias - 2020 - Rev01 27_08.xlsb</t>
  </si>
  <si>
    <t>Premissas Orçamentárias - 2020 - Rev01 27_08.xlsb</t>
  </si>
  <si>
    <t>/o=exchangelabs/ou=exchange administrative group (fydibohf23spdlt)/cn=recipients/cn=f4b2ca11f1274dff9b442727f3d982af-lais de sou</t>
  </si>
  <si>
    <t>11/22/2019 10:52:48</t>
  </si>
  <si>
    <t>11/22/2019 11:02:36</t>
  </si>
  <si>
    <t>BASE BRADESCO_ANALISE.xlsx</t>
  </si>
  <si>
    <t>11/22/2019 11:00:13</t>
  </si>
  <si>
    <t>11/22/2019 11:04:36</t>
  </si>
  <si>
    <t>Orcamento Comparado - TESTE.xlsx</t>
  </si>
  <si>
    <t>11/22/2019 10:59:38</t>
  </si>
  <si>
    <t>/o=exchangelabs/ou=exchange administrative group (fydibohf23spdlt)/cn=recipients/cn=953d0b5cb08e4147ab387438ebcc9fb6-leandro rei;/o=exchangelabs/ou=exchange administrative group (fydibohf23spdlt)/cn=recipients/cn=d8541cfaa44f4aa6a8421fccd6aa2d4a-joao edson;lucasm@algartech.com;</t>
  </si>
  <si>
    <t>RES: Ticket 833736 GOODYEAR CAS</t>
  </si>
  <si>
    <t>Goodyear Licitação TAP para aprovação .msg\s1\</t>
  </si>
  <si>
    <t>/o=exchangelabs/ou=exchange administrative group (fydibohf23spdlt)/cn=recipients/cn=953d0b5cb08e4147ab387438ebcc9fb6-leandro rei,/o=exchangelabs/ou=exchange administrative group (fydibohf23spdlt)/cn=recipients/cn=d8541cfaa44f4aa6a8421fccd6aa2d4a-joao edson,lucasm@algartech.com</t>
  </si>
  <si>
    <t>11/21/2019 17:46:00</t>
  </si>
  <si>
    <t>mail.google.com/_/upload?authuser=0&amp;dcp=asu-n&amp;upload_id=AEnB2UrCl1CyGH9EfivHBzVbb_T5iycRlcMHo22ossYYlB1qZ4cittCbC6HutdKikzcdpyHW71vzlIwhYGUuUwFqGyM4WPKcgbe1tVsJWhN2C6O9_qVpF_E&amp;upload_protocol=resumable</t>
  </si>
  <si>
    <t>alessandra.flores@prudential.com;alexandre.souto@prudential.com;amandacdr@algartech.com;bruno.souza@prudential.com;joseeb@algartech.com;luiz.m.carvalho@algartech.com;marcelo.decaux@prudential.com;savio.pires@prudential.com;wilsonaapn@algartech.com;</t>
  </si>
  <si>
    <t>C:\Users\filemoncmj\OneDrive - Grupo Algar\01. Algar Tech\01. Projetos de Clientes\47. Prudential\17. FTE\Novembro\</t>
  </si>
  <si>
    <t>alessandra.flores@prudential.com,alexandre.souto@prudential.com,amandacdr@algartech.com,bruno.souza@prudential.com,joseeb@algartech.com,luiz.m.carvalho@algartech.com,marcelo.decaux@prudential.com,savio.pires@prudential.com,wilsonaapn@algartech.com</t>
  </si>
  <si>
    <t>mail.google.com/_/upload?authuser=0&amp;dcp=asu-n&amp;upload_id=AEnB2UoaIbeG8eFNBoGUmHZ_KPLopk1WJ2D40FLQayeuYeCxkBblNPPRpyeGvuwARIunPJlbmFGu6gk3aU5QfvChwl5oWRYm8BAVrYtkeLnOvHHG6dsRq-M&amp;upload_protocol=resumable</t>
  </si>
  <si>
    <t>11/21/2019 21:49:26</t>
  </si>
  <si>
    <t>11/22/2019 11:06:44</t>
  </si>
  <si>
    <t>11/22/2019 11:08:36</t>
  </si>
  <si>
    <t>andreavm@algartech.com.br;rafaelsan@algartech.com.br;</t>
  </si>
  <si>
    <t>andreavm@algartech.com.br,rafaelsan@algartech.com.br</t>
  </si>
  <si>
    <t>11/22/2019 11:05:40</t>
  </si>
  <si>
    <t>11/22/2019 11:09:37</t>
  </si>
  <si>
    <t>11/22/2019 11:05:49</t>
  </si>
  <si>
    <t>Orcamento Comparado - Copia.xlsx</t>
  </si>
  <si>
    <t>11/22/2019 11:05:18</t>
  </si>
  <si>
    <t>ENC Reajuste Yah.msg\s1\</t>
  </si>
  <si>
    <t>Faturamento Yahsat Setembro.xlsx</t>
  </si>
  <si>
    <t>11/22/2019 11:08:15</t>
  </si>
  <si>
    <t>11/22/2019 11:10:36</t>
  </si>
  <si>
    <t>Farol Churn - Parcial - Nov/2019 - 21/11/19</t>
  </si>
  <si>
    <t>Base BW % Conversão - Nov-2019 - Parcial - 21-11-19.xlsm</t>
  </si>
  <si>
    <t>11/22/2019 11:08:41</t>
  </si>
  <si>
    <t>Produtividade RAF - NOV-2019 - Parcial - 21-11-19.xlsm</t>
  </si>
  <si>
    <t>11/22/2019 11:12:15</t>
  </si>
  <si>
    <t>11/22/2019 11:13:36</t>
  </si>
  <si>
    <t>mail.google.com/_/upload?authuser=0&amp;dcp=asu-n&amp;upload_id=AEnB2Uof1XbK0spctv08_RrHY4vMppgS2IcbegLUPoUIz2tDK1ygzGkb_PYGSnmvlGp-xvxDRXRo4H27CZ-OPVjTj_HS4M1EY5MmNU27FMtc6zhH85KOjoA&amp;upload_protocol=resumable</t>
  </si>
  <si>
    <t>Atividades-ANF31 - BH_22_11_19 (4)juu.xlsx</t>
  </si>
  <si>
    <t>11/22/2019 11:11:01</t>
  </si>
  <si>
    <t>11/22/2019 11:15:35</t>
  </si>
  <si>
    <t>11/22/2019 11:16:37</t>
  </si>
  <si>
    <t>/o=exchangelabs/ou=exchange administrative group (fydibohf23spdlt)/cn=recipients/cn=2f13f6d577d947158c5f81c08b0e5faf-tatiane dor;carolina.farah@bradesco.com.br;</t>
  </si>
  <si>
    <t>Daily Next</t>
  </si>
  <si>
    <t>Daily Unificado Next - Nov_envio.zip\</t>
  </si>
  <si>
    <t>Daily Unificado Next - Nov_envio.xlsm</t>
  </si>
  <si>
    <t>/o=exchangelabs/ou=exchange administrative group (fydibohf23spdlt)/cn=recipients/cn=2f13f6d577d947158c5f81c08b0e5faf-tatiane dor,carolina.farah@bradesco.com.br</t>
  </si>
  <si>
    <t>11/22/2019 11:17:10</t>
  </si>
  <si>
    <t>11/22/2019 11:18:36</t>
  </si>
  <si>
    <t>recibo de reembolso - iramilda - 2211.xls</t>
  </si>
  <si>
    <t>11/22/2019 11:14:29</t>
  </si>
  <si>
    <t>11/22/2019 11:19:37</t>
  </si>
  <si>
    <t>11/22/2019 11:20:03</t>
  </si>
  <si>
    <t>11/22/2019 11:21:37</t>
  </si>
  <si>
    <t>/o=exchangelabs/ou=exchange administrative group (fydibohf23spdlt)/cn=recipients/cn=0ee39e9e189c42369588db5cf6d2866d-celia regin;/o=exchangelabs/ou=exchange administrative group (fydibohf23spdlt)/cn=recipients/cn=2144abc9537143519f505fcb8550b74c-juliana emi;/o=exchangelabs/ou=exchange administrative group (fydibohf23spdlt)/cn=recipients/cn=4b453b7f02914710b3e94bcf7b311ad4-fernando po;/o=exchangelabs/ou=exchange administrative group (fydibohf23spdlt)/cn=recipients/cn=61af722dd06149089cf1c867d796b8bc-delso estre;/o=exchangelabs/ou=exchange administrative group (fydibohf23spdlt)/cn=recipients/cn=825e22489f504b16aae369306c36d2e0-olivar anto;/o=exchangelabs/ou=exchange administrative group (fydibohf23spdlt)/cn=recipients/cn=8c253c95243a40aa99c9416b7eb70a2a-julio cesar;/o=exchangelabs/ou=exchange administrative group (fydibohf23spdlt)/cn=recipients/cn=ab45243d601947128cfe3dec663408bf-pamela tava;/o=exchangelabs/ou=exchange administrative group (fydibohf23spdlt)/cn=recipients/cn=e3778f57d65f4c17a6287602f9eb0cdc-ales</t>
  </si>
  <si>
    <t>EBIT Final para comunicação com associados (novas assembleias)</t>
  </si>
  <si>
    <t>Consolidado_EBIT 1sem2019_versão final 19.nov.xlsx</t>
  </si>
  <si>
    <t>/o=exchangelabs/ou=exchange administrative group (fydibohf23spdlt)/cn=recipients/cn=0ee39e9e189c42369588db5cf6d2866d-celia regin,/o=exchangelabs/ou=exchange administrative group (fydibohf23spdlt)/cn=recipients/cn=2144abc9537143519f505fcb8550b74c-juliana emi,/o=exchangelabs/ou=exchange administrative group (fydibohf23spdlt)/cn=recipients/cn=4b453b7f02914710b3e94bcf7b311ad4-fernando po,/o=exchangelabs/ou=exchange administrative group (fydibohf23spdlt)/cn=recipients/cn=61af722dd06149089cf1c867d796b8bc-delso estre,/o=exchangelabs/ou=exchange administrative group (fydibohf23spdlt)/cn=recipients/cn=825e22489f504b16aae369306c36d2e0-olivar anto,/o=exchangelabs/ou=exchange administrative group (fydibohf23spdlt)/cn=recipients/cn=8c253c95243a40aa99c9416b7eb70a2a-julio cesar,/o=exchangelabs/ou=exchange administrative group (fydibohf23spdlt)/cn=recipients/cn=ab45243d601947128cfe3dec663408bf-pamela tava,/o=exchangelabs/ou=exchange administrative group (fydibohf23spdlt)/cn=recipients/cn=e3778f57d65f4c17a6287602f9eb0cdc-ales</t>
  </si>
  <si>
    <t>11/22/2019 11:21:13</t>
  </si>
  <si>
    <t>11/22/2019 11:22:36</t>
  </si>
  <si>
    <t>11/22/2019 11:22:28</t>
  </si>
  <si>
    <t>11/22/2019 11:27:37</t>
  </si>
  <si>
    <t>adrianofo@algartech.com.br;</t>
  </si>
  <si>
    <t>fup fp</t>
  </si>
  <si>
    <t>FUP.xlsx</t>
  </si>
  <si>
    <t>adrianofo@algartech.com.br</t>
  </si>
  <si>
    <t>11/22/2019 11:25:02</t>
  </si>
  <si>
    <t>Memoria provisão novembro.xlsm</t>
  </si>
  <si>
    <t>11/22/2019 11:26:58</t>
  </si>
  <si>
    <t>/o=exchangelabs/ou=exchange administrative group (fydibohf23spdlt)/cn=recipients/cn=8da96f497b5c46ee81c2775857a1df84-pedro henri;/o=exchangelabs/ou=exchange administrative group (fydibohf23spdlt)/cn=recipients/cn=daea76c116d14ba69bf57b6e77a4327e-luana almei;/o=exchangelabs/ou=exchange administrative group (fydibohf23spdlt)/cn=recipients/cn=f77afa0ad3f042109f536c9634dccf97-wanderson g;/o=exchangelabs/ou=exchange administrative group (fydibohf23spdlt)/cn=recipients/cn=f9e751102def46a896bc3ec6e90e1aed-katia dos r;</t>
  </si>
  <si>
    <t>/o=exchangelabs/ou=exchange administrative group (fydibohf23spdlt)/cn=recipients/cn=8da96f497b5c46ee81c2775857a1df84-pedro henri,/o=exchangelabs/ou=exchange administrative group (fydibohf23spdlt)/cn=recipients/cn=daea76c116d14ba69bf57b6e77a4327e-luana almei,/o=exchangelabs/ou=exchange administrative group (fydibohf23spdlt)/cn=recipients/cn=f77afa0ad3f042109f536c9634dccf97-wanderson g,/o=exchangelabs/ou=exchange administrative group (fydibohf23spdlt)/cn=recipients/cn=f9e751102def46a896bc3ec6e90e1aed-katia dos r</t>
  </si>
  <si>
    <t>11/22/2019 11:23:38</t>
  </si>
  <si>
    <t>Status Conta Luciana Savi</t>
  </si>
  <si>
    <t>Status Conta Luciana Savi.xlsx</t>
  </si>
  <si>
    <t>11/22/2019 11:26:16</t>
  </si>
  <si>
    <t>Status das minhas contas.</t>
  </si>
  <si>
    <t>11/22/2019 11:27:20</t>
  </si>
  <si>
    <t>11/22/2019 11:32:37</t>
  </si>
  <si>
    <t>11/22/2019 11:30:26</t>
  </si>
  <si>
    <t>11/22/2019 11:33:37</t>
  </si>
  <si>
    <t>ENC: Report Intradiário - Atendimento Cerrado - 22/11/2019 - Acumulado até 11 hrs</t>
  </si>
  <si>
    <t>11/22/2019 11:31:20</t>
  </si>
  <si>
    <t>ENC: Report Intradiário - Atendimento Algar Tech - 22/11/2019 - Acumulado até 11 hrs</t>
  </si>
  <si>
    <t>11/22/2019 11:26:19</t>
  </si>
  <si>
    <t>11/22/2019 11:34:36</t>
  </si>
  <si>
    <t>ENC: Home Office Novembro.</t>
  </si>
  <si>
    <t>11/22/2019 11:30:25</t>
  </si>
  <si>
    <t>11/22/2019 11:35:36</t>
  </si>
  <si>
    <t>mail.google.com/_/upload?authuser=0&amp;dcp=asu-n&amp;upload_id=AEnB2Uqvy5yQ37guwm7cMBjNUc2NXjuXTG0yACQZ2RNsaC9XVPhtWM8DllI1ajjQtCLp7V6wkeQzRoQWY_vzNsH66l04v2XnGiLYYK-3hjfIrlVWlFhgfcM&amp;upload_protocol=resumable</t>
  </si>
  <si>
    <t>11/22/2019 11:36:51</t>
  </si>
  <si>
    <t>11/22/2019 11:39:37</t>
  </si>
  <si>
    <t>ENC: Home Office.</t>
  </si>
  <si>
    <t>Home Office PROJETOS - Janeiro.xlsx</t>
  </si>
  <si>
    <t>11/22/2019 11:38:56</t>
  </si>
  <si>
    <t>11/22/2019 11:41:37</t>
  </si>
  <si>
    <t>ENC: Daily Ativo, Receptivo, Unique connect, Promessa x Pagamento e Digital - Setembro - Operação P2</t>
  </si>
  <si>
    <t>2019-11 - Relatório Unique Connect Total Risk.xlsx</t>
  </si>
  <si>
    <t>11/22/2019 11:37:32</t>
  </si>
  <si>
    <t>11/22/2019 11:42:36</t>
  </si>
  <si>
    <t>/o=exchangelabs/ou=exchange administrative group (fydibohf23spdlt)/cn=recipients/cn=bec14da9ad4d434b8151ce12587e9186-khassio mar;crce@algartech.com.br;</t>
  </si>
  <si>
    <t>ENC: RE: Atualização de acessos Amex CRM:000260002805</t>
  </si>
  <si>
    <t>Ferramentas Amex (1).xlsx</t>
  </si>
  <si>
    <t>/o=exchangelabs/ou=exchange administrative group (fydibohf23spdlt)/cn=recipients/cn=bec14da9ad4d434b8151ce12587e9186-khassio mar,crce@algartech.com.br</t>
  </si>
  <si>
    <t>11/22/2019 11:47:39</t>
  </si>
  <si>
    <t>11/22/2019 11:51:36</t>
  </si>
  <si>
    <t>\\acsfs\deptos\controladoria\3. csc\controles csc\7-orçamento 2020\rateio ebit csc 2020_v3 - engeset novo\</t>
  </si>
  <si>
    <t>dre_csc 2020 previa do oficial_v9.xlsx</t>
  </si>
  <si>
    <t>11/22/2019 11:53:13</t>
  </si>
  <si>
    <t>11/22/2019 11:54:37</t>
  </si>
  <si>
    <t>/o=exchangelabs/ou=exchange administrative group (fydibohf23spdlt)/cn=recipients/cn=027c2da1ea5a42378a892f895ed29947-andressa tu;/o=exchangelabs/ou=exchange administrative group (fydibohf23spdlt)/cn=recipients/cn=f9fe932422d84c28aad0bc6079f59209-daniele dos;/o=exchangelabs/ou=exchange administrative group (fydibohf23spdlt)/cn=recipients/cn=valeria de mello lima;carlosfn@algartech.com;</t>
  </si>
  <si>
    <t>Oportunisticos - Canais.xlsx</t>
  </si>
  <si>
    <t>/o=exchangelabs/ou=exchange administrative group (fydibohf23spdlt)/cn=recipients/cn=027c2da1ea5a42378a892f895ed29947-andressa tu,/o=exchangelabs/ou=exchange administrative group (fydibohf23spdlt)/cn=recipients/cn=f9fe932422d84c28aad0bc6079f59209-daniele dos,/o=exchangelabs/ou=exchange administrative group (fydibohf23spdlt)/cn=recipients/cn=valeria de mello lima,carlosfn@algartech.com</t>
  </si>
  <si>
    <t>11/22/2019 11:54:03</t>
  </si>
  <si>
    <t>11/22/2019 11:55:27</t>
  </si>
  <si>
    <t>11/22/2019 11:56:37</t>
  </si>
  <si>
    <t>11/22/2019 11:56:20</t>
  </si>
  <si>
    <t>11/22/2019 11:57:37</t>
  </si>
  <si>
    <t>desvio.xls</t>
  </si>
  <si>
    <t>11/22/2019 11:54:38</t>
  </si>
  <si>
    <t>11/22/2019 11:58:36</t>
  </si>
  <si>
    <t>RES: Receitamento novembro.19</t>
  </si>
  <si>
    <t>11/22/2019 11:57:18</t>
  </si>
  <si>
    <t>11/22/2019 11:59:38</t>
  </si>
  <si>
    <t>FTE_BV_Nov19_v2.xlsb</t>
  </si>
  <si>
    <t>11/22/2019 11:58:09</t>
  </si>
  <si>
    <t>11/22/2019 11:59:13</t>
  </si>
  <si>
    <t>11/22/2019 12:04:37</t>
  </si>
  <si>
    <t>RV</t>
  </si>
  <si>
    <t>Relatorio Codigo de Analise.xlsx</t>
  </si>
  <si>
    <t>11/22/2019 12:03:16</t>
  </si>
  <si>
    <t>11/22/2019 12:08:37</t>
  </si>
  <si>
    <t>10.12.241.81</t>
  </si>
  <si>
    <t>11/22/2019 12:10:12</t>
  </si>
  <si>
    <t>11/22/2019 12:14:36</t>
  </si>
  <si>
    <t>Relação Notebook x Associado.xlsx</t>
  </si>
  <si>
    <t>11/22/2019 12:15:10</t>
  </si>
  <si>
    <t>11/22/2019 12:16:37</t>
  </si>
  <si>
    <t>11/22/2019 12:12:00</t>
  </si>
  <si>
    <t>ENC: CRCE: Relatórios B2B vencimento 1 de dezembro - AMBEV CRM:005310000777</t>
  </si>
  <si>
    <t>CRBS venc 01dec19.xlsx</t>
  </si>
  <si>
    <t>11/22/2019 12:16:36</t>
  </si>
  <si>
    <t>11/22/2019 12:17:37</t>
  </si>
  <si>
    <t>analvc@algartech.com.br;</t>
  </si>
  <si>
    <t>RES: \Compartilhado\Entre_secoes\S807_Atendimento_BOPJ_Compartilhado\00 - AÇÃO MIGRAÇÃO\AÇÃO CONTATO ATIVO MIGRAÇÃO\Saldo Credor UN</t>
  </si>
  <si>
    <t>analvc@algartech.com.br</t>
  </si>
  <si>
    <t>11/22/2019 12:17:13</t>
  </si>
  <si>
    <t>11/22/2019 12:19:37</t>
  </si>
  <si>
    <t>/o=exchangelabs/ou=exchange administrative group (fydibohf23spdlt)/cn=recipients/cn=8f185d9b3bd9437bbda2e6edb3323202-natalia men;luanda_s_almeida@whirlpool.com;</t>
  </si>
  <si>
    <t>ENC: Status ATIVO MP Digital - atualizar visão</t>
  </si>
  <si>
    <t>ativo_mp_digital_20191122.xlsx</t>
  </si>
  <si>
    <t>/o=exchangelabs/ou=exchange administrative group (fydibohf23spdlt)/cn=recipients/cn=8f185d9b3bd9437bbda2e6edb3323202-natalia men,luanda_s_almeida@whirlpool.com</t>
  </si>
  <si>
    <t>11/22/2019 12:15:53</t>
  </si>
  <si>
    <t>11/22/2019 12:22:58</t>
  </si>
  <si>
    <t>11/22/2019 12:24:37</t>
  </si>
  <si>
    <t>/o=exchangelabs/ou=exchange administrative group (fydibohf23spdlt)/cn=recipients/cn=cd93dacc38404a95a829585c2e317a9f-dionizio ri;/o=exchangelabs/ou=exchange administrative group (fydibohf23spdlt)/cn=recipients/cn=f67f0409c7ae4580b53b07ea98cce4c6-talita pele;/o=exchangelabs/ou=exchange administrative group (fydibohf23spdlt)/cn=recipients/cn=fe8fdec9c88140d18f5303035fad45f0-ricardo bor;</t>
  </si>
  <si>
    <t>New_Ricardo Borges_v2.xlsx</t>
  </si>
  <si>
    <t>/o=exchangelabs/ou=exchange administrative group (fydibohf23spdlt)/cn=recipients/cn=cd93dacc38404a95a829585c2e317a9f-dionizio ri,/o=exchangelabs/ou=exchange administrative group (fydibohf23spdlt)/cn=recipients/cn=f67f0409c7ae4580b53b07ea98cce4c6-talita pele,/o=exchangelabs/ou=exchange administrative group (fydibohf23spdlt)/cn=recipients/cn=fe8fdec9c88140d18f5303035fad45f0-ricardo bor</t>
  </si>
  <si>
    <t>11/22/2019 12:23:20</t>
  </si>
  <si>
    <t>/o=exchangelabs/ou=exchange administrative group (fydibohf23spdlt)/cn=recipients/cn=6776a442e9d74eb38a4e02467843d314-juliana mar;/o=exchangelabs/ou=exchange administrative group (fydibohf23spdlt)/cn=recipients/cn=cd93dacc38404a95a829585c2e317a9f-dionizio ri;/o=exchangelabs/ou=exchange administrative group (fydibohf23spdlt)/cn=recipients/cn=f67f0409c7ae4580b53b07ea98cce4c6-talita pele;</t>
  </si>
  <si>
    <t>New_Juliana Maria.xlsx</t>
  </si>
  <si>
    <t>/o=exchangelabs/ou=exchange administrative group (fydibohf23spdlt)/cn=recipients/cn=6776a442e9d74eb38a4e02467843d314-juliana mar,/o=exchangelabs/ou=exchange administrative group (fydibohf23spdlt)/cn=recipients/cn=cd93dacc38404a95a829585c2e317a9f-dionizio ri,/o=exchangelabs/ou=exchange administrative group (fydibohf23spdlt)/cn=recipients/cn=f67f0409c7ae4580b53b07ea98cce4c6-talita pele</t>
  </si>
  <si>
    <t>11/22/2019 12:23:32</t>
  </si>
  <si>
    <t>/o=exchangelabs/ou=exchange administrative group (fydibohf23spdlt)/cn=recipients/cn=1635ed1077024674b65c52767dacde9a-jullian pac;/o=exchangelabs/ou=exchange administrative group (fydibohf23spdlt)/cn=recipients/cn=cd93dacc38404a95a829585c2e317a9f-dionizio ri;/o=exchangelabs/ou=exchange administrative group (fydibohf23spdlt)/cn=recipients/cn=f67f0409c7ae4580b53b07ea98cce4c6-talita pele;</t>
  </si>
  <si>
    <t>New_Jullian Pacheco_v3.xlsx</t>
  </si>
  <si>
    <t>/o=exchangelabs/ou=exchange administrative group (fydibohf23spdlt)/cn=recipients/cn=1635ed1077024674b65c52767dacde9a-jullian pac,/o=exchangelabs/ou=exchange administrative group (fydibohf23spdlt)/cn=recipients/cn=cd93dacc38404a95a829585c2e317a9f-dionizio ri,/o=exchangelabs/ou=exchange administrative group (fydibohf23spdlt)/cn=recipients/cn=f67f0409c7ae4580b53b07ea98cce4c6-talita pele</t>
  </si>
  <si>
    <t>11/22/2019 12:27:04</t>
  </si>
  <si>
    <t>11/22/2019 12:27:37</t>
  </si>
  <si>
    <t>11/22/2019 12:36:04</t>
  </si>
  <si>
    <t>11/22/2019 12:40:37</t>
  </si>
  <si>
    <t>ENC: MOVE TO CLOUD</t>
  </si>
  <si>
    <t>11/22/2019 12:38:47</t>
  </si>
  <si>
    <t>11/22/2019 12:41:36</t>
  </si>
  <si>
    <t>/o=exchangelabs/ou=exchange administrative group (fydibohf23spdlt)/cn=recipients/cn=161c8ab454bb4f4ebde8223bf694a34b-pedro felip;/o=exchangelabs/ou=exchange administrative group (fydibohf23spdlt)/cn=recipients/cn=9ec15fdf8a374c6f80ea1bf33684216e-roberta alv;/o=exchangelabs/ou=exchange administrative group (fydibohf23spdlt)/cn=recipients/cn=userdc05fc7c;</t>
  </si>
  <si>
    <t>Planilhas de Cálculo PLR - SINDPD-DF</t>
  </si>
  <si>
    <t>Cálculo PLR 1º semestre 2019_SINDPD-DF.xlsx</t>
  </si>
  <si>
    <t>/o=exchangelabs/ou=exchange administrative group (fydibohf23spdlt)/cn=recipients/cn=161c8ab454bb4f4ebde8223bf694a34b-pedro felip,/o=exchangelabs/ou=exchange administrative group (fydibohf23spdlt)/cn=recipients/cn=9ec15fdf8a374c6f80ea1bf33684216e-roberta alv,/o=exchangelabs/ou=exchange administrative group (fydibohf23spdlt)/cn=recipients/cn=userdc05fc7c</t>
  </si>
  <si>
    <t>11/22/2019 12:42:06</t>
  </si>
  <si>
    <t>11/22/2019 12:45:37</t>
  </si>
  <si>
    <t>Presença feira de produtos</t>
  </si>
  <si>
    <t>PRESENÇA - FEIRA DE PRODUTOS 22.11.xlsx</t>
  </si>
  <si>
    <t>11/22/2019 12:44:14</t>
  </si>
  <si>
    <t>11/22/2019 12:48:36</t>
  </si>
  <si>
    <t>/o=exchangelabs/ou=exchange administrative group (fydibohf23spdlt)/cn=recipients/cn=6857e7b89b5f46e3b6aed2352ac8d5ac-carlos albe;/o=exchangelabs/ou=exchange administrative group (fydibohf23spdlt)/cn=recipients/cn=690534bfcd7340c7beff9dafbdbfc25f-paulo henri;/o=exchangelabs/ou=exchange administrative group (fydibohf23spdlt)/cn=recipients/cn=e6b7580a624e482b95aa2b9747aa6d6d-paulo sergi;</t>
  </si>
  <si>
    <t>/o=exchangelabs/ou=exchange administrative group (fydibohf23spdlt)/cn=recipients/cn=6857e7b89b5f46e3b6aed2352ac8d5ac-carlos albe,/o=exchangelabs/ou=exchange administrative group (fydibohf23spdlt)/cn=recipients/cn=690534bfcd7340c7beff9dafbdbfc25f-paulo henri,/o=exchangelabs/ou=exchange administrative group (fydibohf23spdlt)/cn=recipients/cn=e6b7580a624e482b95aa2b9747aa6d6d-paulo sergi</t>
  </si>
  <si>
    <t>11/22/2019 12:51:24</t>
  </si>
  <si>
    <t>11/22/2019 12:54:36</t>
  </si>
  <si>
    <t>C:\Users\mariannacsm\OneDrive - Grupo Algar\0- PMO-POOL\PMO\PROJETOS CSC\</t>
  </si>
  <si>
    <t>11/22/2019 12:51:39</t>
  </si>
  <si>
    <t>Peça Oficial 2020 - Projetos_Retorno 2510_Adeq TechCSC2211.xlsx</t>
  </si>
  <si>
    <t>11/22/2019 12:54:57</t>
  </si>
  <si>
    <t>11/22/2019 12:59:36</t>
  </si>
  <si>
    <t>11/22/2019 13:03:46</t>
  </si>
  <si>
    <t>11/22/2019 13:06:36</t>
  </si>
  <si>
    <t>ENC: Projeção Impacto - Retirada Associados Contato Out Onda 4 ( Escala Associados )</t>
  </si>
  <si>
    <t>Lista Empresas - Contato Out Migração.xlsx</t>
  </si>
  <si>
    <t>11/22/2019 13:17:11</t>
  </si>
  <si>
    <t>11/22/2019 13:19:38</t>
  </si>
  <si>
    <t>10.200.58.136</t>
  </si>
  <si>
    <t>mail.google.com/_/upload?authuser=0&amp;dcp=asu-n&amp;upload_id=AEnB2UoT-hIR_tZ1OVfFMsZhS0UahD8bHYubCQ3cgspY4I9iFTu0GxglYXaIIu66QMCgPSceDp9bE3aRE5H8uIZBq1WzpLubgw&amp;upload_protocol=resumable</t>
  </si>
  <si>
    <t>PMO - Capex_Longo Prazo_rev_A19M10_v22_11_vFinanceiro.xlsx</t>
  </si>
  <si>
    <t>11/22/2019 13:24:00</t>
  </si>
  <si>
    <t>11/22/2019 13:27:38</t>
  </si>
  <si>
    <t>ENC: Black Friday 2019 - MPE Expansão</t>
  </si>
  <si>
    <t>Simulador - Book Lego MPE 4.0 - Expansão_20112019 Black Friday.xls</t>
  </si>
  <si>
    <t>11/22/2019 13:32:57</t>
  </si>
  <si>
    <t>11/22/2019 13:35:40</t>
  </si>
  <si>
    <t>/o=exchangelabs/ou=exchange administrative group (fydibohf23spdlt)/cn=recipients/cn=18538d61f6f342f7a3d2db08df47d617-vanusa prec;/o=exchangelabs/ou=exchange administrative group (fydibohf23spdlt)/cn=recipients/cn=1e212ef08dab4f26b88cba944f2ab7cb-pmo.governa;/o=exchangelabs/ou=exchange administrative group (fydibohf23spdlt)/cn=recipients/cn=2504d5028b6b4fb89d14a5df6031358d-jane carla;/o=exchangelabs/ou=exchange administrative group (fydibohf23spdlt)/cn=recipients/cn=2d3379e2d04c40db810b4b1f41dd2aea-erica carol;/o=exchangelabs/ou=exchange administrative group (fydibohf23spdlt)/cn=recipients/cn=443a648e2bd247c69659ca2ac6a18582-adriele fer;/o=exchangelabs/ou=exchange administrative group (fydibohf23spdlt)/cn=recipients/cn=55f846c335d7437f892f0b0d49c89e92-celma ribei;/o=exchangelabs/ou=exchange administrative group (fydibohf23spdlt)/cn=recipients/cn=56f1ed18d0b4438e8484a989403b0f53-ana paula c;/o=exchangelabs/ou=exchange administrative group (fydibohf23spdlt)/cn=recipients/cn=65f2464c9a2e4d2981cae7124572133d-crist</t>
  </si>
  <si>
    <t>CAPEX 2020 - Ajustado</t>
  </si>
  <si>
    <t>CAPEX_2020 - FINANCEIRO22_11.xlsx</t>
  </si>
  <si>
    <t>/o=exchangelabs/ou=exchange administrative group (fydibohf23spdlt)/cn=recipients/cn=18538d61f6f342f7a3d2db08df47d617-vanusa prec,/o=exchangelabs/ou=exchange administrative group (fydibohf23spdlt)/cn=recipients/cn=1e212ef08dab4f26b88cba944f2ab7cb-pmo.governa,/o=exchangelabs/ou=exchange administrative group (fydibohf23spdlt)/cn=recipients/cn=2504d5028b6b4fb89d14a5df6031358d-jane carla,/o=exchangelabs/ou=exchange administrative group (fydibohf23spdlt)/cn=recipients/cn=2d3379e2d04c40db810b4b1f41dd2aea-erica carol,/o=exchangelabs/ou=exchange administrative group (fydibohf23spdlt)/cn=recipients/cn=443a648e2bd247c69659ca2ac6a18582-adriele fer,/o=exchangelabs/ou=exchange administrative group (fydibohf23spdlt)/cn=recipients/cn=55f846c335d7437f892f0b0d49c89e92-celma ribei,/o=exchangelabs/ou=exchange administrative group (fydibohf23spdlt)/cn=recipients/cn=56f1ed18d0b4438e8484a989403b0f53-ana paula c,/o=exchangelabs/ou=exchange administrative group (fydibohf23spdlt)/cn=recipients/cn=65f2464c9a2e4d2981cae7124572133d-crist</t>
  </si>
  <si>
    <t>11/22/2019 13:35:59</t>
  </si>
  <si>
    <t>11/22/2019 13:37:41</t>
  </si>
  <si>
    <t>mail.google.com/_/upload?authuser=0&amp;dcp=asu-n&amp;upload_id=AEnB2Uq3ivXigsfDCVyrZEj3dAkgfljb2qRSNzBzU37oJ6-Ttg8U-GY4pppMHYnapyAIRErkGZ9S-cwtGrd_D1am_GD06L7Yww&amp;upload_protocol=resumable</t>
  </si>
  <si>
    <t>Associados que faltaram.xlsx</t>
  </si>
  <si>
    <t>11/22/2019 13:40:42</t>
  </si>
  <si>
    <t>11/22/2019 13:42:42</t>
  </si>
  <si>
    <t>6549;</t>
  </si>
  <si>
    <t>Formulário TTV - Lançamento de Hora Extra (15).xlsx</t>
  </si>
  <si>
    <t>http://6549</t>
  </si>
  <si>
    <t>11/22/2019 13:40:46</t>
  </si>
  <si>
    <t>11/22/2019 13:45:20</t>
  </si>
  <si>
    <t>11/22/2019 13:46:43</t>
  </si>
  <si>
    <t>11/22/2019 13:45:19</t>
  </si>
  <si>
    <t>/o=exchangelabs/ou=exchange administrative group (fydibohf23spdlt)/cn=recipients/cn=2f13f6d577d947158c5f81c08b0e5faf-tatiane dor;/o=exchangelabs/ou=exchange administrative group (fydibohf23spdlt)/cn=recipients/cn=823ff3c9d5fe49399d544dd8d287e4b4-alexandre m;/o=exchangelabs/ou=exchange administrative group (fydibohf23spdlt)/cn=recipients/cn=a4ba92cba10f4fe498074594f937f3b6-leandro lop;</t>
  </si>
  <si>
    <t>Analise Indicadores por HC Produtivo</t>
  </si>
  <si>
    <t>Analise Indicadores por HC Produtivo.xlsx</t>
  </si>
  <si>
    <t>/o=exchangelabs/ou=exchange administrative group (fydibohf23spdlt)/cn=recipients/cn=2f13f6d577d947158c5f81c08b0e5faf-tatiane dor,/o=exchangelabs/ou=exchange administrative group (fydibohf23spdlt)/cn=recipients/cn=823ff3c9d5fe49399d544dd8d287e4b4-alexandre m,/o=exchangelabs/ou=exchange administrative group (fydibohf23spdlt)/cn=recipients/cn=a4ba92cba10f4fe498074594f937f3b6-leandro lop</t>
  </si>
  <si>
    <t>11/22/2019 13:43:03</t>
  </si>
  <si>
    <t>11/22/2019 13:47:43</t>
  </si>
  <si>
    <t>sheilacdf@algartech.com.br;</t>
  </si>
  <si>
    <t>ENC: PLANILHA PADRÃO PARA EMISSÃO DE ADICIONAL ARYSTA/UPL</t>
  </si>
  <si>
    <t>BRADESCO CARTÕES - Planilha Portador (1).xls</t>
  </si>
  <si>
    <t>sheilacdf@algartech.com.br</t>
  </si>
  <si>
    <t>11/22/2019 13:46:12</t>
  </si>
  <si>
    <t>11/22/2019 13:50:43</t>
  </si>
  <si>
    <t>mail.google.com/_/upload?authuser=1&amp;dcp=asu-n&amp;upload_id=AEnB2UoYjEnQg07AJPb9UzCkgc19j4kdAqVHFkyGhvsOK9poxQn7EsdfRTFCo3Xv149t2F8mJBGBVR1Vx35pG3JU-swMXDwhgg&amp;upload_protocol=resumable</t>
  </si>
  <si>
    <t>\\acsfs\DEPTOS\Governança da Estratégia\Governança\Holding\2019\Tech Day\Preparação Prévia\</t>
  </si>
  <si>
    <t>Tech Day - Evolução histórica e outros gráficosvfinal.xlsx</t>
  </si>
  <si>
    <t>11/22/2019 13:46:07</t>
  </si>
  <si>
    <t>algar.thaynara@voeazul.com.br;taynacds@algartech.com;</t>
  </si>
  <si>
    <t>RES: HE - Equipe Thaynara</t>
  </si>
  <si>
    <t>Cópia de feriado 20.11.xlsx</t>
  </si>
  <si>
    <t>algar.thaynara@voeazul.com.br,taynacds@algartech.com</t>
  </si>
  <si>
    <t>11/22/2019 13:51:01</t>
  </si>
  <si>
    <t>11/22/2019 13:52:44</t>
  </si>
  <si>
    <t>mail.google.com/_/upload?authuser=0&amp;dcp=asu-n&amp;upload_id=AEnB2Uqt96fnw3n7GPGAIQPmVLImrTqEH2jcnLuILlGply6_Lc4mR8xSmBYXcvyyHnPa_eENIG7i01ejKVU1sFjmdmewRrbJ7fm2fYX4FRscTstKBTaFc50&amp;upload_protocol=resumable</t>
  </si>
  <si>
    <t>11/22/2019 13:55:52</t>
  </si>
  <si>
    <t>11/22/2019 14:00:45</t>
  </si>
  <si>
    <t>guilherme.arruda@forceoneit.com;heitorft@algartech.com;suporteredes@algartech.com;tulio.carvalhais@forceoneit.com;</t>
  </si>
  <si>
    <t>Formulario_Ativacao - VPN-ELCANO-FORNECEDOR (Forceone).xlsx</t>
  </si>
  <si>
    <t>guilherme.arruda@forceoneit.com,heitorft@algartech.com,suporteredes@algartech.com,tulio.carvalhais@forceoneit.com</t>
  </si>
  <si>
    <t>11/22/2019 13:56:38</t>
  </si>
  <si>
    <t>11/22/2019 14:01:46</t>
  </si>
  <si>
    <t>11/22/2019 13:57:31</t>
  </si>
  <si>
    <t>11/22/2019 14:03:59</t>
  </si>
  <si>
    <t>11/22/2019 14:06:47</t>
  </si>
  <si>
    <t>11/22/2019 14:07:10</t>
  </si>
  <si>
    <t>11/22/2019 14:11:49</t>
  </si>
  <si>
    <t>ENC: ALGAR - Fechamento Bradescard P2 - Outubro/19</t>
  </si>
  <si>
    <t>11/22/2019 14:06:18</t>
  </si>
  <si>
    <t>11/22/2019 14:12:48</t>
  </si>
  <si>
    <t>/o=exchangelabs/ou=exchange administrative group (fydibohf23spdlt)/cn=recipients/cn=690534bfcd7340c7beff9dafbdbfc25f-paulo henri;/o=exchangelabs/ou=exchange administrative group (fydibohf23spdlt)/cn=recipients/cn=bb3e654013ba45d5b07da1bcdc47e1d4-larrynir ma;/o=exchangelabs/ou=exchange administrative group (fydibohf23spdlt)/cn=recipients/cn=d6cce5a70d504cc2ad89cee834cd59a9-luciana rib;claudia@tripag.com.br;ganunes@tripag.com.br;</t>
  </si>
  <si>
    <t>RES: Desativação de terminais</t>
  </si>
  <si>
    <t>Ordem de Servico Desativação.xls</t>
  </si>
  <si>
    <t>/o=exchangelabs/ou=exchange administrative group (fydibohf23spdlt)/cn=recipients/cn=690534bfcd7340c7beff9dafbdbfc25f-paulo henri,/o=exchangelabs/ou=exchange administrative group (fydibohf23spdlt)/cn=recipients/cn=bb3e654013ba45d5b07da1bcdc47e1d4-larrynir ma,/o=exchangelabs/ou=exchange administrative group (fydibohf23spdlt)/cn=recipients/cn=d6cce5a70d504cc2ad89cee834cd59a9-luciana rib,claudia@tripag.com.br,ganunes@tripag.com.br</t>
  </si>
  <si>
    <t>11/22/2019 14:20:00</t>
  </si>
  <si>
    <t>11/22/2019 14:20:50</t>
  </si>
  <si>
    <t>ENC: Aderência Dezembro</t>
  </si>
  <si>
    <t>Aderência Diego - Dezembro.xlsx</t>
  </si>
  <si>
    <t>11/22/2019 14:18:04</t>
  </si>
  <si>
    <t>11/22/2019 14:21:51</t>
  </si>
  <si>
    <t>ENC: Status Pesquisa de Clima - Temos 8% de respostas (prazo: 02/12)</t>
  </si>
  <si>
    <t>Status Pesquisa de Clima 2019 - 2211.xlsx</t>
  </si>
  <si>
    <t>11/22/2019 14:18:23</t>
  </si>
  <si>
    <t>11/22/2019 14:28:33</t>
  </si>
  <si>
    <t>11/22/2019 14:29:52</t>
  </si>
  <si>
    <t>ENC: BP CJF</t>
  </si>
  <si>
    <t>Plan Precificacao C018 B018_v2.xlsb</t>
  </si>
  <si>
    <t>11/22/2019 14:31:19</t>
  </si>
  <si>
    <t>11/22/2019 14:34:53</t>
  </si>
  <si>
    <t>backup_restore@algartech.com;</t>
  </si>
  <si>
    <t>Ruf.xlsx</t>
  </si>
  <si>
    <t>backup_restore@algartech.com</t>
  </si>
  <si>
    <t>11/22/2019 14:35:42</t>
  </si>
  <si>
    <t>11/22/2019 14:39:54</t>
  </si>
  <si>
    <t>11/22/2019 14:37:34</t>
  </si>
  <si>
    <t>11/22/2019 14:46:47</t>
  </si>
  <si>
    <t>11/22/2019 14:49:56</t>
  </si>
  <si>
    <t>11/22/2019 14:45:23</t>
  </si>
  <si>
    <t>\\acsfs\DEPTOS\TH\05. Cargos e Remuneração\03.Remuneração Variável\Políticas\2020\GRC\</t>
  </si>
  <si>
    <t>Resumo Políticas de Incentivo 2019_métricas.xlsx</t>
  </si>
  <si>
    <t>11/22/2019 14:52:33</t>
  </si>
  <si>
    <t>11/22/2019 14:53:57</t>
  </si>
  <si>
    <t>Evidencias receitamento 22.11.2019</t>
  </si>
  <si>
    <t>Faturamento Consultoria Algar - Dezembro 2019_Reembolso.xlsm</t>
  </si>
  <si>
    <t>11/22/2019 14:58:41</t>
  </si>
  <si>
    <t>11/22/2019 15:00:59</t>
  </si>
  <si>
    <t>ENC: Correntista - Análise</t>
  </si>
  <si>
    <t>11/22/2019 15:01:54</t>
  </si>
  <si>
    <t>11/22/2019 15:06:00</t>
  </si>
  <si>
    <t>tatianedc@algartech.com;</t>
  </si>
  <si>
    <t>tatianedc@algartech.com</t>
  </si>
  <si>
    <t>11/22/2019 15:01:29</t>
  </si>
  <si>
    <t>11/22/2019 15:07:01</t>
  </si>
  <si>
    <t>RES: Correntista - Análise</t>
  </si>
  <si>
    <t>Analise Indicadores por HC Produtivo.msg\s1\</t>
  </si>
  <si>
    <t>11/22/2019 15:05:53</t>
  </si>
  <si>
    <t>11/22/2019 15:08:01</t>
  </si>
  <si>
    <t>C:\Users\mariannacsm\OneDrive - Grupo Algar\0- PMO-POOL\COMPRAS\08 - Processos Não Qualificados\</t>
  </si>
  <si>
    <t>Controle Negociações PPNQ.xlsx</t>
  </si>
  <si>
    <t>11/22/2019 15:10:46</t>
  </si>
  <si>
    <t>11/22/2019 15:12:01</t>
  </si>
  <si>
    <t>/o=exchangelabs/ou=exchange administrative group (fydibohf23spdlt)/cn=recipients/cn=2f13f6d577d947158c5f81c08b0e5faf-tatiane dor;/o=exchangelabs/ou=exchange administrative group (fydibohf23spdlt)/cn=recipients/cn=a4ba92cba10f4fe498074594f937f3b6-leandro lop;</t>
  </si>
  <si>
    <t>/o=exchangelabs/ou=exchange administrative group (fydibohf23spdlt)/cn=recipients/cn=2f13f6d577d947158c5f81c08b0e5faf-tatiane dor,/o=exchangelabs/ou=exchange administrative group (fydibohf23spdlt)/cn=recipients/cn=a4ba92cba10f4fe498074594f937f3b6-leandro lop</t>
  </si>
  <si>
    <t>11/22/2019 15:11:56</t>
  </si>
  <si>
    <t>11/22/2019 15:15:03</t>
  </si>
  <si>
    <t>/o=exchangelabs/ou=exchange administrative group (fydibohf23spdlt)/cn=recipients/cn=804f4398b96748e7962c1608bfe4071a-hewerson go;/o=exchangelabs/ou=exchange administrative group (fydibohf23spdlt)/cn=recipients/cn=a72a765de829420582b78941417073ac-karina rodr;/o=exchangelabs/ou=exchange administrative group (fydibohf23spdlt)/cn=recipients/cn=a78f7dae304e472e9f75bd537683f6e5-hugo de oli;/o=exchangelabs/ou=exchange administrative group (fydibohf23spdlt)/cn=recipients/cn=c6e6b9ec16fc4718b546aa6c7e01b754-thiago mart;/o=exchangelabs/ou=exchange administrative group (fydibohf23spdlt)/cn=recipients/cn=d1bcfb1498124af49c7d3ae622d9e2da-iara agosti;/o=exchangelabs/ou=exchange administrative group (fydibohf23spdlt)/cn=recipients/cn=de309567271c4871b341e820d0b7364e-luiz carlos;/o=exchangelabs/ou=exchange administrative group (fydibohf23spdlt)/cn=recipients/cn=e174366906884bd1b4d4c5ddfc8c9433-rodrigo men;/o=nt5/ou=00000000000000000000000000000000/cn=11911cfd10695c4bb1302302b8b775f3;</t>
  </si>
  <si>
    <t>Indicadores Ecohouse x DASH BKO</t>
  </si>
  <si>
    <t>/o=exchangelabs/ou=exchange administrative group (fydibohf23spdlt)/cn=recipients/cn=804f4398b96748e7962c1608bfe4071a-hewerson go,/o=exchangelabs/ou=exchange administrative group (fydibohf23spdlt)/cn=recipients/cn=a72a765de829420582b78941417073ac-karina rodr,/o=exchangelabs/ou=exchange administrative group (fydibohf23spdlt)/cn=recipients/cn=a78f7dae304e472e9f75bd537683f6e5-hugo de oli,/o=exchangelabs/ou=exchange administrative group (fydibohf23spdlt)/cn=recipients/cn=c6e6b9ec16fc4718b546aa6c7e01b754-thiago mart,/o=exchangelabs/ou=exchange administrative group (fydibohf23spdlt)/cn=recipients/cn=d1bcfb1498124af49c7d3ae622d9e2da-iara agosti,/o=exchangelabs/ou=exchange administrative group (fydibohf23spdlt)/cn=recipients/cn=de309567271c4871b341e820d0b7364e-luiz carlos,/o=exchangelabs/ou=exchange administrative group (fydibohf23spdlt)/cn=recipients/cn=e174366906884bd1b4d4c5ddfc8c9433-rodrigo men,/o=nt5/ou=00000000000000000000000000000000/cn=11911cfd10695c4bb1302302b8b775f3</t>
  </si>
  <si>
    <t>11/22/2019 15:14:56</t>
  </si>
  <si>
    <t>11/22/2019 15:16:02</t>
  </si>
  <si>
    <t>/o=exchangelabs/ou=exchange administrative group (fydibohf23spdlt)/cn=recipients/cn=0ca6cc8d100949a7866a928f62ef5778-rosilene de;/o=exchangelabs/ou=exchange administrative group (fydibohf23spdlt)/cn=recipients/cn=a72a765de829420582b78941417073ac-karina rodr;/o=exchangelabs/ou=exchange administrative group (fydibohf23spdlt)/cn=recipients/cn=a75579a499254c2291e852b70c4d70d1-eunice apar;/o=exchangelabs/ou=exchange administrative group (fydibohf23spdlt)/cn=recipients/cn=d1d015f213f648abbf348b5ccdf8e9d9-senilda per;/o=exchangelabs/ou=exchange administrative group (fydibohf23spdlt)/cn=recipients/cn=e39e329fc16a43329eb2766bae675122-mariana gon;/o=exchangelabs/ou=exchange administrative group (fydibohf23spdlt)/cn=recipients/cn=userd3ef8196;</t>
  </si>
  <si>
    <t>ORÇADO X REAL 2020 - OPERAÇÕES - KARINA.xlsb</t>
  </si>
  <si>
    <t>/o=exchangelabs/ou=exchange administrative group (fydibohf23spdlt)/cn=recipients/cn=0ca6cc8d100949a7866a928f62ef5778-rosilene de,/o=exchangelabs/ou=exchange administrative group (fydibohf23spdlt)/cn=recipients/cn=a72a765de829420582b78941417073ac-karina rodr,/o=exchangelabs/ou=exchange administrative group (fydibohf23spdlt)/cn=recipients/cn=a75579a499254c2291e852b70c4d70d1-eunice apar,/o=exchangelabs/ou=exchange administrative group (fydibohf23spdlt)/cn=recipients/cn=d1d015f213f648abbf348b5ccdf8e9d9-senilda per,/o=exchangelabs/ou=exchange administrative group (fydibohf23spdlt)/cn=recipients/cn=e39e329fc16a43329eb2766bae675122-mariana gon,/o=exchangelabs/ou=exchange administrative group (fydibohf23spdlt)/cn=recipients/cn=userd3ef8196</t>
  </si>
  <si>
    <t>11/22/2019 15:15:41</t>
  </si>
  <si>
    <t>11/22/2019 15:18:02</t>
  </si>
  <si>
    <t>ENC: Produtividade CRCe até 21/11</t>
  </si>
  <si>
    <t>11/22/2019 15:20:30</t>
  </si>
  <si>
    <t>11/22/2019 15:24:04</t>
  </si>
  <si>
    <t>11/22/2019 15:20:11</t>
  </si>
  <si>
    <t>/o=exchangelabs/ou=exchange administrative group (fydibohf23spdlt)/cn=recipients/cn=122c3ad8b401472e84885d44a2466b4c-jair de pau;/o=exchangelabs/ou=exchange administrative group (fydibohf23spdlt)/cn=recipients/cn=4b453b7f02914710b3e94bcf7b311ad4-fernando po;</t>
  </si>
  <si>
    <t>ENC: Cenário 117MM</t>
  </si>
  <si>
    <t>Resumo Executivo_Escopo B_JAN_12NOV_36 meses.xlsx</t>
  </si>
  <si>
    <t>/o=exchangelabs/ou=exchange administrative group (fydibohf23spdlt)/cn=recipients/cn=122c3ad8b401472e84885d44a2466b4c-jair de pau,/o=exchangelabs/ou=exchange administrative group (fydibohf23spdlt)/cn=recipients/cn=4b453b7f02914710b3e94bcf7b311ad4-fernando po</t>
  </si>
  <si>
    <t>11/22/2019 15:30:06</t>
  </si>
  <si>
    <t>11/22/2019 15:34:06</t>
  </si>
  <si>
    <t>2019 11 20 - Exercício SImulação Big Deals.xlsx</t>
  </si>
  <si>
    <t>11/22/2019 15:31:09</t>
  </si>
  <si>
    <t>11/22/2019 15:36:05</t>
  </si>
  <si>
    <t>ENC: * Estudo T2 Honda</t>
  </si>
  <si>
    <t>Cópia de Volumetria 2w e 44.xls</t>
  </si>
  <si>
    <t>11/22/2019 15:35:27</t>
  </si>
  <si>
    <t>mobile_logs_1574437649893.csv</t>
  </si>
  <si>
    <t>11/22/2019 15:35:28</t>
  </si>
  <si>
    <t>login_logs_30dias_22112019.xlsx</t>
  </si>
  <si>
    <t>login_logs_1574444920034.csv</t>
  </si>
  <si>
    <t>mobile_logs_30dias_21112019_00 (1).xlsx</t>
  </si>
  <si>
    <t>mobile_logs_30dias_21112019_00.xlsx</t>
  </si>
  <si>
    <t>mobile_logs_1574442883795.csv</t>
  </si>
  <si>
    <t>11/22/2019 15:35:29</t>
  </si>
  <si>
    <t>mobile_logs_1574437649893.xlsx</t>
  </si>
  <si>
    <t>11/22/2019 15:39:13</t>
  </si>
  <si>
    <t>11/22/2019 15:42:07</t>
  </si>
  <si>
    <t>/o=exchangelabs/ou=exchange administrative group (fydibohf23spdlt)/cn=recipients/cn=109f6d628834480fabc1188cbdef64fa-antonia apa;/o=exchangelabs/ou=exchange administrative group (fydibohf23spdlt)/cn=recipients/cn=91f3ef961d644e629e519da4c82beec3-vinicius go;/o=exchangelabs/ou=exchange administrative group (fydibohf23spdlt)/cn=recipients/cn=a2244b2f9e6a4f3689f1c93d321bdc33-debora apar;/o=exchangelabs/ou=exchange administrative group (fydibohf23spdlt)/cn=recipients/cn=matheus vinicius da silva;</t>
  </si>
  <si>
    <t>Motivos Mais Acessados no Bot</t>
  </si>
  <si>
    <t>Relatório AgentBot e Chat Electrolux - Outubro.xlsx</t>
  </si>
  <si>
    <t>/o=exchangelabs/ou=exchange administrative group (fydibohf23spdlt)/cn=recipients/cn=109f6d628834480fabc1188cbdef64fa-antonia apa,/o=exchangelabs/ou=exchange administrative group (fydibohf23spdlt)/cn=recipients/cn=91f3ef961d644e629e519da4c82beec3-vinicius go,/o=exchangelabs/ou=exchange administrative group (fydibohf23spdlt)/cn=recipients/cn=a2244b2f9e6a4f3689f1c93d321bdc33-debora apar,/o=exchangelabs/ou=exchange administrative group (fydibohf23spdlt)/cn=recipients/cn=matheus vinicius da silva</t>
  </si>
  <si>
    <t>11/22/2019 15:43:02</t>
  </si>
  <si>
    <t>11/22/2019 15:48:08</t>
  </si>
  <si>
    <t>ENC: Evidências reporte de férias</t>
  </si>
  <si>
    <t>Inconsistencias Relatório de Avos.xlsx</t>
  </si>
  <si>
    <t>11/22/2019 15:47:34</t>
  </si>
  <si>
    <t>11/22/2019 15:51:08</t>
  </si>
  <si>
    <t>11/22/2019 15:51:10</t>
  </si>
  <si>
    <t>11/22/2019 15:52:08</t>
  </si>
  <si>
    <t>BradesCard_R_Acss_011119_211119.csv</t>
  </si>
  <si>
    <t>11/22/2019 15:56:26</t>
  </si>
  <si>
    <t>11/22/2019 15:58:10</t>
  </si>
  <si>
    <t>\\acsfs\deptos\cei - coordenação de engenharia e infraestrutura\cei – engenharia\04 - projetos em andamento\4.05 - 2018\cc\06 desktop\ortec\04-13\</t>
  </si>
  <si>
    <t>04-13 aditivos algar tech 15.01.2019.xlsx</t>
  </si>
  <si>
    <t>11/22/2019 15:54:17</t>
  </si>
  <si>
    <t>11/22/2019 15:59:11</t>
  </si>
  <si>
    <t>RES Relatório de máquinas x pacote Office - Domínio BRA - URGENTE - URGENTE.msg\s1\</t>
  </si>
  <si>
    <t>Posições Fraude.xlsx</t>
  </si>
  <si>
    <t>11/22/2019 15:55:42</t>
  </si>
  <si>
    <t>11/22/2019 16:00:11</t>
  </si>
  <si>
    <t>/o=exchangelabs/ou=exchange administrative group (fydibohf23spdlt)/cn=recipients/cn=2efe26bca22a43cc89c6ed48ba5e50b4-luciano cor;/o=exchangelabs/ou=exchange administrative group (fydibohf23spdlt)/cn=recipients/cn=a7d54e15e3a94d53b0b5014d75c8d080-wanessa bor;/o=exchangelabs/ou=exchange administrative group (fydibohf23spdlt)/cn=recipients/cn=b194f014572c4c36b52132f9199df1aa-jairo junio;/o=exchangelabs/ou=exchange administrative group (fydibohf23spdlt)/cn=recipients/cn=d5130784dc81436d9511788de4df376c-jeciene gom;</t>
  </si>
  <si>
    <t>RES: Segue BP</t>
  </si>
  <si>
    <t>214269_Bradesco_SD_Cenário_01_24_JR_(C018_B018)_v3 - bp novo.xlsb</t>
  </si>
  <si>
    <t>/o=exchangelabs/ou=exchange administrative group (fydibohf23spdlt)/cn=recipients/cn=2efe26bca22a43cc89c6ed48ba5e50b4-luciano cor,/o=exchangelabs/ou=exchange administrative group (fydibohf23spdlt)/cn=recipients/cn=a7d54e15e3a94d53b0b5014d75c8d080-wanessa bor,/o=exchangelabs/ou=exchange administrative group (fydibohf23spdlt)/cn=recipients/cn=b194f014572c4c36b52132f9199df1aa-jairo junio,/o=exchangelabs/ou=exchange administrative group (fydibohf23spdlt)/cn=recipients/cn=d5130784dc81436d9511788de4df376c-jeciene gom</t>
  </si>
  <si>
    <t>11/22/2019 15:58:35</t>
  </si>
  <si>
    <t>11/22/2019 16:01:11</t>
  </si>
  <si>
    <t>apresentação ajustada</t>
  </si>
  <si>
    <t>112019_Apresentação de resultados URR_ALGAR_V6_PB (006).pptx\</t>
  </si>
  <si>
    <t>11/22/2019 16:00:04</t>
  </si>
  <si>
    <t>11/22/2019 16:04:11</t>
  </si>
  <si>
    <t>11/22/2019 16:01:51</t>
  </si>
  <si>
    <t>11/22/2019 16:07:12</t>
  </si>
  <si>
    <t>RES: Base Pesquisa</t>
  </si>
  <si>
    <t>20191112 PESQUISA SATISFAÇÃO GERAL C16 ENV PEDIDOS.xls</t>
  </si>
  <si>
    <t>11/22/2019 16:05:19</t>
  </si>
  <si>
    <t>/o=exchangelabs/ou=exchange administrative group (fydibohf23spdlt)/cn=recipients/cn=matheus vinicius da silva;</t>
  </si>
  <si>
    <t>ENC: Base de conhecimento Electrolux</t>
  </si>
  <si>
    <t>/o=exchangelabs/ou=exchange administrative group (fydibohf23spdlt)/cn=recipients/cn=matheus vinicius da silva</t>
  </si>
  <si>
    <t>11/22/2019 16:05:30</t>
  </si>
  <si>
    <t>11/22/2019 16:09:13</t>
  </si>
  <si>
    <t>/o=exchangelabs/ou=exchange administrative group (fydibohf23spdlt)/cn=recipients/cn=a4ba92cba10f4fe498074594f937f3b6-leandro lop;/o=exchangelabs/ou=exchange administrative group (fydibohf23spdlt)/cn=recipients/cn=f45617401bdf436baf70c45766699413-frederico b;</t>
  </si>
  <si>
    <t>/o=exchangelabs/ou=exchange administrative group (fydibohf23spdlt)/cn=recipients/cn=a4ba92cba10f4fe498074594f937f3b6-leandro lop,/o=exchangelabs/ou=exchange administrative group (fydibohf23spdlt)/cn=recipients/cn=f45617401bdf436baf70c45766699413-frederico b</t>
  </si>
  <si>
    <t>11/22/2019 16:04:26</t>
  </si>
  <si>
    <t>RES: Relatório de Pagamento Rejeitado 18/11/2019</t>
  </si>
  <si>
    <t>Controle de pagamentos Rejeitados 2011 - Algar.xlsx</t>
  </si>
  <si>
    <t>11/22/2019 16:09:05</t>
  </si>
  <si>
    <t>11/22/2019 16:11:13</t>
  </si>
  <si>
    <t>BP Brasif + HH Atualizada</t>
  </si>
  <si>
    <t>11/22/2019 16:16:24</t>
  </si>
  <si>
    <t>11/22/2019 16:17:01</t>
  </si>
  <si>
    <t>02/12/2019;</t>
  </si>
  <si>
    <t>CDI_MANUAL WANESSA ROSA SANTOS DA SILVA.xlsx</t>
  </si>
  <si>
    <t>https://02/12/2019</t>
  </si>
  <si>
    <t>11/22/2019 16:15:35</t>
  </si>
  <si>
    <t>C:\Users\rodrigombu\OneDrive - Grupo Algar\Whirlpool\2019\09 - Setembro\Arquivo\Ressimulação\</t>
  </si>
  <si>
    <t>09-DIMENS_EH SAC_PJOTINHA_SET- Ressimulação.xlsm</t>
  </si>
  <si>
    <t>11/22/2019 16:14:10</t>
  </si>
  <si>
    <t>11/22/2019 16:19:55</t>
  </si>
  <si>
    <t>/o=exchangelabs/ou=exchange administrative group (fydibohf23spdlt)/cn=recipients/cn=726858f262f449b3961fa2ea8f183ca5-lazaro anto;/o=exchangelabs/ou=exchange administrative group (fydibohf23spdlt)/cn=recipients/cn=de9f854a14d9435dad27cd6ba8926e87-cinthia mot;</t>
  </si>
  <si>
    <t>Erro planilha - Chamado 835700</t>
  </si>
  <si>
    <t>/o=exchangelabs/ou=exchange administrative group (fydibohf23spdlt)/cn=recipients/cn=726858f262f449b3961fa2ea8f183ca5-lazaro anto,/o=exchangelabs/ou=exchange administrative group (fydibohf23spdlt)/cn=recipients/cn=de9f854a14d9435dad27cd6ba8926e87-cinthia mot</t>
  </si>
  <si>
    <t>11/22/2019 16:16:15</t>
  </si>
  <si>
    <t>11/22/2019 16:20:53</t>
  </si>
  <si>
    <t>recurso.csv</t>
  </si>
  <si>
    <t>11/22/2019 16:16:17</t>
  </si>
  <si>
    <t>mail.google.com/_/upload?authuser=0&amp;dcp=asu-n&amp;upload_id=AEnB2Uo3aipL8dy4k61ebbyypMQAxg3a80x1dYb7goFhXKcCc52KqbY9LNXfOfSCUX2WAzNshZX-hmlj_x9lI5-KzfO5GGWuPw&amp;upload_protocol=resumable</t>
  </si>
  <si>
    <t>11/22/2019 16:17:06</t>
  </si>
  <si>
    <t>11/22/2019 16:21:52</t>
  </si>
  <si>
    <t>C:\Users\rodrigombu\OneDrive - Grupo Algar\Whirlpool\2019\09 - Setembro\Arquivo\Estudo - Separando SAC de RETENÇÃO\</t>
  </si>
  <si>
    <t>09-DIMENS_EH SAC_PJOTINHA_SET RFP - SAC+RETENÇÃO 90-30.xlsm</t>
  </si>
  <si>
    <t>11/22/2019 16:18:12</t>
  </si>
  <si>
    <t>09-DIMENS_EH SAC_PJOTINHA_SET RFP - RETENÇÃO.xlsm</t>
  </si>
  <si>
    <t>11/22/2019 16:21:55</t>
  </si>
  <si>
    <t>11/22/2019 16:24:49</t>
  </si>
  <si>
    <t>Template_Registro_FTE_Realizado_Novembro_v2.xlsb</t>
  </si>
  <si>
    <t>11/22/2019 16:22:25</t>
  </si>
  <si>
    <t>11/22/2019 16:23:27</t>
  </si>
  <si>
    <t>11/22/2019 16:25:49</t>
  </si>
  <si>
    <t>11/22/2019 16:27:59</t>
  </si>
  <si>
    <t>11/22/2019 16:28:46</t>
  </si>
  <si>
    <t>/o=exchangelabs/ou=exchange administrative group (fydibohf23spdlt)/cn=recipients/cn=56c2af2d07fd48c0aebfc00ddc006494-alessio rod;/o=exchangelabs/ou=exchange administrative group (fydibohf23spdlt)/cn=recipients/cn=c29ec9dae022497281c840087cccddec-patricia ar;/o=exchangelabs/ou=exchange administrative group (fydibohf23spdlt)/cn=recipients/cn=f00c439d0d474c0586a503a0209ed1f2-bruno wande;</t>
  </si>
  <si>
    <t>RES: Assessment UP Brasil</t>
  </si>
  <si>
    <t>ENC CURVAS_VOL_AHT.xlsx.msg\s1\</t>
  </si>
  <si>
    <t>CURVAS_VOL_AHT.xlsx</t>
  </si>
  <si>
    <t>/o=exchangelabs/ou=exchange administrative group (fydibohf23spdlt)/cn=recipients/cn=56c2af2d07fd48c0aebfc00ddc006494-alessio rod,/o=exchangelabs/ou=exchange administrative group (fydibohf23spdlt)/cn=recipients/cn=c29ec9dae022497281c840087cccddec-patricia ar,/o=exchangelabs/ou=exchange administrative group (fydibohf23spdlt)/cn=recipients/cn=f00c439d0d474c0586a503a0209ed1f2-bruno wande</t>
  </si>
  <si>
    <t>11/22/2019 16:30:06</t>
  </si>
  <si>
    <t>11/22/2019 16:31:46</t>
  </si>
  <si>
    <t>11/22/2019 16:29:24</t>
  </si>
  <si>
    <t>11/22/2019 16:34:45</t>
  </si>
  <si>
    <t>/o=exchangelabs/ou=exchange administrative group (fydibohf23spdlt)/cn=recipients/cn=2efe26bca22a43cc89c6ed48ba5e50b4-luciano cor;/o=exchangelabs/ou=exchange administrative group (fydibohf23spdlt)/cn=recipients/cn=a7d54e15e3a94d53b0b5014d75c8d080-wanessa bor;/o=exchangelabs/ou=exchange administrative group (fydibohf23spdlt)/cn=recipients/cn=b194f014572c4c36b52132f9199df1aa-jairo junio;/o=exchangelabs/ou=exchange administrative group (fydibohf23spdlt)/cn=recipients/cn=d5130784dc81436d9511788de4df376c-jeciene gom;/o=exchangelabs/ou=exchange administrative group (fydibohf23spdlt)/cn=recipients/cn=e5dfe65308934e02acfffcb2185133f4-daniel bier;</t>
  </si>
  <si>
    <t>/o=exchangelabs/ou=exchange administrative group (fydibohf23spdlt)/cn=recipients/cn=2efe26bca22a43cc89c6ed48ba5e50b4-luciano cor,/o=exchangelabs/ou=exchange administrative group (fydibohf23spdlt)/cn=recipients/cn=a7d54e15e3a94d53b0b5014d75c8d080-wanessa bor,/o=exchangelabs/ou=exchange administrative group (fydibohf23spdlt)/cn=recipients/cn=b194f014572c4c36b52132f9199df1aa-jairo junio,/o=exchangelabs/ou=exchange administrative group (fydibohf23spdlt)/cn=recipients/cn=d5130784dc81436d9511788de4df376c-jeciene gom,/o=exchangelabs/ou=exchange administrative group (fydibohf23spdlt)/cn=recipients/cn=e5dfe65308934e02acfffcb2185133f4-daniel bier</t>
  </si>
  <si>
    <t>11/22/2019 16:33:41</t>
  </si>
  <si>
    <t>11/22/2019 16:35:45</t>
  </si>
  <si>
    <t>11/22/2019 16:34:51</t>
  </si>
  <si>
    <t>11/22/2019 16:39:43</t>
  </si>
  <si>
    <t>10.200.35.158</t>
  </si>
  <si>
    <t>/o=exchangelabs/ou=exchange administrative group (fydibohf23spdlt)/cn=recipients/cn=1635ed1077024674b65c52767dacde9a-jullian pac;/o=exchangelabs/ou=exchange administrative group (fydibohf23spdlt)/cn=recipients/cn=c29ec9dae022497281c840087cccddec-patricia ar;/o=exchangelabs/ou=exchange administrative group (fydibohf23spdlt)/cn=recipients/cn=f00c439d0d474c0586a503a0209ed1f2-bruno wande;/o=exchangelabs/ou=exchange administrative group (fydibohf23spdlt)/cn=recipients/cn=usere11ed38c;</t>
  </si>
  <si>
    <t>ENC: Assessment UP Brasil</t>
  </si>
  <si>
    <t>/o=exchangelabs/ou=exchange administrative group (fydibohf23spdlt)/cn=recipients/cn=1635ed1077024674b65c52767dacde9a-jullian pac,/o=exchangelabs/ou=exchange administrative group (fydibohf23spdlt)/cn=recipients/cn=c29ec9dae022497281c840087cccddec-patricia ar,/o=exchangelabs/ou=exchange administrative group (fydibohf23spdlt)/cn=recipients/cn=f00c439d0d474c0586a503a0209ed1f2-bruno wande,/o=exchangelabs/ou=exchange administrative group (fydibohf23spdlt)/cn=recipients/cn=usere11ed38c</t>
  </si>
  <si>
    <t>11/22/2019 16:44:20</t>
  </si>
  <si>
    <t>11/22/2019 16:46:44</t>
  </si>
  <si>
    <t>09-DIMENS_EH SAC_PJOTINHA_SET- Reprojeção 10-09 - Imp 24,8% IDEAL - Até 19-09.xlsm</t>
  </si>
  <si>
    <t>11/22/2019 16:51:52</t>
  </si>
  <si>
    <t>11/22/2019 16:52:43</t>
  </si>
  <si>
    <t>Arquivos ITSM</t>
  </si>
  <si>
    <t>Service Now v4.xlsx</t>
  </si>
  <si>
    <t>11/22/2019 16:52:12</t>
  </si>
  <si>
    <t>11/22/2019 16:54:43</t>
  </si>
  <si>
    <t>/o=exchangelabs/ou=exchange administrative group (fydibohf23spdlt)/cn=recipients/cn=00199f381bc24874abdb7fc23e694b38-daniel edua;/o=exchangelabs/ou=exchange administrative group (fydibohf23spdlt)/cn=recipients/cn=26c4a9466ffd49b9b767efcaab0786f5-jaqueline d;/o=exchangelabs/ou=exchange administrative group (fydibohf23spdlt)/cn=recipients/cn=8d66bf0fd9334a81b7c67eda8652a948-guilherme c;</t>
  </si>
  <si>
    <t>ENC: Duda Sicoob - Melhorias de entendimento</t>
  </si>
  <si>
    <t>Cópia de Sicoob Curadoria.xlsx</t>
  </si>
  <si>
    <t>/o=exchangelabs/ou=exchange administrative group (fydibohf23spdlt)/cn=recipients/cn=00199f381bc24874abdb7fc23e694b38-daniel edua,/o=exchangelabs/ou=exchange administrative group (fydibohf23spdlt)/cn=recipients/cn=26c4a9466ffd49b9b767efcaab0786f5-jaqueline d,/o=exchangelabs/ou=exchange administrative group (fydibohf23spdlt)/cn=recipients/cn=8d66bf0fd9334a81b7c67eda8652a948-guilherme c</t>
  </si>
  <si>
    <t>11/22/2019 16:52:29</t>
  </si>
  <si>
    <t>11/22/2019 16:56:42</t>
  </si>
  <si>
    <t>C:\Users\ricardoft\OneDrive - Grupo Algar\Documentos\Projetos\2019\Banco Original\</t>
  </si>
  <si>
    <t>tabela_baseline.xlsx</t>
  </si>
  <si>
    <t>11/22/2019 17:00:33</t>
  </si>
  <si>
    <t>11/22/2019 17:04:42</t>
  </si>
  <si>
    <t>10.200.57.133</t>
  </si>
  <si>
    <t>48-5A-B6-89-95-F4</t>
  </si>
  <si>
    <t>NB-HELIORG</t>
  </si>
  <si>
    <t>heliorg</t>
  </si>
  <si>
    <t>C:\Users\heliorg\OneDrive - Grupo Algar\Squad\URAs\6 - Whirlpool\URA To be\Antigos\</t>
  </si>
  <si>
    <t>Base Auxiliar de VQ's - URA Whirlpool 14.11.19 - Cópia.xlsx</t>
  </si>
  <si>
    <t>11/22/2019 17:02:37</t>
  </si>
  <si>
    <t>/o=exchangelabs/ou=exchange administrative group (fydibohf23spdlt)/cn=recipients/cn=545f738e0fe740ba856f4eb6ef0135e0-vinicius si;/o=exchangelabs/ou=exchange administrative group (fydibohf23spdlt)/cn=recipients/cn=98e18f75c1d448d18c2b385d101db11f-luiz alfred;/o=exchangelabs/ou=exchange administrative group (fydibohf23spdlt)/cn=recipients/cn=a72a765de829420582b78941417073ac-karina rodr;/o=exchangelabs/ou=exchange administrative group (fydibohf23spdlt)/cn=recipients/cn=userd3ef8196;</t>
  </si>
  <si>
    <t>Operações D2C - Janeiro/2020</t>
  </si>
  <si>
    <t>/o=exchangelabs/ou=exchange administrative group (fydibohf23spdlt)/cn=recipients/cn=545f738e0fe740ba856f4eb6ef0135e0-vinicius si,/o=exchangelabs/ou=exchange administrative group (fydibohf23spdlt)/cn=recipients/cn=98e18f75c1d448d18c2b385d101db11f-luiz alfred,/o=exchangelabs/ou=exchange administrative group (fydibohf23spdlt)/cn=recipients/cn=a72a765de829420582b78941417073ac-karina rodr,/o=exchangelabs/ou=exchange administrative group (fydibohf23spdlt)/cn=recipients/cn=userd3ef8196</t>
  </si>
  <si>
    <t>11/22/2019 17:03:55</t>
  </si>
  <si>
    <t>\\acsfs\ACS\Suporte à Operações\09 - Provisões\2019\11 - Novembro\ROBERTA\</t>
  </si>
  <si>
    <t>Receitamento Novembro Bradesco.xlsm</t>
  </si>
  <si>
    <t>11/22/2019 17:04:19</t>
  </si>
  <si>
    <t>11/22/2019 17:04:28</t>
  </si>
  <si>
    <t>11/22/2019 17:04:36</t>
  </si>
  <si>
    <t>11/22/2019 17:05:42</t>
  </si>
  <si>
    <t>11/22/2019 17:05:05</t>
  </si>
  <si>
    <t>11/22/2019 17:09:43</t>
  </si>
  <si>
    <t>ENC: Consolidado 22/11</t>
  </si>
  <si>
    <t>11/22/2019 17:06:20</t>
  </si>
  <si>
    <t>11/22/2019 17:10:43</t>
  </si>
  <si>
    <t>\\acsfs\DEPTOS\PMO Governança\06 - GOVERNANÇA DO CAPEX\CAPEX LONGO PRAZO\CAPEX LP - REVISÃO_A19_M10\VALIDAÇÃO CAPEX LP 20 a 24 - alteração Nimbus_22_11.pptx\</t>
  </si>
  <si>
    <t>11/22/2019 17:05:08</t>
  </si>
  <si>
    <t>11/22/2019 17:12:42</t>
  </si>
  <si>
    <t>/o=exchangelabs/ou=exchange administrative group (fydibohf23spdlt)/cn=recipients/cn=43a054bacf514a8a9cdcb240b072cd47-cecilia mul;/o=exchangelabs/ou=exchange administrative group (fydibohf23spdlt)/cn=recipients/cn=4ee575483b844a988f6cff145e9558a8-adriana ass;/o=exchangelabs/ou=exchange administrative group (fydibohf23spdlt)/cn=recipients/cn=546d63420d554c4d858776a48a93ef0f-gustavo de;</t>
  </si>
  <si>
    <t>ENC: Goodyear Licitação: Classificação de Ativos</t>
  </si>
  <si>
    <t>Classificaca_de__Ativos_Goodyear_Licitacao_v1_classificada.xlsx</t>
  </si>
  <si>
    <t>/o=exchangelabs/ou=exchange administrative group (fydibohf23spdlt)/cn=recipients/cn=43a054bacf514a8a9cdcb240b072cd47-cecilia mul,/o=exchangelabs/ou=exchange administrative group (fydibohf23spdlt)/cn=recipients/cn=4ee575483b844a988f6cff145e9558a8-adriana ass,/o=exchangelabs/ou=exchange administrative group (fydibohf23spdlt)/cn=recipients/cn=546d63420d554c4d858776a48a93ef0f-gustavo de</t>
  </si>
  <si>
    <t>11/22/2019 17:07:11</t>
  </si>
  <si>
    <t>/o=exchangelabs/ou=exchange administrative group (fydibohf23spdlt)/cn=recipients/cn=825e22489f504b16aae369306c36d2e0-olivar anto;/o=exchangelabs/ou=exchange administrative group (fydibohf23spdlt)/cn=recipients/cn=8c253c95243a40aa99c9416b7eb70a2a-julio cesar;danieldom@algartech.com;</t>
  </si>
  <si>
    <t>ENC: Aplicação da CCT Sindados-MG para PLR</t>
  </si>
  <si>
    <t>Atingimentos EBIT_1ºsem2019.xlsx</t>
  </si>
  <si>
    <t>/o=exchangelabs/ou=exchange administrative group (fydibohf23spdlt)/cn=recipients/cn=825e22489f504b16aae369306c36d2e0-olivar anto,/o=exchangelabs/ou=exchange administrative group (fydibohf23spdlt)/cn=recipients/cn=8c253c95243a40aa99c9416b7eb70a2a-julio cesar,danieldom@algartech.com</t>
  </si>
  <si>
    <t>11/22/2019 17:04:46</t>
  </si>
  <si>
    <t>11/22/2019 17:05:53</t>
  </si>
  <si>
    <t>11/22/2019 17:04:59</t>
  </si>
  <si>
    <t>11/22/2019 17:13:43</t>
  </si>
  <si>
    <t>11/22/2019 17:05:13</t>
  </si>
  <si>
    <t>11/22/2019 17:14:43</t>
  </si>
  <si>
    <t>11/22/2019 17:10:56</t>
  </si>
  <si>
    <t>/o=exchangelabs/ou=exchange administrative group (fydibohf23spdlt)/cn=recipients/cn=249f643ba1e044588b45a020c76dadde-daniel de o;/o=exchangelabs/ou=exchange administrative group (fydibohf23spdlt)/cn=recipients/cn=2f0504a78d5b4043b1a19dfb73572376-tatiane eli;/o=exchangelabs/ou=exchange administrative group (fydibohf23spdlt)/cn=recipients/cn=651324bc204a42f6bbcdf62273ebdc5c-aluisio ant;camila.tirso@bradesco.com.br;</t>
  </si>
  <si>
    <t>Arquivos Consultoria</t>
  </si>
  <si>
    <t>/o=exchangelabs/ou=exchange administrative group (fydibohf23spdlt)/cn=recipients/cn=249f643ba1e044588b45a020c76dadde-daniel de o,/o=exchangelabs/ou=exchange administrative group (fydibohf23spdlt)/cn=recipients/cn=2f0504a78d5b4043b1a19dfb73572376-tatiane eli,/o=exchangelabs/ou=exchange administrative group (fydibohf23spdlt)/cn=recipients/cn=651324bc204a42f6bbcdf62273ebdc5c-aluisio ant,camila.tirso@bradesco.com.br</t>
  </si>
  <si>
    <t>11/22/2019 17:05:25</t>
  </si>
  <si>
    <t>11/22/2019 17:15:42</t>
  </si>
  <si>
    <t>11/22/2019 17:09:03</t>
  </si>
  <si>
    <t>/o=exchangelabs/ou=exchange administrative group (fydibohf23spdlt)/cn=recipients/cn=3d8a3ace44d54499a30000d5bd9dcba8-mirian tosh;/o=exchangelabs/ou=exchange administrative group (fydibohf23spdlt)/cn=recipients/cn=9e72be441e9e4b08a759859a5b3a336a-daniela de;/o=exchangelabs/ou=exchange administrative group (fydibohf23spdlt)/cn=recipients/cn=e894bfa401c848dc9e25ced4ad1f3dd7-luciana fer;erica@quilleconsultoria.com.br;</t>
  </si>
  <si>
    <t>RES: Projeto Customer Success - CRs vinculados aos Contratos</t>
  </si>
  <si>
    <t>/o=exchangelabs/ou=exchange administrative group (fydibohf23spdlt)/cn=recipients/cn=3d8a3ace44d54499a30000d5bd9dcba8-mirian tosh,/o=exchangelabs/ou=exchange administrative group (fydibohf23spdlt)/cn=recipients/cn=9e72be441e9e4b08a759859a5b3a336a-daniela de,/o=exchangelabs/ou=exchange administrative group (fydibohf23spdlt)/cn=recipients/cn=e894bfa401c848dc9e25ced4ad1f3dd7-luciana fer,erica@quilleconsultoria.com.br</t>
  </si>
  <si>
    <t>11/22/2019 17:05:35</t>
  </si>
  <si>
    <t>11/22/2019 17:10:16</t>
  </si>
  <si>
    <t>Whirlpool_FDD_Roteamento_Voz - 21.11.2019 - Cópia.xlsx</t>
  </si>
  <si>
    <t>11/22/2019 17:11:10</t>
  </si>
  <si>
    <t>Associado sem bater Ponto.xlsx</t>
  </si>
  <si>
    <t>11/22/2019 17:05:47</t>
  </si>
  <si>
    <t>11/22/2019 17:06:01</t>
  </si>
  <si>
    <t>11/22/2019 17:16:43</t>
  </si>
  <si>
    <t>11/22/2019 17:06:13</t>
  </si>
  <si>
    <t>11/22/2019 17:06:24</t>
  </si>
  <si>
    <t>11/22/2019 17:06:35</t>
  </si>
  <si>
    <t>11/22/2019 17:06:51</t>
  </si>
  <si>
    <t>11/22/2019 17:07:04</t>
  </si>
  <si>
    <t>11/22/2019 17:07:16</t>
  </si>
  <si>
    <t>11/22/2019 17:07:26</t>
  </si>
  <si>
    <t>11/22/2019 17:07:44</t>
  </si>
  <si>
    <t>11/22/2019 17:07:54</t>
  </si>
  <si>
    <t>11/22/2019 17:08:10</t>
  </si>
  <si>
    <t>11/22/2019 17:08:25</t>
  </si>
  <si>
    <t>11/22/2019 17:08:34</t>
  </si>
  <si>
    <t>11/22/2019 17:08:50</t>
  </si>
  <si>
    <t>11/22/2019 17:09:01</t>
  </si>
  <si>
    <t>11/22/2019 17:09:29</t>
  </si>
  <si>
    <t>11/22/2019 17:18:43</t>
  </si>
  <si>
    <t>11/22/2019 17:19:42</t>
  </si>
  <si>
    <t>11/22/2019 17:20:43</t>
  </si>
  <si>
    <t>11/22/2019 17:21:43</t>
  </si>
  <si>
    <t>11/22/2019 17:09:41</t>
  </si>
  <si>
    <t>11/22/2019 17:09:52</t>
  </si>
  <si>
    <t>11/22/2019 17:10:05</t>
  </si>
  <si>
    <t>11/22/2019 17:10:28</t>
  </si>
  <si>
    <t>11/22/2019 17:10:42</t>
  </si>
  <si>
    <t>11/22/2019 17:11:04</t>
  </si>
  <si>
    <t>11/22/2019 17:11:15</t>
  </si>
  <si>
    <t>11/22/2019 17:11:25</t>
  </si>
  <si>
    <t>11/22/2019 17:12:04</t>
  </si>
  <si>
    <t>11/22/2019 17:22:41</t>
  </si>
  <si>
    <t>11/22/2019 17:24:43</t>
  </si>
  <si>
    <t>renataalves@algartech.com;</t>
  </si>
  <si>
    <t>RES: Informações Pre-Closing</t>
  </si>
  <si>
    <t>renataalves@algartech.com</t>
  </si>
  <si>
    <t>11/22/2019 17:23:57</t>
  </si>
  <si>
    <t>11/22/2019 17:25:42</t>
  </si>
  <si>
    <t>/o=exchangelabs/ou=exchange administrative group (fydibohf23spdlt)/cn=recipients/cn=c1386be8d0e84480a18aa5e6ad7ebb45-pedro soare;</t>
  </si>
  <si>
    <t>[ Whirlpool] - Status Report - Acompanhamento Atraso MP</t>
  </si>
  <si>
    <t>/o=exchangelabs/ou=exchange administrative group (fydibohf23spdlt)/cn=recipients/cn=c1386be8d0e84480a18aa5e6ad7ebb45-pedro soare</t>
  </si>
  <si>
    <t>11/22/2019 17:29:40</t>
  </si>
  <si>
    <t>11/22/2019 17:32:42</t>
  </si>
  <si>
    <t>/o=exchangelabs/ou=exchange administrative group (fydibohf23spdlt)/cn=recipients/cn=01258235ab064fe382971a269caa9ae4-camila alve;/o=exchangelabs/ou=exchange administrative group (fydibohf23spdlt)/cn=recipients/cn=38a577afc82741f3a6931f08d972dadd-ana paula l;/o=exchangelabs/ou=exchange administrative group (fydibohf23spdlt)/cn=recipients/cn=5edd3119d5be484e8f7d76c7e692f780-vanessa flo;/o=exchangelabs/ou=exchange administrative group (fydibohf23spdlt)/cn=recipients/cn=afe703aaac894a95a93f05caa34fb443-trueisciele;/o=exchangelabs/ou=exchange administrative group (fydibohf23spdlt)/cn=recipients/cn=b3344521e5c94673b0c42b683cb2479c-leticia nun;/o=exchangelabs/ou=exchange administrative group (fydibohf23spdlt)/cn=recipients/cn=d450eb92a9be40a4b42269f112fd456d-larissa apa;/o=exchangelabs/ou=exchange administrative group (fydibohf23spdlt)/cn=recipients/cn=edae426e1b6b463380016e9cc0970bd9-jessica sil;</t>
  </si>
  <si>
    <t>Distribuição de Meta 4ª Semana</t>
  </si>
  <si>
    <t>4ª Semana - Novembro.xlsx</t>
  </si>
  <si>
    <t>/o=exchangelabs/ou=exchange administrative group (fydibohf23spdlt)/cn=recipients/cn=01258235ab064fe382971a269caa9ae4-camila alve,/o=exchangelabs/ou=exchange administrative group (fydibohf23spdlt)/cn=recipients/cn=38a577afc82741f3a6931f08d972dadd-ana paula l,/o=exchangelabs/ou=exchange administrative group (fydibohf23spdlt)/cn=recipients/cn=5edd3119d5be484e8f7d76c7e692f780-vanessa flo,/o=exchangelabs/ou=exchange administrative group (fydibohf23spdlt)/cn=recipients/cn=afe703aaac894a95a93f05caa34fb443-trueisciele,/o=exchangelabs/ou=exchange administrative group (fydibohf23spdlt)/cn=recipients/cn=b3344521e5c94673b0c42b683cb2479c-leticia nun,/o=exchangelabs/ou=exchange administrative group (fydibohf23spdlt)/cn=recipients/cn=d450eb92a9be40a4b42269f112fd456d-larissa apa,/o=exchangelabs/ou=exchange administrative group (fydibohf23spdlt)/cn=recipients/cn=edae426e1b6b463380016e9cc0970bd9-jessica sil</t>
  </si>
  <si>
    <t>11/22/2019 17:34:41</t>
  </si>
  <si>
    <t>11/22/2019 17:35:43</t>
  </si>
  <si>
    <t>/o=exchangelabs/ou=exchange administrative group (fydibohf23spdlt)/cn=recipients/cn=a541140f84c0497d919eaa7797d6c613-vinicius mo;/o=exchangelabs/ou=exchange administrative group (fydibohf23spdlt)/cn=recipients/cn=b1a72fc2d0234efca84c7771ea70c7ee-roberta cri;/o=exchangelabs/ou=exchange administrative group (fydibohf23spdlt)/cn=recipients/cn=f50351055a2944cebcbdc18a918945d6-gustavo res;</t>
  </si>
  <si>
    <t>ENC: Lista de Contratos GFC</t>
  </si>
  <si>
    <t>Controle Contratos GFC. - Alteração CPRB.xlsx</t>
  </si>
  <si>
    <t>/o=exchangelabs/ou=exchange administrative group (fydibohf23spdlt)/cn=recipients/cn=a541140f84c0497d919eaa7797d6c613-vinicius mo,/o=exchangelabs/ou=exchange administrative group (fydibohf23spdlt)/cn=recipients/cn=b1a72fc2d0234efca84c7771ea70c7ee-roberta cri,/o=exchangelabs/ou=exchange administrative group (fydibohf23spdlt)/cn=recipients/cn=f50351055a2944cebcbdc18a918945d6-gustavo res</t>
  </si>
  <si>
    <t>11/22/2019 17:37:01</t>
  </si>
  <si>
    <t>11/22/2019 17:39:42</t>
  </si>
  <si>
    <t>fredericofranco@kpmg.com.br;</t>
  </si>
  <si>
    <t>RES: Planilhas Precificação</t>
  </si>
  <si>
    <t>217469-IBM_Michelin_Atual_2020_(C018_B0181.xlsb</t>
  </si>
  <si>
    <t>fredericofranco@kpmg.com.br</t>
  </si>
  <si>
    <t>11/22/2019 17:40:57</t>
  </si>
  <si>
    <t>11/22/2019 17:41:42</t>
  </si>
  <si>
    <t>/o=exchangelabs/ou=exchange administrative group (fydibohf23spdlt)/cn=recipients/cn=76d765d676864fe79b29c865fa21a2c7-leticia rez;/o=exchangelabs/ou=exchange administrative group (fydibohf23spdlt)/cn=recipients/cn=f2208b22da5b4bf3a5f4a7b9dfa2fd06-danilo marq;</t>
  </si>
  <si>
    <t>RES: BP's Cielo/BV e Electrolux</t>
  </si>
  <si>
    <t>BP17 UDI BV CRCC_DAC ALGAR - ISOLADO_v3.xlsb</t>
  </si>
  <si>
    <t>/o=exchangelabs/ou=exchange administrative group (fydibohf23spdlt)/cn=recipients/cn=76d765d676864fe79b29c865fa21a2c7-leticia rez,/o=exchangelabs/ou=exchange administrative group (fydibohf23spdlt)/cn=recipients/cn=f2208b22da5b4bf3a5f4a7b9dfa2fd06-danilo marq</t>
  </si>
  <si>
    <t>11/22/2019 17:45:48</t>
  </si>
  <si>
    <t>11/22/2019 17:46:42</t>
  </si>
  <si>
    <t>C:\Users\elainemdlp\OD\_Projetos\Em andamento\Expansao Caixa\04 - Controle\FTE\</t>
  </si>
  <si>
    <t>11/22/2019 17:47:23</t>
  </si>
  <si>
    <t>11/22/2019 17:48:42</t>
  </si>
  <si>
    <t>ENC: Operações EH - Janeiro/2020 ---VALIDAÇÃO GH URGENTE ---PRECISAMOS FECHAR SEGUNDA-FEIRA</t>
  </si>
  <si>
    <t>11/22/2019 17:47:06</t>
  </si>
  <si>
    <t>11/22/2019 17:51:42</t>
  </si>
  <si>
    <t>11/22/2019 17:50:33</t>
  </si>
  <si>
    <t>11/22/2019 17:52:42</t>
  </si>
  <si>
    <t>RES: Distribuição de Meta 4ª Semana</t>
  </si>
  <si>
    <t>11/22/2019 17:55:33</t>
  </si>
  <si>
    <t>11/22/2019 17:58:42</t>
  </si>
  <si>
    <t>/o=exchangelabs/ou=exchange administrative group (fydibohf23spdlt)/cn=recipients/cn=5c0e0b883c0f4ccbb2cf13db05a00b36-luciene ivo;/o=exchangelabs/ou=exchange administrative group (fydibohf23spdlt)/cn=recipients/cn=72cf7e0bd1fe499886b9c12b4b5b52b6-inacio anto;/o=exchangelabs/ou=exchange administrative group (fydibohf23spdlt)/cn=recipients/cn=90878932db2a45bb924c0e3aac6d5da2-jonatas lem;/o=exchangelabs/ou=exchange administrative group (fydibohf23spdlt)/cn=recipients/cn=e1b9b4a084be4d20a77219c47bd5f54a-lucas arrud;celso.goncalves@bradesco.com.br;daniela.bittencourt@bradesco.com.br;edirlei.silva@bradesco.com.br;elisangela.marques@bradesco.com.br;leandrolds@algartech.com;patricia.brito@bradesco.com.br;rafaelabsz@algartech.com.br;webersonads@algartech.com;wesleymb@algartech.com.br;yuri.andreoli@bradesco.com.br;</t>
  </si>
  <si>
    <t>[Atualização]: Ponto de Controle - Projeto URR</t>
  </si>
  <si>
    <t>/o=exchangelabs/ou=exchange administrative group (fydibohf23spdlt)/cn=recipients/cn=5c0e0b883c0f4ccbb2cf13db05a00b36-luciene ivo,/o=exchangelabs/ou=exchange administrative group (fydibohf23spdlt)/cn=recipients/cn=72cf7e0bd1fe499886b9c12b4b5b52b6-inacio anto,/o=exchangelabs/ou=exchange administrative group (fydibohf23spdlt)/cn=recipients/cn=90878932db2a45bb924c0e3aac6d5da2-jonatas lem,/o=exchangelabs/ou=exchange administrative group (fydibohf23spdlt)/cn=recipients/cn=e1b9b4a084be4d20a77219c47bd5f54a-lucas arrud,celso.goncalves@bradesco.com.br,daniela.bittencourt@bradesco.com.br,edirlei.silva@bradesco.com.br,elisangela.marques@bradesco.com.br,leandrolds@algartech.com,patricia.brito@bradesco.com.br,rafaelabsz@algartech.com.br,webersonads@algartech.com,wesleymb@algartech.com.br,yuri.andreoli@bradesco.com.br</t>
  </si>
  <si>
    <t>11/22/2019 17:56:39</t>
  </si>
  <si>
    <t>/o=exchangelabs/ou=exchange administrative group (fydibohf23spdlt)/cn=recipients/cn=545f738e0fe740ba856f4eb6ef0135e0-vinicius si;/o=exchangelabs/ou=exchange administrative group (fydibohf23spdlt)/cn=recipients/cn=6857e7b89b5f46e3b6aed2352ac8d5ac-carlos albe;/o=exchangelabs/ou=exchange administrative group (fydibohf23spdlt)/cn=recipients/cn=8ab5e44d485043d59eb4f21463e63e6a-tays dos sa;/o=exchangelabs/ou=exchange administrative group (fydibohf23spdlt)/cn=recipients/cn=be0b59caa4dc43e39afaa089f44ef778-leonardo al;</t>
  </si>
  <si>
    <t>ENC: Sugestão de Volume Única - Janeiro-20</t>
  </si>
  <si>
    <t>01 - VALIDAÇÃO FORECAST - ALGAR - JAN- 2020.xlsx</t>
  </si>
  <si>
    <t>/o=exchangelabs/ou=exchange administrative group (fydibohf23spdlt)/cn=recipients/cn=545f738e0fe740ba856f4eb6ef0135e0-vinicius si,/o=exchangelabs/ou=exchange administrative group (fydibohf23spdlt)/cn=recipients/cn=6857e7b89b5f46e3b6aed2352ac8d5ac-carlos albe,/o=exchangelabs/ou=exchange administrative group (fydibohf23spdlt)/cn=recipients/cn=8ab5e44d485043d59eb4f21463e63e6a-tays dos sa,/o=exchangelabs/ou=exchange administrative group (fydibohf23spdlt)/cn=recipients/cn=be0b59caa4dc43e39afaa089f44ef778-leonardo al</t>
  </si>
  <si>
    <t>11/22/2019 18:08:44</t>
  </si>
  <si>
    <t>11/22/2019 18:12:43</t>
  </si>
  <si>
    <t>11/22/2019 18:15:56</t>
  </si>
  <si>
    <t>11/22/2019 18:18:43</t>
  </si>
  <si>
    <t>IFRS16_2020.xlsx</t>
  </si>
  <si>
    <t>11/22/2019 18:26:54</t>
  </si>
  <si>
    <t>11/22/2019 18:29:42</t>
  </si>
  <si>
    <t>10.250.255.49</t>
  </si>
  <si>
    <t>Vale - BP NOC</t>
  </si>
  <si>
    <t>Vale_Plan Precificacao C017 B017 21_11_2019 NOC r9.xlsb</t>
  </si>
  <si>
    <t>11/22/2019 18:53:43</t>
  </si>
  <si>
    <t>11/22/2019 18:56:42</t>
  </si>
  <si>
    <t>C:\Users\renataalves\Desktop\Tech Day _ Apresentaçãov12.pptx\</t>
  </si>
  <si>
    <t>containsunsubscribedchildren,copyable,displa,display,displayname,domain,emailaddress,explicitlytrashed,file(kind,fileid,filesize,folderc,hasth,hasthumbnail,hasvisitorpermissions,id,id),items(deleted,items(kind,ken,kind,lastmodifyingus,lastmodifyinguser(kind,lastviewedbymedate,mimetype,modifiedbymedate,modifieddate,ontainsunsubscribedchildren,owners(kind,perm,permiss,permission,permissionid,pict,picture,quota,quotabytesused,rpermissions,share,shareable,shared,sharedwithme,sharedwithmedat,sharedwithmedate,subscribed,thumbnailversion,title,userpermission(role),workspaceids</t>
  </si>
  <si>
    <t>11/22/2019 18:53:46</t>
  </si>
  <si>
    <t>11/22/2019 19:05:42</t>
  </si>
  <si>
    <t>11/22/2019 19:06:42</t>
  </si>
  <si>
    <t>11/22/2019 19:32:02</t>
  </si>
  <si>
    <t>11/22/2019 19:35:42</t>
  </si>
  <si>
    <t>IMPORTANTE - Ocorrências no ponto período de 01 A 21/11</t>
  </si>
  <si>
    <t>Ocorrência0111a21112019.xlsm</t>
  </si>
  <si>
    <t>11/22/2019 19:39:08</t>
  </si>
  <si>
    <t>11/22/2019 19:40:42</t>
  </si>
  <si>
    <t>gat</t>
  </si>
  <si>
    <t>11/22/2019 20:40:14</t>
  </si>
  <si>
    <t>11/22/2019 20:43:42</t>
  </si>
  <si>
    <t>Dynamics</t>
  </si>
  <si>
    <t>Cópia de Planilha Vale - Hugo.xlsx</t>
  </si>
  <si>
    <t>11/23/2019 00:28:46</t>
  </si>
  <si>
    <t>11/23/2019 00:33:43</t>
  </si>
  <si>
    <t>validação marcelo.xlsx</t>
  </si>
  <si>
    <t>11/23/2019 08:08:09</t>
  </si>
  <si>
    <t>11/23/2019 08:10:48</t>
  </si>
  <si>
    <t>diegocp@algartech.com;iaraadss@algartech.com;leandrom@algartech.com;luizfsm@algartech.com;</t>
  </si>
  <si>
    <t>G Suite - Associados migrados e não migrados.xlsx</t>
  </si>
  <si>
    <t>diegocp@algartech.com,iaraadss@algartech.com,leandrom@algartech.com,luizfsm@algartech.com</t>
  </si>
  <si>
    <t>11/23/2019 08:35:34</t>
  </si>
  <si>
    <t>11/23/2019 14:56:55</t>
  </si>
  <si>
    <t>11/23/2019 19:33:26</t>
  </si>
  <si>
    <t>11/23/2019 21:02:59</t>
  </si>
  <si>
    <t>Lista Elegíveis - GSuite_v5_atualizada go live.xlsx</t>
  </si>
  <si>
    <t>11/24/2019 12:45:01</t>
  </si>
  <si>
    <t>11/24/2019 12:46:08</t>
  </si>
  <si>
    <t>Report-LucasBrito.xlsx</t>
  </si>
  <si>
    <t>11/24/2019 12:50:26</t>
  </si>
  <si>
    <t>11/24/2019 14:49:08</t>
  </si>
  <si>
    <t>C:\Users\filemoncmj\OneDrive - Grupo Algar\01. Algar Tech\01. Projetos de Clientes\47. Prudential\08. TH\Currículos\PS RJ\</t>
  </si>
  <si>
    <t>11/24/2019 14:37:00</t>
  </si>
  <si>
    <t>C:\Users\filemoncmj\OneDrive - Grupo Algar\01. Algar Tech\01. Projetos de Clientes\47. Prudential\21. Viagens\</t>
  </si>
  <si>
    <t>Relação SV's.xlsx</t>
  </si>
  <si>
    <t>11/24/2019 21:54:36</t>
  </si>
  <si>
    <t>11/24/2019 21:56:08</t>
  </si>
  <si>
    <t>10.200.61.173</t>
  </si>
  <si>
    <t>MailboxUsageDetail11_25_2019 12_54_13 AM.csv</t>
  </si>
  <si>
    <t>11/23/2019 09:39:23</t>
  </si>
  <si>
    <t>11/25/2019 07:15:13</t>
  </si>
  <si>
    <t>mail.google.com/_/upload?authuser=3&amp;dcp=asu-n</t>
  </si>
  <si>
    <t>C:\Users\matheusvs\Desktop\Squad - Canais Digitais\1 - Electrolux\</t>
  </si>
  <si>
    <t>11/24/2019 17:39:26</t>
  </si>
  <si>
    <t>11/25/2019 08:07:13</t>
  </si>
  <si>
    <t>C:\Users\elainemdlp\OD\Pessoal\Financeiro\</t>
  </si>
  <si>
    <t>' and title contains 'xlsx' and trashed = false and '0b9g57l5hshdstjbhq3nwrc1zc28' in parents&amp;fields=kind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,containsunsubscribedchildren,contentrestrictions(readonly),copyable,createddate,disp,displ,displa,displaynam,displayname,domain,emai,emailaddress,explicitlytrashed,file(kind,fileextension,fileid,filesize,flaggedforabuse,foldercolor,folderfeatures,hasaugmentedpermissions,haschildfolders,hasthumbnail,hasvisitorpermissions,hidden,hl6cpj146=,id,id),items(deleted,items(kind,ken,kind,labels(starred,lastmodifyinguser(kind,lastviewedbymedate,mimetype,modifiedbymedate,modifieddate,nextpagetoken,ontainsunsubscribedchildren,organizationdisplayname,owners(kind,parents(id),passivelysubscribed,permissionid,pict,picture,primarydomainname,primary</t>
  </si>
  <si>
    <t>11/22/2019 22:31:08</t>
  </si>
  <si>
    <t>11/25/2019 08:09:13</t>
  </si>
  <si>
    <t>mail.google.com/_/upload?authuser=1&amp;dcp=asu-n&amp;upload_id=AEnB2Uq8hbqSEUeSAJC2BF5iTVPcR9svGS3qEISsQMqhP_Q6TAK4Z9Jy1lxD1H0NvbPS9TgjUMI5XdZ80CWL6Ie3Zsdk61lYPw&amp;upload_protocol=resumable</t>
  </si>
  <si>
    <t>11/22/2019 22:55:45</t>
  </si>
  <si>
    <t>mail.google.com/_/upload?authuser=1&amp;dcp=asu-n&amp;upload_id=AEnB2UpOzTO9CgE5RBpRKcBkb0f0meNzd1E7omuDxSJEd76c84h60ugKjb05EU0nv8ESqEZhuaF2ABZQT9DIkOU8ldCG3SnL5g&amp;upload_protocol=resumable</t>
  </si>
  <si>
    <t>New_CONTROLE DE CLIENTES_PAGSEGURO (4).xlsx</t>
  </si>
  <si>
    <t>11/25/2019 08:08:42</t>
  </si>
  <si>
    <t>11/25/2019 08:13:13</t>
  </si>
  <si>
    <t>11/22/2019 12:43:22</t>
  </si>
  <si>
    <t>11/25/2019 08:17:13</t>
  </si>
  <si>
    <t>Chamados 22-11</t>
  </si>
  <si>
    <t>11/25/2019 08:14:21</t>
  </si>
  <si>
    <t>11/25/2019 08:18:13</t>
  </si>
  <si>
    <t>11/22/2019 08:42:23</t>
  </si>
  <si>
    <t>11/25/2019 08:19:13</t>
  </si>
  <si>
    <t>DARF.xlsx</t>
  </si>
  <si>
    <t>E:\INVESTIMENTOS\DARF.xlsx</t>
  </si>
  <si>
    <t>11/22/2019 13:35:29</t>
  </si>
  <si>
    <t>ACOMPANHAMENTO CAPEX 2019 v21_11.pptx</t>
  </si>
  <si>
    <t>ACOMPANHAMENTO CAPEX 2019 v21_11.pptx\</t>
  </si>
  <si>
    <t>11/23/2019 17:51:19</t>
  </si>
  <si>
    <t>/o=exchangelabs/ou=exchange administrative group (fydibohf23spdlt)/cn=recipients/cn=1e212ef08dab4f26b88cba944f2ab7cb-pmo.governa;/o=exchangelabs/ou=exchange administrative group (fydibohf23spdlt)/cn=recipients/cn=carlos henrique vilarinho_db6c0fb3df;</t>
  </si>
  <si>
    <t>CAPEX 4 TRI 19 - Efeito Microsoft em 19 e 20</t>
  </si>
  <si>
    <t>/o=exchangelabs/ou=exchange administrative group (fydibohf23spdlt)/cn=recipients/cn=1e212ef08dab4f26b88cba944f2ab7cb-pmo.governa,/o=exchangelabs/ou=exchange administrative group (fydibohf23spdlt)/cn=recipients/cn=carlos henrique vilarinho_db6c0fb3df</t>
  </si>
  <si>
    <t>11/24/2019 02:31:12</t>
  </si>
  <si>
    <t>C:\Users\diegorg\Desktop\ACOMPANHAMENTO CAPEX 2019 v21_11.pptx\</t>
  </si>
  <si>
    <t>11/22/2019 08:49:47</t>
  </si>
  <si>
    <t>11/22/2019 08:51:30</t>
  </si>
  <si>
    <t>11/25/2019 08:20:13</t>
  </si>
  <si>
    <t>11/22/2019 09:39:08</t>
  </si>
  <si>
    <t>/o=exchangelabs/ou=exchange administrative group (fydibohf23spdlt)/cn=recipients/cn=f47850ba49eb450ca5496d589a0fc607-isaac rodri;</t>
  </si>
  <si>
    <t>ENC: ATENÇÃO - USO MÚTUO - DIA 23/11/2019 AO DIA 29/11/2019 - VITÓRIA - SERRA</t>
  </si>
  <si>
    <t>USO MÚTUO - DIA 23.11.2019 Á 29.11.2019 - SERRA - VITÓRIA.xlsx</t>
  </si>
  <si>
    <t>/o=exchangelabs/ou=exchange administrative group (fydibohf23spdlt)/cn=recipients/cn=f47850ba49eb450ca5496d589a0fc607-isaac rodri</t>
  </si>
  <si>
    <t>11/22/2019 13:11:01</t>
  </si>
  <si>
    <t>11/22/2019 13:12:11</t>
  </si>
  <si>
    <t>11/22/2019 13:14:24</t>
  </si>
  <si>
    <t>11/22/2019 13:15:19</t>
  </si>
  <si>
    <t>11/22/2019 13:33:47</t>
  </si>
  <si>
    <t>11/22/2019 13:33:48</t>
  </si>
  <si>
    <t>11/22/2019 13:43:36</t>
  </si>
  <si>
    <t>11/22/2019 14:46:21</t>
  </si>
  <si>
    <t>Aceitação de Sites Junho CONSOLIDADO.xls</t>
  </si>
  <si>
    <t>11/22/2019 15:34:47</t>
  </si>
  <si>
    <t>11/22/2019 15:35:07</t>
  </si>
  <si>
    <t>11/22/2019 15:35:58</t>
  </si>
  <si>
    <t>11/22/2019 15:36:09</t>
  </si>
  <si>
    <t>11/23/2019 11:29:14</t>
  </si>
  <si>
    <t>11/25/2019 08:22:13</t>
  </si>
  <si>
    <t>10.12.241.93</t>
  </si>
  <si>
    <t>Escala TRN - FEIRA DO CONHECIMENTO MODULO 2 V2.xlsx</t>
  </si>
  <si>
    <t>11/25/2019 08:23:12</t>
  </si>
  <si>
    <t>11/21/2019 19:54:06</t>
  </si>
  <si>
    <t>11/25/2019 08:24:13</t>
  </si>
  <si>
    <t>marcotuliobrunelli@gmail.com</t>
  </si>
  <si>
    <t>mail.google.com/_/upload?authuser=0&amp;dcp=asu-n&amp;upload_id=AEnB2UqFr_KTt01EhBlTCm32ovBqb9lAj4byECPQf9Qgr0IlDslrggs8L-CMxtNKB0Rcdu2Xpw2G1jLZfL4yOKiG0DiookOjAQ&amp;upload_protocol=resumable</t>
  </si>
  <si>
    <t>Dimens Maio à Dez RCV e HD.xlsx</t>
  </si>
  <si>
    <t>11/25/2019 08:23:25</t>
  </si>
  <si>
    <t>11/25/2019 08:26:13</t>
  </si>
  <si>
    <t>C:\OneDrive\OneDrive - Grupo Algar\bHVpem1kYUBhbGdhcnRlY2guY29t\content_cache\d45\d93\</t>
  </si>
  <si>
    <t>11/25/2019 08:23:27</t>
  </si>
  <si>
    <t>C:\OneDrive\OneDrive - Grupo Algar\bHVpem1kYUBhbGdhcnRlY2guY29t\content_cache\d49\d97\</t>
  </si>
  <si>
    <t>11/25/2019 08:23:29</t>
  </si>
  <si>
    <t>C:\OneDrive\OneDrive - Grupo Algar\bHVpem1kYUBhbGdhcnRlY2guY29t\content_cache\d52\d100\</t>
  </si>
  <si>
    <t>11/25/2019 08:23:30</t>
  </si>
  <si>
    <t>C:\OneDrive\OneDrive - Grupo Algar\bHVpem1kYUBhbGdhcnRlY2guY29t\content_cache\d53\d101\</t>
  </si>
  <si>
    <t>C:\OneDrive\OneDrive - Grupo Algar\bHVpem1kYUBhbGdhcnRlY2guY29t\content_cache\d54\d102\</t>
  </si>
  <si>
    <t>11/25/2019 08:23:32</t>
  </si>
  <si>
    <t>C:\OneDrive\OneDrive - Grupo Algar\bHVpem1kYUBhbGdhcnRlY2guY29t\content_cache\d62\d110\</t>
  </si>
  <si>
    <t>C:\OneDrive\OneDrive - Grupo Algar\bHVpem1kYUBhbGdhcnRlY2guY29t\content_cache\d63\d111\</t>
  </si>
  <si>
    <t>11/25/2019 08:23:33</t>
  </si>
  <si>
    <t>C:\OneDrive\OneDrive - Grupo Algar\bHVpem1kYUBhbGdhcnRlY2guY29t\content_cache\d8\d123\</t>
  </si>
  <si>
    <t>11/22/2019 16:39:06</t>
  </si>
  <si>
    <t>11/25/2019 08:27:12</t>
  </si>
  <si>
    <t>10.200.57.144</t>
  </si>
  <si>
    <t>NF Estornada Fornecedor TI.xlsx</t>
  </si>
  <si>
    <t>11/25/2019 08:27:50</t>
  </si>
  <si>
    <t>11/25/2019 08:30:13</t>
  </si>
  <si>
    <t>daniela.monteiro@bradesco.com.br;hugo@b2breservas.com.br;</t>
  </si>
  <si>
    <t>ENC: CNPJ hotel diretório Nacional - HONDA</t>
  </si>
  <si>
    <t>Hoteis 2019.xlsx</t>
  </si>
  <si>
    <t>daniela.monteiro@bradesco.com.br,hugo@b2breservas.com.br</t>
  </si>
  <si>
    <t>11/22/2019 17:27:35</t>
  </si>
  <si>
    <t>11/25/2019 08:31:12</t>
  </si>
  <si>
    <t>HELIO REIS GUIMARAES</t>
  </si>
  <si>
    <t>michelro@algartech.com;</t>
  </si>
  <si>
    <t>RES: Lista de carteiras CAC</t>
  </si>
  <si>
    <t>Base Auxiliar de VQ's - URA Whirlpool 22.11.19.xlsx</t>
  </si>
  <si>
    <t>michelro@algartech.com</t>
  </si>
  <si>
    <t>11/25/2019 08:32:24</t>
  </si>
  <si>
    <t>11/25/2019 08:37:13</t>
  </si>
  <si>
    <t>11/22/2019 09:57:41</t>
  </si>
  <si>
    <t>11/25/2019 08:38:13</t>
  </si>
  <si>
    <t>11/22/2019 11:21:30</t>
  </si>
  <si>
    <t>D:\OneDrive\AlgarTech\Pré-Vendas\Cliente\2019\Ruff\Desativa Servidor - RUFFWGER01 (SRVDCALG1)\PropostaVigente\</t>
  </si>
  <si>
    <t>11/22/2019 14:06:23</t>
  </si>
  <si>
    <t>/o=exchangelabs/ou=exchange administrative group (fydibohf23spdlt)/cn=recipients/cn=287c26b08a0f48578479a15a452f025d-edilson rod;/o=exchangelabs/ou=exchange administrative group (fydibohf23spdlt)/cn=recipients/cn=8c89829ad534498fa4c85b5ac11174f1-suelen more;/o=exchangelabs/ou=exchange administrative group (fydibohf23spdlt)/cn=recipients/cn=97028c61ebe04c3ca84c604712943944-fabiano wil;/o=exchangelabs/ou=exchange administrative group (fydibohf23spdlt)/cn=recipients/cn=c514dbe8b91547adb4618232d1a650ba-afonso domi;/o=exchangelabs/ou=exchange administrative group (fydibohf23spdlt)/cn=recipients/cn=cb5adfd7be5d42f39b6c2497336ba9d7-fernando gu;/o=exchangelabs/ou=exchange administrative group (fydibohf23spdlt)/cn=recipients/cn=da8b0d0eb1af471c9c028aba05e743fd-guilherme a;</t>
  </si>
  <si>
    <t>RES: Termo de Referência - Contratação Data Center</t>
  </si>
  <si>
    <t>/o=exchangelabs/ou=exchange administrative group (fydibohf23spdlt)/cn=recipients/cn=287c26b08a0f48578479a15a452f025d-edilson rod,/o=exchangelabs/ou=exchange administrative group (fydibohf23spdlt)/cn=recipients/cn=8c89829ad534498fa4c85b5ac11174f1-suelen more,/o=exchangelabs/ou=exchange administrative group (fydibohf23spdlt)/cn=recipients/cn=97028c61ebe04c3ca84c604712943944-fabiano wil,/o=exchangelabs/ou=exchange administrative group (fydibohf23spdlt)/cn=recipients/cn=c514dbe8b91547adb4618232d1a650ba-afonso domi,/o=exchangelabs/ou=exchange administrative group (fydibohf23spdlt)/cn=recipients/cn=cb5adfd7be5d42f39b6c2497336ba9d7-fernando gu,/o=exchangelabs/ou=exchange administrative group (fydibohf23spdlt)/cn=recipients/cn=da8b0d0eb1af471c9c028aba05e743fd-guilherme a</t>
  </si>
  <si>
    <t>11/22/2019 14:50:44</t>
  </si>
  <si>
    <t>D:\OneDrive\AlgarTech\Pré-Vendas\Cliente\2019\Ruff\Desativa Servidor - RUFFWGER01 (SRVDCALG1)\</t>
  </si>
  <si>
    <t>Precificação Ruff - 141239_V6_REDUCAO_VM_v01.xlsb</t>
  </si>
  <si>
    <t>11/25/2019 08:39:37</t>
  </si>
  <si>
    <t>11/25/2019 08:45:12</t>
  </si>
  <si>
    <t>crcevmc@algartech.com.br;emissaogerenciadapj@algartech.com.br;</t>
  </si>
  <si>
    <t>RES: EMPRESA: GENIAL INSTITUCIONAL CORRETORA DE CAMBIO, TITULOS E VALORES MOBILIARIOS S.A. - CNPJ - 05.816.451/0001-15 CRM:007070000547</t>
  </si>
  <si>
    <t>crcevmc@algartech.com.br,emissaogerenciadapj@algartech.com.br</t>
  </si>
  <si>
    <t>11/25/2019 08:45:11</t>
  </si>
  <si>
    <t>11/25/2019 08:50:13</t>
  </si>
  <si>
    <t>11/25/2019 08:45:15</t>
  </si>
  <si>
    <t>C:\Users\eduardost\OneDrive - Grupo Algar\2019\BRADESCO\</t>
  </si>
  <si>
    <t>bo analises.xlsx</t>
  </si>
  <si>
    <t>11/25/2019 08:55:34</t>
  </si>
  <si>
    <t>11/25/2019 09:00:13</t>
  </si>
  <si>
    <t>/o=exchangelabs/ou=exchange administrative group (fydibohf23spdlt)/cn=recipients/cn=2a2dbb67c76e4e33beac0602893fa479-carlos juni;</t>
  </si>
  <si>
    <t>**PENDENCIA! ** ENC: Relatório External Central de Notas</t>
  </si>
  <si>
    <t>/o=exchangelabs/ou=exchange administrative group (fydibohf23spdlt)/cn=recipients/cn=2a2dbb67c76e4e33beac0602893fa479-carlos juni</t>
  </si>
  <si>
    <t>11/25/2019 08:55:16</t>
  </si>
  <si>
    <t>10.200.57.214</t>
  </si>
  <si>
    <t>11/25/2019 00:16:52</t>
  </si>
  <si>
    <t>11/25/2019 09:05:13</t>
  </si>
  <si>
    <t>mail.google.com/_/upload?authuser=2&amp;dcp=asu-n&amp;upload_id=AEnB2UoGQAo-2UiwX8Z5Y1cGKDeZYvvOp-maw6vjNZVxImyWxq0Hw8jaH9AQlvuGRjR4MbaQ0tG5Ke1pOcVjEK-E-HS1c5101w&amp;upload_protocol=resumable</t>
  </si>
  <si>
    <t>C:\Users\hugooc\Desktop\HUGO CAMARGO\DeskTop HP\GERENTE DE PCP\MIS\</t>
  </si>
  <si>
    <t>VISÃO GERAL.xlsx</t>
  </si>
  <si>
    <t>11/22/2019 13:23:48</t>
  </si>
  <si>
    <t>10.16.72.54</t>
  </si>
  <si>
    <t>/o=exchangelabs/ou=exchange administrative group (fydibohf23spdlt)/cn=recipients/cn=5f81fe805d734dda80651a0797d779be-paulo cesar;</t>
  </si>
  <si>
    <t>/o=exchangelabs/ou=exchange administrative group (fydibohf23spdlt)/cn=recipients/cn=5f81fe805d734dda80651a0797d779be-paulo cesar</t>
  </si>
  <si>
    <t>11/22/2019 15:20:58</t>
  </si>
  <si>
    <t>/o=exchangelabs/ou=exchange administrative group (fydibohf23spdlt)/cn=recipients/cn=02b715e2a3c744dbab0f4054efc9d2d2-raquel corr;/o=exchangelabs/ou=exchange administrative group (fydibohf23spdlt)/cn=recipients/cn=88c76f56ba274d40bc5ef03a7197e5b9-marcos pere;cmenezes@timbrasil.com.br;cofernandes@timbrasil.com.br;lcifali@timbrasil.com.br;nimachado@timbrasil.com.br;</t>
  </si>
  <si>
    <t>Fatura B - BBN / Algar Tech.</t>
  </si>
  <si>
    <t>Mobilizações_Orçamentos executados 10-09_10-11-19 Algar.xlsx</t>
  </si>
  <si>
    <t>/o=exchangelabs/ou=exchange administrative group (fydibohf23spdlt)/cn=recipients/cn=02b715e2a3c744dbab0f4054efc9d2d2-raquel corr,/o=exchangelabs/ou=exchange administrative group (fydibohf23spdlt)/cn=recipients/cn=88c76f56ba274d40bc5ef03a7197e5b9-marcos pere,cmenezes@timbrasil.com.br,cofernandes@timbrasil.com.br,lcifali@timbrasil.com.br,nimachado@timbrasil.com.br</t>
  </si>
  <si>
    <t>11/22/2019 15:21:42</t>
  </si>
  <si>
    <t>/o=exchangelabs/ou=exchange administrative group (fydibohf23spdlt)/cn=recipients/cn=a111820ea97a440c83191c55259f676f-marcelo rod;/o=exchangelabs/ou=exchange administrative group (fydibohf23spdlt)/cn=recipients/cn=cd93dacc38404a95a829585c2e317a9f-dionizio ri;/o=exchangelabs/ou=exchange administrative group (fydibohf23spdlt)/cn=recipients/cn=user12c3790d;</t>
  </si>
  <si>
    <t>ENC: Fatura B - BBN / Algar Tech.</t>
  </si>
  <si>
    <t>/o=exchangelabs/ou=exchange administrative group (fydibohf23spdlt)/cn=recipients/cn=a111820ea97a440c83191c55259f676f-marcelo rod,/o=exchangelabs/ou=exchange administrative group (fydibohf23spdlt)/cn=recipients/cn=cd93dacc38404a95a829585c2e317a9f-dionizio ri,/o=exchangelabs/ou=exchange administrative group (fydibohf23spdlt)/cn=recipients/cn=user12c3790d</t>
  </si>
  <si>
    <t>11/22/2019 15:31:39</t>
  </si>
  <si>
    <t>11/25/2019 09:05:24</t>
  </si>
  <si>
    <t>11/25/2019 09:06:12</t>
  </si>
  <si>
    <t>C:\OneDrive\OneDrive - Grupo Algar\bHVpem1kYUBhbGdhcnRlY2guY29t\content_cache\d0\d81\</t>
  </si>
  <si>
    <t>11/25/2019 09:08:26</t>
  </si>
  <si>
    <t>11/25/2019 09:09:13</t>
  </si>
  <si>
    <t>/o=exchangelabs/ou=exchange administrative group (fydibohf23spdlt)/cn=recipients/cn=554d2cdc1361428a8f1cbe37bb559534-caroline fe;/o=exchangelabs/ou=exchange administrative group (fydibohf23spdlt)/cn=recipients/cn=56dc126fba5b4a5f8fb1cd7e4f10477d-thais olive;/o=exchangelabs/ou=exchange administrative group (fydibohf23spdlt)/cn=recipients/cn=5c0e0b883c0f4ccbb2cf13db05a00b36-luciene ivo;/o=exchangelabs/ou=exchange administrative group (fydibohf23spdlt)/cn=recipients/cn=60c79fa1bc994449ac17a5e2109f7abd-claudio fer;/o=exchangelabs/ou=exchange administrative group (fydibohf23spdlt)/cn=recipients/cn=90878932db2a45bb924c0e3aac6d5da2-jonatas lem;juliana.galardo@bradesco.com.br;khadja.sousa@bradesco.com.br;paula.tavares@bradesco.com.br;</t>
  </si>
  <si>
    <t>RES: [Formalização] Curvas de Dezembro 2019</t>
  </si>
  <si>
    <t>12 - Planejamento.xlsx</t>
  </si>
  <si>
    <t>/o=exchangelabs/ou=exchange administrative group (fydibohf23spdlt)/cn=recipients/cn=554d2cdc1361428a8f1cbe37bb559534-caroline fe,/o=exchangelabs/ou=exchange administrative group (fydibohf23spdlt)/cn=recipients/cn=56dc126fba5b4a5f8fb1cd7e4f10477d-thais olive,/o=exchangelabs/ou=exchange administrative group (fydibohf23spdlt)/cn=recipients/cn=5c0e0b883c0f4ccbb2cf13db05a00b36-luciene ivo,/o=exchangelabs/ou=exchange administrative group (fydibohf23spdlt)/cn=recipients/cn=60c79fa1bc994449ac17a5e2109f7abd-claudio fer,/o=exchangelabs/ou=exchange administrative group (fydibohf23spdlt)/cn=recipients/cn=90878932db2a45bb924c0e3aac6d5da2-jonatas lem,juliana.galardo@bradesco.com.br,khadja.sousa@bradesco.com.br,paula.tavares@bradesco.com.br</t>
  </si>
  <si>
    <t>11/25/2019 09:05:34</t>
  </si>
  <si>
    <t>11/25/2019 09:11:13</t>
  </si>
  <si>
    <t>C:\OneDrive\OneDrive - Grupo Algar\bHVpem1kYUBhbGdhcnRlY2guY29t\content_cache\d10\d140\</t>
  </si>
  <si>
    <t>11/25/2019 09:05:38</t>
  </si>
  <si>
    <t>C:\OneDrive\OneDrive - Grupo Algar\bHVpem1kYUBhbGdhcnRlY2guY29t\content_cache\d10\d74\</t>
  </si>
  <si>
    <t>11/25/2019 09:05:42</t>
  </si>
  <si>
    <t>C:\OneDrive\OneDrive - Grupo Algar\bHVpem1kYUBhbGdhcnRlY2guY29t\content_cache\d11\d142\</t>
  </si>
  <si>
    <t>11/25/2019 09:05:45</t>
  </si>
  <si>
    <t>C:\OneDrive\OneDrive - Grupo Algar\bHVpem1kYUBhbGdhcnRlY2guY29t\content_cache\d11\d8\</t>
  </si>
  <si>
    <t>11/25/2019 09:05:48</t>
  </si>
  <si>
    <t>C:\OneDrive\OneDrive - Grupo Algar\bHVpem1kYUBhbGdhcnRlY2guY29t\content_cache\d12\d127\</t>
  </si>
  <si>
    <t>11/25/2019 09:05:51</t>
  </si>
  <si>
    <t>C:\OneDrive\OneDrive - Grupo Algar\bHVpem1kYUBhbGdhcnRlY2guY29t\content_cache\d12\d76\</t>
  </si>
  <si>
    <t>11/25/2019 09:06:01</t>
  </si>
  <si>
    <t>C:\OneDrive\OneDrive - Grupo Algar\bHVpem1kYUBhbGdhcnRlY2guY29t\content_cache\d12\d43\</t>
  </si>
  <si>
    <t>11/25/2019 09:06:05</t>
  </si>
  <si>
    <t>C:\OneDrive\OneDrive - Grupo Algar\bHVpem1kYUBhbGdhcnRlY2guY29t\content_cache\d13\d27\</t>
  </si>
  <si>
    <t>11/25/2019 09:06:06</t>
  </si>
  <si>
    <t>C:\OneDrive\OneDrive - Grupo Algar\bHVpem1kYUBhbGdhcnRlY2guY29t\content_cache\d13\d44\</t>
  </si>
  <si>
    <t>11/25/2019 09:06:10</t>
  </si>
  <si>
    <t>C:\OneDrive\OneDrive - Grupo Algar\bHVpem1kYUBhbGdhcnRlY2guY29t\content_cache\d14\d10\</t>
  </si>
  <si>
    <t>11/25/2019 09:06:11</t>
  </si>
  <si>
    <t>C:\OneDrive\OneDrive - Grupo Algar\bHVpem1kYUBhbGdhcnRlY2guY29t\content_cache\d14\d128\</t>
  </si>
  <si>
    <t>11/25/2019 09:06:17</t>
  </si>
  <si>
    <t>C:\OneDrive\OneDrive - Grupo Algar\bHVpem1kYUBhbGdhcnRlY2guY29t\content_cache\d15\d113\</t>
  </si>
  <si>
    <t>11/25/2019 09:06:19</t>
  </si>
  <si>
    <t>C:\OneDrive\OneDrive - Grupo Algar\bHVpem1kYUBhbGdhcnRlY2guY29t\content_cache\d15\d45\</t>
  </si>
  <si>
    <t>11/25/2019 09:06:20</t>
  </si>
  <si>
    <t>C:\OneDrive\OneDrive - Grupo Algar\bHVpem1kYUBhbGdhcnRlY2guY29t\content_cache\d15\d46\</t>
  </si>
  <si>
    <t>11/25/2019 09:06:23</t>
  </si>
  <si>
    <t>C:\OneDrive\OneDrive - Grupo Algar\bHVpem1kYUBhbGdhcnRlY2guY29t\content_cache\d15\d95\</t>
  </si>
  <si>
    <t>11/25/2019 09:06:26</t>
  </si>
  <si>
    <t>C:\OneDrive\OneDrive - Grupo Algar\bHVpem1kYUBhbGdhcnRlY2guY29t\content_cache\d16\d13\</t>
  </si>
  <si>
    <t>11/25/2019 09:06:32</t>
  </si>
  <si>
    <t>C:\OneDrive\OneDrive - Grupo Algar\bHVpem1kYUBhbGdhcnRlY2guY29t\content_cache\d17\d31\</t>
  </si>
  <si>
    <t>11/25/2019 09:06:37</t>
  </si>
  <si>
    <t>C:\OneDrive\OneDrive - Grupo Algar\bHVpem1kYUBhbGdhcnRlY2guY29t\content_cache\d18\d133\</t>
  </si>
  <si>
    <t>C:\OneDrive\OneDrive - Grupo Algar\bHVpem1kYUBhbGdhcnRlY2guY29t\content_cache\d18\d14\</t>
  </si>
  <si>
    <t>11/25/2019 09:06:43</t>
  </si>
  <si>
    <t>C:\OneDrive\OneDrive - Grupo Algar\bHVpem1kYUBhbGdhcnRlY2guY29t\content_cache\d19\d134\</t>
  </si>
  <si>
    <t>11/25/2019 09:06:49</t>
  </si>
  <si>
    <t>C:\OneDrive\OneDrive - Grupo Algar\bHVpem1kYUBhbGdhcnRlY2guY29t\content_cache\d2\d32\</t>
  </si>
  <si>
    <t>11/25/2019 09:06:52</t>
  </si>
  <si>
    <t>C:\OneDrive\OneDrive - Grupo Algar\bHVpem1kYUBhbGdhcnRlY2guY29t\content_cache\d20\d0\</t>
  </si>
  <si>
    <t>11/25/2019 09:07:00</t>
  </si>
  <si>
    <t>C:\OneDrive\OneDrive - Grupo Algar\bHVpem1kYUBhbGdhcnRlY2guY29t\content_cache\d21\d52\</t>
  </si>
  <si>
    <t>11/25/2019 09:07:04</t>
  </si>
  <si>
    <t>C:\OneDrive\OneDrive - Grupo Algar\bHVpem1kYUBhbGdhcnRlY2guY29t\content_cache\d22\d35\</t>
  </si>
  <si>
    <t>11/25/2019 09:07:05</t>
  </si>
  <si>
    <t>C:\OneDrive\OneDrive - Grupo Algar\bHVpem1kYUBhbGdhcnRlY2guY29t\content_cache\d22\d36\</t>
  </si>
  <si>
    <t>11/25/2019 09:07:08</t>
  </si>
  <si>
    <t>C:\OneDrive\OneDrive - Grupo Algar\bHVpem1kYUBhbGdhcnRlY2guY29t\content_cache\d23\d3\</t>
  </si>
  <si>
    <t>11/25/2019 09:07:13</t>
  </si>
  <si>
    <t>C:\OneDrive\OneDrive - Grupo Algar\bHVpem1kYUBhbGdhcnRlY2guY29t\content_cache\d24\d4\</t>
  </si>
  <si>
    <t>11/25/2019 09:07:19</t>
  </si>
  <si>
    <t>C:\OneDrive\OneDrive - Grupo Algar\bHVpem1kYUBhbGdhcnRlY2guY29t\content_cache\d25\d72\</t>
  </si>
  <si>
    <t>11/25/2019 09:07:20</t>
  </si>
  <si>
    <t>C:\OneDrive\OneDrive - Grupo Algar\bHVpem1kYUBhbGdhcnRlY2guY29t\content_cache\d26\d107\</t>
  </si>
  <si>
    <t>C:\OneDrive\OneDrive - Grupo Algar\bHVpem1kYUBhbGdhcnRlY2guY29t\content_cache\d26\d124\</t>
  </si>
  <si>
    <t>11/25/2019 09:07:22</t>
  </si>
  <si>
    <t>C:\OneDrive\OneDrive - Grupo Algar\bHVpem1kYUBhbGdhcnRlY2guY29t\content_cache\d26\d56\</t>
  </si>
  <si>
    <t>11/25/2019 09:07:26</t>
  </si>
  <si>
    <t>C:\OneDrive\OneDrive - Grupo Algar\bHVpem1kYUBhbGdhcnRlY2guY29t\content_cache\d27\d142\</t>
  </si>
  <si>
    <t>11/25/2019 09:07:28</t>
  </si>
  <si>
    <t>C:\OneDrive\OneDrive - Grupo Algar\bHVpem1kYUBhbGdhcnRlY2guY29t\content_cache\d28\d126\</t>
  </si>
  <si>
    <t>11/25/2019 09:07:30</t>
  </si>
  <si>
    <t>C:\OneDrive\OneDrive - Grupo Algar\bHVpem1kYUBhbGdhcnRlY2guY29t\content_cache\d28\d42\</t>
  </si>
  <si>
    <t>11/25/2019 09:07:34</t>
  </si>
  <si>
    <t>C:\OneDrive\OneDrive - Grupo Algar\bHVpem1kYUBhbGdhcnRlY2guY29t\content_cache\d29\d144\</t>
  </si>
  <si>
    <t>11/25/2019 09:07:35</t>
  </si>
  <si>
    <t>C:\OneDrive\OneDrive - Grupo Algar\bHVpem1kYUBhbGdhcnRlY2guY29t\content_cache\d29\d9\</t>
  </si>
  <si>
    <t>11/25/2019 09:07:38</t>
  </si>
  <si>
    <t>C:\OneDrive\OneDrive - Grupo Algar\bHVpem1kYUBhbGdhcnRlY2guY29t\content_cache\d3\d117\</t>
  </si>
  <si>
    <t>C:\OneDrive\OneDrive - Grupo Algar\bHVpem1kYUBhbGdhcnRlY2guY29t\content_cache\d3\d133\</t>
  </si>
  <si>
    <t>11/25/2019 09:07:39</t>
  </si>
  <si>
    <t>C:\OneDrive\OneDrive - Grupo Algar\bHVpem1kYUBhbGdhcnRlY2guY29t\content_cache\d3\d33\</t>
  </si>
  <si>
    <t>11/25/2019 09:07:40</t>
  </si>
  <si>
    <t>C:\OneDrive\OneDrive - Grupo Algar\bHVpem1kYUBhbGdhcnRlY2guY29t\content_cache\d3\d83\</t>
  </si>
  <si>
    <t>11/25/2019 09:07:41</t>
  </si>
  <si>
    <t>C:\OneDrive\OneDrive - Grupo Algar\bHVpem1kYUBhbGdhcnRlY2guY29t\content_cache\d30\d10\</t>
  </si>
  <si>
    <t>11/25/2019 09:07:42</t>
  </si>
  <si>
    <t>C:\OneDrive\OneDrive - Grupo Algar\bHVpem1kYUBhbGdhcnRlY2guY29t\content_cache\d30\d128\</t>
  </si>
  <si>
    <t>11/25/2019 09:07:46</t>
  </si>
  <si>
    <t>C:\OneDrive\OneDrive - Grupo Algar\bHVpem1kYUBhbGdhcnRlY2guY29t\content_cache\d31\d129\</t>
  </si>
  <si>
    <t>11/25/2019 09:07:49</t>
  </si>
  <si>
    <t>C:\OneDrive\OneDrive - Grupo Algar\bHVpem1kYUBhbGdhcnRlY2guY29t\content_cache\d31\d94\</t>
  </si>
  <si>
    <t>C:\OneDrive\OneDrive - Grupo Algar\bHVpem1kYUBhbGdhcnRlY2guY29t\content_cache\d31\d95\</t>
  </si>
  <si>
    <t>11/25/2019 09:07:57</t>
  </si>
  <si>
    <t>C:\OneDrive\OneDrive - Grupo Algar\bHVpem1kYUBhbGdhcnRlY2guY29t\content_cache\d33\d97\</t>
  </si>
  <si>
    <t>11/25/2019 09:08:08</t>
  </si>
  <si>
    <t>C:\OneDrive\OneDrive - Grupo Algar\bHVpem1kYUBhbGdhcnRlY2guY29t\content_cache\d35\d31\</t>
  </si>
  <si>
    <t>11/25/2019 09:08:15</t>
  </si>
  <si>
    <t>C:\OneDrive\OneDrive - Grupo Algar\bHVpem1kYUBhbGdhcnRlY2guY29t\content_cache\d37\d100\</t>
  </si>
  <si>
    <t>11/25/2019 09:08:18</t>
  </si>
  <si>
    <t>C:\OneDrive\OneDrive - Grupo Algar\bHVpem1kYUBhbGdhcnRlY2guY29t\content_cache\d37\d51\</t>
  </si>
  <si>
    <t>11/25/2019 09:08:23</t>
  </si>
  <si>
    <t>C:\OneDrive\OneDrive - Grupo Algar\bHVpem1kYUBhbGdhcnRlY2guY29t\content_cache\d38\d18\</t>
  </si>
  <si>
    <t>11/25/2019 09:08:24</t>
  </si>
  <si>
    <t>C:\OneDrive\OneDrive - Grupo Algar\bHVpem1kYUBhbGdhcnRlY2guY29t\content_cache\d38\d51\</t>
  </si>
  <si>
    <t>11/25/2019 09:08:54</t>
  </si>
  <si>
    <t>C:\OneDrive\OneDrive - Grupo Algar\bHVpem1kYUBhbGdhcnRlY2guY29t\content_cache\d38\d2\</t>
  </si>
  <si>
    <t>11/25/2019 09:09:03</t>
  </si>
  <si>
    <t>C:\OneDrive\OneDrive - Grupo Algar\bHVpem1kYUBhbGdhcnRlY2guY29t\content_cache\d39\d2\</t>
  </si>
  <si>
    <t>11/25/2019 09:09:04</t>
  </si>
  <si>
    <t>C:\OneDrive\OneDrive - Grupo Algar\bHVpem1kYUBhbGdhcnRlY2guY29t\content_cache\d39\d3\</t>
  </si>
  <si>
    <t>11/25/2019 09:09:14</t>
  </si>
  <si>
    <t>C:\OneDrive\OneDrive - Grupo Algar\bHVpem1kYUBhbGdhcnRlY2guY29t\content_cache\d4\d118\</t>
  </si>
  <si>
    <t>11/25/2019 09:09:16</t>
  </si>
  <si>
    <t>C:\OneDrive\OneDrive - Grupo Algar\bHVpem1kYUBhbGdhcnRlY2guY29t\content_cache\d4\d35\21779\</t>
  </si>
  <si>
    <t>11/25/2019 09:09:17</t>
  </si>
  <si>
    <t>11/25/2019 09:09:23</t>
  </si>
  <si>
    <t>C:\OneDrive\OneDrive - Grupo Algar\bHVpem1kYUBhbGdhcnRlY2guY29t\content_cache\d40\d36\</t>
  </si>
  <si>
    <t>11/25/2019 09:09:28</t>
  </si>
  <si>
    <t>C:\OneDrive\OneDrive - Grupo Algar\bHVpem1kYUBhbGdhcnRlY2guY29t\content_cache\d41\d37\</t>
  </si>
  <si>
    <t>C:\OneDrive\OneDrive - Grupo Algar\bHVpem1kYUBhbGdhcnRlY2guY29t\content_cache\d41\d4\</t>
  </si>
  <si>
    <t>11/25/2019 09:09:34</t>
  </si>
  <si>
    <t>C:\OneDrive\OneDrive - Grupo Algar\bHVpem1kYUBhbGdhcnRlY2guY29t\content_cache\d41\d72\21816\</t>
  </si>
  <si>
    <t>11/25/2019 09:09:35</t>
  </si>
  <si>
    <t>C:\OneDrive\OneDrive - Grupo Algar\bHVpem1kYUBhbGdhcnRlY2guY29t\content_cache\d42\d123\</t>
  </si>
  <si>
    <t>11/25/2019 09:09:36</t>
  </si>
  <si>
    <t>C:\OneDrive\OneDrive - Grupo Algar\bHVpem1kYUBhbGdhcnRlY2guY29t\content_cache\d42\d140\</t>
  </si>
  <si>
    <t>C:\OneDrive\OneDrive - Grupo Algar\bHVpem1kYUBhbGdhcnRlY2guY29t\content_cache\d42\d22\</t>
  </si>
  <si>
    <t>11/25/2019 09:09:37</t>
  </si>
  <si>
    <t>C:\OneDrive\OneDrive - Grupo Algar\bHVpem1kYUBhbGdhcnRlY2guY29t\content_cache\d42\d5\</t>
  </si>
  <si>
    <t>11/25/2019 09:09:38</t>
  </si>
  <si>
    <t>C:\OneDrive\OneDrive - Grupo Algar\bHVpem1kYUBhbGdhcnRlY2guY29t\content_cache\d42\d6\</t>
  </si>
  <si>
    <t>11/25/2019 09:09:43</t>
  </si>
  <si>
    <t>C:\OneDrive\OneDrive - Grupo Algar\bHVpem1kYUBhbGdhcnRlY2guY29t\content_cache\d43\d7\</t>
  </si>
  <si>
    <t>C:\OneDrive\OneDrive - Grupo Algar\bHVpem1kYUBhbGdhcnRlY2guY29t\content_cache\d43\d73\</t>
  </si>
  <si>
    <t>11/25/2019 09:09:48</t>
  </si>
  <si>
    <t>C:\OneDrive\OneDrive - Grupo Algar\bHVpem1kYUBhbGdhcnRlY2guY29t\content_cache\d44\d8\</t>
  </si>
  <si>
    <t>11/25/2019 09:09:50</t>
  </si>
  <si>
    <t>C:\OneDrive\OneDrive - Grupo Algar\bHVpem1kYUBhbGdhcnRlY2guY29t\content_cache\d45\d143\</t>
  </si>
  <si>
    <t>C:\OneDrive\OneDrive - Grupo Algar\bHVpem1kYUBhbGdhcnRlY2guY29t\content_cache\d45\d41\</t>
  </si>
  <si>
    <t>11/25/2019 09:09:52</t>
  </si>
  <si>
    <t>C:\OneDrive\OneDrive - Grupo Algar\bHVpem1kYUBhbGdhcnRlY2guY29t\content_cache\d45\d92\</t>
  </si>
  <si>
    <t>11/25/2019 09:09:56</t>
  </si>
  <si>
    <t>C:\OneDrive\OneDrive - Grupo Algar\bHVpem1kYUBhbGdhcnRlY2guY29t\content_cache\d46\d93\</t>
  </si>
  <si>
    <t>11/25/2019 09:10:06</t>
  </si>
  <si>
    <t>C:\OneDrive\OneDrive - Grupo Algar\bHVpem1kYUBhbGdhcnRlY2guY29t\content_cache\d46\d43\</t>
  </si>
  <si>
    <t>11/25/2019 09:10:07</t>
  </si>
  <si>
    <t>C:\OneDrive\OneDrive - Grupo Algar\bHVpem1kYUBhbGdhcnRlY2guY29t\content_cache\d47\d127\</t>
  </si>
  <si>
    <t>11/25/2019 09:10:22</t>
  </si>
  <si>
    <t>C:\OneDrive\OneDrive - Grupo Algar\bHVpem1kYUBhbGdhcnRlY2guY29t\content_cache\d49\d130\</t>
  </si>
  <si>
    <t>11/25/2019 09:10:23</t>
  </si>
  <si>
    <t>C:\OneDrive\OneDrive - Grupo Algar\bHVpem1kYUBhbGdhcnRlY2guY29t\content_cache\d49\d62\</t>
  </si>
  <si>
    <t>11/25/2019 09:10:25</t>
  </si>
  <si>
    <t>C:\OneDrive\OneDrive - Grupo Algar\bHVpem1kYUBhbGdhcnRlY2guY29t\content_cache\d5\d102\</t>
  </si>
  <si>
    <t>11/25/2019 09:10:26</t>
  </si>
  <si>
    <t>C:\OneDrive\OneDrive - Grupo Algar\bHVpem1kYUBhbGdhcnRlY2guY29t\content_cache\d5\d119\</t>
  </si>
  <si>
    <t>C:\OneDrive\OneDrive - Grupo Algar\bHVpem1kYUBhbGdhcnRlY2guY29t\content_cache\d5\d136\</t>
  </si>
  <si>
    <t>C:\OneDrive\OneDrive - Grupo Algar\bHVpem1kYUBhbGdhcnRlY2guY29t\content_cache\d5\d18\</t>
  </si>
  <si>
    <t>11/25/2019 09:12:12</t>
  </si>
  <si>
    <t>Departamental_AlgarTecnologia.csv</t>
  </si>
  <si>
    <t>11/25/2019 09:11:31</t>
  </si>
  <si>
    <t>Departamental_Consolidada.csv</t>
  </si>
  <si>
    <t>11/25/2019 09:10:45</t>
  </si>
  <si>
    <t>11/25/2019 09:16:13</t>
  </si>
  <si>
    <t>C:\OneDrive\OneDrive - Grupo Algar\bHVpem1kYUBhbGdhcnRlY2guY29t\content_cache\d5\d86\</t>
  </si>
  <si>
    <t>11/25/2019 09:10:52</t>
  </si>
  <si>
    <t>C:\OneDrive\OneDrive - Grupo Algar\bHVpem1kYUBhbGdhcnRlY2guY29t\content_cache\d51\d148\</t>
  </si>
  <si>
    <t>C:\OneDrive\OneDrive - Grupo Algar\bHVpem1kYUBhbGdhcnRlY2guY29t\content_cache\d51\d15\21759\</t>
  </si>
  <si>
    <t>11/25/2019 09:10:55</t>
  </si>
  <si>
    <t>C:\OneDrive\OneDrive - Grupo Algar\bHVpem1kYUBhbGdhcnRlY2guY29t\content_cache\d51\d82\</t>
  </si>
  <si>
    <t>11/25/2019 09:10:58</t>
  </si>
  <si>
    <t>C:\OneDrive\OneDrive - Grupo Algar\bHVpem1kYUBhbGdhcnRlY2guY29t\content_cache\d52\d16\21760\</t>
  </si>
  <si>
    <t>C:\OneDrive\OneDrive - Grupo Algar\bHVpem1kYUBhbGdhcnRlY2guY29t\content_cache\d53\d33\</t>
  </si>
  <si>
    <t>11/25/2019 09:11:17</t>
  </si>
  <si>
    <t>C:\OneDrive\OneDrive - Grupo Algar\bHVpem1kYUBhbGdhcnRlY2guY29t\content_cache\d53\d67\</t>
  </si>
  <si>
    <t>11/25/2019 09:11:18</t>
  </si>
  <si>
    <t>C:\OneDrive\OneDrive - Grupo Algar\bHVpem1kYUBhbGdhcnRlY2guY29t\content_cache\d54\d101\</t>
  </si>
  <si>
    <t>11/25/2019 09:11:20</t>
  </si>
  <si>
    <t>C:\OneDrive\OneDrive - Grupo Algar\bHVpem1kYUBhbGdhcnRlY2guY29t\content_cache\d54\d51\</t>
  </si>
  <si>
    <t>11/25/2019 09:11:24</t>
  </si>
  <si>
    <t>C:\OneDrive\OneDrive - Grupo Algar\bHVpem1kYUBhbGdhcnRlY2guY29t\content_cache\d55\d136\</t>
  </si>
  <si>
    <t>11/25/2019 09:11:26</t>
  </si>
  <si>
    <t>C:\OneDrive\OneDrive - Grupo Algar\bHVpem1kYUBhbGdhcnRlY2guY29t\content_cache\d55\d86\</t>
  </si>
  <si>
    <t>11/25/2019 09:11:27</t>
  </si>
  <si>
    <t>C:\OneDrive\OneDrive - Grupo Algar\bHVpem1kYUBhbGdhcnRlY2guY29t\content_cache\d56\d120\</t>
  </si>
  <si>
    <t>11/25/2019 09:11:29</t>
  </si>
  <si>
    <t>C:\OneDrive\OneDrive - Grupo Algar\bHVpem1kYUBhbGdhcnRlY2guY29t\content_cache\d56\d3\</t>
  </si>
  <si>
    <t>C:\OneDrive\OneDrive - Grupo Algar\bHVpem1kYUBhbGdhcnRlY2guY29t\content_cache\d56\d53\</t>
  </si>
  <si>
    <t>C:\OneDrive\OneDrive - Grupo Algar\bHVpem1kYUBhbGdhcnRlY2guY29t\content_cache\d57\d121\</t>
  </si>
  <si>
    <t>11/25/2019 09:11:35</t>
  </si>
  <si>
    <t>C:\OneDrive\OneDrive - Grupo Algar\bHVpem1kYUBhbGdhcnRlY2guY29t\content_cache\d57\d71\</t>
  </si>
  <si>
    <t>11/25/2019 09:11:36</t>
  </si>
  <si>
    <t>C:\OneDrive\OneDrive - Grupo Algar\bHVpem1kYUBhbGdhcnRlY2guY29t\content_cache\d58\d105\</t>
  </si>
  <si>
    <t>11/25/2019 09:11:39</t>
  </si>
  <si>
    <t>C:\OneDrive\OneDrive - Grupo Algar\bHVpem1kYUBhbGdhcnRlY2guY29t\content_cache\d58\d55\</t>
  </si>
  <si>
    <t>11/25/2019 09:11:41</t>
  </si>
  <si>
    <t>C:\OneDrive\OneDrive - Grupo Algar\bHVpem1kYUBhbGdhcnRlY2guY29t\content_cache\d59\d139\</t>
  </si>
  <si>
    <t>11/25/2019 09:11:44</t>
  </si>
  <si>
    <t>C:\OneDrive\OneDrive - Grupo Algar\bHVpem1kYUBhbGdhcnRlY2guY29t\content_cache\d6\d103\</t>
  </si>
  <si>
    <t>11/25/2019 09:11:58</t>
  </si>
  <si>
    <t>C:\OneDrive\OneDrive - Grupo Algar\bHVpem1kYUBhbGdhcnRlY2guY29t\content_cache\d6\d69\</t>
  </si>
  <si>
    <t>11/25/2019 09:12:00</t>
  </si>
  <si>
    <t>C:\OneDrive\OneDrive - Grupo Algar\bHVpem1kYUBhbGdhcnRlY2guY29t\content_cache\d60\d57\</t>
  </si>
  <si>
    <t>11/25/2019 09:12:01</t>
  </si>
  <si>
    <t>C:\OneDrive\OneDrive - Grupo Algar\bHVpem1kYUBhbGdhcnRlY2guY29t\content_cache\d60\d90\</t>
  </si>
  <si>
    <t>11/25/2019 09:12:03</t>
  </si>
  <si>
    <t>C:\OneDrive\OneDrive - Grupo Algar\bHVpem1kYUBhbGdhcnRlY2guY29t\content_cache\d61\d41\</t>
  </si>
  <si>
    <t>11/25/2019 09:12:04</t>
  </si>
  <si>
    <t>C:\OneDrive\OneDrive - Grupo Algar\bHVpem1kYUBhbGdhcnRlY2guY29t\content_cache\d61\d75\</t>
  </si>
  <si>
    <t>11/25/2019 09:12:06</t>
  </si>
  <si>
    <t>C:\OneDrive\OneDrive - Grupo Algar\bHVpem1kYUBhbGdhcnRlY2guY29t\content_cache\d62\d126\</t>
  </si>
  <si>
    <t>11/25/2019 09:12:07</t>
  </si>
  <si>
    <t>C:\OneDrive\OneDrive - Grupo Algar\bHVpem1kYUBhbGdhcnRlY2guY29t\content_cache\d62\d25\22373\PCI Nespresso\</t>
  </si>
  <si>
    <t>Nespresso.xlsx</t>
  </si>
  <si>
    <t>C:\OneDrive\OneDrive - Grupo Algar\bHVpem1kYUBhbGdhcnRlY2guY29t\content_cache\d62\d26\</t>
  </si>
  <si>
    <t>11/25/2019 09:12:08</t>
  </si>
  <si>
    <t>C:\OneDrive\OneDrive - Grupo Algar\bHVpem1kYUBhbGdhcnRlY2guY29t\content_cache\d62\d76\</t>
  </si>
  <si>
    <t>C:\OneDrive\OneDrive - Grupo Algar\bHVpem1kYUBhbGdhcnRlY2guY29t\content_cache\d63\d77\</t>
  </si>
  <si>
    <t>11/25/2019 09:12:13</t>
  </si>
  <si>
    <t>C:\OneDrive\OneDrive - Grupo Algar\bHVpem1kYUBhbGdhcnRlY2guY29t\content_cache\d64\d127\</t>
  </si>
  <si>
    <t>11/25/2019 09:12:16</t>
  </si>
  <si>
    <t>C:\OneDrive\OneDrive - Grupo Algar\bHVpem1kYUBhbGdhcnRlY2guY29t\content_cache\d64\d94\</t>
  </si>
  <si>
    <t>11/25/2019 09:12:17</t>
  </si>
  <si>
    <t>C:\OneDrive\OneDrive - Grupo Algar\bHVpem1kYUBhbGdhcnRlY2guY29t\content_cache\d65\d129\</t>
  </si>
  <si>
    <t>11/25/2019 09:12:19</t>
  </si>
  <si>
    <t>C:\OneDrive\OneDrive - Grupo Algar\bHVpem1kYUBhbGdhcnRlY2guY29t\content_cache\d65\d29\</t>
  </si>
  <si>
    <t>11/25/2019 09:12:22</t>
  </si>
  <si>
    <t>C:\OneDrive\OneDrive - Grupo Algar\bHVpem1kYUBhbGdhcnRlY2guY29t\content_cache\d66\d29\</t>
  </si>
  <si>
    <t>11/25/2019 09:12:26</t>
  </si>
  <si>
    <t>C:\OneDrive\OneDrive - Grupo Algar\bHVpem1kYUBhbGdhcnRlY2guY29t\content_cache\d7\d137\</t>
  </si>
  <si>
    <t>11/25/2019 09:12:27</t>
  </si>
  <si>
    <t>C:\OneDrive\OneDrive - Grupo Algar\bHVpem1kYUBhbGdhcnRlY2guY29t\content_cache\d7\d37\</t>
  </si>
  <si>
    <t>11/25/2019 09:12:31</t>
  </si>
  <si>
    <t>C:\OneDrive\OneDrive - Grupo Algar\bHVpem1kYUBhbGdhcnRlY2guY29t\content_cache\d8\d5\</t>
  </si>
  <si>
    <t>C:\OneDrive\OneDrive - Grupo Algar\bHVpem1kYUBhbGdhcnRlY2guY29t\content_cache\d8\d55\</t>
  </si>
  <si>
    <t>11/25/2019 09:12:33</t>
  </si>
  <si>
    <t>C:\OneDrive\OneDrive - Grupo Algar\bHVpem1kYUBhbGdhcnRlY2guY29t\content_cache\d9\d139\</t>
  </si>
  <si>
    <t>11/25/2019 09:12:44</t>
  </si>
  <si>
    <t>C:\OneDrive\OneDrive - Grupo Algar\bHVpem1kYUBhbGdhcnRlY2guY29t\content_cache\d8\d89\</t>
  </si>
  <si>
    <t>11/25/2019 09:12:48</t>
  </si>
  <si>
    <t>C:\OneDrive\OneDrive - Grupo Algar\bHVpem1kYUBhbGdhcnRlY2guY29t\content_cache\d9\d90\</t>
  </si>
  <si>
    <t>11/25/2019 09:12:51</t>
  </si>
  <si>
    <t>C:\OneDrive\OneDrive - Grupo Algar\bHVpem1kYUBhbGdhcnRlY2guY29t\content_cache\d0\d128\</t>
  </si>
  <si>
    <t>11/25/2019 09:12:52</t>
  </si>
  <si>
    <t>C:\OneDrive\OneDrive - Grupo Algar\bHVpem1kYUBhbGdhcnRlY2guY29t\content_cache\d0\d145\</t>
  </si>
  <si>
    <t>11/25/2019 09:12:53</t>
  </si>
  <si>
    <t>C:\OneDrive\OneDrive - Grupo Algar\bHVpem1kYUBhbGdhcnRlY2guY29t\content_cache\d0\d28\</t>
  </si>
  <si>
    <t>11/25/2019 09:13:02</t>
  </si>
  <si>
    <t>C:\OneDrive\OneDrive - Grupo Algar\bHVpem1kYUBhbGdhcnRlY2guY29t\content_cache\d1\d129\23987\</t>
  </si>
  <si>
    <t>ConfiguraÃ§Ã£o_Desktops(bra-%).csv</t>
  </si>
  <si>
    <t>11/25/2019 09:13:12</t>
  </si>
  <si>
    <t>C:\OneDrive\OneDrive - Grupo Algar\bHVpem1kYUBhbGdhcnRlY2guY29t\content_cache\d1\d113\</t>
  </si>
  <si>
    <t>11/25/2019 09:13:13</t>
  </si>
  <si>
    <t>C:\OneDrive\OneDrive - Grupo Algar\bHVpem1kYUBhbGdhcnRlY2guY29t\content_cache\d1\d29\</t>
  </si>
  <si>
    <t>11/25/2019 09:13:23</t>
  </si>
  <si>
    <t>C:\OneDrive\OneDrive - Grupo Algar\bHVpem1kYUBhbGdhcnRlY2guY29t\content_cache\d10\d138\</t>
  </si>
  <si>
    <t>11/25/2019 09:13:24</t>
  </si>
  <si>
    <t>C:\OneDrive\OneDrive - Grupo Algar\bHVpem1kYUBhbGdhcnRlY2guY29t\content_cache\d10\d22\</t>
  </si>
  <si>
    <t>11/25/2019 09:13:26</t>
  </si>
  <si>
    <t>C:\OneDrive\OneDrive - Grupo Algar\bHVpem1kYUBhbGdhcnRlY2guY29t\content_cache\d10\d5\</t>
  </si>
  <si>
    <t>11/25/2019 09:13:29</t>
  </si>
  <si>
    <t>C:\OneDrive\OneDrive - Grupo Algar\bHVpem1kYUBhbGdhcnRlY2guY29t\content_cache\d10\d89\</t>
  </si>
  <si>
    <t>11/25/2019 09:13:32</t>
  </si>
  <si>
    <t>C:\OneDrive\OneDrive - Grupo Algar\bHVpem1kYUBhbGdhcnRlY2guY29t\content_cache\d11\d139\</t>
  </si>
  <si>
    <t>11/25/2019 09:13:33</t>
  </si>
  <si>
    <t>C:\OneDrive\OneDrive - Grupo Algar\bHVpem1kYUBhbGdhcnRlY2guY29t\content_cache\d11\d21\</t>
  </si>
  <si>
    <t>11/25/2019 09:13:42</t>
  </si>
  <si>
    <t>C:\OneDrive\OneDrive - Grupo Algar\bHVpem1kYUBhbGdhcnRlY2guY29t\content_cache\d12\d125\</t>
  </si>
  <si>
    <t>C:\OneDrive\OneDrive - Grupo Algar\bHVpem1kYUBhbGdhcnRlY2guY29t\content_cache\d12\d140\</t>
  </si>
  <si>
    <t>11/25/2019 09:13:43</t>
  </si>
  <si>
    <t>C:\OneDrive\OneDrive - Grupo Algar\bHVpem1kYUBhbGdhcnRlY2guY29t\content_cache\d12\d22\</t>
  </si>
  <si>
    <t>11/25/2019 09:13:45</t>
  </si>
  <si>
    <t>C:\OneDrive\OneDrive - Grupo Algar\bHVpem1kYUBhbGdhcnRlY2guY29t\content_cache\d12\d39\</t>
  </si>
  <si>
    <t>11/25/2019 09:13:47</t>
  </si>
  <si>
    <t>C:\OneDrive\OneDrive - Grupo Algar\bHVpem1kYUBhbGdhcnRlY2guY29t\content_cache\d12\d56\</t>
  </si>
  <si>
    <t>11/25/2019 09:13:49</t>
  </si>
  <si>
    <t>C:\OneDrive\OneDrive - Grupo Algar\bHVpem1kYUBhbGdhcnRlY2guY29t\content_cache\d12\d6\</t>
  </si>
  <si>
    <t>C:\OneDrive\OneDrive - Grupo Algar\bHVpem1kYUBhbGdhcnRlY2guY29t\content_cache\d12\d6\23864\</t>
  </si>
  <si>
    <t>11/25/2019 09:13:53</t>
  </si>
  <si>
    <t>C:\OneDrive\OneDrive - Grupo Algar\bHVpem1kYUBhbGdhcnRlY2guY29t\content_cache\d13\d109\</t>
  </si>
  <si>
    <t>11/25/2019 09:13:55</t>
  </si>
  <si>
    <t>C:\OneDrive\OneDrive - Grupo Algar\bHVpem1kYUBhbGdhcnRlY2guY29t\content_cache\d13\d124\</t>
  </si>
  <si>
    <t>11/25/2019 09:13:58</t>
  </si>
  <si>
    <t>C:\OneDrive\OneDrive - Grupo Algar\bHVpem1kYUBhbGdhcnRlY2guY29t\content_cache\d13\d23\</t>
  </si>
  <si>
    <t>11/25/2019 09:13:59</t>
  </si>
  <si>
    <t>C:\OneDrive\OneDrive - Grupo Algar\bHVpem1kYUBhbGdhcnRlY2guY29t\content_cache\d13\d40\</t>
  </si>
  <si>
    <t>11/25/2019 09:14:02</t>
  </si>
  <si>
    <t>C:\OneDrive\OneDrive - Grupo Algar\bHVpem1kYUBhbGdhcnRlY2guY29t\content_cache\d13\d57\</t>
  </si>
  <si>
    <t>11/25/2019 09:14:24</t>
  </si>
  <si>
    <t>C:\OneDrive\OneDrive - Grupo Algar\bHVpem1kYUBhbGdhcnRlY2guY29t\content_cache\d14\d142\</t>
  </si>
  <si>
    <t>11/25/2019 09:14:26</t>
  </si>
  <si>
    <t>C:\OneDrive\OneDrive - Grupo Algar\bHVpem1kYUBhbGdhcnRlY2guY29t\content_cache\d14\d41\</t>
  </si>
  <si>
    <t>11/25/2019 09:14:28</t>
  </si>
  <si>
    <t>C:\OneDrive\OneDrive - Grupo Algar\bHVpem1kYUBhbGdhcnRlY2guY29t\content_cache\d14\d58\</t>
  </si>
  <si>
    <t>11/25/2019 09:14:29</t>
  </si>
  <si>
    <t>C:\OneDrive\OneDrive - Grupo Algar\bHVpem1kYUBhbGdhcnRlY2guY29t\content_cache\d14\d59\</t>
  </si>
  <si>
    <t>11/25/2019 09:14:38</t>
  </si>
  <si>
    <t>C:\OneDrive\OneDrive - Grupo Algar\bHVpem1kYUBhbGdhcnRlY2guY29t\content_cache\d15\d42\</t>
  </si>
  <si>
    <t>11/25/2019 09:14:39</t>
  </si>
  <si>
    <t>C:\OneDrive\OneDrive - Grupo Algar\bHVpem1kYUBhbGdhcnRlY2guY29t\content_cache\d15\d59\</t>
  </si>
  <si>
    <t>11/25/2019 09:14:50</t>
  </si>
  <si>
    <t>C:\OneDrive\OneDrive - Grupo Algar\bHVpem1kYUBhbGdhcnRlY2guY29t\content_cache\d16\d60\</t>
  </si>
  <si>
    <t>11/25/2019 09:14:56</t>
  </si>
  <si>
    <t>C:\OneDrive\OneDrive - Grupo Algar\bHVpem1kYUBhbGdhcnRlY2guY29t\content_cache\d17\d129\</t>
  </si>
  <si>
    <t>C:\OneDrive\OneDrive - Grupo Algar\bHVpem1kYUBhbGdhcnRlY2guY29t\content_cache\d17\d130\</t>
  </si>
  <si>
    <t>11/25/2019 09:15:06</t>
  </si>
  <si>
    <t>C:\OneDrive\OneDrive - Grupo Algar\bHVpem1kYUBhbGdhcnRlY2guY29t\content_cache\d18\d111\</t>
  </si>
  <si>
    <t>11/25/2019 09:15:07</t>
  </si>
  <si>
    <t>C:\OneDrive\OneDrive - Grupo Algar\bHVpem1kYUBhbGdhcnRlY2guY29t\content_cache\d18\d113\23669\</t>
  </si>
  <si>
    <t>11/25/2019 09:15:08</t>
  </si>
  <si>
    <t>C:\OneDrive\OneDrive - Grupo Algar\bHVpem1kYUBhbGdhcnRlY2guY29t\content_cache\d18\d129\</t>
  </si>
  <si>
    <t>11/25/2019 09:15:10</t>
  </si>
  <si>
    <t>C:\OneDrive\OneDrive - Grupo Algar\bHVpem1kYUBhbGdhcnRlY2guY29t\content_cache\d18\d146\</t>
  </si>
  <si>
    <t>11/25/2019 09:15:13</t>
  </si>
  <si>
    <t>C:\OneDrive\OneDrive - Grupo Algar\bHVpem1kYUBhbGdhcnRlY2guY29t\content_cache\d18\d46\</t>
  </si>
  <si>
    <t>11/25/2019 09:15:14</t>
  </si>
  <si>
    <t>C:\OneDrive\OneDrive - Grupo Algar\bHVpem1kYUBhbGdhcnRlY2guY29t\content_cache\d18\d62\</t>
  </si>
  <si>
    <t>C:\OneDrive\OneDrive - Grupo Algar\bHVpem1kYUBhbGdhcnRlY2guY29t\content_cache\d18\d63\</t>
  </si>
  <si>
    <t>11/25/2019 09:15:15</t>
  </si>
  <si>
    <t>C:\OneDrive\OneDrive - Grupo Algar\bHVpem1kYUBhbGdhcnRlY2guY29t\content_cache\d18\d79\</t>
  </si>
  <si>
    <t>11/25/2019 09:15:17</t>
  </si>
  <si>
    <t>C:\OneDrive\OneDrive - Grupo Algar\bHVpem1kYUBhbGdhcnRlY2guY29t\content_cache\d18\d97\</t>
  </si>
  <si>
    <t>11/25/2019 09:15:20</t>
  </si>
  <si>
    <t>C:\OneDrive\OneDrive - Grupo Algar\bHVpem1kYUBhbGdhcnRlY2guY29t\content_cache\d19\d14\</t>
  </si>
  <si>
    <t>11/25/2019 09:15:25</t>
  </si>
  <si>
    <t>C:\OneDrive\OneDrive - Grupo Algar\bHVpem1kYUBhbGdhcnRlY2guY29t\content_cache\d19\d65\</t>
  </si>
  <si>
    <t>11/25/2019 09:15:27</t>
  </si>
  <si>
    <t>C:\OneDrive\OneDrive - Grupo Algar\bHVpem1kYUBhbGdhcnRlY2guY29t\content_cache\d19\d98\</t>
  </si>
  <si>
    <t>11/25/2019 09:15:29</t>
  </si>
  <si>
    <t>C:\OneDrive\OneDrive - Grupo Algar\bHVpem1kYUBhbGdhcnRlY2guY29t\content_cache\d2\d115\</t>
  </si>
  <si>
    <t>11/25/2019 09:15:33</t>
  </si>
  <si>
    <t>11/25/2019 09:21:13</t>
  </si>
  <si>
    <t>C:\OneDrive\OneDrive - Grupo Algar\bHVpem1kYUBhbGdhcnRlY2guY29t\content_cache\d2\d30\</t>
  </si>
  <si>
    <t>C:\OneDrive\OneDrive - Grupo Algar\bHVpem1kYUBhbGdhcnRlY2guY29t\content_cache\d2\d44\</t>
  </si>
  <si>
    <t>11/25/2019 09:15:39</t>
  </si>
  <si>
    <t>C:\OneDrive\OneDrive - Grupo Algar\bHVpem1kYUBhbGdhcnRlY2guY29t\content_cache\d20\d115\</t>
  </si>
  <si>
    <t>C:\OneDrive\OneDrive - Grupo Algar\bHVpem1kYUBhbGdhcnRlY2guY29t\content_cache\d20\d12\</t>
  </si>
  <si>
    <t>11/25/2019 09:15:45</t>
  </si>
  <si>
    <t>C:\OneDrive\OneDrive - Grupo Algar\bHVpem1kYUBhbGdhcnRlY2guY29t\content_cache\d20\d64\</t>
  </si>
  <si>
    <t>11/25/2019 09:15:48</t>
  </si>
  <si>
    <t>C:\OneDrive\OneDrive - Grupo Algar\bHVpem1kYUBhbGdhcnRlY2guY29t\content_cache\d21\d115\</t>
  </si>
  <si>
    <t>11/25/2019 09:16:03</t>
  </si>
  <si>
    <t>C:\OneDrive\OneDrive - Grupo Algar\bHVpem1kYUBhbGdhcnRlY2guY29t\content_cache\d21\d116\</t>
  </si>
  <si>
    <t>C:\OneDrive\OneDrive - Grupo Algar\bHVpem1kYUBhbGdhcnRlY2guY29t\content_cache\d21\d15\</t>
  </si>
  <si>
    <t>11/25/2019 09:16:04</t>
  </si>
  <si>
    <t>C:\OneDrive\OneDrive - Grupo Algar\bHVpem1kYUBhbGdhcnRlY2guY29t\content_cache\d21\d150\</t>
  </si>
  <si>
    <t>11/25/2019 09:16:06</t>
  </si>
  <si>
    <t>C:\OneDrive\OneDrive - Grupo Algar\bHVpem1kYUBhbGdhcnRlY2guY29t\content_cache\d21\d32\</t>
  </si>
  <si>
    <t>11/25/2019 09:16:09</t>
  </si>
  <si>
    <t>C:\OneDrive\OneDrive - Grupo Algar\bHVpem1kYUBhbGdhcnRlY2guY29t\content_cache\d21\d65\</t>
  </si>
  <si>
    <t>11/25/2019 09:16:12</t>
  </si>
  <si>
    <t>C:\OneDrive\OneDrive - Grupo Algar\bHVpem1kYUBhbGdhcnRlY2guY29t\content_cache\d22\d116\</t>
  </si>
  <si>
    <t>11/25/2019 09:16:17</t>
  </si>
  <si>
    <t>C:\OneDrive\OneDrive - Grupo Algar\bHVpem1kYUBhbGdhcnRlY2guY29t\content_cache\d22\d17\</t>
  </si>
  <si>
    <t>11/25/2019 09:16:18</t>
  </si>
  <si>
    <t>C:\OneDrive\OneDrive - Grupo Algar\bHVpem1kYUBhbGdhcnRlY2guY29t\content_cache\d22\d33\</t>
  </si>
  <si>
    <t>11/25/2019 09:16:21</t>
  </si>
  <si>
    <t>C:\OneDrive\OneDrive - Grupo Algar\bHVpem1kYUBhbGdhcnRlY2guY29t\content_cache\d22\d66\</t>
  </si>
  <si>
    <t>11/25/2019 09:16:23</t>
  </si>
  <si>
    <t>C:\OneDrive\OneDrive - Grupo Algar\bHVpem1kYUBhbGdhcnRlY2guY29t\content_cache\d22\d84\</t>
  </si>
  <si>
    <t>11/25/2019 09:16:26</t>
  </si>
  <si>
    <t>C:\OneDrive\OneDrive - Grupo Algar\bHVpem1kYUBhbGdhcnRlY2guY29t\content_cache\d23\d118\</t>
  </si>
  <si>
    <t>11/25/2019 09:16:29</t>
  </si>
  <si>
    <t>C:\OneDrive\OneDrive - Grupo Algar\bHVpem1kYUBhbGdhcnRlY2guY29t\content_cache\d23\d17\</t>
  </si>
  <si>
    <t>11/25/2019 09:16:36</t>
  </si>
  <si>
    <t>C:\OneDrive\OneDrive - Grupo Algar\bHVpem1kYUBhbGdhcnRlY2guY29t\content_cache\d24\d103\</t>
  </si>
  <si>
    <t>11/25/2019 09:16:40</t>
  </si>
  <si>
    <t>C:\OneDrive\OneDrive - Grupo Algar\bHVpem1kYUBhbGdhcnRlY2guY29t\content_cache\d24\d2\</t>
  </si>
  <si>
    <t>11/25/2019 09:16:43</t>
  </si>
  <si>
    <t>C:\OneDrive\OneDrive - Grupo Algar\bHVpem1kYUBhbGdhcnRlY2guY29t\content_cache\d24\d68\</t>
  </si>
  <si>
    <t>11/25/2019 09:16:49</t>
  </si>
  <si>
    <t>C:\OneDrive\OneDrive - Grupo Algar\bHVpem1kYUBhbGdhcnRlY2guY29t\content_cache\d25\d136\</t>
  </si>
  <si>
    <t>11/25/2019 09:16:54</t>
  </si>
  <si>
    <t>C:\OneDrive\OneDrive - Grupo Algar\bHVpem1kYUBhbGdhcnRlY2guY29t\content_cache\d25\d69\</t>
  </si>
  <si>
    <t>11/25/2019 09:16:56</t>
  </si>
  <si>
    <t>C:\OneDrive\OneDrive - Grupo Algar\bHVpem1kYUBhbGdhcnRlY2guY29t\content_cache\d26\d105\</t>
  </si>
  <si>
    <t>11/25/2019 09:16:59</t>
  </si>
  <si>
    <t>C:\OneDrive\OneDrive - Grupo Algar\bHVpem1kYUBhbGdhcnRlY2guY29t\content_cache\d26\d137\</t>
  </si>
  <si>
    <t>11/25/2019 09:17:01</t>
  </si>
  <si>
    <t>C:\OneDrive\OneDrive - Grupo Algar\bHVpem1kYUBhbGdhcnRlY2guY29t\content_cache\d26\d3\</t>
  </si>
  <si>
    <t>11/25/2019 09:17:12</t>
  </si>
  <si>
    <t>C:\OneDrive\OneDrive - Grupo Algar\bHVpem1kYUBhbGdhcnRlY2guY29t\content_cache\d26\d54\</t>
  </si>
  <si>
    <t>11/25/2019 09:17:16</t>
  </si>
  <si>
    <t>C:\OneDrive\OneDrive - Grupo Algar\bHVpem1kYUBhbGdhcnRlY2guY29t\content_cache\d27\d106\</t>
  </si>
  <si>
    <t>11/25/2019 09:17:18</t>
  </si>
  <si>
    <t>C:\OneDrive\OneDrive - Grupo Algar\bHVpem1kYUBhbGdhcnRlY2guY29t\content_cache\d27\d138\</t>
  </si>
  <si>
    <t>11/25/2019 09:17:19</t>
  </si>
  <si>
    <t>C:\OneDrive\OneDrive - Grupo Algar\bHVpem1kYUBhbGdhcnRlY2guY29t\content_cache\d27\d2\25219\PCI Nespresso\</t>
  </si>
  <si>
    <t>11/25/2019 09:17:26</t>
  </si>
  <si>
    <t>C:\OneDrive\OneDrive - Grupo Algar\bHVpem1kYUBhbGdhcnRlY2guY29t\content_cache\d27\d72\</t>
  </si>
  <si>
    <t>11/25/2019 09:17:29</t>
  </si>
  <si>
    <t>C:\OneDrive\OneDrive - Grupo Algar\bHVpem1kYUBhbGdhcnRlY2guY29t\content_cache\d28\d124\</t>
  </si>
  <si>
    <t>11/25/2019 09:17:30</t>
  </si>
  <si>
    <t>C:\OneDrive\OneDrive - Grupo Algar\bHVpem1kYUBhbGdhcnRlY2guY29t\content_cache\d28\d139\</t>
  </si>
  <si>
    <t>11/25/2019 09:17:31</t>
  </si>
  <si>
    <t>C:\OneDrive\OneDrive - Grupo Algar\bHVpem1kYUBhbGdhcnRlY2guY29t\content_cache\d28\d23\</t>
  </si>
  <si>
    <t>11/25/2019 09:17:37</t>
  </si>
  <si>
    <t>C:\OneDrive\OneDrive - Grupo Algar\bHVpem1kYUBhbGdhcnRlY2guY29t\content_cache\d28\d72\</t>
  </si>
  <si>
    <t>C:\OneDrive\OneDrive - Grupo Algar\bHVpem1kYUBhbGdhcnRlY2guY29t\content_cache\d28\d73\</t>
  </si>
  <si>
    <t>11/25/2019 09:17:40</t>
  </si>
  <si>
    <t>C:\OneDrive\OneDrive - Grupo Algar\bHVpem1kYUBhbGdhcnRlY2guY29t\content_cache\d29\d108\</t>
  </si>
  <si>
    <t>11/25/2019 09:17:41</t>
  </si>
  <si>
    <t>C:\OneDrive\OneDrive - Grupo Algar\bHVpem1kYUBhbGdhcnRlY2guY29t\content_cache\d29\d125\</t>
  </si>
  <si>
    <t>11/25/2019 09:17:42</t>
  </si>
  <si>
    <t>C:\OneDrive\OneDrive - Grupo Algar\bHVpem1kYUBhbGdhcnRlY2guY29t\content_cache\d29\d140\</t>
  </si>
  <si>
    <t>11/25/2019 09:17:47</t>
  </si>
  <si>
    <t>C:\OneDrive\OneDrive - Grupo Algar\bHVpem1kYUBhbGdhcnRlY2guY29t\content_cache\d29\d73\</t>
  </si>
  <si>
    <t>11/25/2019 09:17:48</t>
  </si>
  <si>
    <t>C:\OneDrive\OneDrive - Grupo Algar\bHVpem1kYUBhbGdhcnRlY2guY29t\content_cache\d29\d74\</t>
  </si>
  <si>
    <t>C:\OneDrive\OneDrive - Grupo Algar\bHVpem1kYUBhbGdhcnRlY2guY29t\content_cache\d29\d75\</t>
  </si>
  <si>
    <t>11/25/2019 09:17:53</t>
  </si>
  <si>
    <t>C:\OneDrive\OneDrive - Grupo Algar\bHVpem1kYUBhbGdhcnRlY2guY29t\content_cache\d3\d131\23989\</t>
  </si>
  <si>
    <t>Softwares_Instalados(bra-%).csv</t>
  </si>
  <si>
    <t>11/25/2019 09:18:13</t>
  </si>
  <si>
    <t>C:\OneDrive\OneDrive - Grupo Algar\bHVpem1kYUBhbGdhcnRlY2guY29t\content_cache\d30\d108\</t>
  </si>
  <si>
    <t>11/25/2019 09:18:14</t>
  </si>
  <si>
    <t>C:\OneDrive\OneDrive - Grupo Algar\bHVpem1kYUBhbGdhcnRlY2guY29t\content_cache\d30\d142\23547\</t>
  </si>
  <si>
    <t>11/25/2019 09:18:16</t>
  </si>
  <si>
    <t>C:\OneDrive\OneDrive - Grupo Algar\bHVpem1kYUBhbGdhcnRlY2guY29t\content_cache\d30\d25\</t>
  </si>
  <si>
    <t>11/25/2019 09:18:17</t>
  </si>
  <si>
    <t>C:\OneDrive\OneDrive - Grupo Algar\bHVpem1kYUBhbGdhcnRlY2guY29t\content_cache\d30\d42\</t>
  </si>
  <si>
    <t>11/25/2019 09:18:19</t>
  </si>
  <si>
    <t>C:\OneDrive\OneDrive - Grupo Algar\bHVpem1kYUBhbGdhcnRlY2guY29t\content_cache\d30\d59\</t>
  </si>
  <si>
    <t>11/25/2019 09:18:20</t>
  </si>
  <si>
    <t>C:\OneDrive\OneDrive - Grupo Algar\bHVpem1kYUBhbGdhcnRlY2guY29t\content_cache\d30\d75\</t>
  </si>
  <si>
    <t>11/25/2019 09:18:21</t>
  </si>
  <si>
    <t>C:\OneDrive\OneDrive - Grupo Algar\bHVpem1kYUBhbGdhcnRlY2guY29t\content_cache\d30\d8\</t>
  </si>
  <si>
    <t>11/25/2019 09:18:22</t>
  </si>
  <si>
    <t>C:\OneDrive\OneDrive - Grupo Algar\bHVpem1kYUBhbGdhcnRlY2guY29t\content_cache\d30\d9\</t>
  </si>
  <si>
    <t>C:\OneDrive\OneDrive - Grupo Algar\bHVpem1kYUBhbGdhcnRlY2guY29t\content_cache\d30\d92\</t>
  </si>
  <si>
    <t>11/25/2019 09:18:23</t>
  </si>
  <si>
    <t>C:\OneDrive\OneDrive - Grupo Algar\bHVpem1kYUBhbGdhcnRlY2guY29t\content_cache\d31\d10\</t>
  </si>
  <si>
    <t>11/25/2019 09:18:25</t>
  </si>
  <si>
    <t>C:\OneDrive\OneDrive - Grupo Algar\bHVpem1kYUBhbGdhcnRlY2guY29t\content_cache\d30\d91\</t>
  </si>
  <si>
    <t>C:\OneDrive\OneDrive - Grupo Algar\bHVpem1kYUBhbGdhcnRlY2guY29t\content_cache\d30\d91\23949\</t>
  </si>
  <si>
    <t>11/25/2019 09:18:40</t>
  </si>
  <si>
    <t>C:\OneDrive\OneDrive - Grupo Algar\bHVpem1kYUBhbGdhcnRlY2guY29t\content_cache\d32\d111\</t>
  </si>
  <si>
    <t>11/25/2019 09:18:44</t>
  </si>
  <si>
    <t>C:\OneDrive\OneDrive - Grupo Algar\bHVpem1kYUBhbGdhcnRlY2guY29t\content_cache\d32\d42\</t>
  </si>
  <si>
    <t>11/25/2019 09:18:46</t>
  </si>
  <si>
    <t>C:\OneDrive\OneDrive - Grupo Algar\bHVpem1kYUBhbGdhcnRlY2guY29t\content_cache\d32\d58\</t>
  </si>
  <si>
    <t>11/25/2019 09:18:47</t>
  </si>
  <si>
    <t>C:\OneDrive\OneDrive - Grupo Algar\bHVpem1kYUBhbGdhcnRlY2guY29t\content_cache\d32\d77\</t>
  </si>
  <si>
    <t>11/25/2019 09:18:49</t>
  </si>
  <si>
    <t>C:\OneDrive\OneDrive - Grupo Algar\bHVpem1kYUBhbGdhcnRlY2guY29t\content_cache\d32\d94\</t>
  </si>
  <si>
    <t>11/25/2019 09:18:55</t>
  </si>
  <si>
    <t>C:\OneDrive\OneDrive - Grupo Algar\bHVpem1kYUBhbGdhcnRlY2guY29t\content_cache\d33\d27\</t>
  </si>
  <si>
    <t>11/25/2019 09:18:56</t>
  </si>
  <si>
    <t>C:\OneDrive\OneDrive - Grupo Algar\bHVpem1kYUBhbGdhcnRlY2guY29t\content_cache\d33\d45\</t>
  </si>
  <si>
    <t>11/25/2019 09:18:58</t>
  </si>
  <si>
    <t>C:\OneDrive\OneDrive - Grupo Algar\bHVpem1kYUBhbGdhcnRlY2guY29t\content_cache\d33\d78\</t>
  </si>
  <si>
    <t>11/25/2019 09:19:04</t>
  </si>
  <si>
    <t>C:\OneDrive\OneDrive - Grupo Algar\bHVpem1kYUBhbGdhcnRlY2guY29t\content_cache\d34\d13\</t>
  </si>
  <si>
    <t>11/25/2019 09:19:14</t>
  </si>
  <si>
    <t>C:\OneDrive\OneDrive - Grupo Algar\bHVpem1kYUBhbGdhcnRlY2guY29t\content_cache\d34\d61\</t>
  </si>
  <si>
    <t>11/25/2019 09:19:16</t>
  </si>
  <si>
    <t>C:\OneDrive\OneDrive - Grupo Algar\bHVpem1kYUBhbGdhcnRlY2guY29t\content_cache\d34\d78\</t>
  </si>
  <si>
    <t>11/25/2019 09:19:18</t>
  </si>
  <si>
    <t>C:\OneDrive\OneDrive - Grupo Algar\bHVpem1kYUBhbGdhcnRlY2guY29t\content_cache\d34\d96\</t>
  </si>
  <si>
    <t>11/25/2019 09:19:28</t>
  </si>
  <si>
    <t>C:\OneDrive\OneDrive - Grupo Algar\bHVpem1kYUBhbGdhcnRlY2guY29t\content_cache\d35\d148\</t>
  </si>
  <si>
    <t>11/25/2019 09:19:32</t>
  </si>
  <si>
    <t>C:\OneDrive\OneDrive - Grupo Algar\bHVpem1kYUBhbGdhcnRlY2guY29t\content_cache\d35\d47\</t>
  </si>
  <si>
    <t>11/25/2019 09:19:33</t>
  </si>
  <si>
    <t>C:\OneDrive\OneDrive - Grupo Algar\bHVpem1kYUBhbGdhcnRlY2guY29t\content_cache\d35\d64\</t>
  </si>
  <si>
    <t>C:\OneDrive\OneDrive - Grupo Algar\bHVpem1kYUBhbGdhcnRlY2guY29t\content_cache\d35\d79\</t>
  </si>
  <si>
    <t>11/25/2019 09:19:34</t>
  </si>
  <si>
    <t>C:\OneDrive\OneDrive - Grupo Algar\bHVpem1kYUBhbGdhcnRlY2guY29t\content_cache\d35\d80\</t>
  </si>
  <si>
    <t>11/25/2019 09:19:35</t>
  </si>
  <si>
    <t>C:\OneDrive\OneDrive - Grupo Algar\bHVpem1kYUBhbGdhcnRlY2guY29t\content_cache\d35\d96\</t>
  </si>
  <si>
    <t>11/25/2019 09:19:36</t>
  </si>
  <si>
    <t>C:\OneDrive\OneDrive - Grupo Algar\bHVpem1kYUBhbGdhcnRlY2guY29t\content_cache\d35\d97\</t>
  </si>
  <si>
    <t>11/25/2019 09:19:39</t>
  </si>
  <si>
    <t>C:\OneDrive\OneDrive - Grupo Algar\bHVpem1kYUBhbGdhcnRlY2guY29t\content_cache\d36\d14\</t>
  </si>
  <si>
    <t>11/25/2019 09:19:41</t>
  </si>
  <si>
    <t>C:\OneDrive\OneDrive - Grupo Algar\bHVpem1kYUBhbGdhcnRlY2guY29t\content_cache\d36\d30\</t>
  </si>
  <si>
    <t>11/25/2019 09:19:44</t>
  </si>
  <si>
    <t>C:\OneDrive\OneDrive - Grupo Algar\bHVpem1kYUBhbGdhcnRlY2guY29t\content_cache\d36\d65\</t>
  </si>
  <si>
    <t>11/25/2019 09:19:45</t>
  </si>
  <si>
    <t>C:\OneDrive\OneDrive - Grupo Algar\bHVpem1kYUBhbGdhcnRlY2guY29t\content_cache\d36\d81\</t>
  </si>
  <si>
    <t>11/25/2019 09:19:46</t>
  </si>
  <si>
    <t>C:\OneDrive\OneDrive - Grupo Algar\bHVpem1kYUBhbGdhcnRlY2guY29t\content_cache\d36\d98\</t>
  </si>
  <si>
    <t>11/25/2019 09:19:47</t>
  </si>
  <si>
    <t>C:\OneDrive\OneDrive - Grupo Algar\bHVpem1kYUBhbGdhcnRlY2guY29t\content_cache\d36\d97\</t>
  </si>
  <si>
    <t>C:\OneDrive\OneDrive - Grupo Algar\bHVpem1kYUBhbGdhcnRlY2guY29t\content_cache\d36\d97\23955\</t>
  </si>
  <si>
    <t>11/25/2019 09:19:49</t>
  </si>
  <si>
    <t>C:\OneDrive\OneDrive - Grupo Algar\bHVpem1kYUBhbGdhcnRlY2guY29t\content_cache\d37\d131\</t>
  </si>
  <si>
    <t>11/25/2019 09:19:50</t>
  </si>
  <si>
    <t>C:\OneDrive\OneDrive - Grupo Algar\bHVpem1kYUBhbGdhcnRlY2guY29t\content_cache\d37\d133\</t>
  </si>
  <si>
    <t>11/25/2019 09:19:59</t>
  </si>
  <si>
    <t>C:\OneDrive\OneDrive - Grupo Algar\bHVpem1kYUBhbGdhcnRlY2guY29t\content_cache\d37\d81\</t>
  </si>
  <si>
    <t>11/25/2019 09:20:01</t>
  </si>
  <si>
    <t>C:\OneDrive\OneDrive - Grupo Algar\bHVpem1kYUBhbGdhcnRlY2guY29t\content_cache\d37\d99\</t>
  </si>
  <si>
    <t>C:\OneDrive\OneDrive - Grupo Algar\bHVpem1kYUBhbGdhcnRlY2guY29t\content_cache\d38\d100\</t>
  </si>
  <si>
    <t>11/25/2019 09:20:26</t>
  </si>
  <si>
    <t>C:\OneDrive\OneDrive - Grupo Algar\bHVpem1kYUBhbGdhcnRlY2guY29t\content_cache\d38\d65\</t>
  </si>
  <si>
    <t>11/25/2019 09:20:28</t>
  </si>
  <si>
    <t>C:\OneDrive\OneDrive - Grupo Algar\bHVpem1kYUBhbGdhcnRlY2guY29t\content_cache\d38\d82\</t>
  </si>
  <si>
    <t>11/25/2019 09:19:05</t>
  </si>
  <si>
    <t>11/25/2019 09:22:12</t>
  </si>
  <si>
    <t>mail.google.com/_/upload?authuser=0&amp;dcp=asu-n&amp;upload_id=AEnB2UqAFOlC4ag3ptEAjkpgheRbrGUl1PzSWG6vaixEc64UJAqbcVuxtYV72MLA5xtV3S9QohFD2qscp-uC5-7jPhDa40ou-Q&amp;upload_protocol=resumable</t>
  </si>
  <si>
    <t>C:\Users\adrielefc\Desktop\</t>
  </si>
  <si>
    <t>11/25/2019 09:20:37</t>
  </si>
  <si>
    <t>11/25/2019 09:26:13</t>
  </si>
  <si>
    <t>C:\OneDrive\OneDrive - Grupo Algar\bHVpem1kYUBhbGdhcnRlY2guY29t\content_cache\d39\d34\</t>
  </si>
  <si>
    <t>11/25/2019 09:20:43</t>
  </si>
  <si>
    <t>C:\OneDrive\OneDrive - Grupo Algar\bHVpem1kYUBhbGdhcnRlY2guY29t\content_cache\d4\d117\</t>
  </si>
  <si>
    <t>11/25/2019 09:20:49</t>
  </si>
  <si>
    <t>C:\OneDrive\OneDrive - Grupo Algar\bHVpem1kYUBhbGdhcnRlY2guY29t\content_cache\d4\d46\</t>
  </si>
  <si>
    <t>C:\OneDrive\OneDrive - Grupo Algar\bHVpem1kYUBhbGdhcnRlY2guY29t\content_cache\d4\d49\</t>
  </si>
  <si>
    <t>11/25/2019 09:20:55</t>
  </si>
  <si>
    <t>C:\OneDrive\OneDrive - Grupo Algar\bHVpem1kYUBhbGdhcnRlY2guY29t\content_cache\d40\d1\</t>
  </si>
  <si>
    <t>11/25/2019 09:21:08</t>
  </si>
  <si>
    <t>C:\OneDrive\OneDrive - Grupo Algar\bHVpem1kYUBhbGdhcnRlY2guY29t\content_cache\d41\d101\</t>
  </si>
  <si>
    <t>11/25/2019 09:21:21</t>
  </si>
  <si>
    <t>C:\OneDrive\OneDrive - Grupo Algar\bHVpem1kYUBhbGdhcnRlY2guY29t\content_cache\d41\d119\</t>
  </si>
  <si>
    <t>11/25/2019 09:21:24</t>
  </si>
  <si>
    <t>C:\OneDrive\OneDrive - Grupo Algar\bHVpem1kYUBhbGdhcnRlY2guY29t\content_cache\d41\d16\</t>
  </si>
  <si>
    <t>C:\OneDrive\OneDrive - Grupo Algar\bHVpem1kYUBhbGdhcnRlY2guY29t\content_cache\d41\d2\</t>
  </si>
  <si>
    <t>11/25/2019 09:21:34</t>
  </si>
  <si>
    <t>C:\OneDrive\OneDrive - Grupo Algar\bHVpem1kYUBhbGdhcnRlY2guY29t\content_cache\d42\d118\</t>
  </si>
  <si>
    <t>11/25/2019 09:21:38</t>
  </si>
  <si>
    <t>C:\OneDrive\OneDrive - Grupo Algar\bHVpem1kYUBhbGdhcnRlY2guY29t\content_cache\d42\d121\23224\</t>
  </si>
  <si>
    <t>11/25/2019 09:21:42</t>
  </si>
  <si>
    <t>C:\OneDrive\OneDrive - Grupo Algar\bHVpem1kYUBhbGdhcnRlY2guY29t\content_cache\d42\d3\</t>
  </si>
  <si>
    <t>11/25/2019 09:21:43</t>
  </si>
  <si>
    <t>C:\OneDrive\OneDrive - Grupo Algar\bHVpem1kYUBhbGdhcnRlY2guY29t\content_cache\d42\d36\</t>
  </si>
  <si>
    <t>11/25/2019 09:21:44</t>
  </si>
  <si>
    <t>C:\OneDrive\OneDrive - Grupo Algar\bHVpem1kYUBhbGdhcnRlY2guY29t\content_cache\d42\d51\</t>
  </si>
  <si>
    <t>11/25/2019 09:21:46</t>
  </si>
  <si>
    <t>C:\OneDrive\OneDrive - Grupo Algar\bHVpem1kYUBhbGdhcnRlY2guY29t\content_cache\d42\d71\</t>
  </si>
  <si>
    <t>11/25/2019 09:21:51</t>
  </si>
  <si>
    <t>C:\OneDrive\OneDrive - Grupo Algar\bHVpem1kYUBhbGdhcnRlY2guY29t\content_cache\d43\d121\</t>
  </si>
  <si>
    <t>11/25/2019 09:21:52</t>
  </si>
  <si>
    <t>C:\OneDrive\OneDrive - Grupo Algar\bHVpem1kYUBhbGdhcnRlY2guY29t\content_cache\d43\d18\</t>
  </si>
  <si>
    <t>11/25/2019 09:21:55</t>
  </si>
  <si>
    <t>C:\OneDrive\OneDrive - Grupo Algar\bHVpem1kYUBhbGdhcnRlY2guY29t\content_cache\d43\d4\</t>
  </si>
  <si>
    <t>11/25/2019 09:21:58</t>
  </si>
  <si>
    <t>C:\OneDrive\OneDrive - Grupo Algar\bHVpem1kYUBhbGdhcnRlY2guY29t\content_cache\d43\d72\</t>
  </si>
  <si>
    <t>11/25/2019 09:22:00</t>
  </si>
  <si>
    <t>C:\OneDrive\OneDrive - Grupo Algar\bHVpem1kYUBhbGdhcnRlY2guY29t\content_cache\d43\d88\</t>
  </si>
  <si>
    <t>11/25/2019 09:22:01</t>
  </si>
  <si>
    <t>C:\OneDrive\OneDrive - Grupo Algar\bHVpem1kYUBhbGdhcnRlY2guY29t\content_cache\d44\d105\</t>
  </si>
  <si>
    <t>11/25/2019 09:22:04</t>
  </si>
  <si>
    <t>C:\OneDrive\OneDrive - Grupo Algar\bHVpem1kYUBhbGdhcnRlY2guY29t\content_cache\d44\d19\</t>
  </si>
  <si>
    <t>11/25/2019 09:22:06</t>
  </si>
  <si>
    <t>C:\OneDrive\OneDrive - Grupo Algar\bHVpem1kYUBhbGdhcnRlY2guY29t\content_cache\d44\d37\</t>
  </si>
  <si>
    <t>11/25/2019 09:22:09</t>
  </si>
  <si>
    <t>C:\OneDrive\OneDrive - Grupo Algar\bHVpem1kYUBhbGdhcnRlY2guY29t\content_cache\d44\d6\</t>
  </si>
  <si>
    <t>C:\OneDrive\OneDrive - Grupo Algar\bHVpem1kYUBhbGdhcnRlY2guY29t\content_cache\d44\d89\</t>
  </si>
  <si>
    <t>11/25/2019 09:22:19</t>
  </si>
  <si>
    <t>C:\OneDrive\OneDrive - Grupo Algar\bHVpem1kYUBhbGdhcnRlY2guY29t\content_cache\d45\d4\</t>
  </si>
  <si>
    <t>11/25/2019 09:22:21</t>
  </si>
  <si>
    <t>C:\OneDrive\OneDrive - Grupo Algar\bHVpem1kYUBhbGdhcnRlY2guY29t\content_cache\d45\d6\</t>
  </si>
  <si>
    <t>11/25/2019 09:22:25</t>
  </si>
  <si>
    <t>C:\OneDrive\OneDrive - Grupo Algar\bHVpem1kYUBhbGdhcnRlY2guY29t\content_cache\d46\d124\</t>
  </si>
  <si>
    <t>11/25/2019 09:22:33</t>
  </si>
  <si>
    <t>C:\OneDrive\OneDrive - Grupo Algar\bHVpem1kYUBhbGdhcnRlY2guY29t\content_cache\d46\d75\</t>
  </si>
  <si>
    <t>11/25/2019 09:22:35</t>
  </si>
  <si>
    <t>C:\OneDrive\OneDrive - Grupo Algar\bHVpem1kYUBhbGdhcnRlY2guY29t\content_cache\d46\d91\</t>
  </si>
  <si>
    <t>11/25/2019 09:22:53</t>
  </si>
  <si>
    <t>C:\OneDrive\OneDrive - Grupo Algar\bHVpem1kYUBhbGdhcnRlY2guY29t\content_cache\d48\d59\</t>
  </si>
  <si>
    <t>11/25/2019 09:22:55</t>
  </si>
  <si>
    <t>C:\OneDrive\OneDrive - Grupo Algar\bHVpem1kYUBhbGdhcnRlY2guY29t\content_cache\d48\d8\</t>
  </si>
  <si>
    <t>11/25/2019 09:22:56</t>
  </si>
  <si>
    <t>C:\OneDrive\OneDrive - Grupo Algar\bHVpem1kYUBhbGdhcnRlY2guY29t\content_cache\d48\d91\</t>
  </si>
  <si>
    <t>11/25/2019 09:22:58</t>
  </si>
  <si>
    <t>C:\OneDrive\OneDrive - Grupo Algar\bHVpem1kYUBhbGdhcnRlY2guY29t\content_cache\d49\d110\</t>
  </si>
  <si>
    <t>C:\OneDrive\OneDrive - Grupo Algar\bHVpem1kYUBhbGdhcnRlY2guY29t\content_cache\d49\d111\</t>
  </si>
  <si>
    <t>11/25/2019 09:23:00</t>
  </si>
  <si>
    <t>C:\OneDrive\OneDrive - Grupo Algar\bHVpem1kYUBhbGdhcnRlY2guY29t\content_cache\d49\d145\</t>
  </si>
  <si>
    <t>11/25/2019 09:23:17</t>
  </si>
  <si>
    <t>C:\OneDrive\OneDrive - Grupo Algar\bHVpem1kYUBhbGdhcnRlY2guY29t\content_cache\d5\d16\</t>
  </si>
  <si>
    <t>11/25/2019 09:23:19</t>
  </si>
  <si>
    <t>C:\OneDrive\OneDrive - Grupo Algar\bHVpem1kYUBhbGdhcnRlY2guY29t\content_cache\d5\d33\</t>
  </si>
  <si>
    <t>11/25/2019 09:23:20</t>
  </si>
  <si>
    <t>C:\OneDrive\OneDrive - Grupo Algar\bHVpem1kYUBhbGdhcnRlY2guY29t\content_cache\d5\d47\</t>
  </si>
  <si>
    <t>C:\OneDrive\OneDrive - Grupo Algar\bHVpem1kYUBhbGdhcnRlY2guY29t\content_cache\d5\d49\</t>
  </si>
  <si>
    <t>11/25/2019 09:23:25</t>
  </si>
  <si>
    <t>C:\OneDrive\OneDrive - Grupo Algar\bHVpem1kYUBhbGdhcnRlY2guY29t\content_cache\d50\d11\</t>
  </si>
  <si>
    <t>11/25/2019 09:23:30</t>
  </si>
  <si>
    <t>C:\OneDrive\OneDrive - Grupo Algar\bHVpem1kYUBhbGdhcnRlY2guY29t\content_cache\d50\d44\</t>
  </si>
  <si>
    <t>11/25/2019 09:23:34</t>
  </si>
  <si>
    <t>C:\OneDrive\OneDrive - Grupo Algar\bHVpem1kYUBhbGdhcnRlY2guY29t\content_cache\d51\d11\</t>
  </si>
  <si>
    <t>11/25/2019 09:23:35</t>
  </si>
  <si>
    <t>C:\OneDrive\OneDrive - Grupo Algar\bHVpem1kYUBhbGdhcnRlY2guY29t\content_cache\d51\d113\</t>
  </si>
  <si>
    <t>11/25/2019 09:23:37</t>
  </si>
  <si>
    <t>C:\OneDrive\OneDrive - Grupo Algar\bHVpem1kYUBhbGdhcnRlY2guY29t\content_cache\d51\d146\</t>
  </si>
  <si>
    <t>C:\OneDrive\OneDrive - Grupo Algar\bHVpem1kYUBhbGdhcnRlY2guY29t\content_cache\d51\d147\</t>
  </si>
  <si>
    <t>11/25/2019 09:23:40</t>
  </si>
  <si>
    <t>C:\OneDrive\OneDrive - Grupo Algar\bHVpem1kYUBhbGdhcnRlY2guY29t\content_cache\d51\d60\</t>
  </si>
  <si>
    <t>11/25/2019 09:23:44</t>
  </si>
  <si>
    <t>C:\OneDrive\OneDrive - Grupo Algar\bHVpem1kYUBhbGdhcnRlY2guY29t\content_cache\d52\d11\</t>
  </si>
  <si>
    <t>11/25/2019 09:23:45</t>
  </si>
  <si>
    <t>C:\OneDrive\OneDrive - Grupo Algar\bHVpem1kYUBhbGdhcnRlY2guY29t\content_cache\d52\d112\</t>
  </si>
  <si>
    <t>11/25/2019 09:23:51</t>
  </si>
  <si>
    <t>C:\OneDrive\OneDrive - Grupo Algar\bHVpem1kYUBhbGdhcnRlY2guY29t\content_cache\d52\d63\</t>
  </si>
  <si>
    <t>11/25/2019 09:23:56</t>
  </si>
  <si>
    <t>C:\OneDrive\OneDrive - Grupo Algar\bHVpem1kYUBhbGdhcnRlY2guY29t\content_cache\d53\d12\</t>
  </si>
  <si>
    <t>11/25/2019 09:23:58</t>
  </si>
  <si>
    <t>C:\OneDrive\OneDrive - Grupo Algar\bHVpem1kYUBhbGdhcnRlY2guY29t\content_cache\d53\d132\</t>
  </si>
  <si>
    <t>11/25/2019 09:23:59</t>
  </si>
  <si>
    <t>C:\OneDrive\OneDrive - Grupo Algar\bHVpem1kYUBhbGdhcnRlY2guY29t\content_cache\d53\d148\</t>
  </si>
  <si>
    <t>11/25/2019 09:24:00</t>
  </si>
  <si>
    <t>C:\OneDrive\OneDrive - Grupo Algar\bHVpem1kYUBhbGdhcnRlY2guY29t\content_cache\d53\d30\</t>
  </si>
  <si>
    <t>11/25/2019 09:24:02</t>
  </si>
  <si>
    <t>C:\OneDrive\OneDrive - Grupo Algar\bHVpem1kYUBhbGdhcnRlY2guY29t\content_cache\d53\d63\</t>
  </si>
  <si>
    <t>C:\OneDrive\OneDrive - Grupo Algar\bHVpem1kYUBhbGdhcnRlY2guY29t\content_cache\d53\d65\</t>
  </si>
  <si>
    <t>11/25/2019 09:24:03</t>
  </si>
  <si>
    <t>C:\OneDrive\OneDrive - Grupo Algar\bHVpem1kYUBhbGdhcnRlY2guY29t\content_cache\d53\d82\</t>
  </si>
  <si>
    <t>11/25/2019 09:24:07</t>
  </si>
  <si>
    <t>C:\OneDrive\OneDrive - Grupo Algar\bHVpem1kYUBhbGdhcnRlY2guY29t\content_cache\d54\d13\</t>
  </si>
  <si>
    <t>11/25/2019 09:24:19</t>
  </si>
  <si>
    <t>C:\OneDrive\OneDrive - Grupo Algar\bHVpem1kYUBhbGdhcnRlY2guY29t\content_cache\d55\d100\</t>
  </si>
  <si>
    <t>C:\OneDrive\OneDrive - Grupo Algar\bHVpem1kYUBhbGdhcnRlY2guY29t\content_cache\d55\d101\</t>
  </si>
  <si>
    <t>11/25/2019 09:24:21</t>
  </si>
  <si>
    <t>C:\OneDrive\OneDrive - Grupo Algar\bHVpem1kYUBhbGdhcnRlY2guY29t\content_cache\d55\d133\</t>
  </si>
  <si>
    <t>11/25/2019 09:24:22</t>
  </si>
  <si>
    <t>C:\OneDrive\OneDrive - Grupo Algar\bHVpem1kYUBhbGdhcnRlY2guY29t\content_cache\d55\d150\</t>
  </si>
  <si>
    <t>C:\OneDrive\OneDrive - Grupo Algar\bHVpem1kYUBhbGdhcnRlY2guY29t\content_cache\d55\d16\</t>
  </si>
  <si>
    <t>11/25/2019 09:24:24</t>
  </si>
  <si>
    <t>C:\OneDrive\OneDrive - Grupo Algar\bHVpem1kYUBhbGdhcnRlY2guY29t\content_cache\d55\d34\</t>
  </si>
  <si>
    <t>11/25/2019 09:24:26</t>
  </si>
  <si>
    <t>C:\OneDrive\OneDrive - Grupo Algar\bHVpem1kYUBhbGdhcnRlY2guY29t\content_cache\d55\d64\</t>
  </si>
  <si>
    <t>11/25/2019 09:24:29</t>
  </si>
  <si>
    <t>C:\OneDrive\OneDrive - Grupo Algar\bHVpem1kYUBhbGdhcnRlY2guY29t\content_cache\d56\d0\</t>
  </si>
  <si>
    <t>C:\OneDrive\OneDrive - Grupo Algar\bHVpem1kYUBhbGdhcnRlY2guY29t\content_cache\d56\d101\</t>
  </si>
  <si>
    <t>11/25/2019 09:24:33</t>
  </si>
  <si>
    <t>C:\OneDrive\OneDrive - Grupo Algar\bHVpem1kYUBhbGdhcnRlY2guY29t\content_cache\d56\d134\</t>
  </si>
  <si>
    <t>11/25/2019 09:24:34</t>
  </si>
  <si>
    <t>C:\OneDrive\OneDrive - Grupo Algar\bHVpem1kYUBhbGdhcnRlY2guY29t\content_cache\d56\d135\</t>
  </si>
  <si>
    <t>C:\OneDrive\OneDrive - Grupo Algar\bHVpem1kYUBhbGdhcnRlY2guY29t\content_cache\d56\d148\</t>
  </si>
  <si>
    <t>11/25/2019 09:24:35</t>
  </si>
  <si>
    <t>C:\OneDrive\OneDrive - Grupo Algar\bHVpem1kYUBhbGdhcnRlY2guY29t\content_cache\d56\d17\</t>
  </si>
  <si>
    <t>11/25/2019 09:24:36</t>
  </si>
  <si>
    <t>C:\OneDrive\OneDrive - Grupo Algar\bHVpem1kYUBhbGdhcnRlY2guY29t\content_cache\d56\d31\</t>
  </si>
  <si>
    <t>11/25/2019 09:24:37</t>
  </si>
  <si>
    <t>C:\OneDrive\OneDrive - Grupo Algar\bHVpem1kYUBhbGdhcnRlY2guY29t\content_cache\d56\d34\</t>
  </si>
  <si>
    <t>11/25/2019 09:24:47</t>
  </si>
  <si>
    <t>C:\OneDrive\OneDrive - Grupo Algar\bHVpem1kYUBhbGdhcnRlY2guY29t\content_cache\d57\d18\</t>
  </si>
  <si>
    <t>C:\OneDrive\OneDrive - Grupo Algar\bHVpem1kYUBhbGdhcnRlY2guY29t\content_cache\d57\d2\</t>
  </si>
  <si>
    <t>11/25/2019 09:24:48</t>
  </si>
  <si>
    <t>C:\OneDrive\OneDrive - Grupo Algar\bHVpem1kYUBhbGdhcnRlY2guY29t\content_cache\d57\d32\</t>
  </si>
  <si>
    <t>C:\OneDrive\OneDrive - Grupo Algar\bHVpem1kYUBhbGdhcnRlY2guY29t\content_cache\d57\d35\</t>
  </si>
  <si>
    <t>11/25/2019 09:24:55</t>
  </si>
  <si>
    <t>C:\OneDrive\OneDrive - Grupo Algar\bHVpem1kYUBhbGdhcnRlY2guY29t\content_cache\d58\d120\</t>
  </si>
  <si>
    <t>11/25/2019 09:24:57</t>
  </si>
  <si>
    <t>C:\OneDrive\OneDrive - Grupo Algar\bHVpem1kYUBhbGdhcnRlY2guY29t\content_cache\d58\d19\</t>
  </si>
  <si>
    <t>11/25/2019 09:25:05</t>
  </si>
  <si>
    <t>C:\OneDrive\OneDrive - Grupo Algar\bHVpem1kYUBhbGdhcnRlY2guY29t\content_cache\d59\d120\</t>
  </si>
  <si>
    <t>C:\OneDrive\OneDrive - Grupo Algar\bHVpem1kYUBhbGdhcnRlY2guY29t\content_cache\d59\d121\</t>
  </si>
  <si>
    <t>11/25/2019 09:25:08</t>
  </si>
  <si>
    <t>C:\OneDrive\OneDrive - Grupo Algar\bHVpem1kYUBhbGdhcnRlY2guY29t\content_cache\d59\d20\</t>
  </si>
  <si>
    <t>11/25/2019 09:25:09</t>
  </si>
  <si>
    <t>C:\OneDrive\OneDrive - Grupo Algar\bHVpem1kYUBhbGdhcnRlY2guY29t\content_cache\d59\d37\</t>
  </si>
  <si>
    <t>11/25/2019 09:25:10</t>
  </si>
  <si>
    <t>C:\OneDrive\OneDrive - Grupo Algar\bHVpem1kYUBhbGdhcnRlY2guY29t\content_cache\d59\d4\</t>
  </si>
  <si>
    <t>11/25/2019 09:25:22</t>
  </si>
  <si>
    <t>C:\OneDrive\OneDrive - Grupo Algar\bHVpem1kYUBhbGdhcnRlY2guY29t\content_cache\d6\d34\</t>
  </si>
  <si>
    <t>C:\OneDrive\OneDrive - Grupo Algar\bHVpem1kYUBhbGdhcnRlY2guY29t\content_cache\d6\d50\</t>
  </si>
  <si>
    <t>11/25/2019 09:25:23</t>
  </si>
  <si>
    <t>C:\OneDrive\OneDrive - Grupo Algar\bHVpem1kYUBhbGdhcnRlY2guY29t\content_cache\d6\d51\</t>
  </si>
  <si>
    <t>C:\OneDrive\OneDrive - Grupo Algar\bHVpem1kYUBhbGdhcnRlY2guY29t\content_cache\d6\d52\</t>
  </si>
  <si>
    <t>C:\OneDrive\OneDrive - Grupo Algar\bHVpem1kYUBhbGdhcnRlY2guY29t\content_cache\d6\d68\</t>
  </si>
  <si>
    <t>11/25/2019 09:25:27</t>
  </si>
  <si>
    <t>C:\OneDrive\OneDrive - Grupo Algar\bHVpem1kYUBhbGdhcnRlY2guY29t\content_cache\d60\d104\</t>
  </si>
  <si>
    <t>11/25/2019 09:25:28</t>
  </si>
  <si>
    <t>C:\OneDrive\OneDrive - Grupo Algar\bHVpem1kYUBhbGdhcnRlY2guY29t\content_cache\d60\d122\</t>
  </si>
  <si>
    <t>11/25/2019 09:25:33</t>
  </si>
  <si>
    <t>C:\OneDrive\OneDrive - Grupo Algar\bHVpem1kYUBhbGdhcnRlY2guY29t\content_cache\d60\d38\</t>
  </si>
  <si>
    <t>C:\OneDrive\OneDrive - Grupo Algar\bHVpem1kYUBhbGdhcnRlY2guY29t\content_cache\d60\d5\</t>
  </si>
  <si>
    <t>11/25/2019 09:25:36</t>
  </si>
  <si>
    <t>11/25/2019 09:31:13</t>
  </si>
  <si>
    <t>C:\OneDrive\OneDrive - Grupo Algar\bHVpem1kYUBhbGdhcnRlY2guY29t\content_cache\d60\d86\</t>
  </si>
  <si>
    <t>11/25/2019 09:25:42</t>
  </si>
  <si>
    <t>C:\OneDrive\OneDrive - Grupo Algar\bHVpem1kYUBhbGdhcnRlY2guY29t\content_cache\d61\d22\</t>
  </si>
  <si>
    <t>11/25/2019 09:25:43</t>
  </si>
  <si>
    <t>C:\OneDrive\OneDrive - Grupo Algar\bHVpem1kYUBhbGdhcnRlY2guY29t\content_cache\d61\d39\</t>
  </si>
  <si>
    <t>11/25/2019 09:25:48</t>
  </si>
  <si>
    <t>C:\OneDrive\OneDrive - Grupo Algar\bHVpem1kYUBhbGdhcnRlY2guY29t\content_cache\d62\d107\</t>
  </si>
  <si>
    <t>C:\OneDrive\OneDrive - Grupo Algar\bHVpem1kYUBhbGdhcnRlY2guY29t\content_cache\d62\d108\</t>
  </si>
  <si>
    <t>11/25/2019 09:25:51</t>
  </si>
  <si>
    <t>C:\OneDrive\OneDrive - Grupo Algar\bHVpem1kYUBhbGdhcnRlY2guY29t\content_cache\d62\d23\</t>
  </si>
  <si>
    <t>11/25/2019 09:26:02</t>
  </si>
  <si>
    <t>C:\OneDrive\OneDrive - Grupo Algar\bHVpem1kYUBhbGdhcnRlY2guY29t\content_cache\d63\d108\</t>
  </si>
  <si>
    <t>11/25/2019 09:26:25</t>
  </si>
  <si>
    <t>C:\OneDrive\OneDrive - Grupo Algar\bHVpem1kYUBhbGdhcnRlY2guY29t\content_cache\d63\d24\</t>
  </si>
  <si>
    <t>11/25/2019 09:26:26</t>
  </si>
  <si>
    <t>C:\OneDrive\OneDrive - Grupo Algar\bHVpem1kYUBhbGdhcnRlY2guY29t\content_cache\d63\d38\</t>
  </si>
  <si>
    <t>11/25/2019 09:26:31</t>
  </si>
  <si>
    <t>C:\OneDrive\OneDrive - Grupo Algar\bHVpem1kYUBhbGdhcnRlY2guY29t\content_cache\d63\d75\</t>
  </si>
  <si>
    <t>C:\OneDrive\OneDrive - Grupo Algar\bHVpem1kYUBhbGdhcnRlY2guY29t\content_cache\d63\d8\</t>
  </si>
  <si>
    <t>11/25/2019 09:26:34</t>
  </si>
  <si>
    <t>C:\OneDrive\OneDrive - Grupo Algar\bHVpem1kYUBhbGdhcnRlY2guY29t\content_cache\d64\d109\</t>
  </si>
  <si>
    <t>11/25/2019 09:26:38</t>
  </si>
  <si>
    <t>C:\OneDrive\OneDrive - Grupo Algar\bHVpem1kYUBhbGdhcnRlY2guY29t\content_cache\d64\d25\</t>
  </si>
  <si>
    <t>11/25/2019 09:26:47</t>
  </si>
  <si>
    <t>C:\OneDrive\OneDrive - Grupo Algar\bHVpem1kYUBhbGdhcnRlY2guY29t\content_cache\d65\d10\</t>
  </si>
  <si>
    <t>11/25/2019 09:26:49</t>
  </si>
  <si>
    <t>C:\OneDrive\OneDrive - Grupo Algar\bHVpem1kYUBhbGdhcnRlY2guY29t\content_cache\d65\d111\</t>
  </si>
  <si>
    <t>11/25/2019 09:26:51</t>
  </si>
  <si>
    <t>C:\OneDrive\OneDrive - Grupo Algar\bHVpem1kYUBhbGdhcnRlY2guY29t\content_cache\d65\d126\</t>
  </si>
  <si>
    <t>11/25/2019 09:26:54</t>
  </si>
  <si>
    <t>C:\OneDrive\OneDrive - Grupo Algar\bHVpem1kYUBhbGdhcnRlY2guY29t\content_cache\d65\d26\</t>
  </si>
  <si>
    <t>11/25/2019 09:27:00</t>
  </si>
  <si>
    <t>C:\OneDrive\OneDrive - Grupo Algar\bHVpem1kYUBhbGdhcnRlY2guY29t\content_cache\d65\d76\</t>
  </si>
  <si>
    <t>11/25/2019 09:27:01</t>
  </si>
  <si>
    <t>C:\OneDrive\OneDrive - Grupo Algar\bHVpem1kYUBhbGdhcnRlY2guY29t\content_cache\d65\d9\</t>
  </si>
  <si>
    <t>11/25/2019 09:27:02</t>
  </si>
  <si>
    <t>C:\OneDrive\OneDrive - Grupo Algar\bHVpem1kYUBhbGdhcnRlY2guY29t\content_cache\d66\d10\</t>
  </si>
  <si>
    <t>11/25/2019 09:27:03</t>
  </si>
  <si>
    <t>C:\OneDrive\OneDrive - Grupo Algar\bHVpem1kYUBhbGdhcnRlY2guY29t\content_cache\d66\d11\</t>
  </si>
  <si>
    <t>11/25/2019 09:27:04</t>
  </si>
  <si>
    <t>C:\OneDrive\OneDrive - Grupo Algar\bHVpem1kYUBhbGdhcnRlY2guY29t\content_cache\d66\d110\</t>
  </si>
  <si>
    <t>11/25/2019 09:27:05</t>
  </si>
  <si>
    <t>C:\OneDrive\OneDrive - Grupo Algar\bHVpem1kYUBhbGdhcnRlY2guY29t\content_cache\d66\d127\</t>
  </si>
  <si>
    <t>11/25/2019 09:27:08</t>
  </si>
  <si>
    <t>C:\OneDrive\OneDrive - Grupo Algar\bHVpem1kYUBhbGdhcnRlY2guY29t\content_cache\d66\d26\</t>
  </si>
  <si>
    <t>C:\OneDrive\OneDrive - Grupo Algar\bHVpem1kYUBhbGdhcnRlY2guY29t\content_cache\d66\d27\</t>
  </si>
  <si>
    <t>11/25/2019 09:27:14</t>
  </si>
  <si>
    <t>C:\OneDrive\OneDrive - Grupo Algar\bHVpem1kYUBhbGdhcnRlY2guY29t\content_cache\d66\d92\</t>
  </si>
  <si>
    <t>11/25/2019 09:27:23</t>
  </si>
  <si>
    <t>C:\OneDrive\OneDrive - Grupo Algar\bHVpem1kYUBhbGdhcnRlY2guY29t\content_cache\d7\d35\</t>
  </si>
  <si>
    <t>11/25/2019 09:27:24</t>
  </si>
  <si>
    <t>C:\OneDrive\OneDrive - Grupo Algar\bHVpem1kYUBhbGdhcnRlY2guY29t\content_cache\d7\d51\</t>
  </si>
  <si>
    <t>11/25/2019 09:27:36</t>
  </si>
  <si>
    <t>C:\OneDrive\OneDrive - Grupo Algar\bHVpem1kYUBhbGdhcnRlY2guY29t\content_cache\d8\d52\</t>
  </si>
  <si>
    <t>C:\OneDrive\OneDrive - Grupo Algar\bHVpem1kYUBhbGdhcnRlY2guY29t\content_cache\d8\d53\</t>
  </si>
  <si>
    <t>11/25/2019 09:27:37</t>
  </si>
  <si>
    <t>C:\OneDrive\OneDrive - Grupo Algar\bHVpem1kYUBhbGdhcnRlY2guY29t\content_cache\d8\d54\</t>
  </si>
  <si>
    <t>11/25/2019 09:27:45</t>
  </si>
  <si>
    <t>C:\OneDrive\OneDrive - Grupo Algar\bHVpem1kYUBhbGdhcnRlY2guY29t\content_cache\d9\d19\</t>
  </si>
  <si>
    <t>11/25/2019 09:27:50</t>
  </si>
  <si>
    <t>C:\OneDrive\OneDrive - Grupo Algar\bHVpem1kYUBhbGdhcnRlY2guY29t\content_cache\d9\d37\</t>
  </si>
  <si>
    <t>11/25/2019 09:27:51</t>
  </si>
  <si>
    <t>C:\OneDrive\OneDrive - Grupo Algar\bHVpem1kYUBhbGdhcnRlY2guY29t\content_cache\d9\d53\</t>
  </si>
  <si>
    <t>11/25/2019 09:35:22</t>
  </si>
  <si>
    <t>11/25/2019 09:40:13</t>
  </si>
  <si>
    <t>C:\Users\denysgds\Documents\Backup Denys\Denys Guidio Backup\Backup\Brasif\AMS Brasif\</t>
  </si>
  <si>
    <t>217399 Brasif Precificacao C018 B018_v1 92 Incidenes+25 Requisições_v2.xlsb</t>
  </si>
  <si>
    <t>C:\Users\denysgds\Documents\Backup Denys\Denys Guidio Backup\Backup\Brasif\AMS Brasif\217399 Brasif Precificacao C018 B018_v1 92 Incidenes+25 Requisições_v2.xlsb\</t>
  </si>
  <si>
    <t>11/25/2019 09:47:10</t>
  </si>
  <si>
    <t>11/25/2019 09:50:13</t>
  </si>
  <si>
    <t>mail.google.com/_/upload?authuser=0&amp;dcp=asu-n&amp;upload_id=AEnB2UoiYvLW74du-pLPR25g9cWjszZtEahynsffQp67gMlpUAvsdbaJb2eaUDLD66V5-X1ocIKHkLRESTBtiGX8o63lHPK4Og&amp;upload_protocol=resumable</t>
  </si>
  <si>
    <t>\\acsfs\DEPTOS\Operacao\PCP\5 - Comum\Francieli Cararo\Dynamics\Relatórios\2019\11 -Novembro\23\</t>
  </si>
  <si>
    <t>Exibição de Localização Avançada de Resumo da Ocorrência.xlsx</t>
  </si>
  <si>
    <t>11/25/2019 09:52:38</t>
  </si>
  <si>
    <t>11/25/2019 09:55:14</t>
  </si>
  <si>
    <t>10.200.61.142</t>
  </si>
  <si>
    <t>D8-9C-67-6F-2A-AF</t>
  </si>
  <si>
    <t>Cartinhas de Natal - Novas - 2211.xlsx</t>
  </si>
  <si>
    <t>11/25/2019 09:51:37</t>
  </si>
  <si>
    <t>mail.google.com/_/upload?authuser=2&amp;dcp=asu-n&amp;upload_id=AEnB2UrEI13EaQmEAIN9FAksU7R7sFuh2ms7ImbVKR9ILM4c4EED36cJMhJ9vRD58a8DuZGHoz5gteNinu63lIQRRtiZrS26FA&amp;upload_protocol=resumable</t>
  </si>
  <si>
    <t>C:\Users\rodrigombu\Desktop\</t>
  </si>
  <si>
    <t>11/25/2019 09:54:15</t>
  </si>
  <si>
    <t>11/25/2019 09:57:14</t>
  </si>
  <si>
    <t>11/25/2019 09:56:34</t>
  </si>
  <si>
    <t>11/25/2019 10:00:37</t>
  </si>
  <si>
    <t>11/25/2019 10:05:14</t>
  </si>
  <si>
    <t>C:\Users\marinasf\OneDrive - Grupo Algar\NOVO IMÓVEL BH\</t>
  </si>
  <si>
    <t>ACC BELO HORIZONTE.xlsx</t>
  </si>
  <si>
    <t>11/25/2019 10:06:59</t>
  </si>
  <si>
    <t>11/25/2019 10:08:14</t>
  </si>
  <si>
    <t>mail.google.com/_/upload?authuser=0&amp;dcp=asu-n&amp;upload_id=AEnB2Uqt_41CCjbaet5KbhjUKVLvKkmBzLuHEI1-gxzTZSAh0oRkzRHGUCrcvWYHC8A-7f7E9ZleFOMzSbtS_I6D1EWnGRGSIA&amp;upload_protocol=resumable</t>
  </si>
  <si>
    <t>\\acsfs\deptos\Operacao\Unica\1. Gestão da Área\1.1 Administrativo\1.1.3 Reports\Relatórios\Credenciamento Ativo\</t>
  </si>
  <si>
    <t>11/25/2019 10:08:20</t>
  </si>
  <si>
    <t>11/25/2019 10:09:13</t>
  </si>
  <si>
    <t>Custos faturamento cartão.xls</t>
  </si>
  <si>
    <t>11/25/2019 10:09:40</t>
  </si>
  <si>
    <t>11/25/2019 10:11:13</t>
  </si>
  <si>
    <t>Receitamento FAT B LOTE 1.xlsx</t>
  </si>
  <si>
    <t>11/25/2019 10:12:45</t>
  </si>
  <si>
    <t>11/25/2019 10:15:13</t>
  </si>
  <si>
    <t>C:\Users\marinasf\OneDrive - Grupo Algar\DOCS\RH\</t>
  </si>
  <si>
    <t>ASSOCIADOS BRAGA x SUPERVISOR.xlsx</t>
  </si>
  <si>
    <t>11/22/2019 18:41:57</t>
  </si>
  <si>
    <t>11/25/2019 10:16:14</t>
  </si>
  <si>
    <t>10.200.58.170</t>
  </si>
  <si>
    <t>alinerg@algartech.com;alinescsi@algartecnologia.com.br;antoniaama@algartech.com;cassiaafa@algartech.com;deboraaxm@algartech.com;matheusvs@algartech.com;viniciusgr@algartech.com;</t>
  </si>
  <si>
    <t>BaseConhecimento_20191122_172140.csv</t>
  </si>
  <si>
    <t>alinerg@algartech.com,alinescsi@algartecnologia.com.br,antoniaama@algartech.com,cassiaafa@algartech.com,deboraaxm@algartech.com,matheusvs@algartech.com,viniciusgr@algartech.com</t>
  </si>
  <si>
    <t>11/24/2019 17:51:47</t>
  </si>
  <si>
    <t>mail.google.com/_/upload?authuser=1&amp;dcp=asu-n&amp;upload_id=AEnB2UrYaBuodASFvJvI8HT4obWPDLQhBblYCQyy2kwu2SgFFNkBSTNNMcMCFSCIN4UUM31bb_li4_Gpf4GsveyBAK3sTHGkgA&amp;upload_protocol=resumable</t>
  </si>
  <si>
    <t>45144;marcos vinicius soares;</t>
  </si>
  <si>
    <t>Meterial para Curadora - Continental.xlsx</t>
  </si>
  <si>
    <t>45144,marcos vinicius soares</t>
  </si>
  <si>
    <t>11/24/2019 17:53:00</t>
  </si>
  <si>
    <t>11/25/2019 10:15:31</t>
  </si>
  <si>
    <t>mail.google.com/_/upload?authuser=0&amp;dcp=asu-n&amp;upload_id=AEnB2UqVazoqtQ486CXK-wRj8Gu0bMqIfTSsq8xr8tKiMQv40uPyu4JBFRAewufbVxM8CnE9lLckMgT4RA9hInIcrl02rVkTRpvPV6q75-g_ktCf7TyHPSg&amp;upload_protocol=resumable</t>
  </si>
  <si>
    <t>Base 04.11.xlsx</t>
  </si>
  <si>
    <t>11/25/2019 10:15:38</t>
  </si>
  <si>
    <t>mail.google.com/_/upload?authuser=0&amp;dcp=asu-n&amp;upload_id=AEnB2Up6Hw5MD6wYvvdHTsnqek9MJ4wP18BwBy24N011_5BC6ZxvAtULGTnlYZFTLrX3N8wh2dk9i4-kelPT7OZ_bLXPMGwzqdTmcbz_2on6kHX5RIlUQLc&amp;upload_protocol=resumable</t>
  </si>
  <si>
    <t>Base 06.11.xlsx</t>
  </si>
  <si>
    <t>11/25/2019 10:15:40</t>
  </si>
  <si>
    <t>mail.google.com/_/upload?authuser=0&amp;dcp=asu-n&amp;upload_id=AEnB2UowOCPWTwkBxR9pRRFLjJkCubfER0iLlDvaAXqfjXq1Y2bKf0tMylpOycTJScpv9Efkmymlg8mv5uhPy9q9hPpEkDBCnw&amp;upload_protocol=resumable</t>
  </si>
  <si>
    <t>Base 07.11.xlsx</t>
  </si>
  <si>
    <t>11/25/2019 10:17:55</t>
  </si>
  <si>
    <t>11/25/2019 10:20:13</t>
  </si>
  <si>
    <t>Status 18-11 - Copia.xlsx</t>
  </si>
  <si>
    <t>11/25/2019 10:22:52</t>
  </si>
  <si>
    <t>11/25/2019 10:25:14</t>
  </si>
  <si>
    <t>mail.google.com/_/upload?authuser=3&amp;dcp=asu-n&amp;upload_id=AEnB2UoVjoYBhF1Gb2pUPJt8JO0upoRYuvpRGwaTGlCTKZBwkKjfAdTVawmbVC71r3j5cQAMN_rzY5OWf3gIZf3DAlKWBDiMFg&amp;upload_protocol=resumable</t>
  </si>
  <si>
    <t>11/25/2019 10:25:19</t>
  </si>
  <si>
    <t>11/25/2019 10:28:13</t>
  </si>
  <si>
    <t>/o=exchangelabs/ou=exchange administrative group (fydibohf23spdlt)/cn=recipients/cn=b1f7688b183f4d74a7993976c4ad8f5e-diogenes pa;</t>
  </si>
  <si>
    <t>intradiario</t>
  </si>
  <si>
    <t>/o=exchangelabs/ou=exchange administrative group (fydibohf23spdlt)/cn=recipients/cn=b1f7688b183f4d74a7993976c4ad8f5e-diogenes pa</t>
  </si>
  <si>
    <t>11/25/2019 10:26:44</t>
  </si>
  <si>
    <t>11/25/2019 10:31:14</t>
  </si>
  <si>
    <t>denisevc@algartech.com</t>
  </si>
  <si>
    <t>C:\Users\denisevca\Desktop\</t>
  </si>
  <si>
    <t>11/25/2019 10:29:34</t>
  </si>
  <si>
    <t>11/25/2019 10:34:13</t>
  </si>
  <si>
    <t>Estrutura de Processos.xlsx</t>
  </si>
  <si>
    <t>11/25/2019 10:31:18</t>
  </si>
  <si>
    <t>11/25/2019 10:35:14</t>
  </si>
  <si>
    <t>/o=exchangelabs/ou=exchange administrative group (fydibohf23spdlt)/cn=recipients/cn=8ffcdd39b62f4308b2f876f9624fa69a-wasley luiz;nathalia.guil@youse.com.br;sheila.lopes@youse.com.br;</t>
  </si>
  <si>
    <t>RES: Forecast Youse Televendas Receptivo - Dezembro</t>
  </si>
  <si>
    <t>Planejamento TELEVENDAS RECEPTIVO.xlsx</t>
  </si>
  <si>
    <t>/o=exchangelabs/ou=exchange administrative group (fydibohf23spdlt)/cn=recipients/cn=8ffcdd39b62f4308b2f876f9624fa69a-wasley luiz,nathalia.guil@youse.com.br,sheila.lopes@youse.com.br</t>
  </si>
  <si>
    <t>11/25/2019 10:39:30</t>
  </si>
  <si>
    <t>11/25/2019 10:40:13</t>
  </si>
  <si>
    <t>Parcelado.xlsx</t>
  </si>
  <si>
    <t>11/25/2019 10:35:19</t>
  </si>
  <si>
    <t>C:\Users\rodrigombu\OneDrive - Grupo Algar\Whirlpool\2019\03 - Março\Arquivos\RAF\</t>
  </si>
  <si>
    <t>Produtividade RAF - Mar-2019 - Fechamento.xlsm</t>
  </si>
  <si>
    <t>11/25/2019 10:37:38</t>
  </si>
  <si>
    <t>C:\Users\rodrigombu\OneDrive - Grupo Algar\Whirlpool\2019\04 - Abril\Arquivos\RAF\</t>
  </si>
  <si>
    <t>Produtividade RAF - Fechamento - Abr-2019.xlsm</t>
  </si>
  <si>
    <t>11/25/2019 10:40:45</t>
  </si>
  <si>
    <t>11/25/2019 10:42:14</t>
  </si>
  <si>
    <t>11/25/2019 10:40:02</t>
  </si>
  <si>
    <t>11/25/2019 10:45:13</t>
  </si>
  <si>
    <t>C:\Users\rodrigombu\OneDrive - Grupo Algar\Whirlpool\2019\05 - Maio\Arquivo\RAF\</t>
  </si>
  <si>
    <t>Produtividade RAF - Fechamento - Mai-2019.xlsm</t>
  </si>
  <si>
    <t>11/25/2019 10:42:17</t>
  </si>
  <si>
    <t>C:\Users\rodrigombu\OneDrive - Grupo Algar\Whirlpool\2019\06 - Junho\Arquivo\RAF\</t>
  </si>
  <si>
    <t>Produtividade RAF - Jun-2019 - Fechamento.xlsm</t>
  </si>
  <si>
    <t>11/25/2019 10:45:34</t>
  </si>
  <si>
    <t>11/25/2019 10:48:14</t>
  </si>
  <si>
    <t>mail.google.com/_/upload?authuser=0&amp;dcp=asu-n&amp;upload_id=AEnB2UpjzsBwk34DZPCBSkXVdXT5pJs2-ia6fs98HYqkUNQbynJuMdk9QKhbuBp-zFmX2C2G46ympzB5HuAF6MZFqKh5o5iSyIG1sJVpWyuFYQpd0FUryhs&amp;upload_protocol=resumable</t>
  </si>
  <si>
    <t>Atividades-ANF31 - BH_25_11_19 (2) EDUARDA.xlsx</t>
  </si>
  <si>
    <t>11/25/2019 10:45:22</t>
  </si>
  <si>
    <t>11/25/2019 10:50:14</t>
  </si>
  <si>
    <t>C:\Users\rodrigombu\OneDrive - Grupo Algar\Whirlpool\2019\07 - Julho\Arquivo\RAF\</t>
  </si>
  <si>
    <t>Produtividade RAF - Jul-2019 - Fechamento.xlsm</t>
  </si>
  <si>
    <t>11/25/2019 10:51:55</t>
  </si>
  <si>
    <t>11/25/2019 10:52:14</t>
  </si>
  <si>
    <t>mail.google.com/mail/u/0/#inbox</t>
  </si>
  <si>
    <t>C:\Users\sarahro\Desktop\</t>
  </si>
  <si>
    <t>11/25/2019 10:54:42</t>
  </si>
  <si>
    <t>11/25/2019 10:55:14</t>
  </si>
  <si>
    <t>Status 25-11.xlsx</t>
  </si>
  <si>
    <t>11/25/2019 10:54:19</t>
  </si>
  <si>
    <t>11/25/2019 10:58:14</t>
  </si>
  <si>
    <t>/o=exchangelabs/ou=exchange administrative group (fydibohf23spdlt)/cn=recipients/cn=4661e55ca89b4e56a85d5bce819cc072-luana cunha;pedrohma@algartech.com.br;</t>
  </si>
  <si>
    <t>/o=exchangelabs/ou=exchange administrative group (fydibohf23spdlt)/cn=recipients/cn=4661e55ca89b4e56a85d5bce819cc072-luana cunha,pedrohma@algartech.com.br</t>
  </si>
  <si>
    <t>11/25/2019 11:01:14</t>
  </si>
  <si>
    <t>11/25/2019 11:04:14</t>
  </si>
  <si>
    <t>lucianasg@algartech.com;</t>
  </si>
  <si>
    <t>\\acsfs\deptos\DME\CME - Coordenacao de Marketing e Estrategia\Gestão de Vendas\Receita\Longo Prazo\2020\Final\LP 2020-2024.pptx\</t>
  </si>
  <si>
    <t>lucianasg@algartech.com</t>
  </si>
  <si>
    <t>11/25/2019 11:02:59</t>
  </si>
  <si>
    <t>11/25/2019 11:05:13</t>
  </si>
  <si>
    <t>mail.google.com/_/upload?authuser=3&amp;dcp=asu-n&amp;upload_id=AEnB2Uoze1edGTkdS_9c6mmBntuADahMA9lM4D--dhz52hor7l7VnPMbU8na6kY3MlYyVKPX5hI5QpLguOi6FbykYVBl5KUaJ5XoLIlcUvZU9LHb13i6MFg&amp;upload_protocol=resumable</t>
  </si>
  <si>
    <t>11/25/2019 11:03:29</t>
  </si>
  <si>
    <t>C:\Users\luizavs\Downloads\</t>
  </si>
  <si>
    <t>EXPORT.xlsx</t>
  </si>
  <si>
    <t>11/25/2019 11:04:45</t>
  </si>
  <si>
    <t>11/25/2019 11:06:14</t>
  </si>
  <si>
    <t>heliorg@algartech.com</t>
  </si>
  <si>
    <t>douglassp@algartech.com;marcelobsa@algartech.com;</t>
  </si>
  <si>
    <t>C:\Users\heliorg\Grupo Algar\Douglas Silverio Pinto - S&amp;OP\2019\</t>
  </si>
  <si>
    <t>S&amp;OP-CRONOGRAMA19_V2 - Copia.xlsx</t>
  </si>
  <si>
    <t>douglassp@algartech.com,marcelobsa@algartech.com</t>
  </si>
  <si>
    <t>11/25/2019 11:06:22</t>
  </si>
  <si>
    <t>11/25/2019 11:10:13</t>
  </si>
  <si>
    <t>Escalas Horario Trabalho TLE MG - BA.xlsx</t>
  </si>
  <si>
    <t>11/25/2019 11:11:23</t>
  </si>
  <si>
    <t>11/25/2019 11:12:13</t>
  </si>
  <si>
    <t>mail.google.com/_/upload?authuser=0&amp;dcp=asu-n&amp;upload_id=AEnB2UrWJzO3kx6bsgwEZcQPImsanTOrzpguFOuvD7phgAPIv0IzQWAV2jOkrjQucxOyrv3U6ypdH3loCHtNZNTLI6YtsCOKfg&amp;upload_protocol=resumable</t>
  </si>
  <si>
    <t>11/25/2019 11:13:25</t>
  </si>
  <si>
    <t>11/25/2019 11:16:13</t>
  </si>
  <si>
    <t>ENC: Produtividade CRCe 22/11</t>
  </si>
  <si>
    <t>11/25/2019 11:17:58</t>
  </si>
  <si>
    <t>11/25/2019 11:21:14</t>
  </si>
  <si>
    <t>mail.google.com/_/upload?authuser=1&amp;dcp=asu-n&amp;upload_id=AEnB2UoS7Nh57q72qVWQULfl6Ey8MFeyyuGfPdsZRAbJ8qG-cn9qc-ogwbsSm6tAcOYel-KsCZBp921roD8Rf4qwTkqLI9cLfw&amp;upload_protocol=resumable</t>
  </si>
  <si>
    <t>11/25/2019 11:28:05</t>
  </si>
  <si>
    <t>11/25/2019 11:31:15</t>
  </si>
  <si>
    <t>Receitamento Lote 1 FAT B atualizado Novembro19.xlsx</t>
  </si>
  <si>
    <t>11/25/2019 11:29:52</t>
  </si>
  <si>
    <t>11/25/2019 11:32:15</t>
  </si>
  <si>
    <t>215371_Preco_WIT+NOC_SETUP_V1 - Copia.xlsb</t>
  </si>
  <si>
    <t>D:\OneDrive\AlgarTech\Pré-Vendas\Cliente\2019\Harald\215371 - ISD Linha + Bodyshop\NOC+WIT\215371_Preco_WIT+NOC_SETUP_V1 - Copia.xlsb\</t>
  </si>
  <si>
    <t>11/25/2019 11:35:30</t>
  </si>
  <si>
    <t>11/25/2019 11:37:15</t>
  </si>
  <si>
    <t>215371_Preco_NOC_SETUP_V1.xlsb</t>
  </si>
  <si>
    <t>D:\OneDrive\AlgarTech\Pré-Vendas\Cliente\2019\Harald\215371 - ISD Linha + Bodyshop\NOC+WIT\215371_Preco_NOC_SETUP_V1.xlsb\</t>
  </si>
  <si>
    <t>11/25/2019 11:43:04</t>
  </si>
  <si>
    <t>11/25/2019 11:46:15</t>
  </si>
  <si>
    <t>Aderência Diego - Dezembro (Salvo automaticamente).xlsx</t>
  </si>
  <si>
    <t>11/20/2019 14:13:49</t>
  </si>
  <si>
    <t>11/25/2019 11:47:14</t>
  </si>
  <si>
    <t>rosjesse@amazon.com;</t>
  </si>
  <si>
    <t>RES: qbr deck</t>
  </si>
  <si>
    <t>Vendor 2019.11 - Algar Business Review Presentation.pptx\</t>
  </si>
  <si>
    <t>rosjesse@amazon.com</t>
  </si>
  <si>
    <t>11/25/2019 11:48:03</t>
  </si>
  <si>
    <t>11/25/2019 11:52:15</t>
  </si>
  <si>
    <t>C:\Users\lucianabo\AppData\Local\Temp\</t>
  </si>
  <si>
    <t>11/25/2019 11:52:58</t>
  </si>
  <si>
    <t>11/25/2019 11:58:14</t>
  </si>
  <si>
    <t>10.211.2.108</t>
  </si>
  <si>
    <t>/o=exchangelabs/ou=exchange administrative group (fydibohf23spdlt)/cn=recipients/cn=9e66b187ad984d3996b1c4de7e282f98-jessica fer;</t>
  </si>
  <si>
    <t>Cadastro Geral - Setembro</t>
  </si>
  <si>
    <t>Cadastro geral 04_09.xlsx</t>
  </si>
  <si>
    <t>/o=exchangelabs/ou=exchange administrative group (fydibohf23spdlt)/cn=recipients/cn=9e66b187ad984d3996b1c4de7e282f98-jessica fer</t>
  </si>
  <si>
    <t>11/25/2019 11:57:22</t>
  </si>
  <si>
    <t>mail.google.com/mail/u/1/#inbox?compose=CllgCHrjDZhVBKfZdVkSpkXnQNSRqLQNZGVfftmqVWTfZfRjbtQzwRZvKzFVGRlFCFJmBDwLvSq</t>
  </si>
  <si>
    <t>Z:\RELATORIOS FPW\Controle\CADASTRO GERAL\</t>
  </si>
  <si>
    <t>11/25/2019 11:53:47</t>
  </si>
  <si>
    <t>\\cppfs\cpdeptos\CPC\4 - Relatorios\BRADESCO EAVM\02 - Estratégia\Passo 2\</t>
  </si>
  <si>
    <t>Mascara Estratégia EAVM.xlsx</t>
  </si>
  <si>
    <t>11/25/2019 11:55:12</t>
  </si>
  <si>
    <t>11/25/2019 11:59:15</t>
  </si>
  <si>
    <t>C:\Users\carlosasr\Desktop\BRADESCO\EAVM\</t>
  </si>
  <si>
    <t>Regua Estratégia.xlsx</t>
  </si>
  <si>
    <t>11/25/2019 11:53:18</t>
  </si>
  <si>
    <t>c:\users\fernandorsju\desktop\</t>
  </si>
  <si>
    <t>algar tech - formulário solicitações de férias irregulares.xlsx</t>
  </si>
  <si>
    <t>11/25/2019 11:59:25</t>
  </si>
  <si>
    <t>11/25/2019 12:02:14</t>
  </si>
  <si>
    <t>11/25/2019 11:59:26</t>
  </si>
  <si>
    <t>215371_Preco_WIT_SETUP_V1.xlsb</t>
  </si>
  <si>
    <t>D:\OneDrive\AlgarTech\Pré-Vendas\Cliente\2019\Harald\215371 - ISD Linha + Bodyshop\NOC+WIT\215371_Preco_WIT_SETUP_V1.xlsb\</t>
  </si>
  <si>
    <t>11/25/2019 12:08:31</t>
  </si>
  <si>
    <t>11/25/2019 12:09:14</t>
  </si>
  <si>
    <t>10.201.30.50</t>
  </si>
  <si>
    <t>andremg@algartech.com</t>
  </si>
  <si>
    <t>andremg@algartecnologia.com.br;humbertopj@algartech.com;marceloab@algartech.com;rafael@quilleconsultoria.com.br;yasminma@algartech.com;</t>
  </si>
  <si>
    <t>URA Central de Relacionamento - Yahsat.xlsx</t>
  </si>
  <si>
    <t>andremg@algartecnologia.com.br,humbertopj@algartech.com,marceloab@algartech.com,rafael@quilleconsultoria.com.br,yasminma@algartech.com</t>
  </si>
  <si>
    <t>11/25/2019 12:09:24</t>
  </si>
  <si>
    <t>11/25/2019 12:10:15</t>
  </si>
  <si>
    <t>mail.google.com/_/upload?authuser=1&amp;dcp=asu-n&amp;upload_id=AEnB2UrKLVbD-Am_6N6jKXQmMgPa2mXxAC-BXbKkbKLCKG7hYw8Ss-yjqNN8Z5jZm6sdgN8kn-w1grlrfXW_7XFjaNT_RNgvaQD6lXg37W1kCATQ3SH_pX4&amp;upload_protocol=resumable</t>
  </si>
  <si>
    <t>\\acsfs\Deptos\CPC\4 - MIS\2 - Cliente\8 - Bradesco\53 - URR\03 - Entrega\</t>
  </si>
  <si>
    <t>Evidencia 2211.xlsx</t>
  </si>
  <si>
    <t>11/25/2019 12:08:03</t>
  </si>
  <si>
    <t>11/25/2019 12:11:15</t>
  </si>
  <si>
    <t>mail.google.com/_/upload?authuser=0&amp;dcp=asu-n&amp;upload_id=AEnB2UpHV0HNhNEG4ezrkIAPF1GBut8dllEtbtTAq2cmaJdcBR0bfSZoJbl9X_-Rd_L2_A0HYOwPQXRyr4S9yNVmDT1QIJjCQw&amp;upload_protocol=resumable</t>
  </si>
  <si>
    <t>11/25/2019 12:08:21</t>
  </si>
  <si>
    <t>11/25/2019 12:12:14</t>
  </si>
  <si>
    <t>Cópia de Ficha de Reparo TIM - NOVO.xlsx</t>
  </si>
  <si>
    <t>11/25/2019 12:19:11</t>
  </si>
  <si>
    <t>11/25/2019 12:22:15</t>
  </si>
  <si>
    <t>lucianabo@algartech.com</t>
  </si>
  <si>
    <t>COMPOSIÇÃO FATURAMENTO - WHP.xlsx</t>
  </si>
  <si>
    <t>11/25/2019 12:24:43</t>
  </si>
  <si>
    <t>11/25/2019 12:28:14</t>
  </si>
  <si>
    <t>11/25/2019 12:34:58</t>
  </si>
  <si>
    <t>11/25/2019 12:38:15</t>
  </si>
  <si>
    <t>mail.google.com/_/upload?authuser=1&amp;dcp=asu-n&amp;upload_id=AEnB2UrfRTdbMcz4d3zEN_GB53bdSM7NUHGAS25M1CHpXzgPr8og_To8WNwernEfFrmDh6PriVdTlr2Kk5IXeXsM_na3unudUw&amp;upload_protocol=resumable</t>
  </si>
  <si>
    <t>Cópia de 10 Outubro - Recall.xlsb</t>
  </si>
  <si>
    <t>11/25/2019 12:39:58</t>
  </si>
  <si>
    <t>11/25/2019 12:45:15</t>
  </si>
  <si>
    <t>/o=exchangelabs/ou=exchange administrative group (fydibohf23spdlt)/cn=recipients/cn=c32cee7d339f4e7fab5beda7be171cc0-priscila ca;/o=exchangelabs/ou=exchange administrative group (fydibohf23spdlt)/cn=recipients/cn=d05b086490f84e1380a430afb1101aa7-giofrerdane;/o=exchangelabs/ou=exchange administrative group (fydibohf23spdlt)/cn=recipients/cn=e3778f57d65f4c17a6287602f9eb0cdc-alessandra;</t>
  </si>
  <si>
    <t>/o=exchangelabs/ou=exchange administrative group (fydibohf23spdlt)/cn=recipients/cn=c32cee7d339f4e7fab5beda7be171cc0-priscila ca,/o=exchangelabs/ou=exchange administrative group (fydibohf23spdlt)/cn=recipients/cn=d05b086490f84e1380a430afb1101aa7-giofrerdane,/o=exchangelabs/ou=exchange administrative group (fydibohf23spdlt)/cn=recipients/cn=e3778f57d65f4c17a6287602f9eb0cdc-alessandra</t>
  </si>
  <si>
    <t>11/25/2019 13:07:24</t>
  </si>
  <si>
    <t>11/25/2019 13:10:15</t>
  </si>
  <si>
    <t>joseasn@algartech.com</t>
  </si>
  <si>
    <t>mail.google.com/_/upload?authuser=0&amp;dcp=asu-n&amp;upload_id=AEnB2UpZztTCsws2nzo4N6DVXGy9iJetx4jcgCMNQuVTSkRfKAcL_D5qKFyhzZ61vHW2zZCCXnSqgRqfjPStvK2lh2fwgY8TdQ&amp;upload_protocol=resumable</t>
  </si>
  <si>
    <t>cpc-controldeskavon@algartech.com;senildapdo@algartech.com;viniciussg@algartech.com;</t>
  </si>
  <si>
    <t>C:\Users\joseasn\Downloads\</t>
  </si>
  <si>
    <t>cpc-controldeskavon@algartech.com,senildapdo@algartech.com,viniciussg@algartech.com</t>
  </si>
  <si>
    <t>11/25/2019 13:25:25</t>
  </si>
  <si>
    <t>11/25/2019 13:28:16</t>
  </si>
  <si>
    <t>\\acsfs\DEPTOS\EDUCACAO EMPRESARIAL\4 - Gestão de Educação\4.4 Analistas\Ericson\Ericson Pessoal\Contratos Comite\Igor Alessandro (lavajato)\</t>
  </si>
  <si>
    <t>11/25/2019 13:34:40</t>
  </si>
  <si>
    <t>11/25/2019 13:37:15</t>
  </si>
  <si>
    <t>mail.google.com/_/upload?authuser=0&amp;dcp=asu-n&amp;upload_id=AEnB2UpjI_bBhLKehdxzIbIqGu9UDJk7Q8TLRAXmNoE6BiQWiaNgjDGa1s1vmL2Ee_7i-iPW28Ihfg1bivbVP8rSgNxeXGuuhw&amp;upload_protocol=resumable</t>
  </si>
  <si>
    <t>CANCELAMENTO_FORA COMPETENCIA.xlsx</t>
  </si>
  <si>
    <t>11/25/2019 13:35:44</t>
  </si>
  <si>
    <t>11/25/2019 13:40:16</t>
  </si>
  <si>
    <t>Base BW % Conversão - Nov-2019 - Parcial - 21-11-19 - V2.xlsm</t>
  </si>
  <si>
    <t>11/25/2019 13:35:48</t>
  </si>
  <si>
    <t>11/25/2019 13:37:19</t>
  </si>
  <si>
    <t>11/25/2019 13:49:42</t>
  </si>
  <si>
    <t>11/25/2019 13:52:16</t>
  </si>
  <si>
    <t>https://caey.fa.us2.oraclecloud.com/crmui/faces/fusewelcome?_adf.ctrl-state=13jpag4jkq_253</t>
  </si>
  <si>
    <t>C:\Users\sherleyce\Desktop\ENC Margens GAT 2018 minimo aceito 30%.msg\s1\</t>
  </si>
  <si>
    <t>11/25/2019 13:51:28</t>
  </si>
  <si>
    <t>11/25/2019 13:53:15</t>
  </si>
  <si>
    <t>/o=exchangelabs/ou=exchange administrative group (fydibohf23spdlt)/cn=recipients/cn=545f738e0fe740ba856f4eb6ef0135e0-vinicius si;/o=exchangelabs/ou=exchange administrative group (fydibohf23spdlt)/cn=recipients/cn=81f72ed6e9d042e3bed0cec08d488854-vinicius go;/o=exchangelabs/ou=exchange administrative group (fydibohf23spdlt)/cn=recipients/cn=a72a765de829420582b78941417073ac-karina rodr;/o=exchangelabs/ou=exchange administrative group (fydibohf23spdlt)/cn=recipients/cn=a75579a499254c2291e852b70c4d70d1-eunice apar;</t>
  </si>
  <si>
    <t>Proposta de Forecast - Service N1 // Janeiro 2020</t>
  </si>
  <si>
    <t>Forecast N1 Service_Whirlpool.xlsx</t>
  </si>
  <si>
    <t>/o=exchangelabs/ou=exchange administrative group (fydibohf23spdlt)/cn=recipients/cn=545f738e0fe740ba856f4eb6ef0135e0-vinicius si,/o=exchangelabs/ou=exchange administrative group (fydibohf23spdlt)/cn=recipients/cn=81f72ed6e9d042e3bed0cec08d488854-vinicius go,/o=exchangelabs/ou=exchange administrative group (fydibohf23spdlt)/cn=recipients/cn=a72a765de829420582b78941417073ac-karina rodr,/o=exchangelabs/ou=exchange administrative group (fydibohf23spdlt)/cn=recipients/cn=a75579a499254c2291e852b70c4d70d1-eunice apar</t>
  </si>
  <si>
    <t>11/25/2019 13:55:49</t>
  </si>
  <si>
    <t>11/25/2019 13:57:16</t>
  </si>
  <si>
    <t>11/25/2019 13:59:37</t>
  </si>
  <si>
    <t>11/25/2019 14:00:15</t>
  </si>
  <si>
    <t>10.200.99.115</t>
  </si>
  <si>
    <t>senildapdo@algartech.com</t>
  </si>
  <si>
    <t>julianamp@algartech.com;</t>
  </si>
  <si>
    <t>C:\Users\senildapdo\Desktop\</t>
  </si>
  <si>
    <t>julianamp@algartech.com</t>
  </si>
  <si>
    <t>11/25/2019 14:03:23</t>
  </si>
  <si>
    <t>11/25/2019 14:05:15</t>
  </si>
  <si>
    <t>11/25/2019 14:03:12</t>
  </si>
  <si>
    <t>11/25/2019 14:06:16</t>
  </si>
  <si>
    <t>ENC: CURVAS_VOL_AHT.xlsx</t>
  </si>
  <si>
    <t>11/25/2019 14:05:48</t>
  </si>
  <si>
    <t>11/25/2019 14:07:15</t>
  </si>
  <si>
    <t>11/25/2019 14:05:52</t>
  </si>
  <si>
    <t>11/25/2019 14:09:16</t>
  </si>
  <si>
    <t>Governança de Compras Handover.xlsx</t>
  </si>
  <si>
    <t>11/25/2019 14:06:23</t>
  </si>
  <si>
    <t>11/25/2019 14:14:22</t>
  </si>
  <si>
    <t>11/25/2019 14:19:16</t>
  </si>
  <si>
    <t>mail.google.com/_/upload?authuser=3&amp;dcp=asu-n&amp;upload_id=AEnB2UpZQSsM8DScJCgX4P0VBuqg08PjSxWDhZwEsdVKn5k83hYjFVcOjKycOcWwHwmP6wUkrAuKcx29ZSflF0Ya2CG2GrhU9g&amp;upload_protocol=resumable</t>
  </si>
  <si>
    <t>11/25/2019 14:18:22</t>
  </si>
  <si>
    <t>11/25/2019 14:21:15</t>
  </si>
  <si>
    <t>containsunsubsc,copyable,displayname,domain,emailaddress,explicitlytrashed,filesize,hasthumbnail,hasvisitorpermissions,id,id),items(kind,lastmodifyinguser(kind,lastviewedbymedate,mimetype,modifiedbymedate,modifieddate,nextpagetoken,ontainsunsubscribedchildren,owners(kind,permissionid,picture,quotabytesused,shareable,shared,sharedwithmedate,subscribed,thumbnailversion,title,toyota crc' and title contains 'xlsx' and trashed = false and '0abcsrzeyyooluk9pva' in parents&amp;fields=kind,userpermission(role)</t>
  </si>
  <si>
    <t>11/25/2019 14:03:25</t>
  </si>
  <si>
    <t>11/25/2019 14:27:15</t>
  </si>
  <si>
    <t>11/25/2019 14:28:27</t>
  </si>
  <si>
    <t>11/25/2019 14:31:15</t>
  </si>
  <si>
    <t>mail.google.com/_/upload?authuser=2&amp;dcp=asu-n&amp;upload_id=AEnB2Ura0kZ6DTufw68w1xPHNflRIsbavYC9g0yJYLdetpoHVcaxFrW9qUbXExxxwtm-1DBkAsSuNeQpQwhy8efA9pAZeANvBA&amp;upload_protocol=resumable</t>
  </si>
  <si>
    <t>Planilha controle Demandas Squad.xlsx</t>
  </si>
  <si>
    <t>11/25/2019 14:36:38</t>
  </si>
  <si>
    <t>11/25/2019 14:40:16</t>
  </si>
  <si>
    <t>C:\Users\renatofol\OneDrive - Grupo Algar\ALGAR_-_Transformação Digital\Consultoria CX\Documentações\TIME CX\Clientes\Netflix\fwdrfpnetflixopt207414netflixsacdat.zip\</t>
  </si>
  <si>
    <t>Brazil RFP .xlsx</t>
  </si>
  <si>
    <t>11/25/2019 14:39:32</t>
  </si>
  <si>
    <t>11/25/2019 14:42:15</t>
  </si>
  <si>
    <t>C:\Users\luanaaoli\Desktop\INICIATIVAS\7. Financeiro\</t>
  </si>
  <si>
    <t>Atualização VDE E VDS 09.07 (002) (1).xlsx</t>
  </si>
  <si>
    <t>11/25/2019 14:48:11</t>
  </si>
  <si>
    <t>11/25/2019 14:50:16</t>
  </si>
  <si>
    <t>11/25/2019 14:47:15</t>
  </si>
  <si>
    <t>11/25/2019 14:52:15</t>
  </si>
  <si>
    <t>10.200.32.143</t>
  </si>
  <si>
    <t>64-1C-67-9C-55-31</t>
  </si>
  <si>
    <t>/o=exchangelabs/ou=exchange administrative group (fydibohf23spdlt)/cn=recipients/cn=d524c378550f4b9ab526e5938ca6655b-flavia mari;</t>
  </si>
  <si>
    <t>Arquivo de retorno - Reenvio - 25.11 (1).xlsx</t>
  </si>
  <si>
    <t>/o=exchangelabs/ou=exchange administrative group (fydibohf23spdlt)/cn=recipients/cn=d524c378550f4b9ab526e5938ca6655b-flavia mari</t>
  </si>
  <si>
    <t>11/25/2019 14:49:16</t>
  </si>
  <si>
    <t>11/25/2019 14:54:16</t>
  </si>
  <si>
    <t>bgrayenywbdwabdfxvdoe0fctvkjgasmw1dktlxrqljcc0dmdvnfwwhd;</t>
  </si>
  <si>
    <t>bgrayenywbdwabdfxvdoe0fctvkjgasmw1dktlxrqljcc0dmdvnfwwhd</t>
  </si>
  <si>
    <t>11/25/2019 14:55:06</t>
  </si>
  <si>
    <t>11/25/2019 14:56:16</t>
  </si>
  <si>
    <t>mail.google.com/_/upload?authuser=0&amp;dcp=asu-n&amp;upload_id=AEnB2UqMb-WOauA0ZCil4SFPA5dX2tOgNvuy_j0M9TtXxciW5KYyeDM0yjxpCD-JzmQtjkOk97buVNUDqzzCBaALX3f2KlYIeA&amp;upload_protocol=resumable</t>
  </si>
  <si>
    <t>11/25/2019 14:59:13</t>
  </si>
  <si>
    <t>11/25/2019 15:01:16</t>
  </si>
  <si>
    <t>C:\Users\ricardobal\OneDrive - Grupo Algar\Algar Tecnologia\01 - CLIENTES\BANCO BMG\215366 REVISÃO SD\</t>
  </si>
  <si>
    <t>BMG - 215366 - Plan Precificacao C017 B017 12_11_2019.xlsb</t>
  </si>
  <si>
    <t>C:\Users\ricardobal\OneDrive - Grupo Algar\Algar Tecnologia\01 - CLIENTES\BANCO BMG\215366 REVISÃO SD\BMG - 215366 - Plan Precificacao C017 B017 12_11_2019.xlsb\</t>
  </si>
  <si>
    <t>11/25/2019 14:59:37</t>
  </si>
  <si>
    <t>BMG-ALGAR TECH VALORES PER CALL.xlsx</t>
  </si>
  <si>
    <t>11/25/2019 15:02:44</t>
  </si>
  <si>
    <t>11/25/2019 15:03:16</t>
  </si>
  <si>
    <t>11/25/2019 15:05:39</t>
  </si>
  <si>
    <t>11/25/2019 15:06:15</t>
  </si>
  <si>
    <t>H:\Governança da Estratégia\Governança\Holding\2019\Gerenciais\4ª REUGER Novembro\Slides - Áreas\Algar Tech_4a REUGER 2019_Marketing_Vendas_Receita_V7.pptx\</t>
  </si>
  <si>
    <t>11/25/2019 15:05:44</t>
  </si>
  <si>
    <t>11/25/2019 15:10:15</t>
  </si>
  <si>
    <t>/o=exchangelabs/ou=exchange administrative group (fydibohf23spdlt)/cn=recipients/cn=0163bfef0e474630bdcf0a3698e9ffd4-amanda ferr;/o=exchangelabs/ou=exchange administrative group (fydibohf23spdlt)/cn=recipients/cn=26a18e4ace4f4981b19d4efc5cccf985-uenia ribei;/o=exchangelabs/ou=exchange administrative group (fydibohf23spdlt)/cn=recipients/cn=56dc126fba5b4a5f8fb1cd7e4f10477d-thais olive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93a9a0598b8d4b6ab10f3b1e2184d2e4-leonardo al;/o=exchangelabs/ou=exchange administrative group (fydibohf23spdlt)/cn=recipients/cn=aff8c3b9538840fe9b9778861292fbea-everton pau;diegoodz@algartech.com.br;ivia.santos@temposervicos.com.br;jackson.diniz@bradesco.com.br;jhonatan.ventino@temposervicos.c</t>
  </si>
  <si>
    <t>/o=exchangelabs/ou=exchange administrative group (fydibohf23spdlt)/cn=recipients/cn=0163bfef0e474630bdcf0a3698e9ffd4-amanda ferr,/o=exchangelabs/ou=exchange administrative group (fydibohf23spdlt)/cn=recipients/cn=26a18e4ace4f4981b19d4efc5cccf985-uenia ribei,/o=exchangelabs/ou=exchange administrative group (fydibohf23spdlt)/cn=recipients/cn=56dc126fba5b4a5f8fb1cd7e4f10477d-thais olive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93a9a0598b8d4b6ab10f3b1e2184d2e4-leonardo al,/o=exchangelabs/ou=exchange administrative group (fydibohf23spdlt)/cn=recipients/cn=aff8c3b9538840fe9b9778861292fbea-everton pau,diegoodz@algartech.com.br,ivia.santos@temposervicos.com.br,jackson.diniz@bradesco.com.br,jhonatan.ventino@temposervicos.c</t>
  </si>
  <si>
    <t>11/25/2019 15:07:18</t>
  </si>
  <si>
    <t>11/25/2019 15:12:16</t>
  </si>
  <si>
    <t>mail.google.com/_/upload?authuser=0&amp;dcp=asu-n&amp;upload_id=AEnB2Uo0TRfikz2GeUdsRq86vN68fN-Mi_Vzwfjr6sE6Yjda6zsH0GOrKnjTxuwt8P-3JPSPmCSiFEXLYDGdkuiV-xDSszg36g&amp;upload_protocol=resumable</t>
  </si>
  <si>
    <t>D:\AlgarTech\Planejamento_Engenharia\BPO\RFP - 217488 - TR SEBRAE\</t>
  </si>
  <si>
    <t>11/25/2019 15:09:12</t>
  </si>
  <si>
    <t>11/25/2019 15:13:15</t>
  </si>
  <si>
    <t>10.200.61.198</t>
  </si>
  <si>
    <t>Pesquisa AVON Supers Nov.xlsx</t>
  </si>
  <si>
    <t>11/25/2019 15:10:25</t>
  </si>
  <si>
    <t>\\ACSFS\Engeset\FINANCEIRO_ULA\CONTROLA\SG\00 - Aplicações\10- Orçamento\2020\Receita\Rascunho\</t>
  </si>
  <si>
    <t>Volumetria Bradesco_Nova RB 340002017.xlsx</t>
  </si>
  <si>
    <t>11/25/2019 15:10:27</t>
  </si>
  <si>
    <t>mail.google.com/_/upload?authuser=2&amp;dcp=asu-n&amp;upload_id=AEnB2Uqg2r71GJBhzvPjtk0pjbFs1InQMSsI-NH28GTy8nHMw5lMPVMyywS3-Lp2nCgUaUY04uvSbRqaQ-2pIhfsw2IDrwnuEQ&amp;upload_protocol=resumable</t>
  </si>
  <si>
    <t>11/25/2019 15:13:34</t>
  </si>
  <si>
    <t>11/25/2019 15:17:15</t>
  </si>
  <si>
    <t>ENC: Treinamento</t>
  </si>
  <si>
    <t>11/25/2019 15:15:25</t>
  </si>
  <si>
    <t>11/25/2019 15:18:16</t>
  </si>
  <si>
    <t>11/25/2019 15:17:05</t>
  </si>
  <si>
    <t>11/25/2019 15:20:15</t>
  </si>
  <si>
    <t>/o=exchangelabs/ou=exchange administrative group (fydibohf23spdlt)/cn=recipients/cn=0163bfef0e474630bdcf0a3698e9ffd4-amanda ferr;/o=exchangelabs/ou=exchange administrative group (fydibohf23spdlt)/cn=recipients/cn=56dc126fba5b4a5f8fb1cd7e4f10477d-thais olive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aff8c3b9538840fe9b9778861292fbea-everton pau;brunosr@algartech.com.br;jackson.diniz@bradesco.com.br;jhonatan.ventino@temposervicos.com.br;laricena@algartech.com.br;liliane.carole@temposervicos.com.br;pauliniaacs@algartech.com.br;poliane.amaral@bradesco.com.br;suzane.b.rodrigues@bradesco.com.br;suzane.rodrigues@temposervicos.com.br;</t>
  </si>
  <si>
    <t>/o=exchangelabs/ou=exchange administrative group (fydibohf23spdlt)/cn=recipients/cn=0163bfef0e474630bdcf0a3698e9ffd4-amanda ferr,/o=exchangelabs/ou=exchange administrative group (fydibohf23spdlt)/cn=recipients/cn=56dc126fba5b4a5f8fb1cd7e4f10477d-thais olive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aff8c3b9538840fe9b9778861292fbea-everton pau,brunosr@algartech.com.br,jackson.diniz@bradesco.com.br,jhonatan.ventino@temposervicos.com.br,laricena@algartech.com.br,liliane.carole@temposervicos.com.br,pauliniaacs@algartech.com.br,poliane.amaral@bradesco.com.br,suzane.b.rodrigues@bradesco.com.br,suzane.rodrigues@temposervicos.com.br</t>
  </si>
  <si>
    <t>11/25/2019 15:19:15</t>
  </si>
  <si>
    <t>11/25/2019 15:22:15</t>
  </si>
  <si>
    <t>RES: Saldo Credor</t>
  </si>
  <si>
    <t>Cópia de SALDO CREDOR.xlsx</t>
  </si>
  <si>
    <t>11/25/2019 15:19:28</t>
  </si>
  <si>
    <t>11/25/2019 15:23:15</t>
  </si>
  <si>
    <t>11/25/2019 15:19:27</t>
  </si>
  <si>
    <t>New Model NOV.xlsx</t>
  </si>
  <si>
    <t>11/25/2019 15:18:15</t>
  </si>
  <si>
    <t>/o=exchangelabs/ou=exchange administrative group (fydibohf23spdlt)/cn=recipients/cn=1a68fd0c71d242d89abd9f9904b69653-lidianne sa;/o=exchangelabs/ou=exchange administrative group (fydibohf23spdlt)/cn=recipients/cn=2946605dcf554cb389220dec598b84fa-adriano mon;/o=exchangelabs/ou=exchange administrative group (fydibohf23spdlt)/cn=recipients/cn=3daf2f0b162f40c696c00f9ecbb7d69a-ana laura t;/o=exchangelabs/ou=exchange administrative group (fydibohf23spdlt)/cn=recipients/cn=b284454839e94314a90d49e7ec00864f-antonio car;alexandre.m.souza@bradesco.com.br;analtc@algartech.com.br;daniela.souza@bradesco.com.br;diogenespl@algartech.com.br;joyce.l.oliveira@bradesco.com.br;lorrany.bianca@bradesco.com.br;paula.tavares@bradesco.com.br;</t>
  </si>
  <si>
    <t>RES: ==Errata == Filas inativas</t>
  </si>
  <si>
    <t>10-FATURAMENTO-FRD_BO_AMEX-OUT-19.xlsx</t>
  </si>
  <si>
    <t>/o=exchangelabs/ou=exchange administrative group (fydibohf23spdlt)/cn=recipients/cn=1a68fd0c71d242d89abd9f9904b69653-lidianne sa,/o=exchangelabs/ou=exchange administrative group (fydibohf23spdlt)/cn=recipients/cn=2946605dcf554cb389220dec598b84fa-adriano mon,/o=exchangelabs/ou=exchange administrative group (fydibohf23spdlt)/cn=recipients/cn=3daf2f0b162f40c696c00f9ecbb7d69a-ana laura t,/o=exchangelabs/ou=exchange administrative group (fydibohf23spdlt)/cn=recipients/cn=b284454839e94314a90d49e7ec00864f-antonio car,alexandre.m.souza@bradesco.com.br,analtc@algartech.com.br,daniela.souza@bradesco.com.br,diogenespl@algartech.com.br,joyce.l.oliveira@bradesco.com.br,lorrany.bianca@bradesco.com.br,paula.tavares@bradesco.com.br</t>
  </si>
  <si>
    <t>11/25/2019 15:26:32</t>
  </si>
  <si>
    <t>11/25/2019 15:28:15</t>
  </si>
  <si>
    <t>proposta tim fatura b_fatura a.xlsx</t>
  </si>
  <si>
    <t>11/25/2019 15:25:32</t>
  </si>
  <si>
    <t>C:\Users\rodrigormc\Downloads\</t>
  </si>
  <si>
    <t>Daily Operador_23-11-2019.xlsx</t>
  </si>
  <si>
    <t>11/25/2019 15:29:40</t>
  </si>
  <si>
    <t>11/25/2019 15:30:15</t>
  </si>
  <si>
    <t>C:\Users\denisevca\Desktop\FECHAMENTOS JUL AGO SET\</t>
  </si>
  <si>
    <t>Padrao Solicitacao Receitamento SG Telecom FAT B LOTE 1 NOVEMBRO.xlsm</t>
  </si>
  <si>
    <t>11/25/2019 15:34:53</t>
  </si>
  <si>
    <t>11/25/2019 15:35:16</t>
  </si>
  <si>
    <t>10.201.28.37</t>
  </si>
  <si>
    <t>adrianamac@algartech.com</t>
  </si>
  <si>
    <t>C:\Users\adrianamac\Documents\</t>
  </si>
  <si>
    <t>Rateio Amex Yamashita2019.xlsx</t>
  </si>
  <si>
    <t>11/25/2019 15:36:23</t>
  </si>
  <si>
    <t>11/25/2019 15:38:16</t>
  </si>
  <si>
    <t>mail.google.com/mail/u/1/?tab=gm#inbox/FMfcgxwGBwQNfjBrTwmSbmGqlzwMFLCT?compose=CllgCKHTwBbcWgvQZxQzGZChKxHHnrZGTrjMllqSQjnDXnxcpgzNcvtNmxHFNVZLMhxjRQkZPDq</t>
  </si>
  <si>
    <t>C:\Users\Flavia\Documents\</t>
  </si>
  <si>
    <t>Orçado CR - Correção nd.xlsx</t>
  </si>
  <si>
    <t>11/25/2019 15:40:53</t>
  </si>
  <si>
    <t>11/25/2019 15:43:16</t>
  </si>
  <si>
    <t>mail.google.com/_/upload?authuser=3&amp;dcp=asu-n&amp;upload_id=AEnB2UpSUg-wP3-Q_kPw1fXoW5TSqehaS0limfqOPslvcreeunswjSOJQcnC4LRtS0kG4jwyBZkYyqLTKfvVITGAk7m_1oa3Zw&amp;upload_protocol=resumable</t>
  </si>
  <si>
    <t>11/25/2019 13:50:36</t>
  </si>
  <si>
    <t>10.250.254.72</t>
  </si>
  <si>
    <t>C:\Users\joaobab\OneDrive - Grupo Algar\temp\Whirpool\Categorizador\Mayoral - Formato para Importação\</t>
  </si>
  <si>
    <t>Cadastro Árvores Genesys.xlsx</t>
  </si>
  <si>
    <t>11/25/2019 15:38:29</t>
  </si>
  <si>
    <t>11/25/2019 15:44:15</t>
  </si>
  <si>
    <t>lilianeadb@algartech.com</t>
  </si>
  <si>
    <t>\\acsfs\engeset\CPV_ULA\ADMINISTRATIVO\CONTROLE ADMINISTRATIVO\DOCUMENTAÇÃO PARA HABILITAÇÃO\Algar Tecnologia\2019\217402 - RFP Cobrança Carrefour - 02.12.2019\217402 - RFP Cobrança Carrefour - 02.12.2019.zip\</t>
  </si>
  <si>
    <t>Vendor Assessment_vfinal.xlsm</t>
  </si>
  <si>
    <t>11/25/2019 15:46:08</t>
  </si>
  <si>
    <t>11/25/2019 15:46:16</t>
  </si>
  <si>
    <t>mail.google.com/_/upload?authuser=1&amp;dcp=asu-n&amp;upload_id=AEnB2UqSfVS6269PtPCbM30aEdufECfhumbZqH01T1NdJ3u_tRM3KNKu4tL71FtuB73eikGhSXRRxOUKx_ijx1z2TVBE7QILmvs202cujJmX0Oeuy89tYs0&amp;upload_protocol=resumable</t>
  </si>
  <si>
    <t>Longo Prazo X Orçado X Real vsemLP2017 (version 1).xlsx</t>
  </si>
  <si>
    <t>11/25/2019 15:50:25</t>
  </si>
  <si>
    <t>11/25/2019 15:52:15</t>
  </si>
  <si>
    <t>11/25/2019 15:50:29</t>
  </si>
  <si>
    <t>Compilado_Quantitativos.xlsx</t>
  </si>
  <si>
    <t>11/25/2019 15:52:45</t>
  </si>
  <si>
    <t>11/25/2019 15:53:16</t>
  </si>
  <si>
    <t>11/25/2019 15:55:12</t>
  </si>
  <si>
    <t>11/25/2019 15:57:16</t>
  </si>
  <si>
    <t>11/25/2019 15:54:28</t>
  </si>
  <si>
    <t>11/25/2019 15:58:15</t>
  </si>
  <si>
    <t>\\acsfs\DEPTOS\DME\CME - Coordenacao de Marketing e Estrategia\Gestão de Vendas\Metas\2019\Metas Individuais\</t>
  </si>
  <si>
    <t>New_Adenilson Gama.xlsx</t>
  </si>
  <si>
    <t>11/25/2019 15:53:39</t>
  </si>
  <si>
    <t>paulohdoc@algartech.com</t>
  </si>
  <si>
    <t>mail.google.com/_/upload?authuser=0&amp;dcp=asu-n&amp;upload_id=AEnB2UrML2bT6UbAW7P71_L1mQzv8ejL8Q3SCW7jumckbHZq42ML4SAtixxt5dBBgp7PfOSJ4jgOKg4EyT1MjnRdVYZGeCp35w&amp;upload_protocol=resumable</t>
  </si>
  <si>
    <t>C:\Users\paulohdoc\Desktop\</t>
  </si>
  <si>
    <t>11/25/2019 16:01:08</t>
  </si>
  <si>
    <t>11/25/2019 16:02:16</t>
  </si>
  <si>
    <t>lucianarba@algartech.com</t>
  </si>
  <si>
    <t>danielavg@algartech.com;gabrielaasan@algartech.com;keilapsba@algartech.com;lilianls@algartech.com;lorranaas@algartech.com;lucianarba@algartecnologia.com.br;marcotulio@algartech.com;pauloslj@algartech.com;robertaib@algartech.com;taysdss@algartech.com;</t>
  </si>
  <si>
    <t>C:\Users\lucianarba\Desktop\Reclame Aqui - Outubro Algar Telecom.pptx\</t>
  </si>
  <si>
    <t>danielavg@algartech.com,gabrielaasan@algartech.com,keilapsba@algartech.com,lilianls@algartech.com,lorranaas@algartech.com,lucianarba@algartecnologia.com.br,marcotulio@algartech.com,pauloslj@algartech.com,robertaib@algartech.com,taysdss@algartech.com</t>
  </si>
  <si>
    <t>11/25/2019 15:59:24</t>
  </si>
  <si>
    <t>11/25/2019 15:59:34</t>
  </si>
  <si>
    <t>11/25/2019 15:59:44</t>
  </si>
  <si>
    <t>11/25/2019 16:01:53</t>
  </si>
  <si>
    <t>mail.google.com/_/upload?authuser=0&amp;dcp=asu-n&amp;upload_id=AEnB2UpBGO706_8i8kkWlrolXeZ2ih-HeDa42f8l2IJUoziU-YzUtTtQWpvdwTolhLFci0CNm0Vb4XET8PnhMfc3SOu7IGrkeg&amp;upload_protocol=resumable</t>
  </si>
  <si>
    <t>11/25/2019 16:08:49</t>
  </si>
  <si>
    <t>11/25/2019 16:10:15</t>
  </si>
  <si>
    <t>camila_paixao@whirlpool.com;fabianacscg@algartech.com;katiagcc@algartech.com;</t>
  </si>
  <si>
    <t>Status Report Semana do Conhecimento Módulo I.xlsx</t>
  </si>
  <si>
    <t>camila_paixao@whirlpool.com,fabianacscg@algartech.com,katiagcc@algartech.com</t>
  </si>
  <si>
    <t>11/25/2019 16:09:07</t>
  </si>
  <si>
    <t>11/25/2019 16:11:16</t>
  </si>
  <si>
    <t>mail.google.com/_/upload?authuser=0&amp;dcp=asu-n&amp;upload_id=AEnB2UpsaFFl4rKWo2e9TARR6eanZCL5VaJSwY-Qxbi1d7d6mEEN5NFwlKOcOCP9cQUoH0MbJJ4J6zfmlqCh8YFqdiWLETXoig&amp;upload_protocol=resumable</t>
  </si>
  <si>
    <t>ARQUIVOS BO AEB.xlsx</t>
  </si>
  <si>
    <t>11/25/2019 16:07:51</t>
  </si>
  <si>
    <t>11/25/2019 16:12:16</t>
  </si>
  <si>
    <t>c:\users\adrianoms\downloads\</t>
  </si>
  <si>
    <t>formulario_ferias_irregulares adriano monteiro.xls</t>
  </si>
  <si>
    <t>11/25/2019 16:21:24</t>
  </si>
  <si>
    <t>11/25/2019 16:26:16</t>
  </si>
  <si>
    <t>C:\Users\marcelorf\OneDrive - Grupo Algar\Particular\</t>
  </si>
  <si>
    <t>Viagem Europa 2019 com Amazon.xlsx</t>
  </si>
  <si>
    <t>11/25/2019 16:24:15</t>
  </si>
  <si>
    <t>11/25/2019 16:34:33</t>
  </si>
  <si>
    <t>11/25/2019 16:35:16</t>
  </si>
  <si>
    <t>Aceitação de sites Consolidado.xlsx</t>
  </si>
  <si>
    <t>11/25/2019 16:40:59</t>
  </si>
  <si>
    <t>11/25/2019 16:42:16</t>
  </si>
  <si>
    <t>11/25/2019 16:45:10</t>
  </si>
  <si>
    <t>11/25/2019 16:49:16</t>
  </si>
  <si>
    <t>STH - Analista de Negócios SR (Produto).xlsx</t>
  </si>
  <si>
    <t>11/25/2019 16:48:46</t>
  </si>
  <si>
    <t>11/25/2019 16:50:16</t>
  </si>
  <si>
    <t>E:\INVESTIMENTOS\DIVIDENDOS\</t>
  </si>
  <si>
    <t>Maiores Dividendos 2020.xlsx</t>
  </si>
  <si>
    <t>E:\INVESTIMENTOS\DIVIDENDOS\Maiores Dividendos 2020.xlsx</t>
  </si>
  <si>
    <t>11/25/2019 16:50:50</t>
  </si>
  <si>
    <t>11/25/2019 16:55:16</t>
  </si>
  <si>
    <t>11/25/2019 16:55:04</t>
  </si>
  <si>
    <t>iaraadss@algartech.com;leandrom@algartech.com;</t>
  </si>
  <si>
    <t>Mailing atualizado Go Live 22-11.xlsx</t>
  </si>
  <si>
    <t>iaraadss@algartech.com,leandrom@algartech.com</t>
  </si>
  <si>
    <t>11/25/2019 16:55:28</t>
  </si>
  <si>
    <t>11/25/2019 16:56:16</t>
  </si>
  <si>
    <t>muriloega@algartech.com</t>
  </si>
  <si>
    <t>mail.google.com/_/upload?authuser=0&amp;dcp=asu-n&amp;upload_id=AEnB2UrpYCvdS7jnQZ0NUZlZZX73rEwpGW_ZbvAxpYwzlr3YOBT1eiVB-8cgnm-hDJa3yTW22QRrVUywH8vTnBx2mzRlt6NigA&amp;upload_protocol=resumable</t>
  </si>
  <si>
    <t>\\acsfs\DEPTOS\Operacao\PCP\3 - Corporativo\RFP´s (Request for Proposal)\2019\Estudos\CIMI\Acompanhamento\</t>
  </si>
  <si>
    <t>11/25/2019 16:56:44</t>
  </si>
  <si>
    <t>11/25/2019 17:00:15</t>
  </si>
  <si>
    <t>ENC: Demanda Cerrado</t>
  </si>
  <si>
    <t>Cópia de Status Pl Sr.xlsx</t>
  </si>
  <si>
    <t>11/25/2019 16:57:09</t>
  </si>
  <si>
    <t>11/25/2019 17:02:15</t>
  </si>
  <si>
    <t>11/25/2019 17:02:48</t>
  </si>
  <si>
    <t>11/25/2019 17:03:16</t>
  </si>
  <si>
    <t>mail.google.com/_/upload?authuser=0&amp;dcp=asu-n&amp;upload_id=AEnB2UpKb3uUoECC3cbMIMODZuifV_pP188W3zfjfJ383PDrEngMrg9Hpjr8gRZNKHUH2nHikdo7O8a7Za1eaOEcR6QZE1ZILg&amp;upload_protocol=resumable</t>
  </si>
  <si>
    <t>C:\Users\aguinaldoasj\Desktop\gestão de projetos\</t>
  </si>
  <si>
    <t>Brainstorming - Práticas Consolidado.xlsx</t>
  </si>
  <si>
    <t>11/25/2019 17:00:03</t>
  </si>
  <si>
    <t>11/25/2019 17:04:15</t>
  </si>
  <si>
    <t>\\acsfs\Deptos\Comercial\LICITAÇÃO\PORTAL ADQUIRA\ALGAR TI - TGS\Chamado 3418396 - Pagamento\</t>
  </si>
  <si>
    <t>22-11_TELEFONICA.xls</t>
  </si>
  <si>
    <t>11/25/2019 17:05:21</t>
  </si>
  <si>
    <t>11/25/2019 17:09:17</t>
  </si>
  <si>
    <t>mail.google.com/_/upload?authuser=1&amp;dcp=asu-n&amp;upload_id=AEnB2UpARjUwPCGRLcACbXretpsBbGzapirNzcbyP8uAQI7Rakk1sg3Bsho9roSy1CyHQQXeJFeSEt86J0AZVwa9bI1YH0XxFQ&amp;upload_protocol=resumable</t>
  </si>
  <si>
    <t>\\acsfs\deptos\CPC\4 - MIS\2 - Cliente\8 - Bradesco\53 - URR\03 - Entrega\</t>
  </si>
  <si>
    <t>Casos Pendentes Auditoria.xls</t>
  </si>
  <si>
    <t>11/25/2019 17:11:01</t>
  </si>
  <si>
    <t>11/25/2019 17:12:17</t>
  </si>
  <si>
    <t>mail.google.com/_/upload?authuser=4&amp;dcp=asu-n&amp;upload_id=AEnB2UphTg6ICT6GeZybFHE33abZNZZr9tGlzYSSklBASAURcmumSi_rBtpG1cy3-4tkMyzJMiYVclse2zSD-spA6PtTtJHZTA&amp;upload_protocol=resumable</t>
  </si>
  <si>
    <t>\\acsfs\deptos\Controladoria\17. CG Financeiro\CG INFRA\2.Faturamento\AMAZON\2019\12. Dezembro\</t>
  </si>
  <si>
    <t>11/25/2019 17:08:20</t>
  </si>
  <si>
    <t>11/25/2019 17:12:49</t>
  </si>
  <si>
    <t>11/25/2019 17:18:17</t>
  </si>
  <si>
    <t>celmars@algartech.com;emersonmdp@algartech.com;matheusmpm@algartech.com;pmo@algartech.com;victorhsr@algartech.com;wayneroa@algartech.com;</t>
  </si>
  <si>
    <t>\\acsfs\deptos\PMO Governança\06 - GOVERNANÇA DO CAPEX\CAPEX 2020\ORÇAMENTO\OFICIAL\01 - OFICIAL\</t>
  </si>
  <si>
    <t>Resumo Capex por torre GAT x GRC.xlsx</t>
  </si>
  <si>
    <t>celmars@algartech.com,emersonmdp@algartech.com,matheusmpm@algartech.com,pmo@algartech.com,victorhsr@algartech.com,wayneroa@algartech.com</t>
  </si>
  <si>
    <t>11/25/2019 17:14:26</t>
  </si>
  <si>
    <t>11/25/2019 17:14:30</t>
  </si>
  <si>
    <t>Produtividade RAF - NOV-2019 - Parcial - 21-11-19 -V2.xlsm</t>
  </si>
  <si>
    <t>11/25/2019 17:20:39</t>
  </si>
  <si>
    <t>11/25/2019 17:22:16</t>
  </si>
  <si>
    <t>Analise RFP's 25112019.xlsx</t>
  </si>
  <si>
    <t>11/25/2019 17:19:45</t>
  </si>
  <si>
    <t>11/25/2019 17:24:16</t>
  </si>
  <si>
    <t>6708;</t>
  </si>
  <si>
    <t>http://6708</t>
  </si>
  <si>
    <t>11/25/2019 17:22:50</t>
  </si>
  <si>
    <t>11/25/2019 17:26:16</t>
  </si>
  <si>
    <t>C:\Users\luizavs\Desktop\</t>
  </si>
  <si>
    <t>AHT Real x RFP.xlsx</t>
  </si>
  <si>
    <t>11/25/2019 17:23:37</t>
  </si>
  <si>
    <t>mail.google.com/_/upload?authuser=1&amp;dcp=asu-n&amp;upload_id=AEnB2UrrrIJRMvdWyTTzUfpI1UNnutvuj1HZ1ZM7F1nPN6JX_qrZE5HyUIXMsnL4zE94AwUzVDkzVoMBMx_sBaSt3PnoY_C7lQ&amp;upload_protocol=resumable</t>
  </si>
  <si>
    <t>11/25/2019 17:26:45</t>
  </si>
  <si>
    <t>11/25/2019 17:27:17</t>
  </si>
  <si>
    <t>C:\Users\renatofol\OneDrive - Grupo Algar\ALGAR_-_Transformação Digital\Consultoria CX\Documentações\TIME CX\Clientes\Netflix\</t>
  </si>
  <si>
    <t>Brazil RFP .en.pt.xlsx</t>
  </si>
  <si>
    <t>11/25/2019 17:23:45</t>
  </si>
  <si>
    <t>11/25/2019 17:29:17</t>
  </si>
  <si>
    <t>mail.google.com/_/upload?authuser=0&amp;dcp=asu-n&amp;upload_id=AEnB2UoWh71LBa1FmmiYfXAKkwy0OVxaWjrRwysFHQu-tuma4-bZXnZIG5qv-v__0eN0j03nv_MnVjoFGaoMkDhVbBUiLNj8nA&amp;upload_protocol=resumable</t>
  </si>
  <si>
    <t>C:\Users\lilianeadb\Desktop\Documentação para Cadastro _ Faturamento NFE 2019,775, 2019,776, 2019,777, 2019,779 e 2019,781 EVEN CONSTRUTORA E INCORPORADORA S A.eml\</t>
  </si>
  <si>
    <t>F SUP 010 Cadastro de fornecedores Rev.16.xlsx</t>
  </si>
  <si>
    <t>11/25/2019 17:26:30</t>
  </si>
  <si>
    <t>11/25/2019 17:26:24</t>
  </si>
  <si>
    <t>11/25/2019 17:32:16</t>
  </si>
  <si>
    <t>yuriifd@algartech.com</t>
  </si>
  <si>
    <t>C:\Users\yuriifd\Desktop\Squad Competividade - Atendimento\</t>
  </si>
  <si>
    <t>11/25/2019 17:40:20</t>
  </si>
  <si>
    <t>11/25/2019 17:41:16</t>
  </si>
  <si>
    <t>D:\Projetos\ACS\One_drive\OneDrive - Grupo Algar\Projetos\2019 Algar_-_Precificação\Matriz\</t>
  </si>
  <si>
    <t>BP de Precificacao - Exemplo para Prj.xlsb</t>
  </si>
  <si>
    <t>D:\Projetos\ACS\One_drive\OneDrive - Grupo Algar\Projetos\2019 Algar_-_Precificação\Matriz\BP de Precificacao - Exemplo para Prj.xlsb\</t>
  </si>
  <si>
    <t>11/25/2019 17:42:07</t>
  </si>
  <si>
    <t>11/25/2019 17:46:17</t>
  </si>
  <si>
    <t>11/25/2019 17:42:08</t>
  </si>
  <si>
    <t>Orçamento Jornada ERP_analise TOTVs.xlsx</t>
  </si>
  <si>
    <t>11/25/2019 17:42:10</t>
  </si>
  <si>
    <t>D:\Projetos\ACS\One_drive\OneDrive - Grupo Algar\Projetos\2019 Eletrolux_-_Indicadores\</t>
  </si>
  <si>
    <t>Visão Status Report.xlsx</t>
  </si>
  <si>
    <t>11/25/2019 17:42:11</t>
  </si>
  <si>
    <t>Indicadores Contrato Algar - Anexo IV - SLAs ATUAL-convertido.xlsx</t>
  </si>
  <si>
    <t>11/25/2019 17:42:12</t>
  </si>
  <si>
    <t>D:\Projetos\ACS\One_drive\OneDrive - Grupo Algar\Projetos\2020 Algar_-_Implantacao CRM\</t>
  </si>
  <si>
    <t>Relação de Empresas (15).xlsx</t>
  </si>
  <si>
    <t>11/25/2019 17:42:13</t>
  </si>
  <si>
    <t>Matriz de Decisão CRM - TI-2 - Salesforce.xlsx</t>
  </si>
  <si>
    <t>Lista Usuários.xlsx</t>
  </si>
  <si>
    <t>11/25/2019 17:42:14</t>
  </si>
  <si>
    <t>Cópia de COT-AlgarTech-07-06-19 v7.xlsx</t>
  </si>
  <si>
    <t>11/25/2019 17:42:16</t>
  </si>
  <si>
    <t>Contatos v2 (1).xlsx</t>
  </si>
  <si>
    <t>61_sd_layout_integ_algartech (1).xlsx</t>
  </si>
  <si>
    <t>CRM-MatrizDeAvaliacao.xlsx</t>
  </si>
  <si>
    <t>11/25/2019 17:42:17</t>
  </si>
  <si>
    <t>relatorio_atendimento_analitico__exportacao_5dbb232894af4.csv</t>
  </si>
  <si>
    <t>11/25/2019 17:42:18</t>
  </si>
  <si>
    <t>Plan Precificacao C018 B018 - Somente GRC.xlsb</t>
  </si>
  <si>
    <t>D:\Projetos\ACS\One_drive\OneDrive - Grupo Algar\Projetos\2019 Algar_-_Precificação\Escopo\Plan Precificacao C018 B018 - Somente GRC.xlsb\</t>
  </si>
  <si>
    <t>11/25/2019 17:42:21</t>
  </si>
  <si>
    <t>Modelo planilha Telecom.xlsm</t>
  </si>
  <si>
    <t>11/25/2019 17:42:22</t>
  </si>
  <si>
    <t>D:\Projetos\ACS\One_drive\OneDrive - Grupo Algar\Projetos\2019 Algar_-_Precificação\Escopo\BP de Precificacao - Exemplo para Prj.xlsb\</t>
  </si>
  <si>
    <t>11/25/2019 17:42:25</t>
  </si>
  <si>
    <t>D:\Projetos\ACS\One_drive\OneDrive - Grupo Algar\Projetos\2019 Algar_-_Precificação\Status report\Status Report Semanal - Projeto Precificação - 20191101.pptx\</t>
  </si>
  <si>
    <t>D:\Projetos\ACS\One_drive\OneDrive - Grupo Algar\Projetos\2019 CSC_-_Jornada ERP\SAP\</t>
  </si>
  <si>
    <t>ALGAR - BOM SAP DRAFT V06.xlsx</t>
  </si>
  <si>
    <t>11/25/2019 17:42:32</t>
  </si>
  <si>
    <t>D:\Projetos\ACS\One_drive\OneDrive - Grupo Algar\Projetos\2019 Whirlpool_-_Dashboards\SMS\</t>
  </si>
  <si>
    <t>D:\Projetos\ACS\One_drive\OneDrive - Grupo Algar\Projetos\2020 Algar_-_Implantacao CRM\CRM\</t>
  </si>
  <si>
    <t>Avaliação Ferramenta Multicanalidade v3.xlsx</t>
  </si>
  <si>
    <t>61_sd_layout_integ_algartech (1) - CAMPOS DE INTEGRAÇÃO.xlsx</t>
  </si>
  <si>
    <t>11/25/2019 17:42:37</t>
  </si>
  <si>
    <t>D:\Projetos\ACS\One_drive\OneDrive - Grupo Algar\Projetos\2019 Eletrolux_-_Indicadores\2 - Documentação Indicadores\3 - WhatsApp e Chat\DE-Electrolux Indicadores-ChatBot-v1.1.docx\</t>
  </si>
  <si>
    <t>D:\Projetos\ACS\One_drive\OneDrive - Grupo Algar\Projetos\2019 Eletrolux_-_Indicadores\2 - Documentação Indicadores\3 - WhatsApp e Chat\</t>
  </si>
  <si>
    <t>DE - Indicadores Dash Digital.xlsx</t>
  </si>
  <si>
    <t>11/25/2019 17:42:41</t>
  </si>
  <si>
    <t>D:\Projetos\ACS\One_drive\OneDrive - Grupo Algar\Projetos\2019 Eletrolux_-_Indicadores\5 - Comum\Whats\</t>
  </si>
  <si>
    <t>Teste.xlsx</t>
  </si>
  <si>
    <t>11/25/2019 17:42:45</t>
  </si>
  <si>
    <t>a_f_protocolo_yahsat_201910231958.xlsx</t>
  </si>
  <si>
    <t>a_f_protocolo_yahsat_201910231958.csv</t>
  </si>
  <si>
    <t>11/25/2019 17:43:32</t>
  </si>
  <si>
    <t>a_attendance_detail_mensagens_201910232004.xlsx</t>
  </si>
  <si>
    <t>11/25/2019 17:43:34</t>
  </si>
  <si>
    <t>a_attendance_detail_atendimento_new_201910241449_old.xlsx</t>
  </si>
  <si>
    <t>11/25/2019 17:43:35</t>
  </si>
  <si>
    <t>a_attendance_detail_atendimento_new_201910241449.xlsx</t>
  </si>
  <si>
    <t>a_attendance_detail_mensagens_201910232004.csv</t>
  </si>
  <si>
    <t>11/25/2019 17:43:36</t>
  </si>
  <si>
    <t>D:\Projetos\ACS\One_drive\OneDrive - Grupo Algar\Projetos\2020 Algar_-_Implantacao CRM\CRM\Apresentação CRM - FINAL\Proposta de Apresentação CRM - V4.pptx\</t>
  </si>
  <si>
    <t>11/25/2019 17:43:37</t>
  </si>
  <si>
    <t>D:\Projetos\ACS\One_drive\OneDrive - Grupo Algar\Projetos\2020 Algar_-_Implantacao CRM\CRM\Apresentação CRM - FINAL\Proposta de Apresentação CRM - V3.pptx\</t>
  </si>
  <si>
    <t>11/25/2019 17:43:39</t>
  </si>
  <si>
    <t>D:\Projetos\ACS\One_drive\OneDrive - Grupo Algar\Projetos\2020 Algar_-_Implantacao CRM\CRM\Apresentação CRM - FINAL\</t>
  </si>
  <si>
    <t>Pesquisa CRM.xlsx</t>
  </si>
  <si>
    <t>11/25/2019 17:43:41</t>
  </si>
  <si>
    <t>D:\Projetos\ACS\One_drive\OneDrive - Grupo Algar\Projetos\2020 Algar_-_Implantacao CRM\CRM\Apresentação CRM - FINAL\ENC_ Benchmark de ferramentas de CRM - Tomada de decisão - justificativa SAP e Dynamics.msg\s131\</t>
  </si>
  <si>
    <t>Benchmark_Projeto_CRM_v3.xlsx</t>
  </si>
  <si>
    <t>COT-AlgarTech-07-06-19 v6.xlsx</t>
  </si>
  <si>
    <t>BP CRM - Cenário Proposta SF.xlsx</t>
  </si>
  <si>
    <t>BP CRM - Cenário com Desconto 50_.xlsx</t>
  </si>
  <si>
    <t>11/25/2019 17:43:44</t>
  </si>
  <si>
    <t>D:\Projetos\ACS\One_drive\OneDrive - Grupo Algar\Projetos\2020 Algar_-_Implantacao CRM\CRM\Apresentação CRM - FINAL\Apresentação CRM 11-06.ppt\s4\</t>
  </si>
  <si>
    <t>11/25/2019 17:43:45</t>
  </si>
  <si>
    <t>D:\Projetos\ACS\One_drive\OneDrive - Grupo Algar\Projetos\2020 Algar_-_Implantacao CRM\CRM\Apresentação CRM - FINAL\Apresentação V5.ppt\s4\</t>
  </si>
  <si>
    <t>Slide do think-cell1.dat</t>
  </si>
  <si>
    <t>D:\Projetos\ACS\One_drive\OneDrive - Grupo Algar\Projetos\2020 Algar_-_Implantacao CRM\CRM\Apresentação CRM - FINAL\Apresentação CRM 11-06 VF2.ppt\s2\</t>
  </si>
  <si>
    <t>11/25/2019 17:43:48</t>
  </si>
  <si>
    <t>D:\Projetos\ACS\One_drive\OneDrive - Grupo Algar\Projetos\2020 Algar_-_Implantacao CRM\CRM\Conteúdo\</t>
  </si>
  <si>
    <t>Requisitos_Projeto_CRM_v1.xlsx</t>
  </si>
  <si>
    <t>11/25/2019 17:43:55</t>
  </si>
  <si>
    <t>11/25/2019 17:43:56</t>
  </si>
  <si>
    <t>Benchmark_Projeto_CRM_v2.xlsx</t>
  </si>
  <si>
    <t>Benchmark_Projeto_CRM_v2 - Copia.xlsx</t>
  </si>
  <si>
    <t>Benchmark_Projeto_CRM_v1.xlsx</t>
  </si>
  <si>
    <t>11/25/2019 17:43:57</t>
  </si>
  <si>
    <t>Benchmark_Projeto_CRM_v0.xlsx</t>
  </si>
  <si>
    <t>D:\Projetos\ACS\One_drive\OneDrive - Grupo Algar\Projetos\2020 Algar_-_Implantacao CRM\CRM\Cronogramas\</t>
  </si>
  <si>
    <t>CronogramaCRM.xlsx</t>
  </si>
  <si>
    <t>cronograma20190523.xlsx</t>
  </si>
  <si>
    <t>cronograma20190508.xlsx</t>
  </si>
  <si>
    <t>11/25/2019 17:43:58</t>
  </si>
  <si>
    <t>Cronograma Macro Atividades - Zoho.xlsx</t>
  </si>
  <si>
    <t>11/25/2019 17:43:59</t>
  </si>
  <si>
    <t>Cronograma Macro Atividades - Todos.xlsx</t>
  </si>
  <si>
    <t>Cronograma Macro Atividades - SugarCRM.xlsx</t>
  </si>
  <si>
    <t>Cronograma Macro Atividades - Salesforce.xlsx</t>
  </si>
  <si>
    <t>Cronograma Macro Atividades - Pipedrive.xlsx</t>
  </si>
  <si>
    <t>11/25/2019 17:44:00</t>
  </si>
  <si>
    <t>Cronograma Macro Atividades - PassosPOC.xlsx</t>
  </si>
  <si>
    <t>Cronograma Macro Atividades - Passos.xlsx</t>
  </si>
  <si>
    <t>11/25/2019 17:44:06</t>
  </si>
  <si>
    <t>D:\Projetos\ACS\One_drive\OneDrive - Grupo Algar\Projetos\2020 Algar_-_Implantacao CRM\CRM\emails\RES_ CRM - informações necessárias para avaliação (8).msg\s137\</t>
  </si>
  <si>
    <t>11/25/2019 17:44:08</t>
  </si>
  <si>
    <t>D:\Projetos\ACS\One_drive\OneDrive - Grupo Algar\Projetos\2020 Algar_-_Implantacao CRM\CRM\emails\RES Prospecção sistema CRM Sales Force - POC (7).msg\s64\</t>
  </si>
  <si>
    <t>11/25/2019 17:44:09</t>
  </si>
  <si>
    <t>D:\Projetos\ACS\One_drive\OneDrive - Grupo Algar\Projetos\2020 Algar_-_Implantacao CRM\CRM\emails\RES Pipedrive - Contact - POC (6).msg\s64\</t>
  </si>
  <si>
    <t>D:\Projetos\ACS\One_drive\OneDrive - Grupo Algar\Projetos\2020 Algar_-_Implantacao CRM\CRM\emails\RES Obrigado pelo seu interesse na SugarCRM.msg\s67\</t>
  </si>
  <si>
    <t>11/25/2019 17:44:15</t>
  </si>
  <si>
    <t>D:\Projetos\ACS\One_drive\OneDrive - Grupo Algar\Projetos\2020 Algar_-_Implantacao CRM\CRM\emails\Cronograma- Avaliação SugarCRM e Algar Tech.msg\s115\</t>
  </si>
  <si>
    <t>Cronograma Eval- Algar Tech.xlsx</t>
  </si>
  <si>
    <t>11/25/2019 17:44:16</t>
  </si>
  <si>
    <t>D:\Projetos\ACS\One_drive\OneDrive - Grupo Algar\Projetos\2020 Algar_-_Implantacao CRM\CRM\Matriz de Avaliação\</t>
  </si>
  <si>
    <t>11/25/2019 17:44:17</t>
  </si>
  <si>
    <t>CRM-MatrizDeAvaliacao-Players.xlsx</t>
  </si>
  <si>
    <t>CRM-MatrizDeAvaliacao-20190528.xlsx</t>
  </si>
  <si>
    <t>11/25/2019 17:44:18</t>
  </si>
  <si>
    <t>CRM-MatrizDeAvaliacao- Salesforce.xlsx</t>
  </si>
  <si>
    <t>CRM-MatrizDeAvaliacao- Fusion x SF.xlsx</t>
  </si>
  <si>
    <t>CRM-MatrizDeAvaliacao- Fusion x SF X 2.xlsx</t>
  </si>
  <si>
    <t>CRM-AnaliseDecisao-carro.xls</t>
  </si>
  <si>
    <t>Análise_Projeto_CRM.xlsx</t>
  </si>
  <si>
    <t>11/25/2019 17:44:19</t>
  </si>
  <si>
    <t>D:\Projetos\ACS\One_drive\OneDrive - Grupo Algar\Projetos\2020 Algar_-_Implantacao CRM\CRM\POC\</t>
  </si>
  <si>
    <t>usuarios conectados pipedrive.xlsx</t>
  </si>
  <si>
    <t>Testes feitos no Pipedrive.xlsx</t>
  </si>
  <si>
    <t>REQUISITOS POC_Mirian.xlsx</t>
  </si>
  <si>
    <t>11/25/2019 17:44:20</t>
  </si>
  <si>
    <t>REQUISITOS POC.xlsx</t>
  </si>
  <si>
    <t>REQUISITOS POC-v2.0.xlsx</t>
  </si>
  <si>
    <t>relatorio sugar.xlsx</t>
  </si>
  <si>
    <t>relatorio de acesso Salesforce.xls</t>
  </si>
  <si>
    <t>11/25/2019 17:44:22</t>
  </si>
  <si>
    <t>Pipeline Detalhado emissão proposta (52) (version 1).xlsx</t>
  </si>
  <si>
    <t>Lista Usuários-POC.xlsx</t>
  </si>
  <si>
    <t>11/25/2019 17:44:27</t>
  </si>
  <si>
    <t>D:\Projetos\ACS\One_drive\OneDrive - Grupo Algar\Projetos\2020 Algar_-_Implantacao CRM\CRM\Propostas\Re_ Estimativa Comercial Salesforce para Algar Tech - Projeto CRM.msg\s130\</t>
  </si>
  <si>
    <t>COT-AlgarTech-09-05-19 v2.xlsx</t>
  </si>
  <si>
    <t>11/25/2019 17:44:28</t>
  </si>
  <si>
    <t>D:\Projetos\ACS\One_drive\OneDrive - Grupo Algar\Projetos\2020 Algar_-_Implantacao CRM\CRM\POC\Análise Resultados POC CRM - v2.pptx\</t>
  </si>
  <si>
    <t>PROPOSTAS.xlsx</t>
  </si>
  <si>
    <t>PROPOSTAS - v5.xlsx</t>
  </si>
  <si>
    <t>PROPOSTAS - v4.xlsx</t>
  </si>
  <si>
    <t>11/25/2019 17:44:25</t>
  </si>
  <si>
    <t>11/25/2019 17:44:29</t>
  </si>
  <si>
    <t>PROPOSTAS - v3.xlsx</t>
  </si>
  <si>
    <t>PROPOSTAS - v2.xlsx</t>
  </si>
  <si>
    <t>11/25/2019 17:44:35</t>
  </si>
  <si>
    <t>D:\Projetos\ACS\One_drive\OneDrive - Grupo Algar\Projetos\2020 Algar_-_Implantacao CRM\CRM\Propostas\Estimativa Comercial Salesforce para Algar Tech - Projeto CRM.msg\s128\</t>
  </si>
  <si>
    <t>COT-AlgarTech-07-05-19.xlsx</t>
  </si>
  <si>
    <t>11/25/2019 17:44:36</t>
  </si>
  <si>
    <t>11/25/2019 17:44:37</t>
  </si>
  <si>
    <t>11/25/2019 17:44:38</t>
  </si>
  <si>
    <t>COT-AlgarTech-07-05-19-SALESFORCE.xlsx</t>
  </si>
  <si>
    <t>COT-AlgarTech-04-06-19 v3.xlsx</t>
  </si>
  <si>
    <t>D:\Projetos\ACS\One_drive\OneDrive - Grupo Algar\Projetos\2020 Algar_-_Implantacao CRM\CRM\Salesforce\</t>
  </si>
  <si>
    <t>salesforce.xlsx</t>
  </si>
  <si>
    <t>11/25/2019 17:45:07</t>
  </si>
  <si>
    <t>D:\Projetos\ACS\One_drive\OneDrive - Grupo Algar\Projetos\2020 Algar_-_Implantacao CRM\CRM\Status Report\</t>
  </si>
  <si>
    <t>SR - avaliação CRM - 20190619.xlsx</t>
  </si>
  <si>
    <t>11/25/2019 17:45:08</t>
  </si>
  <si>
    <t>SR - avaliação CRM - 20190523.xlsx</t>
  </si>
  <si>
    <t>SR - avaliação CRM - 20190515.xlsx</t>
  </si>
  <si>
    <t>SR - avaliação CRM - 20190613.xlsx</t>
  </si>
  <si>
    <t>11/25/2019 17:45:09</t>
  </si>
  <si>
    <t>SR - avaliação CRM - 20190508.xlsx</t>
  </si>
  <si>
    <t>SR - avaliação CRM - 20190424.xlsx</t>
  </si>
  <si>
    <t>11/25/2019 17:45:10</t>
  </si>
  <si>
    <t>SR - avaliação CRM - 20190412.xlsx</t>
  </si>
  <si>
    <t>SR - avaliação CRM - 20190405.xlsx</t>
  </si>
  <si>
    <t>SR - avaliação CRM - 20190329.xlsx</t>
  </si>
  <si>
    <t>11/25/2019 17:45:11</t>
  </si>
  <si>
    <t>SR - avaliação CRM - 20190321.xlsx</t>
  </si>
  <si>
    <t>D:\Projetos\ACS\One_drive\OneDrive - Grupo Algar\Projetos\2020 Algar_-_Implantacao CRM\CRM\Status Report\Projeto CRM - One page - 20190315.pptx\</t>
  </si>
  <si>
    <t>11/25/2019 17:45:12</t>
  </si>
  <si>
    <t>D:\Projetos\ACS\One_drive\OneDrive - Grupo Algar\Projetos\2020 Algar_-_Implantacao CRM\CRM\Status Report\Projeto CRM - One page - 20190308.pptx\</t>
  </si>
  <si>
    <t>11/25/2019 17:45:13</t>
  </si>
  <si>
    <t>11/25/2019 17:45:14</t>
  </si>
  <si>
    <t>D:\Projetos\ACS\One_drive\OneDrive - Grupo Algar\Projetos\2020 Algar_-_Implantacao CRM\CRM\Sugar - Wlad\RES_ Sugar.msg\s139\</t>
  </si>
  <si>
    <t>Matriz de Decisão - BackOffice Bradesco Final.xlsx</t>
  </si>
  <si>
    <t>Matriz de Decisão Ferramenta Backoffice - Visao Comercial - Oficial.xlsx</t>
  </si>
  <si>
    <t>11/25/2019 17:45:15</t>
  </si>
  <si>
    <t>D:\Projetos\ACS\One_drive\OneDrive - Grupo Algar\Projetos\2020 Algar_-_Implantacao CRM\CRM\Sugar - Wlad\</t>
  </si>
  <si>
    <t>11/25/2019 17:45:18</t>
  </si>
  <si>
    <t>D:\Projetos\ACS\One_drive\OneDrive - Grupo Algar\Projetos\2019 Algar_-_Precificação\OneDrive Compartilhado\Entregas Teros\entrega_ferramenta\</t>
  </si>
  <si>
    <t>classificacao_produtos_setores.xlsx</t>
  </si>
  <si>
    <t>BP_teros.xlsb</t>
  </si>
  <si>
    <t>D:\Projetos\ACS\One_drive\OneDrive - Grupo Algar\Projetos\2019 Algar_-_Precificação\OneDrive Compartilhado\Entregas Teros\entrega_ferramenta\BP_teros.xlsb\</t>
  </si>
  <si>
    <t>Resultado Margens2.xlsx</t>
  </si>
  <si>
    <t>11/25/2019 17:45:44</t>
  </si>
  <si>
    <t>D:\Projetos\ACS\One_drive\OneDrive - Grupo Algar\Projetos\2020 Algar_-_Implantacao CRM\CRM\Conteúdo\conteúdo - Negócio\</t>
  </si>
  <si>
    <t>Lista Usuários-completo.xlsx</t>
  </si>
  <si>
    <t>11/25/2019 17:45:45</t>
  </si>
  <si>
    <t>11/25/2019 17:45:47</t>
  </si>
  <si>
    <t>D:\Projetos\ACS\One_drive\OneDrive - Grupo Algar\Projetos\2020 Algar_-_Implantacao CRM\CRM\POC\emails\RES_ POCs.msg\s94\</t>
  </si>
  <si>
    <t>11/25/2019 17:45:51</t>
  </si>
  <si>
    <t>D:\Projetos\ACS\One_drive\OneDrive - Grupo Algar\Projetos\2020 Algar_-_Implantacao CRM\CRM\POC\Formulários\</t>
  </si>
  <si>
    <t>Resultados.xlsx</t>
  </si>
  <si>
    <t>Resultados - Cópia.xlsx</t>
  </si>
  <si>
    <t>ResultadoAvaliacaoPOC.xlsx</t>
  </si>
  <si>
    <t>11/25/2019 17:45:53</t>
  </si>
  <si>
    <t>ResultadoAvaliacaoPOC-2.xlsx</t>
  </si>
  <si>
    <t>11/25/2019 17:45:54</t>
  </si>
  <si>
    <t>Matriz de Decisão CRM - TI.xlsx</t>
  </si>
  <si>
    <t>Matriz de Decisão CRM - TI-2.xlsx</t>
  </si>
  <si>
    <t>Matriz de Decisão CRM - TI-2 -Zoho.xlsx</t>
  </si>
  <si>
    <t>11/25/2019 17:45:52</t>
  </si>
  <si>
    <t>ResultadoAvaliacaoPOC-NB-ANACMG.xlsx</t>
  </si>
  <si>
    <t>Matriz de Decisão CRM - TI-2 -Zoho - COMENTÁRIOS WIKI.xlsx</t>
  </si>
  <si>
    <t>Matriz de Decisão CRM - TI-2 - Salesforce.xlsx</t>
  </si>
  <si>
    <t>11/25/2019 17:45:55</t>
  </si>
  <si>
    <t>Matriz de Decisão CRM - TI 2 - Oracle.xlsx</t>
  </si>
  <si>
    <t>CRM-MatrizDeAvaliacaoTime.xlsx</t>
  </si>
  <si>
    <t>11/25/2019 17:46:08</t>
  </si>
  <si>
    <t>11/25/2019 17:51:17</t>
  </si>
  <si>
    <t>D:\Projetos\ACS\One_drive\OneDrive - Grupo Algar\Projetos\2019 Algar_-_Precificação\OneDrive Compartilhado\Entregas Teros\entrega_algoritmos\dados\</t>
  </si>
  <si>
    <t>clientes_fusion.xlsx</t>
  </si>
  <si>
    <t>11/25/2019 17:46:12</t>
  </si>
  <si>
    <t>D:\Projetos\ACS\One_drive\OneDrive - Grupo Algar\Projetos\2019 Algar_-_Precificação\OneDrive Compartilhado\Entregas Teros\entrega_algoritmos\doctrabalho\doctrabalho.zip\Cestas_Algar\</t>
  </si>
  <si>
    <t>market_basket.csv</t>
  </si>
  <si>
    <t>tabelas_cestas.xlsx</t>
  </si>
  <si>
    <t>D:\Projetos\ACS\One_drive\OneDrive - Grupo Algar\Projetos\2019 Algar_-_Precificação\OneDrive Compartilhado\Entregas Teros\entrega_algoritmos\doctrabalho\doctrabalho.zip\resultados_precificacao\</t>
  </si>
  <si>
    <t>Resultado Margens.xlsx</t>
  </si>
  <si>
    <t>11/25/2019 17:49:57</t>
  </si>
  <si>
    <t>D:\Projetos\ACS\One_drive\OneDrive - Grupo Algar\Projetos\2019 Algar_-_Precificação\OneDrive Compartilhado\Entregas Teros\entrega_algoritmos\dados\clientes\</t>
  </si>
  <si>
    <t>Clientes_180719.xlsx</t>
  </si>
  <si>
    <t>D:\Projetos\ACS\One_drive\OneDrive - Grupo Algar\Projetos\2019 Algar_-_Precificação\OneDrive Compartilhado\Entregas Teros\entrega_algoritmos\dados\custos_fixos\</t>
  </si>
  <si>
    <t>11/25/2019 17:50:01</t>
  </si>
  <si>
    <t>D:\Projetos\ACS\One_drive\OneDrive - Grupo Algar\Projetos\2019 Algar_-_Precificação\OneDrive Compartilhado\Entregas Teros\entrega_algoritmos\dados\de_para_produtos\</t>
  </si>
  <si>
    <t>Produtos Fusion GRC.xlsx</t>
  </si>
  <si>
    <t>Produto Fusion GAT.xlsx</t>
  </si>
  <si>
    <t>D:\Projetos\ACS\One_drive\OneDrive - Grupo Algar\Projetos\2019 Algar_-_Precificação\OneDrive Compartilhado\Entregas Teros\entrega_algoritmos\dados\novas_margens\</t>
  </si>
  <si>
    <t>Catalogo de produtos GRC.xlsx</t>
  </si>
  <si>
    <t>11/25/2019 17:50:02</t>
  </si>
  <si>
    <t>D:\Projetos\ACS\One_drive\OneDrive - Grupo Algar\Projetos\2019 Algar_-_Precificação\OneDrive Compartilhado\Entregas Teros\entrega_algoritmos\doctrabalho\Cestas_Algar\</t>
  </si>
  <si>
    <t>D:\Projetos\ACS\One_drive\OneDrive - Grupo Algar\Projetos\2019 Algar_-_Precificação\OneDrive Compartilhado\Entregas Teros\entrega_algoritmos\doctrabalho\resultados_precificacao\</t>
  </si>
  <si>
    <t>11/25/2019 17:50:03</t>
  </si>
  <si>
    <t>11/25/2019 17:50:16</t>
  </si>
  <si>
    <t>D:\Projetos\ACS\One_drive\OneDrive - Grupo Algar\Projetos\2019 Algar_-_Precificação\OneDrive Compartilhado\Entregas Teros\entrega_algoritmos\dados\vendas\</t>
  </si>
  <si>
    <t>11/25/2019 17:51:45</t>
  </si>
  <si>
    <t>11/25/2019 17:56:17</t>
  </si>
  <si>
    <t>D:\Projetos\ACS\One_drive\OneDrive - Grupo Algar\Projetos\2019 Algar_-_Precificação\OneDrive Compartilhado\Entregas Teros\entrega_algoritmos\dados\Orçado e Real\Orcado\</t>
  </si>
  <si>
    <t>2019 Orcado.xlsx</t>
  </si>
  <si>
    <t>11/25/2019 17:52:27</t>
  </si>
  <si>
    <t>2017 Orcado.xlsx</t>
  </si>
  <si>
    <t>11/25/2019 17:53:10</t>
  </si>
  <si>
    <t>2018 Orcado.xlsx</t>
  </si>
  <si>
    <t>11/25/2019 17:54:03</t>
  </si>
  <si>
    <t>D:\Projetos\ACS\One_drive\OneDrive - Grupo Algar\Projetos\2019 Algar_-_Precificação\OneDrive Compartilhado\Entregas Teros\entrega_algoritmos\dados\Orçado e Real\Real\</t>
  </si>
  <si>
    <t>2017 Real.xlsx</t>
  </si>
  <si>
    <t>11/25/2019 17:55:11</t>
  </si>
  <si>
    <t>2019 Real.xlsx</t>
  </si>
  <si>
    <t>11/25/2019 17:55:31</t>
  </si>
  <si>
    <t>D:\Projetos\ACS\One_drive\OneDrive - Grupo Algar\Projetos\2019 Algar_-_Precificação\OneDrive Compartilhado\Entregas Teros\entrega_algoritmos\dados\vendas\antigos\</t>
  </si>
  <si>
    <t>vendas_2017_201908.xlsx</t>
  </si>
  <si>
    <t>11/25/2019 17:56:38</t>
  </si>
  <si>
    <t>11/25/2019 18:00:16</t>
  </si>
  <si>
    <t>claudia.siqueira@bradesco.com.br;denisemso@algartech.com;fabiolacc@algartech.com;fredericobs@algartech.com;jacqueline.mariano@bradesco.com.br;lucas.jose@bradesco.com.br;</t>
  </si>
  <si>
    <t>C:\Users\rafaelaas\Desktop\Apresentação - Produtos Financeiros Nov 19.pptx\</t>
  </si>
  <si>
    <t>claudia.siqueira@bradesco.com.br,denisemso@algartech.com,fabiolacc@algartech.com,fredericobs@algartech.com,jacqueline.mariano@bradesco.com.br,lucas.jose@bradesco.com.br</t>
  </si>
  <si>
    <t>11/25/2019 17:56:23</t>
  </si>
  <si>
    <t>11/25/2019 18:01:17</t>
  </si>
  <si>
    <t>2018 Real.xlsx</t>
  </si>
  <si>
    <t>11/25/2019 17:56:49</t>
  </si>
  <si>
    <t>11/25/2019 17:59:38</t>
  </si>
  <si>
    <t>11/25/2019 18:02:16</t>
  </si>
  <si>
    <t>mail.google.com/_/upload?authuser=0&amp;dcp=asu-n&amp;upload_id=AEnB2UrehXyj7Hbcg0X2ljdulO-okEFD9qv2PyttTWNvUACTsLSc7RqUcXfIepwUikK7qx75BqYjR8OV7YROlaDc5SxrXN48hQ&amp;upload_protocol=resumable</t>
  </si>
  <si>
    <t>lucas.batista@algar.com.br;</t>
  </si>
  <si>
    <t>\\acsfs\DEPTOS\Controladoria\23.Faturamento\3.ENGESET\2019\FECHAMENTO ENGESET\03.2019\</t>
  </si>
  <si>
    <t>Conciliação ENGESET 03.2019.xlsx</t>
  </si>
  <si>
    <t>lucas.batista@algar.com.br</t>
  </si>
  <si>
    <t>11/25/2019 18:01:02</t>
  </si>
  <si>
    <t>mail.google.com/_/upload?authuser=0&amp;dcp=asu-n&amp;upload_id=AEnB2UrlQrBMJ8u2XycnmhdeOnjBGzMYaF3kNH1X5fCzO0IsmXiFA0Kgd4EOyzsd7oNWS6rq6bg_lWIXw7okMFv1ngWCAcSN9w&amp;upload_protocol=resumable</t>
  </si>
  <si>
    <t>\\acsfs\DEPTOS\Controladoria\23.Faturamento\3.ENGESET\2019\FECHAMENTO ENGESET\06.2019\</t>
  </si>
  <si>
    <t>Conciliação ENGESET 06.2019.xlsx</t>
  </si>
  <si>
    <t>11/25/2019 18:01:09</t>
  </si>
  <si>
    <t>11/25/2019 17:59:47</t>
  </si>
  <si>
    <t>11/25/2019 18:03:17</t>
  </si>
  <si>
    <t>BASE AGÊNCIAS OUTUBRO E NOVEMBROv1.xlsx</t>
  </si>
  <si>
    <t>11/25/2019 18:08:21</t>
  </si>
  <si>
    <t>11/25/2019 18:09:16</t>
  </si>
  <si>
    <t>mail.google.com/_/upload?authuser=1&amp;dcp=asu-n&amp;upload_id=AEnB2UoZ6mp0YF21THo-O-3TDDElsXBmIeb4W1v4d0KuLf3YbQXQmL9qzTKN6Uf5HK5bHCtM5NxEjl_OK6POIh6Kr8JReALjgQ&amp;upload_protocol=resumable</t>
  </si>
  <si>
    <t>\\acsfs\DEPTOS\Operacao\PCP\5 - Comum\ACOMPANHAMENTO TOYOTA\06 - FINANCEIRO\10 - OUTUBRO\</t>
  </si>
  <si>
    <t>11/25/2019 18:09:24</t>
  </si>
  <si>
    <t>11/25/2019 18:10:17</t>
  </si>
  <si>
    <t>claudia.siqueira@bradesco.com.br;denisemso@algartech.com;fabiolacc@algartech.com;fredericobs@algartech.com;fredericobs@algartecnologia.com.br;jacqueline.mariano@bradesco.com.br;lucas.jose@bradesco.com.br;sandrabb@algartech.com;viviane.virgilio@bradesco.com.br;</t>
  </si>
  <si>
    <t>claudia.siqueira@bradesco.com.br,denisemso@algartech.com,fabiolacc@algartech.com,fredericobs@algartech.com,fredericobs@algartecnologia.com.br,jacqueline.mariano@bradesco.com.br,lucas.jose@bradesco.com.br,sandrabb@algartech.com,viviane.virgilio@bradesco.com.br</t>
  </si>
  <si>
    <t>11/25/2019 18:11:45</t>
  </si>
  <si>
    <t>11/25/2019 18:14:17</t>
  </si>
  <si>
    <t>mail.google.com/_/upload?authuser=2&amp;dcp=asu-n&amp;upload_id=AEnB2UqugHrwRyb0JNM0npr1Deh5rPmfAL3BggWU2ePdaMFNqFGqFs-IMRG3hidjfWJsjdb4L_-e4Z9kFdXzy3erihiGYAJPV9RUR-bC8_az_qEIRqySQ_Y&amp;upload_protocol=resumable</t>
  </si>
  <si>
    <t>\\acsfs\ACS\Consultoria de Qualidade\Uberlândia\1. Analistas\Fernando Rodrigues\4. Distribuição de Meta\2019\2. Telecom\0. Novembro\</t>
  </si>
  <si>
    <t>Distribuição - 4ª Semana.xlsx</t>
  </si>
  <si>
    <t>11/25/2019 18:15:59</t>
  </si>
  <si>
    <t>11/25/2019 18:20:16</t>
  </si>
  <si>
    <t>11/25/2019 18:20:45</t>
  </si>
  <si>
    <t>11/25/2019 18:22:16</t>
  </si>
  <si>
    <t>C:\Users\lucianafaa\OneDrive - Grupo Algar\2019\PROJETOS\REAJUSTE DE CONTRATO\PLANILHA REAJUSTES\STATUS REPORT\STATUS SEMANAL\26-11\</t>
  </si>
  <si>
    <t>Gestão de Reajustes 2019 v8.1-26-11.xlsx</t>
  </si>
  <si>
    <t>11/25/2019 18:20:56</t>
  </si>
  <si>
    <t>11/25/2019 18:23:17</t>
  </si>
  <si>
    <t>adrielefc@algartech.com;anapca@algartech.com;celmars@algartech.com;janecsa@algartech.com;pmo@algartech.com;</t>
  </si>
  <si>
    <t>\\acsfs\deptos\PMO Governança\06 - GOVERNANÇA DO CAPEX\CAPEX LONGO PRAZO\CAPEX LP - REVISÃO_A19_M10\CAPEX LP 20 a 24 - 25_11.pptx\</t>
  </si>
  <si>
    <t>adrielefc@algartech.com,anapca@algartech.com,celmars@algartech.com,janecsa@algartech.com,pmo@algartech.com</t>
  </si>
  <si>
    <t>11/25/2019 18:59:30</t>
  </si>
  <si>
    <t>11/25/2019 19:01:17</t>
  </si>
  <si>
    <t>C:\Users\luizavs\Desktop\LUIZ ALFREDO\00 - WHIRLPOOL\02 - COMPRA CERTA\2019\11 - NOVEMBRO\</t>
  </si>
  <si>
    <t>Retidos Compra Certa - Novembro.xlsm</t>
  </si>
  <si>
    <t>11/25/2019 19:09:35</t>
  </si>
  <si>
    <t>11/25/2019 19:10:17</t>
  </si>
  <si>
    <t>10.250.254.2</t>
  </si>
  <si>
    <t>C:\Users\higorbp\Desktop\</t>
  </si>
  <si>
    <t>Finanças Higor.xls</t>
  </si>
  <si>
    <t>11/25/2019 19:11:46</t>
  </si>
  <si>
    <t>11/25/2019 19:16:16</t>
  </si>
  <si>
    <t>11/25/2019 19:12:54</t>
  </si>
  <si>
    <t>C:\Users\luizavs\Desktop\LUIZ ALFREDO\00 - WHIRLPOOL\01 - TLV COMPRA CERTA\2019\11 - NOVEMBRO\</t>
  </si>
  <si>
    <t>Hora-Hora - TLV D2C NOV 19.xlsx</t>
  </si>
  <si>
    <t>11/25/2019 19:15:43</t>
  </si>
  <si>
    <t>11/25/2019 19:18:16</t>
  </si>
  <si>
    <t>mail.google.com/mail/u/1/?tab=gm#inbox?compose=DmwnWrRtswPDCkkczpPWmgDzbbcQMLzFsHJZKQbSHRgWSBJDbKgMcZXhfpdzvfSMFWMnzrhSqKqV</t>
  </si>
  <si>
    <t>Z:\RELATORIOS FPW\Controle\EVENTO POR FUNC\NOVEMBRO\</t>
  </si>
  <si>
    <t>Consolidado de CustosBH_01a2411.xlsx</t>
  </si>
  <si>
    <t>11/25/2019 19:35:58</t>
  </si>
  <si>
    <t>11/25/2019 19:39:16</t>
  </si>
  <si>
    <t>mail.google.com/_/upload?authuser=1&amp;dcp=asu-n&amp;upload_id=AEnB2UqjqwLYLEGahrQwfdcXO0AVKCjx5ey1Se4DQ_qXJo4wV1NQJ48APdqrrNeIeNntF4EYGG4u3AtKz7RzvhdAKkE_Mq5dYA&amp;upload_protocol=resumable</t>
  </si>
  <si>
    <t>C:\Users\karinars\Desktop\</t>
  </si>
  <si>
    <t>PLANO DE AÇÃO_ Bblend.xls</t>
  </si>
  <si>
    <t>11/25/2019 19:45:07</t>
  </si>
  <si>
    <t>11/25/2019 19:46:17</t>
  </si>
  <si>
    <t>C:\Users\luizavs\Desktop\LUIZ ALFREDO\00 - WHIRLPOOL\03 - BBLEND\2019\11 - NOVEMBRO\</t>
  </si>
  <si>
    <t>Escala TRN - FEIRA DO CONHECIMENTO MODULO 2.xlsx</t>
  </si>
  <si>
    <t>11/25/2019 19:57:10</t>
  </si>
  <si>
    <t>11/25/2019 19:58:17</t>
  </si>
  <si>
    <t>c:\users\marcelorf\onedrive - grupo algar\particular\</t>
  </si>
  <si>
    <t>viagem europa 2019 com amazon.xlsx</t>
  </si>
  <si>
    <t>11/25/2019 18:34:38</t>
  </si>
  <si>
    <t>11/25/2019 20:43:17</t>
  </si>
  <si>
    <t>https://caey.fa.us2.oraclecloud.com/crmui/faces/fusewelcome?_adf.ctrl-state=ld3bnjdr_5</t>
  </si>
  <si>
    <t>\\acsfs\Deptos\CAS - Coordenação de Arquitetura de Soluções\Projetos\2019\Brasif\217399 - AMS\1. Precificação\</t>
  </si>
  <si>
    <t>\\acsfs\Deptos\CAS - Coordenação de Arquitetura de Soluções\Projetos\2019\Brasif\217399 - AMS\1. Precificação\217399 Brasif Precificacao C018 B018_v1 92 Incidenes+25 Requisições_v2.xlsb\</t>
  </si>
  <si>
    <t>11/25/2019 18:35:05</t>
  </si>
  <si>
    <t>217399 Brasif Precificacao C018 B018_v2 - 100hs.xlsb</t>
  </si>
  <si>
    <t>\\acsfs\Deptos\CAS - Coordenação de Arquitetura de Soluções\Projetos\2019\Brasif\217399 - AMS\1. Precificação\217399 Brasif Precificacao C018 B018_v2 - 100hs.xlsb\</t>
  </si>
  <si>
    <t>11/25/2019 18:35:36</t>
  </si>
  <si>
    <t>217399 Brasif Precificacao C018 B018_v2 92 Incidenes.xlsb</t>
  </si>
  <si>
    <t>\\acsfs\Deptos\CAS - Coordenação de Arquitetura de Soluções\Projetos\2019\Brasif\217399 - AMS\1. Precificação\217399 Brasif Precificacao C018 B018_v2 92 Incidenes.xlsb\</t>
  </si>
  <si>
    <t>11/25/2019 20:41:40</t>
  </si>
  <si>
    <t>11/25/2019 20:53:16</t>
  </si>
  <si>
    <t>10.219.100.7</t>
  </si>
  <si>
    <t>D8-9C-67-6F-2A-AD</t>
  </si>
  <si>
    <t>11/25/2019 20:41:41</t>
  </si>
  <si>
    <t>C:\Users\fellypcsj\OneDrive - Grupo Algar\Engeset\IMOVEIS\</t>
  </si>
  <si>
    <t>Localidades CO.xlsx</t>
  </si>
  <si>
    <t>11/25/2019 20:41:47</t>
  </si>
  <si>
    <t>11/25/2019 20:51:27</t>
  </si>
  <si>
    <t>11/25/2019 22:01:26</t>
  </si>
  <si>
    <t>11/25/2019 22:03:18</t>
  </si>
  <si>
    <t>C:\Users\diegorg\Desktop\Vilarinho\CAPEX 2020 23_11.pptx\</t>
  </si>
  <si>
    <t>11/25/2019 22:16:56</t>
  </si>
  <si>
    <t>11/25/2019 22:18:17</t>
  </si>
  <si>
    <t>\\acsfs\deptos\PMO Governança\06 - GOVERNANÇA DO CAPEX\CAPEX LONGO PRAZO\CAPEX LP - REVISÃO_A19_M10\CAPEX LP 20 a 24 - 25_11 Orq e IFRS.pptx\</t>
  </si>
  <si>
    <t>11/25/2019 23:22:13</t>
  </si>
  <si>
    <t>11/25/2019 23:23:17</t>
  </si>
  <si>
    <t>anapca@algartech.com;celmars@algartech.com;pmo@algartech.com;vanusapr@algartech.com;vilarinho@algartech.com;</t>
  </si>
  <si>
    <t>\\acsfs\deptos\PMO Governança\06 - GOVERNANÇA DO CAPEX\CAPEX 2020\ORÇAMENTO\OFICIAL\01 - OFICIAL\CAPEX 2020 25_11.pptx\</t>
  </si>
  <si>
    <t>anapca@algartech.com,celmars@algartech.com,pmo@algartech.com,vanusapr@algartech.com,vilarinho@algartech.com</t>
  </si>
  <si>
    <t>11/26/2019 07:40:30</t>
  </si>
  <si>
    <t>11/26/2019 07:47:22</t>
  </si>
  <si>
    <t>10.200.200.82</t>
  </si>
  <si>
    <t>pauloslj@algartech.com</t>
  </si>
  <si>
    <t>mail.google.com/_/upload?authuser=0&amp;dcp=asu-n&amp;upload_id=AEnB2UqHvV-QVm0m5TgS-ZLfIIdpDMLmXDQCQxn8QLMzBy3cY9fkf4eHP8k7OoH_sfZC3OO6Ty5duV8JZkKyQWc-h4FCE-ZPh_1IqaOYmivEuHPSnMLXPFA&amp;upload_protocol=resumable</t>
  </si>
  <si>
    <t>\\acsfs\deptos\Operacao\Unica\6. Pastas Pessoais\Suporte Técnico\Larissa\</t>
  </si>
  <si>
    <t>11/26/2019 08:12:10</t>
  </si>
  <si>
    <t>11/26/2019 08:14:22</t>
  </si>
  <si>
    <t>\\acsfs\engeset\FINANCEIRO_ULA\FATURAMENTO\22. Controle TIM\1. Acompanhamento de Faturamento\2019\11. Novembro\</t>
  </si>
  <si>
    <t>11_19- Acompanhamento Faturamento.v2.xlsb</t>
  </si>
  <si>
    <t>11/26/2019 08:12:14</t>
  </si>
  <si>
    <t>mail.google.com/_/upload?authuser=0&amp;dcp=asu-n&amp;upload_id=AEnB2UoHog5ASA9tBot5MG-oz8OKNkL-kIKnVc7zIV9rey8eReipxdymegQG_IW4Ap8lv6HPGqlEs2ZMye0PzqT78X_UFJR0NQ&amp;upload_protocol=resumable</t>
  </si>
  <si>
    <t>11/25/2019 14:16:37</t>
  </si>
  <si>
    <t>11/26/2019 08:17:22</t>
  </si>
  <si>
    <t>mariannacsm@algartech.com</t>
  </si>
  <si>
    <t>11/26/2019 08:14:12</t>
  </si>
  <si>
    <t>11/25/2019 19:06:29</t>
  </si>
  <si>
    <t>11/26/2019 08:22:23</t>
  </si>
  <si>
    <t>C:\Users\vanessasara\Desktop\Algar Tech_4a REUGER 2019_GRC.pptx\</t>
  </si>
  <si>
    <t>11/26/2019 08:51:34</t>
  </si>
  <si>
    <t>11/26/2019 08:52:23</t>
  </si>
  <si>
    <t>/o=exchangelabs/ou=exchange administrative group (fydibohf23spdlt)/cn=recipients/cn=1b4fe07f316b4c5fbd7323417e973dda-rosangela a;/o=exchangelabs/ou=exchange administrative group (fydibohf23spdlt)/cn=recipients/cn=2b6ea863905648c9ab619168ca1992ff-renata frei;/o=exchangelabs/ou=exchange administrative group (fydibohf23spdlt)/cn=recipients/cn=97c9df917015494bb60864bb51280c83-marcos isai;/o=exchangelabs/ou=exchange administrative group (fydibohf23spdlt)/cn=recipients/cn=ec8d74b9f1014e0287ebc00c465f223b-aline marqu;/o=exchangelabs/ou=exchange administrative group (fydibohf23spdlt)/cn=recipients/cn=f45617401bdf436baf70c45766699413-frederico b;diogenespl@algartech.com.br;emanueldldl@algartech.com.br;poliane.amaral@bradesco.com.br;suzane.b.rodrigues@bradesco.com.br;</t>
  </si>
  <si>
    <t>Régua de Pendências Dynamics Corporate 8 hs</t>
  </si>
  <si>
    <t>Régua Pendencias Corporate &amp; AEB v10.xlsm</t>
  </si>
  <si>
    <t>/o=exchangelabs/ou=exchange administrative group (fydibohf23spdlt)/cn=recipients/cn=1b4fe07f316b4c5fbd7323417e973dda-rosangela a,/o=exchangelabs/ou=exchange administrative group (fydibohf23spdlt)/cn=recipients/cn=2b6ea863905648c9ab619168ca1992ff-renata frei,/o=exchangelabs/ou=exchange administrative group (fydibohf23spdlt)/cn=recipients/cn=97c9df917015494bb60864bb51280c83-marcos isai,/o=exchangelabs/ou=exchange administrative group (fydibohf23spdlt)/cn=recipients/cn=ec8d74b9f1014e0287ebc00c465f223b-aline marqu,/o=exchangelabs/ou=exchange administrative group (fydibohf23spdlt)/cn=recipients/cn=f45617401bdf436baf70c45766699413-frederico b,diogenespl@algartech.com.br,emanueldldl@algartech.com.br,poliane.amaral@bradesco.com.br,suzane.b.rodrigues@bradesco.com.br</t>
  </si>
  <si>
    <t>11/26/2019 08:51:02</t>
  </si>
  <si>
    <t>11/26/2019 08:53:24</t>
  </si>
  <si>
    <t>11/26/2019 09:06:45</t>
  </si>
  <si>
    <t>11/26/2019 09:07:24</t>
  </si>
  <si>
    <t>11/26/2019 09:05:26</t>
  </si>
  <si>
    <t>11/26/2019 09:08:23</t>
  </si>
  <si>
    <t>Lote único FAT B NOVEMBRO 26_11.xlsx</t>
  </si>
  <si>
    <t>11/26/2019 09:07:04</t>
  </si>
  <si>
    <t>11/26/2019 09:09:24</t>
  </si>
  <si>
    <t>11/26/2019 06:22:47</t>
  </si>
  <si>
    <t>11/26/2019 09:13:23</t>
  </si>
  <si>
    <t>mariliafsc@algartech.com</t>
  </si>
  <si>
    <t>antoniocoj@algartech.com;deniaasi@algartech.com;elismael.menino@sicoob.com.br;guilhermecst@algartech.com;jaquelinedsrdo@algartech.com;lucasarf@algartech.com;lucianamp@algartech.com;paullarsf@algartech.com;rogerio.nascimento@sicoob.com.br;</t>
  </si>
  <si>
    <t>C:\Users\mariliafsc.ACS\Desktop\</t>
  </si>
  <si>
    <t>Controle de entregas 26-11.xlsx</t>
  </si>
  <si>
    <t>antoniocoj@algartech.com,deniaasi@algartech.com,elismael.menino@sicoob.com.br,guilhermecst@algartech.com,jaquelinedsrdo@algartech.com,lucasarf@algartech.com,lucianamp@algartech.com,paullarsf@algartech.com,rogerio.nascimento@sicoob.com.br</t>
  </si>
  <si>
    <t>11/26/2019 06:47:34</t>
  </si>
  <si>
    <t>Relatórios Operações Caixa.xlsx</t>
  </si>
  <si>
    <t>11/26/2019 09:18:16</t>
  </si>
  <si>
    <t>11/26/2019 09:19:23</t>
  </si>
  <si>
    <t>/o=exchangelabs/ou=exchange administrative group (fydibohf23spdlt)/cn=recipients/cn=0ca6cc8d100949a7866a928f62ef5778-rosilene de;/o=exchangelabs/ou=exchange administrative group (fydibohf23spdlt)/cn=recipients/cn=bf5c8ee8081a4a4cbf005372e2697869-tassiane ci;/o=exchangelabs/ou=exchange administrative group (fydibohf23spdlt)/cn=recipients/cn=e174366906884bd1b4d4c5ddfc8c9433-rodrigo men;</t>
  </si>
  <si>
    <t>ENC: Operações EH - Janeiro/2020</t>
  </si>
  <si>
    <t>/o=exchangelabs/ou=exchange administrative group (fydibohf23spdlt)/cn=recipients/cn=0ca6cc8d100949a7866a928f62ef5778-rosilene de,/o=exchangelabs/ou=exchange administrative group (fydibohf23spdlt)/cn=recipients/cn=bf5c8ee8081a4a4cbf005372e2697869-tassiane ci,/o=exchangelabs/ou=exchange administrative group (fydibohf23spdlt)/cn=recipients/cn=e174366906884bd1b4d4c5ddfc8c9433-rodrigo men</t>
  </si>
  <si>
    <t>11/25/2019 17:33:10</t>
  </si>
  <si>
    <t>11/26/2019 09:20:24</t>
  </si>
  <si>
    <t>11/26/2019 09:20:45</t>
  </si>
  <si>
    <t>11/26/2019 09:21:23</t>
  </si>
  <si>
    <t>mail.google.com/_/upload?authuser=0&amp;dcp=asu-n&amp;upload_id=AEnB2Uq5bxCAxIDlPJLNAJf6C1c0nTFllTgCXjj966KKFlAfMQ_of3g5yXPWx3CxwWTALqj08QsIB5aUEzcL6ICHxB9yjnl2Xw&amp;upload_protocol=resumable</t>
  </si>
  <si>
    <t>\\acsfs\DEPTOS\Operacao\PCP\3 - Corporativo\RFP´s (Request for Proposal)\2019\RFP 217467 Mapfre\</t>
  </si>
  <si>
    <t>PRECIFICAÇÃO.xlsx</t>
  </si>
  <si>
    <t>11/26/2019 09:18:56</t>
  </si>
  <si>
    <t>11/26/2019 09:23:23</t>
  </si>
  <si>
    <t>Relatórios Operações Cintia.xlsx</t>
  </si>
  <si>
    <t>11/26/2019 09:19:03</t>
  </si>
  <si>
    <t>11/26/2019 09:24:23</t>
  </si>
  <si>
    <t>\\acsfs\DEPTOS\Operacao\PCP\5 - Comum\PLANEJAMENTO WHIRLPOOL\17 - PLANEJAMENTO REVISADO\ticket_526283\17 - PLANEJAMENTO REVISADO\PLANO WHIRLPOOL 2020\EH\01- JANEIRO\</t>
  </si>
  <si>
    <t>11/25/2019 18:24:56</t>
  </si>
  <si>
    <t>11/26/2019 09:27:24</t>
  </si>
  <si>
    <t>mail.google.com/_/upload?authuser=0&amp;dcp=asu-n&amp;upload_id=AEnB2UoNVSI6Ed34ssH5ozf2ACRxH_YUS5nsz_hClMucxpRuTsRhM4NiekX38ANp9KkaGZ8yf4bm-HOJKaVL2uKA1sO8XwW9a-4DFRz4l170r4z1jKVglZo&amp;upload_protocol=resumable</t>
  </si>
  <si>
    <t>C:\Users\lucianabo\Desktop\2019\11 - Novembro\RETORNO AUDITORIA\LETICIA\LETICIA.zip\1\</t>
  </si>
  <si>
    <t>12 - T.A_P2_Algar_Dez18.xlsx</t>
  </si>
  <si>
    <t>Template Ibi Campinas.xlsx</t>
  </si>
  <si>
    <t>C:\Users\lucianabo\Desktop\2019\11 - Novembro\RETORNO AUDITORIA\LETICIA\LETICIA.zip\10\</t>
  </si>
  <si>
    <t>ALGAR TA P2_012019.xlsx</t>
  </si>
  <si>
    <t>C:\Users\lucianabo\Desktop\2019\11 - Novembro\RETORNO AUDITORIA\LETICIA\LETICIA.zip\33\</t>
  </si>
  <si>
    <t>ALGAR TA P2_042019.xlsx</t>
  </si>
  <si>
    <t>C:\Users\lucianabo\Desktop\2019\11 - Novembro\RETORNO AUDITORIA\LETICIA\LETICIA.zip\40\</t>
  </si>
  <si>
    <t>ALGAR TA P2_201905.xlsx</t>
  </si>
  <si>
    <t>C:\Users\lucianabo\Desktop\2019\11 - Novembro\RETORNO AUDITORIA\LETICIA\LETICIA.zip\1\valida‡Æo - RES Forecast Dezembro18 - Bradescard P2 Algar.msg\s1\</t>
  </si>
  <si>
    <t>C:\Users\lucianabo\Desktop\2019\11 - Novembro\RETORNO AUDITORIA\LETICIA\LETICIA.zip\10\Valida‡Æo - Errata Forecast Janeiro19 - Bradescard P2 Algar.msg\s1\</t>
  </si>
  <si>
    <t>C:\Users\lucianabo\Desktop\2019\11 - Novembro\RETORNO AUDITORIA\LETICIA\LETICIA.zip\33\ENC_ ALGAR - Forecast Bradescard P2 - Abr_19.msg\s137\</t>
  </si>
  <si>
    <t>C:\Users\lucianabo\Desktop\2019\11 - Novembro\RETORNO AUDITORIA\LETICIA\LETICIA.zip\40\ENC_ ALGAR - Forecast Bradescard P2 - Maio_19.msg\s137\</t>
  </si>
  <si>
    <t>11/25/2019 18:25:29</t>
  </si>
  <si>
    <t>11/25/2019 18:25:45</t>
  </si>
  <si>
    <t>11/25/2019 18:26:17</t>
  </si>
  <si>
    <t>11/26/2019 09:27:36</t>
  </si>
  <si>
    <t>11/26/2019 09:28:23</t>
  </si>
  <si>
    <t>C:\Users\lucianafaa\OneDrive - Grupo Algar\2019\PROJETOS\REAJUSTE DE CONTRATO\PLANILHA REAJUSTES\fechados x internalizados\</t>
  </si>
  <si>
    <t>contatos.xlsx</t>
  </si>
  <si>
    <t>11/26/2019 09:27:48</t>
  </si>
  <si>
    <t>11/26/2019 09:26:39</t>
  </si>
  <si>
    <t>11/26/2019 09:29:24</t>
  </si>
  <si>
    <t>/o=exchangelabs/ou=exchange administrative group (fydibohf23spdlt)/cn=recipients/cn=f50351055a2944cebcbdc18a918945d6-gustavo res;gvieira@toyota.com.br;</t>
  </si>
  <si>
    <t>/o=exchangelabs/ou=exchange administrative group (fydibohf23spdlt)/cn=recipients/cn=f50351055a2944cebcbdc18a918945d6-gustavo res,gvieira@toyota.com.br</t>
  </si>
  <si>
    <t>11/26/2019 09:29:06</t>
  </si>
  <si>
    <t>11/26/2019 09:32:24</t>
  </si>
  <si>
    <t>mail.google.com/_/upload?authuser=1&amp;dcp=asu-n&amp;upload_id=AEnB2UqT-3IbrY04fo2EwXlYO7j7XeM6pVnkO4L7KU9BxY4yJ0lXR5DJQWuq3LYPsXsQopeDHzqVKG7Uzoicblz8v-vDoC7vdRZDAhF3yapapJf7DGLYdaI&amp;upload_protocol=resumable</t>
  </si>
  <si>
    <t>FORMULÁRIO_AUDITÓRIO.xls</t>
  </si>
  <si>
    <t>11/26/2019 09:33:14</t>
  </si>
  <si>
    <t>11/26/2019 09:38:24</t>
  </si>
  <si>
    <t>mail.google.com/_/upload?authuser=1&amp;dcp=asu-n&amp;upload_id=AEnB2Uo0PXpo9bQtwC2rDIDS_fBj8BLKrYTBGtRf-sgHM-ifPqMT7pV-DHzjR4z2inZ4Ej6FrTmyS1kNj96yjiILX_Qwf7uBeQ&amp;upload_protocol=resumable</t>
  </si>
  <si>
    <t>C:\Users\carlosasr\Desktop\BRADESCO\P2\</t>
  </si>
  <si>
    <t>Analise Pagamentos P2.xlsx</t>
  </si>
  <si>
    <t>11/26/2019 09:36:34</t>
  </si>
  <si>
    <t>11/26/2019 09:39:23</t>
  </si>
  <si>
    <t>11/26/2019 09:37:39</t>
  </si>
  <si>
    <t>11/26/2019 09:41:24</t>
  </si>
  <si>
    <t>leonardoamf@algartech.com.br;</t>
  </si>
  <si>
    <t>ENC: Upgrade Plataforma de Gravação Nice</t>
  </si>
  <si>
    <t>OPERADORES_SITE2.xls</t>
  </si>
  <si>
    <t>leonardoamf@algartech.com.br</t>
  </si>
  <si>
    <t>11/26/2019 09:38:42</t>
  </si>
  <si>
    <t>11/26/2019 09:39:45</t>
  </si>
  <si>
    <t>11/26/2019 09:49:15</t>
  </si>
  <si>
    <t>11/26/2019 09:52:23</t>
  </si>
  <si>
    <t>AHT Real x RFP - WHP.xlsx</t>
  </si>
  <si>
    <t>11/26/2019 09:49:35</t>
  </si>
  <si>
    <t>11/26/2019 09:53:24</t>
  </si>
  <si>
    <t>anapca@algartech.com;ericacdosc@algartech.com;janecsa@algartech.com;matheusmpm@algartech.com;pmo@algartech.com;vanusapr@algartech.com;vilarinho@algartech.com;</t>
  </si>
  <si>
    <t>\\acsfs\deptos\PMO Governança\06 - GOVERNANÇA DO CAPEX\CAPEX 2020\ORÇAMENTO\OFICIAL\01 - OFICIAL\CAPEX 2020 26_11.pptx\</t>
  </si>
  <si>
    <t>anapca@algartech.com,ericacdosc@algartech.com,janecsa@algartech.com,matheusmpm@algartech.com,pmo@algartech.com,vanusapr@algartech.com,vilarinho@algartech.com</t>
  </si>
  <si>
    <t>11/26/2019 09:51:34</t>
  </si>
  <si>
    <t>mail.google.com/_/upload?authuser=0&amp;dcp=asu-n&amp;upload_id=AEnB2UroIp0NhwtNNfLG28J6iQU1QIKlsnfjiOh0ddxBUNNQdWRlDlQ7aepklaTZxC_U7KgtTXQhlhyyP6Gz-BFrvE-kKU3aww&amp;upload_protocol=resumable</t>
  </si>
  <si>
    <t>\\acsfs\deptos\Operacao\Unica\1. Gestão da Área\1.1 Administrativo\1.1.3 Reports\Daily Report\Novembro\</t>
  </si>
  <si>
    <t>11/26/2019 09:59:43</t>
  </si>
  <si>
    <t>11/26/2019 10:01:23</t>
  </si>
  <si>
    <t>mail.google.com/mail/u/1/?ui=2&amp;view=btop&amp;ver=eyhxefjfd5dl&amp;search=inbox&amp;th=%23thread-f%3A1651116525372379533|msg-a%3Ar-3860485456379265751&amp;cvid=4</t>
  </si>
  <si>
    <t>SAGEWDBDSQL_BACKUP.xlsx</t>
  </si>
  <si>
    <t>11/26/2019 09:56:58</t>
  </si>
  <si>
    <t>11/26/2019 09:58:20</t>
  </si>
  <si>
    <t>11/26/2019 10:02:24</t>
  </si>
  <si>
    <t>mail.google.com/_/upload?authuser=0&amp;dcp=asu-n&amp;upload_id=AEnB2UpGmppLEb26xhamWdy-MM2h24md8qJX9KQWAPr0zZlHDWwDgtlAC9hC1diDewCS6whVDnQLbm4uzmXKRnSbokmkkMH4yP-xeNoqQOZ_YRkPftkTE_8&amp;upload_protocol=resumable</t>
  </si>
  <si>
    <t>2019_11_26_Base_Auditorias_Planilha_Youse.xlsx</t>
  </si>
  <si>
    <t>11/26/2019 01:57:18</t>
  </si>
  <si>
    <t>11/26/2019 10:07:24</t>
  </si>
  <si>
    <t>ericacdosc@algartech.com</t>
  </si>
  <si>
    <t>celmars@algartech.com;josycoa@algartech.com;vilarinho@algartech.com;</t>
  </si>
  <si>
    <t>\\acsfs\deptos\Controladoria\Planejamento\Reuniao Gerencial\2019\4ª Reuger\REUGER\Holding 20.11\Algar Tech_4a REUGER 2019_Financeiro_25-11.pptx\</t>
  </si>
  <si>
    <t>celmars@algartech.com,josycoa@algartech.com,vilarinho@algartech.com</t>
  </si>
  <si>
    <t>11/26/2019 01:57:21</t>
  </si>
  <si>
    <t>mail.google.com/_/upload?authuser=0&amp;dcp=asu-n&amp;upload_id=AEnB2UoNXXLhVvwTj1d2I01h6NOLwEtYefcYqgHXn2Le08kSHPgecdBipvzL0tNOCwrvIpZe9FOsLIp84xKcZeEG4To5ZzFmOtGcZOTYnsN35bJTU4i6ixU&amp;upload_protocol=resumable</t>
  </si>
  <si>
    <t>11/26/2019 10:07:04</t>
  </si>
  <si>
    <t>11/26/2019 10:08:23</t>
  </si>
  <si>
    <t>C:\Users\fabriciovs\Downloads\Unity600-AlgarTech.pptx\</t>
  </si>
  <si>
    <t>11/26/2019 10:07:39</t>
  </si>
  <si>
    <t>11/26/2019 10:09:24</t>
  </si>
  <si>
    <t>Criação de ID de Rede - Kamila.xlsx</t>
  </si>
  <si>
    <t>11/26/2019 10:09:53</t>
  </si>
  <si>
    <t>11/26/2019 10:14:24</t>
  </si>
  <si>
    <t>11/26/2019 10:16:15</t>
  </si>
  <si>
    <t>11/26/2019 10:17:26</t>
  </si>
  <si>
    <t>Volume Parcelado 2.xlsx</t>
  </si>
  <si>
    <t>11/26/2019 10:15:41</t>
  </si>
  <si>
    <t>mail.google.com/_/upload?authuser=1&amp;dcp=asu-n&amp;upload_id=AEnB2UrWQ7KXt2UsIGWNWjidPiBP3LWnZZoc8__9tX_CnORqNcJqqYlLWnjzgHpTouahiWs2ALr7Y5Vr7CNCS3nGB5apw5233Q&amp;upload_protocol=resumable</t>
  </si>
  <si>
    <t>Meterial para Curadora - Continental (1).xlsx</t>
  </si>
  <si>
    <t>11/26/2019 10:16:27</t>
  </si>
  <si>
    <t>11/26/2019 10:21:26</t>
  </si>
  <si>
    <t>11/26/2019 10:21:38</t>
  </si>
  <si>
    <t>11/26/2019 10:22:25</t>
  </si>
  <si>
    <t>sherleyce@algartech.com</t>
  </si>
  <si>
    <t>19_11_26_ Pipeline Comentado_Afonso.xlsx</t>
  </si>
  <si>
    <t>11/26/2019 10:28:39</t>
  </si>
  <si>
    <t>11/26/2019 10:33:25</t>
  </si>
  <si>
    <t>11/26/2019 10:30:45</t>
  </si>
  <si>
    <t>11/26/2019 10:35:26</t>
  </si>
  <si>
    <t>patriciaars@algartech.com</t>
  </si>
  <si>
    <t>C:\Users\patriciaars\Desktop\</t>
  </si>
  <si>
    <t>11/26/2019 10:30:47</t>
  </si>
  <si>
    <t>mail.google.com/_/upload?authuser=0&amp;dcp=asu-n&amp;upload_id=AEnB2Ur_VbXDYy_TFnnVyUmYWJypHJwcp9A2gWyF4bAdXlNgIhVgeklzsJwHaiHakKTadJZVBtQWVfflZj1qEJ3MtUG97tH5Eg&amp;upload_protocol=resumable</t>
  </si>
  <si>
    <t>11/26/2019 10:38:11</t>
  </si>
  <si>
    <t>11/26/2019 10:40:25</t>
  </si>
  <si>
    <t>mateusms@algartech.com</t>
  </si>
  <si>
    <t>mail.google.com/_/upload?authuser=0&amp;dcp=asu-n&amp;upload_id=AEnB2Uq3vq02ed1rjWerext4-lbSxLF08J7HjjWkUNsxsq3xouL8Z4FJ3c84hCc2oj_IaDXzRb3yg_AIIn07DTLfMPGUqtxLNQ&amp;upload_protocol=resumable</t>
  </si>
  <si>
    <t>Proposta de Forecast - N1 Service_Janeiro 2020.xlsx</t>
  </si>
  <si>
    <t>11/26/2019 10:39:53</t>
  </si>
  <si>
    <t>11/26/2019 10:42:25</t>
  </si>
  <si>
    <t>C:\Users\renataalves\Desktop\SLIDES_FINANCEIRO.pptx\</t>
  </si>
  <si>
    <t>11/26/2019 10:45:10</t>
  </si>
  <si>
    <t>11/26/2019 10:46:25</t>
  </si>
  <si>
    <t>\\acsfs\dsti\CMV - Coordenação de Mkt e Vendas\Comercial\Relatorio_Pipe Comentado\2019\Latam\</t>
  </si>
  <si>
    <t>19_11_26_ Pipeline Comentado_Argentina.xlsx</t>
  </si>
  <si>
    <t>11/26/2019 10:45:23</t>
  </si>
  <si>
    <t>11/26/2019 10:48:26</t>
  </si>
  <si>
    <t>C:\Users\denisevca\Downloads\</t>
  </si>
  <si>
    <t>mail.google.com/_/upload?authuser=0&amp;dcp=asu-n&amp;upload_id=AEnB2UoMkkcVcu6DhxXZK6-Rfaxrg0iiHF1csXNFzKP70_YxHfZ_BLDRjD277LxQM_LaEbGAqm5BAsYoZ_mdWSVqNvO3Hi126Q&amp;upload_protocol=resumable</t>
  </si>
  <si>
    <t>11/26/2019 10:44:38</t>
  </si>
  <si>
    <t>11/26/2019 10:49:26</t>
  </si>
  <si>
    <t>C:\Users\senildapdo\Desktop\Apresentação indicadores Senilda.pptx\</t>
  </si>
  <si>
    <t>11/26/2019 10:50:49</t>
  </si>
  <si>
    <t>11/26/2019 10:54:26</t>
  </si>
  <si>
    <t>C:\Users\alinerg\Documents\Projetos\Electrolux\</t>
  </si>
  <si>
    <t>Revisão Drafts Electrolux.xlsx</t>
  </si>
  <si>
    <t>11/26/2019 10:54:50</t>
  </si>
  <si>
    <t>11/26/2019 10:56:26</t>
  </si>
  <si>
    <t>19_11_26_ Pipeline Comentado_Colombia.xlsx</t>
  </si>
  <si>
    <t>11/26/2019 10:57:33</t>
  </si>
  <si>
    <t>11/26/2019 11:01:26</t>
  </si>
  <si>
    <t>mail.google.com/_/upload?authuser=2&amp;dcp=asu-n&amp;upload_id=AEnB2Uq4FzPqXXLJ9hwR0w3p9pO8EZM7AY2djfd56cvc7Q5xbt3i_CUINS9cg5MhtSvU0DS2eskktGMLBbvv3J81wolp_z3K7w&amp;upload_protocol=resumable</t>
  </si>
  <si>
    <t>\\acsfs\ACS\Consultoria de Qualidade\Uberlândia\1. Analistas\Fernando Rodrigues\4. Distribuição de Meta\2019\0. Caixa\0. Novembro\</t>
  </si>
  <si>
    <t>Distribuição - 4ª Semana.xls</t>
  </si>
  <si>
    <t>11/26/2019 11:03:16</t>
  </si>
  <si>
    <t>11/26/2019 11:07:25</t>
  </si>
  <si>
    <t>\\acsfs\deptos\DME\CME - Coordenacao de Marketing e Estrategia\Gestão de Vendas\Receita\Longo Prazo\2020\Final\LP 2020-2024 GAT.pptx\</t>
  </si>
  <si>
    <t>11/26/2019 11:03:25</t>
  </si>
  <si>
    <t>11/26/2019 11:08:26</t>
  </si>
  <si>
    <t>\\cppfs\cpdeptos\CPC\4 - Relatorios\BRADESCO EAVM\09 - Daily Next\Dailys\2019\11 - Novembro\Daily Unificado Next - Nov_envio.zip\</t>
  </si>
  <si>
    <t>11/26/2019 11:11:22</t>
  </si>
  <si>
    <t>11/26/2019 11:12:26</t>
  </si>
  <si>
    <t>19_11_26_ Pipeline Comentado_Raul.xlsx</t>
  </si>
  <si>
    <t>11/26/2019 11:16:28</t>
  </si>
  <si>
    <t>11/26/2019 11:20:26</t>
  </si>
  <si>
    <t>C:\Users\elainemdlp\OD\_Projetos\Encerrado\08 - Cobranca Avon\01 - Iniciacao\ENC Proposta Comercial - AVON ATIVO.msg\s136\VP_-_Avon_Ativo.rar\VP_-_Avon_Ativo.docx\Microsoft_Word_97_-_2003_Document.doc\</t>
  </si>
  <si>
    <t>Package4.xlsx</t>
  </si>
  <si>
    <t>Package5.xlsx</t>
  </si>
  <si>
    <t>11/26/2019 11:17:21</t>
  </si>
  <si>
    <t>11/26/2019 11:22:26</t>
  </si>
  <si>
    <t>\\acsfs\deptos\DME\CME - Coordenacao de Marketing e Estrategia\Gestão de Vendas\Receita\Longo Prazo\2020\Final\LP 2020-2024 GRC.pptx\</t>
  </si>
  <si>
    <t>11/26/2019 11:23:12</t>
  </si>
  <si>
    <t>11/26/2019 11:25:26</t>
  </si>
  <si>
    <t>10.200.57.17</t>
  </si>
  <si>
    <t>/o=exchangelabs/ou=exchange administrative group (fydibohf23spdlt)/cn=recipients/cn=a72fa73d2e1a464ba879e7629d58ef97-luana erlen;/o=exchangelabs/ou=exchange administrative group (fydibohf23spdlt)/cn=recipients/cn=d524c378550f4b9ab526e5938ca6655b-flavia mari;/o=exchangelabs/ou=exchange administrative group (fydibohf23spdlt)/cn=recipients/cn=f927337e9e32468d91da72c6c6ec4935-eliamar de;eliamardo@algartech.com.br;flaviamas@algartech.com.br;</t>
  </si>
  <si>
    <t>Monitorias faltantes</t>
  </si>
  <si>
    <t>Quantidade de monitorias realizadas next.xls</t>
  </si>
  <si>
    <t>/o=exchangelabs/ou=exchange administrative group (fydibohf23spdlt)/cn=recipients/cn=a72fa73d2e1a464ba879e7629d58ef97-luana erlen,/o=exchangelabs/ou=exchange administrative group (fydibohf23spdlt)/cn=recipients/cn=d524c378550f4b9ab526e5938ca6655b-flavia mari,/o=exchangelabs/ou=exchange administrative group (fydibohf23spdlt)/cn=recipients/cn=f927337e9e32468d91da72c6c6ec4935-eliamar de,eliamardo@algartech.com.br,flaviamas@algartech.com.br</t>
  </si>
  <si>
    <t>11/26/2019 11:24:58</t>
  </si>
  <si>
    <t>11/26/2019 11:28:26</t>
  </si>
  <si>
    <t>11/26/2019 11:27:00</t>
  </si>
  <si>
    <t>11/26/2019 11:32:26</t>
  </si>
  <si>
    <t>C:\Users\rodrigombu\OneDrive - Grupo Algar\Whirlpool\2019\09 - Setembro\Arquivo\RAF\</t>
  </si>
  <si>
    <t>Produtividade RAF - Set-2019 - Fechamento - Visão Importação Ajustada.xlsm</t>
  </si>
  <si>
    <t>11/26/2019 11:30:40</t>
  </si>
  <si>
    <t>11/26/2019 11:35:25</t>
  </si>
  <si>
    <t>C:\Users\lucianocle\OneDrive\Algar\Business Performance - Onedrive\Ferramenta Precificação\Ultima versão\</t>
  </si>
  <si>
    <t>C:\Users\lucianocle\OneDrive\Algar\Business Performance - Onedrive\Ferramenta Precificação\Ultima versão\Plan Precificacao C018 B018.xlsb\</t>
  </si>
  <si>
    <t>11/26/2019 11:31:28</t>
  </si>
  <si>
    <t>11/26/2019 11:32:59</t>
  </si>
  <si>
    <t>11/26/2019 11:36:26</t>
  </si>
  <si>
    <t>C:\Users\matheusvs\Desktop\Squad - Canais Digitais\2 - Whirlpool\Ativos Services\</t>
  </si>
  <si>
    <t>11/26/2019 11:33:01</t>
  </si>
  <si>
    <t>mail.google.com/_/upload?authuser=3&amp;dcp=asu-n&amp;upload_id=AEnB2UrWykMpelfzbylg_FFyLc2bRxxLIodJ5LgtFU_w1ks-DQBJw_rMPJgl2j7xHPijRd0VnNwu1eCTLsLGF_ntP1rbyOhbsw&amp;upload_protocol=resumable</t>
  </si>
  <si>
    <t>11/26/2019 11:36:31</t>
  </si>
  <si>
    <t>11/26/2019 11:37:25</t>
  </si>
  <si>
    <t>Horas Extras SD.xlsx</t>
  </si>
  <si>
    <t>11/26/2019 11:32:16</t>
  </si>
  <si>
    <t>Produtividade RAF - Out-2019 - Fechamento - Visão Atualizada Importação.xlsm</t>
  </si>
  <si>
    <t>11/26/2019 11:36:15</t>
  </si>
  <si>
    <t>11/26/2019 11:39:26</t>
  </si>
  <si>
    <t>11/26/2019 11:37:48</t>
  </si>
  <si>
    <t>C:\Users\mariliafsc.ACS\Downloads\</t>
  </si>
  <si>
    <t>C:\Users\mariliafsc.ACS\Downloads\152004 Sicoob BP - 24 meses PA + Digital FINAL v19.4_v2.xlsb\</t>
  </si>
  <si>
    <t>11/26/2019 11:38:48</t>
  </si>
  <si>
    <t>11/26/2019 11:41:25</t>
  </si>
  <si>
    <t>/o=exchangelabs/ou=exchange administrative group (fydibohf23spdlt)/cn=recipients/cn=5cff907b7abb465c8dbe10257a462656-diego iure;/o=exchangelabs/ou=exchange administrative group (fydibohf23spdlt)/cn=recipients/cn=f77afa0ad3f042109f536c9634dccf97-wanderson g;lorrany.bianca@bradesco.com.br;</t>
  </si>
  <si>
    <t>RES: [FORMALIZAÇÃO] ● FORECAST ALGAR ● 45 DIAS ● JANEIRO/20</t>
  </si>
  <si>
    <t>01 - Dimen P2_1 (Estudo).xlsx</t>
  </si>
  <si>
    <t>/o=exchangelabs/ou=exchange administrative group (fydibohf23spdlt)/cn=recipients/cn=5cff907b7abb465c8dbe10257a462656-diego iure,/o=exchangelabs/ou=exchange administrative group (fydibohf23spdlt)/cn=recipients/cn=f77afa0ad3f042109f536c9634dccf97-wanderson g,lorrany.bianca@bradesco.com.br</t>
  </si>
  <si>
    <t>11/26/2019 11:40:46</t>
  </si>
  <si>
    <t>11/26/2019 11:44:25</t>
  </si>
  <si>
    <t>11/26/2019 11:41:56</t>
  </si>
  <si>
    <t>Lista de Materiais - MiniRack A100.xlsx</t>
  </si>
  <si>
    <t>11/26/2019 11:47:08</t>
  </si>
  <si>
    <t>11/26/2019 11:52:25</t>
  </si>
  <si>
    <t>alexandre.m.souza@bradesco.com.br;joyce.l.oliveira@bradesco.com.br;</t>
  </si>
  <si>
    <t>alexandre.m.souza@bradesco.com.br,joyce.l.oliveira@bradesco.com.br</t>
  </si>
  <si>
    <t>11/26/2019 11:51:39</t>
  </si>
  <si>
    <t>11/26/2019 11:53:26</t>
  </si>
  <si>
    <t>mail.google.com/_/upload?authuser=0&amp;dcp=asu-n&amp;upload_id=AEnB2Uolbc1rFQEpG5B2eWzmCPqnfdAqN1DP2kWAbfz7UvwoNCGcy21lTLcGzM_2Uq867IAWKP--itX-HW0LdrZ03ABsQkEsag&amp;upload_protocol=resumable</t>
  </si>
  <si>
    <t>\\acsfs\deptos\Controladoria\Planejamento\Reuniao Gerencial\2019\4ª Reuger\REUGER\Holding 20.11\Algar Tech_4a REUGER 2019_Financeiro_25-11_VF.pptx\</t>
  </si>
  <si>
    <t>11/26/2019 11:48:11</t>
  </si>
  <si>
    <t>10-FATURAMENTO-FRD_BO_AMEX-OUT-19.zip\</t>
  </si>
  <si>
    <t>11/26/2019 11:48:50</t>
  </si>
  <si>
    <t>11/26/2019 11:54:25</t>
  </si>
  <si>
    <t>D:\OneDrive\AlgarTech\Pré-Vendas\Cliente\2018\A100\151002 - Novas Abordagens de Fibras\</t>
  </si>
  <si>
    <t>Preco_ProjetoNovasAboradagensFibra_V3.xlsb</t>
  </si>
  <si>
    <t>11/26/2019 11:39:56</t>
  </si>
  <si>
    <t>11/26/2019 11:57:26</t>
  </si>
  <si>
    <t>C:\Users\diegobg\Desktop\ENC_ Fechamento Outubro - CRC.msg\s99\</t>
  </si>
  <si>
    <t>11/26/2019 11:57:04</t>
  </si>
  <si>
    <t>11/26/2019 11:59:25</t>
  </si>
  <si>
    <t>Ações Melhoria NPS_Menu Eletrônico.xlsx</t>
  </si>
  <si>
    <t>11/26/2019 12:04:04</t>
  </si>
  <si>
    <t>11/26/2019 12:05:26</t>
  </si>
  <si>
    <t>10.200.57.209</t>
  </si>
  <si>
    <t>eversonmc@algartech.com.br;evertonpdsr@algartech.com.br;</t>
  </si>
  <si>
    <t>Aderência - Equipe Leonora</t>
  </si>
  <si>
    <t>12 - ADERENCIA DEZEMBRO - Leonora.xlsx</t>
  </si>
  <si>
    <t>eversonmc@algartech.com.br,evertonpdsr@algartech.com.br</t>
  </si>
  <si>
    <t>11/26/2019 12:04:46</t>
  </si>
  <si>
    <t>11/26/2019 12:03:36</t>
  </si>
  <si>
    <t>11/26/2019 12:08:26</t>
  </si>
  <si>
    <t>11/26/2019 12:15:11</t>
  </si>
  <si>
    <t>11/26/2019 12:19:25</t>
  </si>
  <si>
    <t>Atualização de Informação dos Associados.xlsx</t>
  </si>
  <si>
    <t>11/26/2019 12:17:22</t>
  </si>
  <si>
    <t>11/26/2019 12:22:26</t>
  </si>
  <si>
    <t>/o=exchangelabs/ou=exchange administrative group (fydibohf23spdlt)/cn=recipients/cn=ec8d74b9f1014e0287ebc00c465f223b-aline marqu;/o=exchangelabs/ou=exchange administrative group (fydibohf23spdlt)/cn=recipients/cn=f45617401bdf436baf70c45766699413-frederico b;diogenespl@algartech.com.br;emanueldldl@algartech.com.br;marcosih@algartech.com.br;poliane.amaral@bradesco.com.br;renatafs@algartech.com.br;rosangelaasn@algartech.com.br;suzane.b.rodrigues@bradesco.com.br;tiagorpf@algartech.com.br;</t>
  </si>
  <si>
    <t>Régua de Pendências Dynamics Corporate 12 hs</t>
  </si>
  <si>
    <t>/o=exchangelabs/ou=exchange administrative group (fydibohf23spdlt)/cn=recipients/cn=ec8d74b9f1014e0287ebc00c465f223b-aline marqu,/o=exchangelabs/ou=exchange administrative group (fydibohf23spdlt)/cn=recipients/cn=f45617401bdf436baf70c45766699413-frederico b,diogenespl@algartech.com.br,emanueldldl@algartech.com.br,marcosih@algartech.com.br,poliane.amaral@bradesco.com.br,renatafs@algartech.com.br,rosangelaasn@algartech.com.br,suzane.b.rodrigues@bradesco.com.br,tiagorpf@algartech.com.br</t>
  </si>
  <si>
    <t>11/26/2019 12:19:28</t>
  </si>
  <si>
    <t>11/26/2019 11:58:32</t>
  </si>
  <si>
    <t>11/26/2019 12:43:25</t>
  </si>
  <si>
    <t>mail.google.com/_/upload?authuser=0&amp;dcp=asu-n&amp;upload_id=AEnB2UrQhdbbCOxNtv7_bLhYctrou4ZjunWgj0Nj8hVzrQgqRbsOve3lfr10btD1zFerps1uJUYYkDOlugb_8rFWpWiF3lfNQA&amp;upload_protocol=resumable</t>
  </si>
  <si>
    <t>alessandra.flores@prudential.com;amandacdr@algartech.com;edilsonrb@algartech.com;joseeb@algartech.com;luiz.m.carvalho@algartech.com;silviar@algartelecom.com.br;wilsonaapn@algartech.com;</t>
  </si>
  <si>
    <t>Detalhamento MODELO.xlsx</t>
  </si>
  <si>
    <t>alessandra.flores@prudential.com,amandacdr@algartech.com,edilsonrb@algartech.com,joseeb@algartech.com,luiz.m.carvalho@algartech.com,silviar@algartelecom.com.br,wilsonaapn@algartech.com</t>
  </si>
  <si>
    <t>11/26/2019 12:48:51</t>
  </si>
  <si>
    <t>11/26/2019 12:52:25</t>
  </si>
  <si>
    <t>wanessabds@algartech.com</t>
  </si>
  <si>
    <t>Orcamento Final.xlsx</t>
  </si>
  <si>
    <t>11/26/2019 13:14:06</t>
  </si>
  <si>
    <t>11/26/2019 13:17:26</t>
  </si>
  <si>
    <t>11/26/2019 13:38:49</t>
  </si>
  <si>
    <t>11/26/2019 13:41:26</t>
  </si>
  <si>
    <t>c:\users\adrianamac\documents\</t>
  </si>
  <si>
    <t>formulario cartao amex vanessa.xlsm</t>
  </si>
  <si>
    <t>11/26/2019 11:58:43</t>
  </si>
  <si>
    <t>11/26/2019 13:42:26</t>
  </si>
  <si>
    <t>\\acsfs\deptos\DME\CME - Coordenacao de Marketing e Estrategia\Gestão de Vendas\Receita\Longo Prazo\2020\Final\LP 2020-2024 GAT v2.pptx\</t>
  </si>
  <si>
    <t>11/24/2019 22:06:51</t>
  </si>
  <si>
    <t>11/26/2019 13:56:26</t>
  </si>
  <si>
    <t>C:\Users\gustavoas\Desktop\</t>
  </si>
  <si>
    <t>Minhas_Metas_Gerencia.xlsx</t>
  </si>
  <si>
    <t>D:\BKP NOTE 2019\Area de trabalho\Minhas_Metas_Gerencia.xlsx</t>
  </si>
  <si>
    <t>11/24/2019 22:06:53</t>
  </si>
  <si>
    <t>D:\BKP NOTE 2019\Area de trabalho\PROJEÇÃO LP GAT PPE + AS IS + CAPEX_v3.xlsx</t>
  </si>
  <si>
    <t>Algar Tech x BR Link.xlsx</t>
  </si>
  <si>
    <t>D:\BKP NOTE 2019\Area de trabalho\Algar Tech x BR Link.xlsx</t>
  </si>
  <si>
    <t>11/24/2019 22:06:54</t>
  </si>
  <si>
    <t>PROJEÇÃO LP GAT PPE + AS IS + CAPEX_v3_MC.xlsx</t>
  </si>
  <si>
    <t>D:\BKP NOTE 2019\Area de trabalho\PROJEÇÃO LP GAT PPE + AS IS + CAPEX_v3_MC.xlsx</t>
  </si>
  <si>
    <t>11/24/2019 22:06:55</t>
  </si>
  <si>
    <t>Analise Oportunidades Governo.xlsx</t>
  </si>
  <si>
    <t>D:\BKP NOTE 2019\Area de trabalho\Analise Oportunidades Governo.xlsx</t>
  </si>
  <si>
    <t>D:\BKP NOTE 2019\Area de trabalho\Resumo_Integradores_GAT.xlsx</t>
  </si>
  <si>
    <t>D:\BKP NOTE 2019\Area de trabalho\Rampa RL GAT 2020.xlsx</t>
  </si>
  <si>
    <t>11/24/2019 22:06:57</t>
  </si>
  <si>
    <t>PROJEÇÃO LP GAT PPE + AS IS + CAPEX_v1.xlsx</t>
  </si>
  <si>
    <t>D:\BKP NOTE 2019\Area de trabalho\PROJEÇÃO LP GAT PPE + AS IS + CAPEX_v1.xlsx</t>
  </si>
  <si>
    <t>Termo_Responsabilidade_-_Cartao_Corporativo.xlsx</t>
  </si>
  <si>
    <t>D:\BKP NOTE 2019\Area de trabalho\Termo_Responsabilidade_-_Cartao_Corporativo.xlsx</t>
  </si>
  <si>
    <t>11/24/2019 22:07:01</t>
  </si>
  <si>
    <t>D:\BKP NOTE 2019\Area de trabalho\TECH DAY - GAT v3.pptx</t>
  </si>
  <si>
    <t>11/24/2019 22:07:02</t>
  </si>
  <si>
    <t>11/24/2019 22:07:04</t>
  </si>
  <si>
    <t>Draft clientes.xlsx</t>
  </si>
  <si>
    <t>D:\BKP NOTE 2019\Area de trabalho\Draft clientes.xlsx</t>
  </si>
  <si>
    <t>11/24/2019 22:07:08</t>
  </si>
  <si>
    <t>C:\Users\gustavoas\Desktop\TECH DAY - GAT v2.pptx\</t>
  </si>
  <si>
    <t>D:\BKP NOTE 2019\Area de trabalho\TECH DAY - GAT v2.pptx</t>
  </si>
  <si>
    <t>11/24/2019 22:07:09</t>
  </si>
  <si>
    <t>11/24/2019 22:07:16</t>
  </si>
  <si>
    <t>C:\Users\gustavoas\Desktop\TECH DAY - GAT v2 - Visita República.pptx\</t>
  </si>
  <si>
    <t>D:\BKP NOTE 2019\Area de trabalho\TECH DAY - GAT v2 - Visita República.pptx</t>
  </si>
  <si>
    <t>11/24/2019 22:07:17</t>
  </si>
  <si>
    <t>11/24/2019 22:07:26</t>
  </si>
  <si>
    <t>C:\Users\gustavoas\Desktop\TECH DAY - GAT.pptx\</t>
  </si>
  <si>
    <t>D:\BKP NOTE 2019\Area de trabalho\TECH DAY - GAT.pptx</t>
  </si>
  <si>
    <t>11/24/2019 22:07:27</t>
  </si>
  <si>
    <t>11/24/2019 22:07:29</t>
  </si>
  <si>
    <t>Receita Histórica GAT.xlsx</t>
  </si>
  <si>
    <t>D:\BKP NOTE 2019\Area de trabalho\Receita Histórica GAT.xlsx</t>
  </si>
  <si>
    <t>11/24/2019 22:07:32</t>
  </si>
  <si>
    <t>C:\Users\gustavoas\Desktop\Evolução de Portifólio - PPE GAT - Outubro 2019_v6.pptx\</t>
  </si>
  <si>
    <t>D:\BKP NOTE 2019\Area de trabalho\Evolução de Portifólio - PPE GAT - Outubro 2019_v6.pptx</t>
  </si>
  <si>
    <t>Detalhamento CAPEX Estruturante LP GAT_v3.xlsx</t>
  </si>
  <si>
    <t>D:\BKP NOTE 2019\Area de trabalho\Detalhamento CAPEX Estruturante LP GAT_v3.xlsx</t>
  </si>
  <si>
    <t>11/24/2019 22:07:33</t>
  </si>
  <si>
    <t>PROJEÇÃO LP GAT PPE + AS IS - Outubro 2019_V7.xlsx</t>
  </si>
  <si>
    <t>D:\BKP NOTE 2019\Area de trabalho\PROJEÇÃO LP GAT PPE + AS IS - Outubro 2019_V7.xlsx</t>
  </si>
  <si>
    <t>11/24/2019 22:07:35</t>
  </si>
  <si>
    <t>C:\Users\gustavoas\Desktop\Evolução de Portifólio - PPE GAT - Outubro 2019_v7.pptx\</t>
  </si>
  <si>
    <t>D:\BKP NOTE 2019\Area de trabalho\Evolução de Portifólio - PPE GAT - Outubro 2019_v7.pptx</t>
  </si>
  <si>
    <t>11/24/2019 22:07:36</t>
  </si>
  <si>
    <t>D:\BKP NOTE 2019\Area de trabalho\PROJEÇÃO LP GAT PPE + AS IS - Outubro 2019_V5.xlsx</t>
  </si>
  <si>
    <t>11/24/2019 22:07:38</t>
  </si>
  <si>
    <t>D:\BKP NOTE 2019\Area de trabalho\PROJEÇÃO LP GAT PPE + AS IS - Outubro 2019_V3.xlsx</t>
  </si>
  <si>
    <t>Dimensionamento do Serviço GIAT_v9 - CONSTRUÇÃO.xlsm</t>
  </si>
  <si>
    <t>D:\BKP NOTE 2019\Area de trabalho\Dimensionamento do Serviço GIAT_v9 - CONSTRUÇÃO.xlsm</t>
  </si>
  <si>
    <t>11/24/2019 22:07:44</t>
  </si>
  <si>
    <t>Dimensionamento do Serviço GIAT_v8 - CONSTRUÇÃO.xlsm</t>
  </si>
  <si>
    <t>D:\BKP NOTE 2019\Area de trabalho\Dimensionamento do Serviço GIAT_v8 - CONSTRUÇÃO.xlsm</t>
  </si>
  <si>
    <t>CAPEX 2020 - AS IS GAT INC.xlsx</t>
  </si>
  <si>
    <t>D:\BKP NOTE 2019\Area de trabalho\CAPEX 2020 - AS IS GAT INC.xlsx</t>
  </si>
  <si>
    <t>11/24/2019 22:07:57</t>
  </si>
  <si>
    <t>C:\Users\gustavoas\Desktop\BOC POC Cliente LDC e Desenho de Solução Command Center_v3_INGLÊS.pptx\</t>
  </si>
  <si>
    <t>D:\BKP NOTE 2019\Area de trabalho\BOC POC Cliente LDC e Desenho de Solução Command Center_v3_INGLÊS.pptx</t>
  </si>
  <si>
    <t>11/24/2019 22:08:01</t>
  </si>
  <si>
    <t>C:\Users\gustavoas\Desktop\RES BP Hub - PLANILHA CORRETA ANEXADA.msg\s1\</t>
  </si>
  <si>
    <t>Dimensionamento do Serviço GIAT + Mon_Cog - HUB.xlsm</t>
  </si>
  <si>
    <t>D:\BKP NOTE 2019\Area de trabalho\RES BP Hub - PLANILHA CORRETA ANEXADA.msg</t>
  </si>
  <si>
    <t>11/24/2019 22:08:10</t>
  </si>
  <si>
    <t>Segmentacao_Accenture_Contas_Alvo_GIAT.xlsx</t>
  </si>
  <si>
    <t>D:\BKP NOTE 2019\Area de trabalho\Segmentacao_Accenture_Contas_Alvo_GIAT.xlsx</t>
  </si>
  <si>
    <t>11/24/2019 22:08:36</t>
  </si>
  <si>
    <t>Dimensionamento do Serviço GIAT v07 - Maio 2019.xlsm</t>
  </si>
  <si>
    <t>D:\BKP NOTE 2019\Area de trabalho\Dimensionamento do Serviço GIAT v07 - Maio 2019.xlsm</t>
  </si>
  <si>
    <t>11/24/2019 22:08:38</t>
  </si>
  <si>
    <t>Dimensionamento do Serviço GIAT v06 - Abril 2019 - Em Construção.xlsm</t>
  </si>
  <si>
    <t>D:\BKP NOTE 2019\Area de trabalho\Dimensionamento do Serviço GIAT v06 - Abril 2019 - Em Construção.xlsm</t>
  </si>
  <si>
    <t>11/24/2019 22:08:54</t>
  </si>
  <si>
    <t>C:\Users\gustavoas\Desktop\1. CENÁRIO INDIVIDUAL.7z\1. CENÃRIO INDIVIDUAL\164228 - ISD\</t>
  </si>
  <si>
    <t>164228 - Anexo A - Planilha de PreÃ§os UnitÃ¡rios.xlsx</t>
  </si>
  <si>
    <t>D:\BKP NOTE 2019\Area de trabalho\1. CENÁRIO INDIVIDUAL.7z</t>
  </si>
  <si>
    <t>164228 - Anexo B - Plano de TransiÃ§Ã£o SD Prudential.xlsx</t>
  </si>
  <si>
    <t>164228 - Anexo C - ARC-RRC-ISD - MODELO DE PREÃ‡O.xlsx</t>
  </si>
  <si>
    <t>C:\Users\gustavoas\Desktop\1. CENÁRIO INDIVIDUAL.7z\1. CENÃRIO INDIVIDUAL\169202A - SustentaÃ§Ã£o e Projetos\</t>
  </si>
  <si>
    <t>169202 - Anexo B - Plano de TransiÃ§Ã£o PPG Prudential.xlsx</t>
  </si>
  <si>
    <t>169202A - Anexo A - Planilha de PreÃ§os UnitÃ¡rios.xlsx</t>
  </si>
  <si>
    <t>169202A - Anexo G - ARC-RRC- RFP PPG - MODELO DE PREÃ‡O.XLSX</t>
  </si>
  <si>
    <t>C:\Users\gustavoas\Desktop\1. CENÁRIO INDIVIDUAL.7z\1. CENÃRIO INDIVIDUAL\169202B - GestÃ£o de ServiÃ§os ITIL\</t>
  </si>
  <si>
    <t>169202B - Anexo A - Planilha de PreÃ§os UnitÃ¡rios.xlsx</t>
  </si>
  <si>
    <t>169202B - Anexo G - ARC-RRC- RFP PPG - MODELO DE PREÃ‡O.XLSX</t>
  </si>
  <si>
    <t>C:\Users\gustavoas\Desktop\1. CENÁRIO INDIVIDUAL.7z\1. CENÃRIO INDIVIDUAL\</t>
  </si>
  <si>
    <t>REFERÃŠNCIA DOS AJUSTES.xlsx</t>
  </si>
  <si>
    <t>11/24/2019 22:09:01</t>
  </si>
  <si>
    <t>C:\Users\gustavoas\Desktop\2. CENÁRIO SINERGIA.7z\2. CENÃRIO SINERGIA\164228 - ISD\</t>
  </si>
  <si>
    <t>D:\BKP NOTE 2019\Area de trabalho\2. CENÁRIO SINERGIA.7z</t>
  </si>
  <si>
    <t>C:\Users\gustavoas\Desktop\2. CENÁRIO SINERGIA.7z\2. CENÃRIO SINERGIA\169202A - SustentaÃ§Ã£o e Projetos\</t>
  </si>
  <si>
    <t>C:\Users\gustavoas\Desktop\2. CENÁRIO SINERGIA.7z\2. CENÃRIO SINERGIA\169202B - GestÃ£o de ServiÃ§os ITIL\</t>
  </si>
  <si>
    <t>C:\Users\gustavoas\Desktop\2. CENÁRIO SINERGIA.7z\2. CENÃRIO SINERGIA\</t>
  </si>
  <si>
    <t>D:\BKP NOTE 2019\Area de trabalho\Controle de Jornada.xlsx</t>
  </si>
  <si>
    <t>11/24/2019 22:09:09</t>
  </si>
  <si>
    <t>MATRIZ_OFERTAS_PPE_LATAM.xlsx</t>
  </si>
  <si>
    <t>D:\BKP NOTE 2019\Area de trabalho\MATRIZ_OFERTAS_PPE_LATAM.xlsx</t>
  </si>
  <si>
    <t>11/24/2019 22:09:24</t>
  </si>
  <si>
    <t>C:\Users\gustavoas\Desktop\One Drive.7z\One Drive\Artefatos Desenho de SoluÃ§Ã£o\</t>
  </si>
  <si>
    <t>Checklist Desenho de SoluÃ§Ã£o - GestÃ£o de Infra TIC - 07-2018.xlsx</t>
  </si>
  <si>
    <t>D:\BKP NOTE 2019\Area de trabalho\One Drive.7z</t>
  </si>
  <si>
    <t>11/24/2019 22:09:32</t>
  </si>
  <si>
    <t>C:\Users\gustavoas\Desktop\NOC - BOOK COMPLETO DA OFERTA.pptx\</t>
  </si>
  <si>
    <t>D:\BKP NOTE 2019\Area de trabalho\NOC - BOOK COMPLETO DA OFERTA.pptx</t>
  </si>
  <si>
    <t>11/24/2019 22:09:33</t>
  </si>
  <si>
    <t>11/24/2019 22:09:48</t>
  </si>
  <si>
    <t>C:\Users\gustavoas\Desktop\Orçamento Pacote GIAT\</t>
  </si>
  <si>
    <t>CR 341500065 - CUSTOS.xlsb</t>
  </si>
  <si>
    <t>D:\BKP NOTE 2019\Area de trabalho\Orçamento Pacote GIAT\CR 341500065 - CUSTOS.xlsb</t>
  </si>
  <si>
    <t>11/24/2019 22:09:49</t>
  </si>
  <si>
    <t>C:\Users\gustavoas\Desktop\CAPEX 2020\</t>
  </si>
  <si>
    <t>Cópia de Capex LP 2020_V2.xlsx</t>
  </si>
  <si>
    <t>D:\BKP NOTE 2019\Area de trabalho\CAPEX 2020\Cópia de Capex LP 2020_V2.xlsx</t>
  </si>
  <si>
    <t>11/24/2019 22:10:07</t>
  </si>
  <si>
    <t>C:\Users\gustavoas\Desktop\IT FORUM+ 2019\</t>
  </si>
  <si>
    <t>AGENDA ITF+ 2019.xlsx</t>
  </si>
  <si>
    <t>D:\BKP NOTE 2019\Area de trabalho\IT FORUM+ 2019\AGENDA ITF+ 2019.xlsx</t>
  </si>
  <si>
    <t>11/24/2019 22:10:09</t>
  </si>
  <si>
    <t>CIOs_ITForum+ 29-07-2019 CNPJ.xlsx</t>
  </si>
  <si>
    <t>D:\BKP NOTE 2019\Area de trabalho\IT FORUM+ 2019\CIOs_ITForum+ 29-07-2019 CNPJ.xlsx</t>
  </si>
  <si>
    <t>11/24/2019 22:10:22</t>
  </si>
  <si>
    <t>C:\Users\gustavoas\Desktop\2. CENÁRIO SINERGIA\</t>
  </si>
  <si>
    <t>REFERÊNCIA DOS AJUSTES.xlsx</t>
  </si>
  <si>
    <t>D:\BKP NOTE 2019\Area de trabalho\2. CENÁRIO SINERGIA\REFERÊNCIA DOS AJUSTES.xlsx</t>
  </si>
  <si>
    <t>C:\Users\gustavoas\Desktop\2. CENÁRIO SINERGIA\164228 - ISD\</t>
  </si>
  <si>
    <t>164228 - Anexo A - Planilha de Preços Unitários.xlsx</t>
  </si>
  <si>
    <t>D:\BKP NOTE 2019\Area de trabalho\2. CENÁRIO SINERGIA\164228 - ISD\164228 - Anexo A - Planilha de Preços Unitários.xlsx</t>
  </si>
  <si>
    <t>164228 - Anexo B - Plano de Transição SD Prudential.xlsx</t>
  </si>
  <si>
    <t>D:\BKP NOTE 2019\Area de trabalho\2. CENÁRIO SINERGIA\164228 - ISD\164228 - Anexo B - Plano de Transição SD Prudential.xlsx</t>
  </si>
  <si>
    <t>164228 - Anexo C - ARC-RRC-ISD - MODELO DE PREÇO.xlsx</t>
  </si>
  <si>
    <t>D:\BKP NOTE 2019\Area de trabalho\2. CENÁRIO SINERGIA\164228 - ISD\164228 - Anexo C - ARC-RRC-ISD - MODELO DE PREÇO.xlsx</t>
  </si>
  <si>
    <t>11/24/2019 22:10:24</t>
  </si>
  <si>
    <t>C:\Users\gustavoas\Desktop\2. CENÁRIO SINERGIA\169202A - Sustentação e Projetos\</t>
  </si>
  <si>
    <t>169202 - Anexo B - Plano de Transição PPG Prudential.xlsx</t>
  </si>
  <si>
    <t>D:\BKP NOTE 2019\Area de trabalho\2. CENÁRIO SINERGIA\169202A - Sustentação e Projetos\169202 - Anexo B - Plano de Transição PPG Prudential.xlsx</t>
  </si>
  <si>
    <t>169202A - Anexo A - Planilha de Preços Unitários.xlsx</t>
  </si>
  <si>
    <t>D:\BKP NOTE 2019\Area de trabalho\2. CENÁRIO SINERGIA\169202A - Sustentação e Projetos\169202A - Anexo A - Planilha de Preços Unitários.xlsx</t>
  </si>
  <si>
    <t>11/24/2019 22:10:25</t>
  </si>
  <si>
    <t>169202A - Anexo G - ARC-RRC- RFP PPG - MODELO DE PREÇO.XLSX</t>
  </si>
  <si>
    <t>D:\BKP NOTE 2019\Area de trabalho\2. CENÁRIO SINERGIA\169202A - Sustentação e Projetos\169202A - Anexo G - ARC-RRC- RFP PPG - MODELO DE PREÇO.XLSX</t>
  </si>
  <si>
    <t>11/24/2019 22:10:26</t>
  </si>
  <si>
    <t>C:\Users\gustavoas\Desktop\2. CENÁRIO SINERGIA\169202B - Gestão de Serviços ITIL\</t>
  </si>
  <si>
    <t>D:\BKP NOTE 2019\Area de trabalho\2. CENÁRIO SINERGIA\169202B - Gestão de Serviços ITIL\169202 - Anexo B - Plano de Transição PPG Prudential.xlsx</t>
  </si>
  <si>
    <t>11/24/2019 22:10:27</t>
  </si>
  <si>
    <t>169202B - Anexo A - Planilha de Preços Unitários.xlsx</t>
  </si>
  <si>
    <t>D:\BKP NOTE 2019\Area de trabalho\2. CENÁRIO SINERGIA\169202B - Gestão de Serviços ITIL\169202B - Anexo A - Planilha de Preços Unitários.xlsx</t>
  </si>
  <si>
    <t>169202B - Anexo G - ARC-RRC- RFP PPG - MODELO DE PREÇO.XLSX</t>
  </si>
  <si>
    <t>D:\BKP NOTE 2019\Area de trabalho\2. CENÁRIO SINERGIA\169202B - Gestão de Serviços ITIL\169202B - Anexo G - ARC-RRC- RFP PPG - MODELO DE PREÇO.XLSX</t>
  </si>
  <si>
    <t>11/24/2019 22:10:28</t>
  </si>
  <si>
    <t>C:\Users\gustavoas\Desktop\1. CENÁRIO INDIVIDUAL\</t>
  </si>
  <si>
    <t>D:\BKP NOTE 2019\Area de trabalho\1. CENÁRIO INDIVIDUAL\REFERÊNCIA DOS AJUSTES.xlsx</t>
  </si>
  <si>
    <t>C:\Users\gustavoas\Desktop\1. CENÁRIO INDIVIDUAL\164228 - ISD\</t>
  </si>
  <si>
    <t>D:\BKP NOTE 2019\Area de trabalho\1. CENÁRIO INDIVIDUAL\164228 - ISD\164228 - Anexo A - Planilha de Preços Unitários.xlsx</t>
  </si>
  <si>
    <t>D:\BKP NOTE 2019\Area de trabalho\1. CENÁRIO INDIVIDUAL\164228 - ISD\164228 - Anexo B - Plano de Transição SD Prudential.xlsx</t>
  </si>
  <si>
    <t>D:\BKP NOTE 2019\Area de trabalho\1. CENÁRIO INDIVIDUAL\164228 - ISD\164228 - Anexo C - ARC-RRC-ISD - MODELO DE PREÇO.xlsx</t>
  </si>
  <si>
    <t>11/24/2019 22:10:30</t>
  </si>
  <si>
    <t>C:\Users\gustavoas\Desktop\1. CENÁRIO INDIVIDUAL\169202A - Sustentação e Projetos\</t>
  </si>
  <si>
    <t>D:\BKP NOTE 2019\Area de trabalho\1. CENÁRIO INDIVIDUAL\169202A - Sustentação e Projetos\169202 - Anexo B - Plano de Transição PPG Prudential.xlsx</t>
  </si>
  <si>
    <t>D:\BKP NOTE 2019\Area de trabalho\1. CENÁRIO INDIVIDUAL\169202A - Sustentação e Projetos\169202A - Anexo A - Planilha de Preços Unitários.xlsx</t>
  </si>
  <si>
    <t>D:\BKP NOTE 2019\Area de trabalho\1. CENÁRIO INDIVIDUAL\169202A - Sustentação e Projetos\169202A - Anexo G - ARC-RRC- RFP PPG - MODELO DE PREÇO.XLSX</t>
  </si>
  <si>
    <t>11/24/2019 22:10:32</t>
  </si>
  <si>
    <t>C:\Users\gustavoas\Desktop\1. CENÁRIO INDIVIDUAL\169202B - Gestão de Serviços ITIL\</t>
  </si>
  <si>
    <t>D:\BKP NOTE 2019\Area de trabalho\1. CENÁRIO INDIVIDUAL\169202B - Gestão de Serviços ITIL\169202 - Anexo B - Plano de Transição PPG Prudential.xlsx</t>
  </si>
  <si>
    <t>11/24/2019 22:10:33</t>
  </si>
  <si>
    <t>D:\BKP NOTE 2019\Area de trabalho\1. CENÁRIO INDIVIDUAL\169202B - Gestão de Serviços ITIL\169202B - Anexo A - Planilha de Preços Unitários.xlsx</t>
  </si>
  <si>
    <t>D:\BKP NOTE 2019\Area de trabalho\1. CENÁRIO INDIVIDUAL\169202B - Gestão de Serviços ITIL\169202B - Anexo G - ARC-RRC- RFP PPG - MODELO DE PREÇO.XLSX</t>
  </si>
  <si>
    <t>11/24/2019 22:10:37</t>
  </si>
  <si>
    <t>C:\Users\gustavoas\Desktop\One Drive\Artefatos Desenho de Solução\</t>
  </si>
  <si>
    <t>Checklist Desenho de Solução - Gestão de Infra TIC - 07-2018.xlsx</t>
  </si>
  <si>
    <t>D:\BKP NOTE 2019\Area de trabalho\One Drive\Artefatos Desenho de Solução\Checklist Desenho de Solução - Gestão de Infra TIC - 07-2018.xlsx</t>
  </si>
  <si>
    <t>11/24/2019 22:10:44</t>
  </si>
  <si>
    <t>11/24/2019 22:21:41</t>
  </si>
  <si>
    <t>C:\Users\gustavoas\Documents\02 - Pessoal\</t>
  </si>
  <si>
    <t>D:\BKP NOTE 2019\Documentos\02 - Pessoal\Nespresso.xlsx</t>
  </si>
  <si>
    <t>11/24/2019 22:21:42</t>
  </si>
  <si>
    <t>C:\Users\gustavoas\Documents\02 - Pessoal\MBA\</t>
  </si>
  <si>
    <t>Exercio de Integração.xlsx</t>
  </si>
  <si>
    <t>D:\BKP NOTE 2019\Documentos\02 - Pessoal\MBA\Exercio de Integração.xlsx</t>
  </si>
  <si>
    <t>Exercício S&amp;OP.xlsx</t>
  </si>
  <si>
    <t>D:\BKP NOTE 2019\Documentos\02 - Pessoal\MBA\Exercício S&amp;OP.xlsx</t>
  </si>
  <si>
    <t>11/24/2019 22:21:43</t>
  </si>
  <si>
    <t>Notas MBA.xlsx</t>
  </si>
  <si>
    <t>D:\BKP NOTE 2019\Documentos\02 - Pessoal\MBA\Notas MBA.xlsx</t>
  </si>
  <si>
    <t>SWOT_APP.xlsx</t>
  </si>
  <si>
    <t>D:\BKP NOTE 2019\Documentos\02 - Pessoal\MBA\SWOT_APP.xlsx</t>
  </si>
  <si>
    <t>11/24/2019 22:21:52</t>
  </si>
  <si>
    <t>C:\Users\gustavoas\Documents\02 - Pessoal\MBA\Big Data &amp; Analytics\</t>
  </si>
  <si>
    <t>Clientes.xlsx</t>
  </si>
  <si>
    <t>D:\BKP NOTE 2019\Documentos\02 - Pessoal\MBA\Big Data &amp; Analytics\Clientes.xlsx</t>
  </si>
  <si>
    <t>11/24/2019 22:21:58</t>
  </si>
  <si>
    <t>Compras.xlsx</t>
  </si>
  <si>
    <t>D:\BKP NOTE 2019\Documentos\02 - Pessoal\MBA\Big Data &amp; Analytics\Compras.xlsx</t>
  </si>
  <si>
    <t>11/24/2019 22:22:00</t>
  </si>
  <si>
    <t>Estabelecimentos.xlsx</t>
  </si>
  <si>
    <t>D:\BKP NOTE 2019\Documentos\02 - Pessoal\MBA\Big Data &amp; Analytics\Estabelecimentos.xlsx</t>
  </si>
  <si>
    <t>11/24/2019 22:22:01</t>
  </si>
  <si>
    <t>Template_Criacao_KPI.xlsx</t>
  </si>
  <si>
    <t>D:\BKP NOTE 2019\Documentos\02 - Pessoal\MBA\Big Data &amp; Analytics\Template_Criacao_KPI.xlsx</t>
  </si>
  <si>
    <t>C:\Users\gustavoas\Documents\02 - Pessoal\MBA\Big Data &amp; Analytics\Trabalho de análise\MBA MKT Fagen - Trabalho Big Data &amp; Analytics.doc\</t>
  </si>
  <si>
    <t>D:\BKP NOTE 2019\Documentos\02 - Pessoal\MBA\Big Data &amp; Analytics\Trabalho de análise\MBA MKT Fagen - Trabalho Big Data &amp; Analytics.doc</t>
  </si>
  <si>
    <t>11/24/2019 22:22:02</t>
  </si>
  <si>
    <t>C:\Users\gustavoas\Documents\02 - Pessoal\MBA\Big Data &amp; Analytics\Trabalho de análise\</t>
  </si>
  <si>
    <t>Visitas Set.xlsx</t>
  </si>
  <si>
    <t>D:\BKP NOTE 2019\Documentos\02 - Pessoal\MBA\Big Data &amp; Analytics\Trabalho de análise\Visitas Set.xlsx</t>
  </si>
  <si>
    <t>11/24/2019 22:22:09</t>
  </si>
  <si>
    <t>C:\Users\gustavoas\Documents\02 - Pessoal\Orçamento 2019\</t>
  </si>
  <si>
    <t>bbb.xlsx</t>
  </si>
  <si>
    <t>D:\BKP NOTE 2019\Documentos\02 - Pessoal\Orçamento 2019\bbb.xlsx</t>
  </si>
  <si>
    <t>Orçamento Financeiro Pessoal 2019.xlsx</t>
  </si>
  <si>
    <t>D:\BKP NOTE 2019\Documentos\02 - Pessoal\Orçamento 2019\Orçamento Financeiro Pessoal 2019.xlsx</t>
  </si>
  <si>
    <t>C:\Users\gustavoas\Documents\02 - Pessoal\Orçamento 2019\BTC\</t>
  </si>
  <si>
    <t>Controle_BTC.xlsx</t>
  </si>
  <si>
    <t>D:\BKP NOTE 2019\Documentos\02 - Pessoal\Orçamento 2019\BTC\Controle_BTC.xlsx</t>
  </si>
  <si>
    <t>11/24/2019 22:22:10</t>
  </si>
  <si>
    <t>C:\Users\gustavoas\Documents\02 - Pessoal\Orçamento 2019\Compra Casa\</t>
  </si>
  <si>
    <t>Planejamento Compra Casa.xlsx</t>
  </si>
  <si>
    <t>D:\BKP NOTE 2019\Documentos\02 - Pessoal\Orçamento 2019\Compra Casa\Planejamento Compra Casa.xlsx</t>
  </si>
  <si>
    <t>C:\Users\gustavoas\Documents\02 - Pessoal\Orçamento 2019\Ferias SP\</t>
  </si>
  <si>
    <t>CRÉDITO_Bradesco_14012019_222810.xls</t>
  </si>
  <si>
    <t>D:\BKP NOTE 2019\Documentos\02 - Pessoal\Orçamento 2019\Ferias SP\CRÉDITO_Bradesco_14012019_222810.xls</t>
  </si>
  <si>
    <t>DEBITO_Bradesco_14012019_222810.xls</t>
  </si>
  <si>
    <t>D:\BKP NOTE 2019\Documentos\02 - Pessoal\Orçamento 2019\Ferias SP\DEBITO_Bradesco_14012019_222810.xls</t>
  </si>
  <si>
    <t>11/24/2019 22:22:11</t>
  </si>
  <si>
    <t>C:\Users\gustavoas\Documents\02 - Pessoal\Viagem Porto de Galinhas\</t>
  </si>
  <si>
    <t>Porto de Galinhas.xlsx</t>
  </si>
  <si>
    <t>D:\BKP NOTE 2019\Documentos\02 - Pessoal\Viagem Porto de Galinhas\Porto de Galinhas.xlsx</t>
  </si>
  <si>
    <t>11/24/2019 22:22:32</t>
  </si>
  <si>
    <t>C:\Users\gustavoas\Documents\Entregas William e Dante\Apontamento CA\</t>
  </si>
  <si>
    <t>Apontamento CA - Adalberto Minto Soncini (Julho 2019).xls</t>
  </si>
  <si>
    <t>D:\BKP NOTE 2019\Documentos\Entregas William e Dante\Apontamento CA\Apontamento CA - Adalberto Minto Soncini (Julho 2019).xls</t>
  </si>
  <si>
    <t>11/24/2019 22:22:34</t>
  </si>
  <si>
    <t>C:\Users\gustavoas\Documents\Entregas William e Dante\Problema\</t>
  </si>
  <si>
    <t>Base de dados RP´s.xls</t>
  </si>
  <si>
    <t>D:\BKP NOTE 2019\Documentos\Entregas William e Dante\Problema\Base de dados RP´s.xls</t>
  </si>
  <si>
    <t>Indicadores do Processo.xlsx</t>
  </si>
  <si>
    <t>D:\BKP NOTE 2019\Documentos\Entregas William e Dante\Problema\Indicadores do Processo.xlsx</t>
  </si>
  <si>
    <t>C:\Users\gustavoas\Documents\Entregas William e Dante\WFM - WorkForce Management\</t>
  </si>
  <si>
    <t>Evidências_WFM.xlsx</t>
  </si>
  <si>
    <t>D:\BKP NOTE 2019\Documentos\Entregas William e Dante\WFM - WorkForce Management\Evidências_WFM.xlsx</t>
  </si>
  <si>
    <t>C:\Users\gustavoas\Documents\Meus Arquivos Recebidos\</t>
  </si>
  <si>
    <t>D:\BKP NOTE 2019\Documentos\Meus Arquivos Recebidos\00_Template Recuperação de Custos_Modelo.xlsx</t>
  </si>
  <si>
    <t>11/24/2019 22:22:37</t>
  </si>
  <si>
    <t>010219 - Registro de FTE Realizado GIAT.xlsb</t>
  </si>
  <si>
    <t>D:\BKP NOTE 2019\Documentos\Meus Arquivos Recebidos\010219 - Registro de FTE Realizado GIAT.xlsb</t>
  </si>
  <si>
    <t>11/24/2019 22:22:39</t>
  </si>
  <si>
    <t>D:\BKP NOTE 2019\Documentos\Meus Arquivos Recebidos\1. DESENHO_SOLUÇÃO_SG_TI_V10.3.xlsx</t>
  </si>
  <si>
    <t>11/24/2019 22:22:44</t>
  </si>
  <si>
    <t>C:\Users\gustavoas\Documents\Meus Arquivos Recebidos\164228 - PRUDENTIAL - ISD.zip\164228 - PRUDENTIAL - ISD\1. CENµRIO INDIVIDUAL\164228 - ISD\</t>
  </si>
  <si>
    <t>164228 - Anexo A - Planilha de Pre‡os Unit rios.xlsx</t>
  </si>
  <si>
    <t>D:\BKP NOTE 2019\Documentos\Meus Arquivos Recebidos\164228 - PRUDENTIAL - ISD.zip</t>
  </si>
  <si>
    <t>164228 - Anexo B - Plano de Transi‡Æo SD Prudential.xlsx</t>
  </si>
  <si>
    <t>164228 - Anexo C - ARC-RRC-ISD - MODELO DE PRE€O.xlsx</t>
  </si>
  <si>
    <t>C:\Users\gustavoas\Documents\Meus Arquivos Recebidos\164228 - PRUDENTIAL - ISD.zip\164228 - PRUDENTIAL - ISD\1. CENµRIO INDIVIDUAL\</t>
  </si>
  <si>
    <t>REFERÒNCIA DOS AJUSTES.xlsx</t>
  </si>
  <si>
    <t>C:\Users\gustavoas\Documents\Meus Arquivos Recebidos\164228 - PRUDENTIAL - ISD.zip\164228 - PRUDENTIAL - ISD\2. CENµRIO SINERGIA\164228 - ISD\</t>
  </si>
  <si>
    <t>C:\Users\gustavoas\Documents\Meus Arquivos Recebidos\164228 - PRUDENTIAL - ISD.zip\164228 - PRUDENTIAL - ISD\2. CENµRIO SINERGIA\</t>
  </si>
  <si>
    <t>11/24/2019 22:22:45</t>
  </si>
  <si>
    <t>169202 - Anexo A - Planilha de Preços Unitários MC26.xlsx</t>
  </si>
  <si>
    <t>D:\BKP NOTE 2019\Documentos\Meus Arquivos Recebidos\169202 - Anexo A - Planilha de Preços Unitários MC26.xlsx</t>
  </si>
  <si>
    <t>11/24/2019 22:22:51</t>
  </si>
  <si>
    <t>C:\Users\gustavoas\Documents\Meus Arquivos Recebidos\169202 - PRUDENTIAL - GIAT.zip\169202 - PRUDENTIAL - GIAT\1. CENµRIO INDIVIDUAL\169202A - Sustenta‡Æo e Projetos\</t>
  </si>
  <si>
    <t>169202 - Anexo B - Plano de Transi‡Æo PPG Prudential.xlsx</t>
  </si>
  <si>
    <t>D:\BKP NOTE 2019\Documentos\Meus Arquivos Recebidos\169202 - PRUDENTIAL - GIAT.zip</t>
  </si>
  <si>
    <t>169202A - Anexo A - Planilha de Pre‡os Unit rios.xlsx</t>
  </si>
  <si>
    <t>169202A - Anexo G - ARC-RRC- RFP PPG - MODELO DE PRE€O.XLSX</t>
  </si>
  <si>
    <t>C:\Users\gustavoas\Documents\Meus Arquivos Recebidos\169202 - PRUDENTIAL - GIAT.zip\169202 - PRUDENTIAL - GIAT\1. CENµRIO INDIVIDUAL\169202B - GestÆo de Servi‡os ITIL\</t>
  </si>
  <si>
    <t>169202B - Anexo A - Planilha de Pre‡os Unit rios.xlsx</t>
  </si>
  <si>
    <t>169202B - Anexo G - ARC-RRC- RFP PPG - MODELO DE PRE€O.XLSX</t>
  </si>
  <si>
    <t>C:\Users\gustavoas\Documents\Meus Arquivos Recebidos\169202 - PRUDENTIAL - GIAT.zip\169202 - PRUDENTIAL - GIAT\1. CENµRIO INDIVIDUAL\</t>
  </si>
  <si>
    <t>C:\Users\gustavoas\Documents\Meus Arquivos Recebidos\169202 - PRUDENTIAL - GIAT.zip\169202 - PRUDENTIAL - GIAT\2. CENµRIO SINERGIA\169202A - Sustenta‡Æo e Projetos\</t>
  </si>
  <si>
    <t>C:\Users\gustavoas\Documents\Meus Arquivos Recebidos\169202 - PRUDENTIAL - GIAT.zip\169202 - PRUDENTIAL - GIAT\2. CENµRIO SINERGIA\169202B - GestÆo de Servi‡os ITIL\</t>
  </si>
  <si>
    <t>C:\Users\gustavoas\Documents\Meus Arquivos Recebidos\169202 - PRUDENTIAL - GIAT.zip\169202 - PRUDENTIAL - GIAT\2. CENµRIO SINERGIA\</t>
  </si>
  <si>
    <t>11/24/2019 22:22:53</t>
  </si>
  <si>
    <t>C:\Users\gustavoas\Documents\Meus Arquivos Recebidos\169202A - Sustentação e Projetos.rar\169202A - SustentaÃ§Ã£o e Projetos\</t>
  </si>
  <si>
    <t>D:\BKP NOTE 2019\Documentos\Meus Arquivos Recebidos\169202A - Sustentação e Projetos.rar</t>
  </si>
  <si>
    <t>11/24/2019 22:22:54</t>
  </si>
  <si>
    <t>C:\Users\gustavoas\Documents\Meus Arquivos Recebidos\169202B - Gestão de Serviços ITIL.rar\169202B - GestÃ£o de ServiÃ§os ITIL\</t>
  </si>
  <si>
    <t>D:\BKP NOTE 2019\Documentos\Meus Arquivos Recebidos\169202B - Gestão de Serviços ITIL.rar</t>
  </si>
  <si>
    <t>11/24/2019 22:22:56</t>
  </si>
  <si>
    <t>D:\BKP NOTE 2019\Documentos\Meus Arquivos Recebidos\174252-BP Preço C015 B014 Desonerada_v3_Final_150119.xlsb</t>
  </si>
  <si>
    <t>C:\Users\gustavoas\Documents\Meus Arquivos Recebidos\174252-BP Preço C015 B014 Desonerada_v3_Final_150119.xlsb\</t>
  </si>
  <si>
    <t>11/24/2019 22:23:00</t>
  </si>
  <si>
    <t>D:\BKP NOTE 2019\Documentos\Meus Arquivos Recebidos\174252-Projeto PPA_150119.xlsx</t>
  </si>
  <si>
    <t>11/24/2019 22:23:03</t>
  </si>
  <si>
    <t>D:\BKP NOTE 2019\Documentos\Meus Arquivos Recebidos\Abertura por Produto.xlsx</t>
  </si>
  <si>
    <t>11/24/2019 22:23:04</t>
  </si>
  <si>
    <t>ANEXO 5 Planilha de Precos Unitarios v2.xlsx</t>
  </si>
  <si>
    <t>D:\BKP NOTE 2019\Documentos\Meus Arquivos Recebidos\ANEXO 5 Planilha de Precos Unitarios v2.xlsx</t>
  </si>
  <si>
    <t>11/24/2019 22:23:09</t>
  </si>
  <si>
    <t>Base PPE.xlsx</t>
  </si>
  <si>
    <t>D:\BKP NOTE 2019\Documentos\Meus Arquivos Recebidos\Base PPE.xlsx</t>
  </si>
  <si>
    <t>11/24/2019 22:23:10</t>
  </si>
  <si>
    <t>BP Preço C015 B014 Desonerada_RV PL SL. Mín_v2.xlsb</t>
  </si>
  <si>
    <t>D:\BKP NOTE 2019\Documentos\Meus Arquivos Recebidos\BP Preço C015 B014 Desonerada_RV PL SL. Mín_v2.xlsb</t>
  </si>
  <si>
    <t>C:\Users\gustavoas\Documents\Meus Arquivos Recebidos\BP Preço C015 B014 Desonerada_RV PL SL. Mín_v2.xlsb\</t>
  </si>
  <si>
    <t>CAPEX As-Is GRC (Vendas, Atendimento + Back Office).xlsx</t>
  </si>
  <si>
    <t>D:\BKP NOTE 2019\Documentos\Meus Arquivos Recebidos\CAPEX As-Is GRC (Vendas, Atendimento + Back Office).xlsx</t>
  </si>
  <si>
    <t>11/24/2019 22:23:11</t>
  </si>
  <si>
    <t>Capex LP 2020.xlsx</t>
  </si>
  <si>
    <t>D:\BKP NOTE 2019\Documentos\Meus Arquivos Recebidos\Capex LP 2020.xlsx</t>
  </si>
  <si>
    <t>Case 1.xlsx</t>
  </si>
  <si>
    <t>D:\BKP NOTE 2019\Documentos\Meus Arquivos Recebidos\Case 1.xlsx</t>
  </si>
  <si>
    <t>Classificação CAPEX.xlsx</t>
  </si>
  <si>
    <t>D:\BKP NOTE 2019\Documentos\Meus Arquivos Recebidos\Classificação CAPEX.xlsx</t>
  </si>
  <si>
    <t>11/24/2019 22:23:12</t>
  </si>
  <si>
    <t>Cálculo ARC RRC v2.xlsx</t>
  </si>
  <si>
    <t>D:\BKP NOTE 2019\Documentos\Meus Arquivos Recebidos\Cálculo ARC RRC v2.xlsx</t>
  </si>
  <si>
    <t>Cálculos BOC LDC.xlsx</t>
  </si>
  <si>
    <t>D:\BKP NOTE 2019\Documentos\Meus Arquivos Recebidos\Cálculos BOC LDC.xlsx</t>
  </si>
  <si>
    <t>11/24/2019 22:23:14</t>
  </si>
  <si>
    <t>C:\Users\gustavoas\Documents\Meus Arquivos Recebidos\Defesa Técnica ISD v1.pptx\</t>
  </si>
  <si>
    <t>D:\BKP NOTE 2019\Documentos\Meus Arquivos Recebidos\Defesa Técnica ISD v1.pptx</t>
  </si>
  <si>
    <t>11/24/2019 22:23:21</t>
  </si>
  <si>
    <t>Dimensionamento Professional Services.xlsx</t>
  </si>
  <si>
    <t>D:\BKP NOTE 2019\Documentos\Meus Arquivos Recebidos\Dimensionamento Professional Services.xlsx</t>
  </si>
  <si>
    <t>11/24/2019 22:23:23</t>
  </si>
  <si>
    <t>C:\Users\gustavoas\Documents\Meus Arquivos Recebidos\PMO - Status PPE's - GIAT - 28.06.2019(1).pptx\</t>
  </si>
  <si>
    <t>D:\BKP NOTE 2019\Documentos\Meus Arquivos Recebidos\PMO - Status PPE's - GIAT - 28.06.2019(1).pptx</t>
  </si>
  <si>
    <t>11/24/2019 22:23:24</t>
  </si>
  <si>
    <t>C:\Users\gustavoas\Documents\Meus Arquivos Recebidos\PMO - Status PPE's - GIAT - 28.06.2019.pptx\</t>
  </si>
  <si>
    <t>D:\BKP NOTE 2019\Documentos\Meus Arquivos Recebidos\PMO - Status PPE's - GIAT - 28.06.2019.pptx</t>
  </si>
  <si>
    <t>11/24/2019 22:23:39</t>
  </si>
  <si>
    <t>C:\Users\gustavoas\Documents\Meus Arquivos Recebidos\Prudential - Arquivos Última Versão.zip\Prudential - Arquivos éltima VersÆo\164228 - ISD\</t>
  </si>
  <si>
    <t>ANEXO B - Plano de Transi‡Æo SD Prudential.xlsx</t>
  </si>
  <si>
    <t>D:\BKP NOTE 2019\Documentos\Meus Arquivos Recebidos\Prudential - Arquivos Última Versão.zip</t>
  </si>
  <si>
    <t>ANEXO XX - Transi‡Æo Prudential - Dimensionamento de Profissionais v2.xlsx</t>
  </si>
  <si>
    <t>C:\Users\gustavoas\Documents\Meus Arquivos Recebidos\Prudential - Arquivos Última Versão.zip\Prudential - Arquivos éltima VersÆo\164228 - ISD\MC 23,5%\</t>
  </si>
  <si>
    <t>C:\Users\gustavoas\Documents\Meus Arquivos Recebidos\Prudential - Arquivos Última Versão.zip\Prudential - Arquivos éltima VersÆo\164228 - ISD\MC 24%\</t>
  </si>
  <si>
    <t>C:\Users\gustavoas\Documents\Meus Arquivos Recebidos\Prudential - Arquivos Última Versão.zip\Prudential - Arquivos éltima VersÆo\169202A - Sustenta‡Æo e Projetos\</t>
  </si>
  <si>
    <t>C:\Users\gustavoas\Documents\Meus Arquivos Recebidos\Prudential - Arquivos Última Versão.zip\Prudential - Arquivos éltima VersÆo\169202A - Sustenta‡Æo e Projetos\MC 23_5%\</t>
  </si>
  <si>
    <t>C:\Users\gustavoas\Documents\Meus Arquivos Recebidos\Prudential - Arquivos Última Versão.zip\Prudential - Arquivos éltima VersÆo\169202A - Sustenta‡Æo e Projetos\MC 24%\</t>
  </si>
  <si>
    <t>C:\Users\gustavoas\Documents\Meus Arquivos Recebidos\Prudential - Arquivos Última Versão.zip\Prudential - Arquivos éltima VersÆo\169202B - GestÆo de Servi‡os ITIL\</t>
  </si>
  <si>
    <t>11/24/2019 22:23:40</t>
  </si>
  <si>
    <t>C:\Users\gustavoas\Documents\Meus Arquivos Recebidos\Prudential - Arquivos Última Versão.zip\Prudential - Arquivos éltima VersÆo\169202B - GestÆo de Servi‡os ITIL\MC 23_5%\</t>
  </si>
  <si>
    <t>C:\Users\gustavoas\Documents\Meus Arquivos Recebidos\Prudential - Arquivos Última Versão.zip\Prudential - Arquivos éltima VersÆo\169202B - GestÆo de Servi‡os ITIL\MC 24%\</t>
  </si>
  <si>
    <t>C:\Users\gustavoas\Documents\Meus Arquivos Recebidos\Prudential - Arquivos Última Versão.zip\Prudential - Arquivos éltima VersÆo\ANEXOS\</t>
  </si>
  <si>
    <t>164228 - ARC-RRC-ISD - MODELO DE PRE€O.xlsx</t>
  </si>
  <si>
    <t>RFP PRudential - Ajustes da ReuniÆo de Alinhamento 06-02-2019.xlsx</t>
  </si>
  <si>
    <t>C:\Users\gustavoas\Documents\Meus Arquivos Recebidos\Prudential - Arquivos Última Versão.zip\Prudential - Arquivos éltima VersÆo\GIAT - Transi‡Æo\</t>
  </si>
  <si>
    <t>ANEXO XX - Transi‡Æo Prudential - ISD.xlsx</t>
  </si>
  <si>
    <t>COMPARATIVO DE PRE€OS GIAT + ISD PRUDENTIAL.xlsx</t>
  </si>
  <si>
    <t>11/24/2019 22:23:43</t>
  </si>
  <si>
    <t>PRUDENTIAL CENÁRIO FINANCEIRO(1).xlsx</t>
  </si>
  <si>
    <t>D:\BKP NOTE 2019\Documentos\Meus Arquivos Recebidos\PRUDENTIAL CENÁRIO FINANCEIRO(1).xlsx</t>
  </si>
  <si>
    <t>PRUDENTIAL CENÁRIO FINANCEIRO.xlsx</t>
  </si>
  <si>
    <t>D:\BKP NOTE 2019\Documentos\Meus Arquivos Recebidos\PRUDENTIAL CENÁRIO FINANCEIRO.xlsx</t>
  </si>
  <si>
    <t>Pré-Avaliação.xlsx</t>
  </si>
  <si>
    <t>D:\BKP NOTE 2019\Documentos\Meus Arquivos Recebidos\Pré-Avaliação.xlsx</t>
  </si>
  <si>
    <t>Questões Visita Prudential.xlsx</t>
  </si>
  <si>
    <t>D:\BKP NOTE 2019\Documentos\Meus Arquivos Recebidos\Questões Visita Prudential.xlsx</t>
  </si>
  <si>
    <t>Resumo Executivo (Atividades Backoffice).xlsx</t>
  </si>
  <si>
    <t>D:\BKP NOTE 2019\Documentos\Meus Arquivos Recebidos\Resumo Executivo (Atividades Backoffice).xlsx</t>
  </si>
  <si>
    <t>REVISÃO FINAL PRUDENTIAL.xlsx</t>
  </si>
  <si>
    <t>D:\BKP NOTE 2019\Documentos\Meus Arquivos Recebidos\REVISÃO FINAL PRUDENTIAL.xlsx</t>
  </si>
  <si>
    <t>11/24/2019 22:23:44</t>
  </si>
  <si>
    <t>Revisão LP GAT (Receita Perpetuada).xlsx</t>
  </si>
  <si>
    <t>D:\BKP NOTE 2019\Documentos\Meus Arquivos Recebidos\Revisão LP GAT (Receita Perpetuada).xlsx</t>
  </si>
  <si>
    <t>STH - Analista de Negócios PL.XLSX</t>
  </si>
  <si>
    <t>D:\BKP NOTE 2019\Documentos\Meus Arquivos Recebidos\STH - Analista de Negócios PL.XLSX</t>
  </si>
  <si>
    <t>STH - Desenvolvedor SR.XLSX</t>
  </si>
  <si>
    <t>D:\BKP NOTE 2019\Documentos\Meus Arquivos Recebidos\STH - Desenvolvedor SR.XLSX</t>
  </si>
  <si>
    <t>D:\BKP NOTE 2019\Documentos\Meus Arquivos Recebidos\TRANSACIONAIS AGR.xlsx</t>
  </si>
  <si>
    <t>11/24/2019 22:23:45</t>
  </si>
  <si>
    <t>Treinamento WFM.xlsx</t>
  </si>
  <si>
    <t>D:\BKP NOTE 2019\Documentos\Meus Arquivos Recebidos\Treinamento WFM.xlsx</t>
  </si>
  <si>
    <t>C:\Users\gustavoas\Documents\Meus Arquivos Recebidos\169202 - PRUDENTIAL - GIAT\1. CENÁRIO INDIVIDUAL\</t>
  </si>
  <si>
    <t>D:\BKP NOTE 2019\Documentos\Meus Arquivos Recebidos\169202 - PRUDENTIAL - GIAT\1. CENÁRIO INDIVIDUAL\REFERÊNCIA DOS AJUSTES.xlsx</t>
  </si>
  <si>
    <t>C:\Users\gustavoas\Documents\Meus Arquivos Recebidos\169202 - PRUDENTIAL - GIAT\1. CENÁRIO INDIVIDUAL\169202A - Sustentação e Projetos\</t>
  </si>
  <si>
    <t>D:\BKP NOTE 2019\Documentos\Meus Arquivos Recebidos\169202 - PRUDENTIAL - GIAT\1. CENÁRIO INDIVIDUAL\169202A - Sustentação e Projetos\169202 - Anexo B - Plano de Transição PPG Prudential.xlsx</t>
  </si>
  <si>
    <t>11/24/2019 22:23:46</t>
  </si>
  <si>
    <t>D:\BKP NOTE 2019\Documentos\Meus Arquivos Recebidos\169202 - PRUDENTIAL - GIAT\1. CENÁRIO INDIVIDUAL\169202A - Sustentação e Projetos\169202A - Anexo A - Planilha de Preços Unitários.xlsx</t>
  </si>
  <si>
    <t>D:\BKP NOTE 2019\Documentos\Meus Arquivos Recebidos\169202 - PRUDENTIAL - GIAT\1. CENÁRIO INDIVIDUAL\169202A - Sustentação e Projetos\169202A - Anexo G - ARC-RRC- RFP PPG - MODELO DE PREÇO.XLSX</t>
  </si>
  <si>
    <t>11/24/2019 22:23:47</t>
  </si>
  <si>
    <t>C:\Users\gustavoas\Documents\Meus Arquivos Recebidos\169202 - PRUDENTIAL - GIAT\1. CENÁRIO INDIVIDUAL\169202B - Gestão de Serviços ITIL\</t>
  </si>
  <si>
    <t>D:\BKP NOTE 2019\Documentos\Meus Arquivos Recebidos\169202 - PRUDENTIAL - GIAT\1. CENÁRIO INDIVIDUAL\169202B - Gestão de Serviços ITIL\169202 - Anexo B - Plano de Transição PPG Prudential.xlsx</t>
  </si>
  <si>
    <t>11/24/2019 22:23:48</t>
  </si>
  <si>
    <t>D:\BKP NOTE 2019\Documentos\Meus Arquivos Recebidos\169202 - PRUDENTIAL - GIAT\1. CENÁRIO INDIVIDUAL\169202B - Gestão de Serviços ITIL\169202B - Anexo A - Planilha de Preços Unitários.xlsx</t>
  </si>
  <si>
    <t>D:\BKP NOTE 2019\Documentos\Meus Arquivos Recebidos\169202 - PRUDENTIAL - GIAT\1. CENÁRIO INDIVIDUAL\169202B - Gestão de Serviços ITIL\169202B - Anexo G - ARC-RRC- RFP PPG - MODELO DE PREÇO.XLSX</t>
  </si>
  <si>
    <t>11/24/2019 22:23:49</t>
  </si>
  <si>
    <t>C:\Users\gustavoas\Documents\Meus Arquivos Recebidos\169202 - PRUDENTIAL - GIAT\2. CENÁRIO SINERGIA\</t>
  </si>
  <si>
    <t>D:\BKP NOTE 2019\Documentos\Meus Arquivos Recebidos\169202 - PRUDENTIAL - GIAT\2. CENÁRIO SINERGIA\REFERÊNCIA DOS AJUSTES.xlsx</t>
  </si>
  <si>
    <t>C:\Users\gustavoas\Documents\Meus Arquivos Recebidos\169202 - PRUDENTIAL - GIAT\2. CENÁRIO SINERGIA\169202A - Sustentação e Projetos\</t>
  </si>
  <si>
    <t>D:\BKP NOTE 2019\Documentos\Meus Arquivos Recebidos\169202 - PRUDENTIAL - GIAT\2. CENÁRIO SINERGIA\169202A - Sustentação e Projetos\169202 - Anexo B - Plano de Transição PPG Prudential.xlsx</t>
  </si>
  <si>
    <t>11/24/2019 22:23:50</t>
  </si>
  <si>
    <t>D:\BKP NOTE 2019\Documentos\Meus Arquivos Recebidos\169202 - PRUDENTIAL - GIAT\2. CENÁRIO SINERGIA\169202A - Sustentação e Projetos\169202A - Anexo A - Planilha de Preços Unitários.xlsx</t>
  </si>
  <si>
    <t>D:\BKP NOTE 2019\Documentos\Meus Arquivos Recebidos\169202 - PRUDENTIAL - GIAT\2. CENÁRIO SINERGIA\169202A - Sustentação e Projetos\169202A - Anexo G - ARC-RRC- RFP PPG - MODELO DE PREÇO.XLSX</t>
  </si>
  <si>
    <t>11/24/2019 22:23:51</t>
  </si>
  <si>
    <t>C:\Users\gustavoas\Documents\Meus Arquivos Recebidos\169202 - PRUDENTIAL - GIAT\2. CENÁRIO SINERGIA\169202B - Gestão de Serviços ITIL\</t>
  </si>
  <si>
    <t>D:\BKP NOTE 2019\Documentos\Meus Arquivos Recebidos\169202 - PRUDENTIAL - GIAT\2. CENÁRIO SINERGIA\169202B - Gestão de Serviços ITIL\169202 - Anexo B - Plano de Transição PPG Prudential.xlsx</t>
  </si>
  <si>
    <t>11/24/2019 22:23:52</t>
  </si>
  <si>
    <t>D:\BKP NOTE 2019\Documentos\Meus Arquivos Recebidos\169202 - PRUDENTIAL - GIAT\2. CENÁRIO SINERGIA\169202B - Gestão de Serviços ITIL\169202B - Anexo A - Planilha de Preços Unitários.xlsx</t>
  </si>
  <si>
    <t>D:\BKP NOTE 2019\Documentos\Meus Arquivos Recebidos\169202 - PRUDENTIAL - GIAT\2. CENÁRIO SINERGIA\169202B - Gestão de Serviços ITIL\169202B - Anexo G - ARC-RRC- RFP PPG - MODELO DE PREÇO.XLSX</t>
  </si>
  <si>
    <t>11/24/2019 22:23:54</t>
  </si>
  <si>
    <t>C:\Users\gustavoas\Documents\Meus Arquivos Recebidos\Prudential - Arquivos Última Versão\164228 - ISD\</t>
  </si>
  <si>
    <t>ANEXO B - Plano de Transição SD Prudential.xlsx</t>
  </si>
  <si>
    <t>D:\BKP NOTE 2019\Documentos\Meus Arquivos Recebidos\Prudential - Arquivos Última Versão\164228 - ISD\ANEXO B - Plano de Transição SD Prudential.xlsx</t>
  </si>
  <si>
    <t>ANEXO XX - Transição Prudential - Dimensionamento de Profissionais v2.xlsx</t>
  </si>
  <si>
    <t>D:\BKP NOTE 2019\Documentos\Meus Arquivos Recebidos\Prudential - Arquivos Última Versão\164228 - ISD\ANEXO XX - Transição Prudential - Dimensionamento de Profissionais v2.xlsx</t>
  </si>
  <si>
    <t>11/24/2019 22:23:55</t>
  </si>
  <si>
    <t>C:\Users\gustavoas\Documents\Meus Arquivos Recebidos\Prudential - Arquivos Última Versão\164228 - ISD\MC 23,5%\</t>
  </si>
  <si>
    <t>D:\BKP NOTE 2019\Documentos\Meus Arquivos Recebidos\Prudential - Arquivos Última Versão\164228 - ISD\MC 23,5%\164228 - Anexo A - Planilha de Preços Unitários.xlsx</t>
  </si>
  <si>
    <t>D:\BKP NOTE 2019\Documentos\Meus Arquivos Recebidos\Prudential - Arquivos Última Versão\164228 - ISD\MC 23,5%\164228 - Anexo B - Plano de Transição SD Prudential.xlsx</t>
  </si>
  <si>
    <t>D:\BKP NOTE 2019\Documentos\Meus Arquivos Recebidos\Prudential - Arquivos Última Versão\164228 - ISD\MC 23,5%\164228 - Anexo C - ARC-RRC-ISD - MODELO DE PREÇO.xlsx</t>
  </si>
  <si>
    <t>11/24/2019 22:23:56</t>
  </si>
  <si>
    <t>C:\Users\gustavoas\Documents\Meus Arquivos Recebidos\Prudential - Arquivos Última Versão\164228 - ISD\MC 24%\</t>
  </si>
  <si>
    <t>D:\BKP NOTE 2019\Documentos\Meus Arquivos Recebidos\Prudential - Arquivos Última Versão\164228 - ISD\MC 24%\164228 - Anexo A - Planilha de Preços Unitários.xlsx</t>
  </si>
  <si>
    <t>D:\BKP NOTE 2019\Documentos\Meus Arquivos Recebidos\Prudential - Arquivos Última Versão\164228 - ISD\MC 24%\164228 - Anexo B - Plano de Transição SD Prudential.xlsx</t>
  </si>
  <si>
    <t>D:\BKP NOTE 2019\Documentos\Meus Arquivos Recebidos\Prudential - Arquivos Última Versão\164228 - ISD\MC 24%\164228 - Anexo C - ARC-RRC-ISD - MODELO DE PREÇO.xlsx</t>
  </si>
  <si>
    <t>11/24/2019 22:23:58</t>
  </si>
  <si>
    <t>C:\Users\gustavoas\Documents\Meus Arquivos Recebidos\Prudential - Arquivos Última Versão\169202A - Sustentação e Projetos\</t>
  </si>
  <si>
    <t>D:\BKP NOTE 2019\Documentos\Meus Arquivos Recebidos\Prudential - Arquivos Última Versão\169202A - Sustentação e Projetos\169202A - Anexo A - Planilha de Preços Unitários.xlsx</t>
  </si>
  <si>
    <t>11/24/2019 22:24:00</t>
  </si>
  <si>
    <t>C:\Users\gustavoas\Documents\Meus Arquivos Recebidos\Prudential - Arquivos Última Versão\169202A - Sustentação e Projetos\MC 23_5%\</t>
  </si>
  <si>
    <t>D:\BKP NOTE 2019\Documentos\Meus Arquivos Recebidos\Prudential - Arquivos Última Versão\169202A - Sustentação e Projetos\MC 23_5%\169202A - Anexo A - Planilha de Preços Unitários.xlsx</t>
  </si>
  <si>
    <t>11/24/2019 22:24:01</t>
  </si>
  <si>
    <t>C:\Users\gustavoas\Documents\Meus Arquivos Recebidos\Prudential - Arquivos Última Versão\169202A - Sustentação e Projetos\MC 24%\</t>
  </si>
  <si>
    <t>D:\BKP NOTE 2019\Documentos\Meus Arquivos Recebidos\Prudential - Arquivos Última Versão\169202A - Sustentação e Projetos\MC 24%\169202A - Anexo A - Planilha de Preços Unitários.xlsx</t>
  </si>
  <si>
    <t>C:\Users\gustavoas\Documents\Meus Arquivos Recebidos\Prudential - Arquivos Última Versão\169202B - Gestão de Serviços ITIL\</t>
  </si>
  <si>
    <t>D:\BKP NOTE 2019\Documentos\Meus Arquivos Recebidos\Prudential - Arquivos Última Versão\169202B - Gestão de Serviços ITIL\169202 - Anexo B - Plano de Transição PPG Prudential.xlsx</t>
  </si>
  <si>
    <t>D:\BKP NOTE 2019\Documentos\Meus Arquivos Recebidos\Prudential - Arquivos Última Versão\169202B - Gestão de Serviços ITIL\169202B - Anexo A - Planilha de Preços Unitários.xlsx</t>
  </si>
  <si>
    <t>D:\BKP NOTE 2019\Documentos\Meus Arquivos Recebidos\Prudential - Arquivos Última Versão\169202B - Gestão de Serviços ITIL\169202B - Anexo G - ARC-RRC- RFP PPG - MODELO DE PREÇO.XLSX</t>
  </si>
  <si>
    <t>11/24/2019 22:24:04</t>
  </si>
  <si>
    <t>C:\Users\gustavoas\Documents\Meus Arquivos Recebidos\Prudential - Arquivos Última Versão\169202B - Gestão de Serviços ITIL\MC 23_5%\</t>
  </si>
  <si>
    <t>D:\BKP NOTE 2019\Documentos\Meus Arquivos Recebidos\Prudential - Arquivos Última Versão\169202B - Gestão de Serviços ITIL\MC 23_5%\169202B - Anexo A - Planilha de Preços Unitários.xlsx</t>
  </si>
  <si>
    <t>11/24/2019 22:24:05</t>
  </si>
  <si>
    <t>C:\Users\gustavoas\Documents\Meus Arquivos Recebidos\Prudential - Arquivos Última Versão\169202B - Gestão de Serviços ITIL\MC 24%\</t>
  </si>
  <si>
    <t>D:\BKP NOTE 2019\Documentos\Meus Arquivos Recebidos\Prudential - Arquivos Última Versão\169202B - Gestão de Serviços ITIL\MC 24%\169202B - Anexo A - Planilha de Preços Unitários.xlsx</t>
  </si>
  <si>
    <t>11/24/2019 22:24:06</t>
  </si>
  <si>
    <t>C:\Users\gustavoas\Documents\Meus Arquivos Recebidos\Prudential - Arquivos Última Versão\ANEXOS\</t>
  </si>
  <si>
    <t>164228 - ARC-RRC-ISD - MODELO DE PREÇO.xlsx</t>
  </si>
  <si>
    <t>D:\BKP NOTE 2019\Documentos\Meus Arquivos Recebidos\Prudential - Arquivos Última Versão\ANEXOS\164228 - ARC-RRC-ISD - MODELO DE PREÇO.xlsx</t>
  </si>
  <si>
    <t>D:\BKP NOTE 2019\Documentos\Meus Arquivos Recebidos\Prudential - Arquivos Última Versão\ANEXOS\169202 - Anexo B - Plano de Transição PPG Prudential.xlsx</t>
  </si>
  <si>
    <t>11/24/2019 22:24:07</t>
  </si>
  <si>
    <t>D:\BKP NOTE 2019\Documentos\Meus Arquivos Recebidos\Prudential - Arquivos Última Versão\ANEXOS\169202A - Anexo G - ARC-RRC- RFP PPG - MODELO DE PREÇO.XLSX</t>
  </si>
  <si>
    <t>D:\BKP NOTE 2019\Documentos\Meus Arquivos Recebidos\Prudential - Arquivos Última Versão\ANEXOS\169202B - Anexo G - ARC-RRC- RFP PPG - MODELO DE PREÇO.XLSX</t>
  </si>
  <si>
    <t>RFP PRudential - Ajustes da Reunião de Alinhamento 06-02-2019.xlsx</t>
  </si>
  <si>
    <t>D:\BKP NOTE 2019\Documentos\Meus Arquivos Recebidos\Prudential - Arquivos Última Versão\ANEXOS\RFP PRudential - Ajustes da Reunião de Alinhamento 06-02-2019.xlsx</t>
  </si>
  <si>
    <t>11/24/2019 22:24:09</t>
  </si>
  <si>
    <t>C:\Users\gustavoas\Documents\Meus Arquivos Recebidos\Prudential - Arquivos Última Versão\GIAT - Transição\</t>
  </si>
  <si>
    <t>D:\BKP NOTE 2019\Documentos\Meus Arquivos Recebidos\Prudential - Arquivos Última Versão\GIAT - Transição\ANEXO XX - Transição Prudential - Dimensionamento de Profissionais v2.xlsx</t>
  </si>
  <si>
    <t>ANEXO XX - Transição Prudential - ISD.xlsx</t>
  </si>
  <si>
    <t>D:\BKP NOTE 2019\Documentos\Meus Arquivos Recebidos\Prudential - Arquivos Última Versão\GIAT - Transição\ANEXO XX - Transição Prudential - ISD.xlsx</t>
  </si>
  <si>
    <t>COMPARATIVO DE PREÇOS GIAT + ISD PRUDENTIAL.xlsx</t>
  </si>
  <si>
    <t>D:\BKP NOTE 2019\Documentos\Meus Arquivos Recebidos\Prudential - Arquivos Última Versão\GIAT - Transição\COMPARATIVO DE PREÇOS GIAT + ISD PRUDENTIAL.xlsx</t>
  </si>
  <si>
    <t>C:\Users\gustavoas\Documents\</t>
  </si>
  <si>
    <t>Base PTH revisada_CM_v5.xlsx</t>
  </si>
  <si>
    <t>D:\BKP NOTE 2019\Documentos\Base PTH revisada_CM_v5.xlsx</t>
  </si>
  <si>
    <t>11/24/2019 22:24:10</t>
  </si>
  <si>
    <t>DRAFT CATALOGO GIAT.xlsx</t>
  </si>
  <si>
    <t>D:\BKP NOTE 2019\Documentos\DRAFT CATALOGO GIAT.xlsx</t>
  </si>
  <si>
    <t>11/24/2019 22:24:12</t>
  </si>
  <si>
    <t>C:\Users\gustavoas\Documents\Entregas William e Dante.zip\Entregas William e Dante\Apontamento CA\</t>
  </si>
  <si>
    <t>D:\BKP NOTE 2019\Documentos\Entregas William e Dante.zip</t>
  </si>
  <si>
    <t>C:\Users\gustavoas\Documents\Entregas William e Dante.zip\Entregas William e Dante\Problema\</t>
  </si>
  <si>
    <t>Base de dados RPïs.xls</t>
  </si>
  <si>
    <t>C:\Users\gustavoas\Documents\Entregas William e Dante.zip\Entregas William e Dante\WFM - WorkForce Management\</t>
  </si>
  <si>
    <t>Evidˆncias_WFM.xlsx</t>
  </si>
  <si>
    <t>11/24/2019 22:24:15</t>
  </si>
  <si>
    <t>WIT_V2.xlsx</t>
  </si>
  <si>
    <t>D:\BKP NOTE 2019\Documentos\WIT_V2.xlsx</t>
  </si>
  <si>
    <t>11/24/2019 22:24:17</t>
  </si>
  <si>
    <t>C:\Users\gustavoas\Documents\01 - Trabalho\Admissão Algar TI\9. Algar TI - Ascençao - Udi\</t>
  </si>
  <si>
    <t>Kit Admissional TRANSFERÊNCIA - Algar TI Ascensão Udia.xls</t>
  </si>
  <si>
    <t>D:\BKP NOTE 2019\Documentos\01 - Trabalho\Admissão Algar TI\9. Algar TI - Ascençao - Udi\Kit Admissional TRANSFERÊNCIA - Algar TI Ascensão Udia.xls</t>
  </si>
  <si>
    <t>11/24/2019 22:24:21</t>
  </si>
  <si>
    <t>C:\Users\gustavoas\Documents\01 - Trabalho\GIAT\</t>
  </si>
  <si>
    <t>Plano de Prospecção SME.xlsx</t>
  </si>
  <si>
    <t>D:\BKP NOTE 2019\Documentos\01 - Trabalho\GIAT\Plano de Prospecção SME.xlsx</t>
  </si>
  <si>
    <t>SLA_CLIENTES_GAT.xlsx</t>
  </si>
  <si>
    <t>D:\BKP NOTE 2019\Documentos\01 - Trabalho\GIAT\SLA_CLIENTES_GAT.xlsx</t>
  </si>
  <si>
    <t>11/24/2019 22:25:00</t>
  </si>
  <si>
    <t>C:\Users\gustavoas\Documents\01 - Trabalho\GIAT\Artefatos do Produto\Book do Produto\BOOK DA OFERTA - GESTÃO DE INFRAESTRUTURA TIC v3.pptx\</t>
  </si>
  <si>
    <t>D:\BKP NOTE 2019\Documentos\01 - Trabalho\GIAT\Artefatos do Produto\Book do Produto\BOOK DA OFERTA - GESTÃO DE INFRAESTRUTURA TIC v3.pptx</t>
  </si>
  <si>
    <t>11/24/2019 22:25:01</t>
  </si>
  <si>
    <t>11/24/2019 22:25:10</t>
  </si>
  <si>
    <t>C:\Users\gustavoas\Documents\01 - Trabalho\GIAT\Artefatos do Produto\Book do Produto\BOOK DA OFERTA - GESTÃO DE INFRAESTRUTURA TIC v4.pptx\</t>
  </si>
  <si>
    <t>D:\BKP NOTE 2019\Documentos\01 - Trabalho\GIAT\Artefatos do Produto\Book do Produto\BOOK DA OFERTA - GESTÃO DE INFRAESTRUTURA TIC v4.pptx</t>
  </si>
  <si>
    <t>11/24/2019 22:25:11</t>
  </si>
  <si>
    <t>11/24/2019 22:25:12</t>
  </si>
  <si>
    <t>11/24/2019 22:25:13</t>
  </si>
  <si>
    <t>11/24/2019 22:25:22</t>
  </si>
  <si>
    <t>C:\Users\gustavoas\Documents\01 - Trabalho\GIAT\Artefatos do Produto\Book do Produto\BOOK DA OFERTA - GESTÃO DE INFRAESTRUTURA TIC v5.pptx\</t>
  </si>
  <si>
    <t>D:\BKP NOTE 2019\Documentos\01 - Trabalho\GIAT\Artefatos do Produto\Book do Produto\BOOK DA OFERTA - GESTÃO DE INFRAESTRUTURA TIC v5.pptx</t>
  </si>
  <si>
    <t>11/24/2019 22:25:23</t>
  </si>
  <si>
    <t>11/24/2019 22:25:24</t>
  </si>
  <si>
    <t>11/24/2019 22:25:25</t>
  </si>
  <si>
    <t>11/24/2019 22:25:26</t>
  </si>
  <si>
    <t>11/24/2019 22:25:38</t>
  </si>
  <si>
    <t>C:\Users\gustavoas\Documents\01 - Trabalho\GIAT\Clientes &amp; Prospects\CPFL\RFP-CPFL\</t>
  </si>
  <si>
    <t>Questionamentos RFP Datacenter.xlsx</t>
  </si>
  <si>
    <t>D:\BKP NOTE 2019\Documentos\01 - Trabalho\GIAT\Clientes &amp; Prospects\CPFL\RFP-CPFL\Questionamentos RFP Datacenter.xlsx</t>
  </si>
  <si>
    <t>11/24/2019 22:25:47</t>
  </si>
  <si>
    <t>C:\Users\gustavoas\Documents\01 - Trabalho\GIAT\Clientes &amp; Prospects\HUB\Hubfintech_briefing_PS_09032017.pptx\</t>
  </si>
  <si>
    <t>D:\BKP NOTE 2019\Documentos\01 - Trabalho\GIAT\Clientes &amp; Prospects\HUB\Hubfintech_briefing_PS_09032017.pptx</t>
  </si>
  <si>
    <t>11/24/2019 22:25:52</t>
  </si>
  <si>
    <t>C:\Users\gustavoas\Documents\01 - Trabalho\GIAT\Clientes &amp; Prospects\LDC\</t>
  </si>
  <si>
    <t>13012015-090350-pesquisa_de_capacidade_instalada_2014.xls</t>
  </si>
  <si>
    <t>D:\BKP NOTE 2019\Documentos\01 - Trabalho\GIAT\Clientes &amp; Prospects\LDC\13012015-090350-pesquisa_de_capacidade_instalada_2014.xls</t>
  </si>
  <si>
    <t>Calculo Compartilhamento de Ganhos BOC v2.xlsx</t>
  </si>
  <si>
    <t>D:\BKP NOTE 2019\Documentos\01 - Trabalho\GIAT\Clientes &amp; Prospects\LDC\Calculo Compartilhamento de Ganhos BOC v2.xlsx</t>
  </si>
  <si>
    <t>Calculo Compartilhamento de Ganhos BOC.xlsx</t>
  </si>
  <si>
    <t>D:\BKP NOTE 2019\Documentos\01 - Trabalho\GIAT\Clientes &amp; Prospects\LDC\Calculo Compartilhamento de Ganhos BOC.xlsx</t>
  </si>
  <si>
    <t>Calculo de BOC LDC_old.xlsx</t>
  </si>
  <si>
    <t>D:\BKP NOTE 2019\Documentos\01 - Trabalho\GIAT\Clientes &amp; Prospects\LDC\Calculo de BOC LDC_old.xlsx</t>
  </si>
  <si>
    <t>11/24/2019 22:25:53</t>
  </si>
  <si>
    <t>Desenho LDC.xlsx</t>
  </si>
  <si>
    <t>D:\BKP NOTE 2019\Documentos\01 - Trabalho\GIAT\Clientes &amp; Prospects\LDC\Desenho LDC.xlsx</t>
  </si>
  <si>
    <t>Dimensionamento do Serviço GIAT_v6 - PILOTO COMAND CENTER LDC.xlsm</t>
  </si>
  <si>
    <t>D:\BKP NOTE 2019\Documentos\01 - Trabalho\GIAT\Clientes &amp; Prospects\LDC\Dimensionamento do Serviço GIAT_v6 - PILOTO COMAND CENTER LDC.xlsm</t>
  </si>
  <si>
    <t>11/24/2019 22:25:54</t>
  </si>
  <si>
    <t>Medições POC - BOC v2.xlsx</t>
  </si>
  <si>
    <t>D:\BKP NOTE 2019\Documentos\01 - Trabalho\GIAT\Clientes &amp; Prospects\LDC\Medições POC - BOC v2.xlsx</t>
  </si>
  <si>
    <t>11/24/2019 22:25:55</t>
  </si>
  <si>
    <t>Modelo de apresentação de Preço LDC.xlsx</t>
  </si>
  <si>
    <t>D:\BKP NOTE 2019\Documentos\01 - Trabalho\GIAT\Clientes &amp; Prospects\LDC\Modelo de apresentação de Preço LDC.xlsx</t>
  </si>
  <si>
    <t>Modelo de apresentação de Preço LDC_v5.xlsx</t>
  </si>
  <si>
    <t>D:\BKP NOTE 2019\Documentos\01 - Trabalho\GIAT\Clientes &amp; Prospects\LDC\Modelo de apresentação de Preço LDC_v5.xlsx</t>
  </si>
  <si>
    <t>Números Grãos - LDC.xlsx</t>
  </si>
  <si>
    <t>D:\BKP NOTE 2019\Documentos\01 - Trabalho\GIAT\Clientes &amp; Prospects\LDC\Números Grãos - LDC.xlsx</t>
  </si>
  <si>
    <t>PREÇO - DIMENSIONAMENTO BOC - LDC.xlsm</t>
  </si>
  <si>
    <t>D:\BKP NOTE 2019\Documentos\01 - Trabalho\GIAT\Clientes &amp; Prospects\LDC\PREÇO - DIMENSIONAMENTO BOC - LDC.xlsm</t>
  </si>
  <si>
    <t>11/24/2019 22:25:58</t>
  </si>
  <si>
    <t>C:\Users\gustavoas\Documents\01 - Trabalho\GIAT\Clientes &amp; Prospects\LDC\Resultado BOC POC Cliente LDC e Desenho de Solução Command Center.pptx\</t>
  </si>
  <si>
    <t>D:\BKP NOTE 2019\Documentos\01 - Trabalho\GIAT\Clientes &amp; Prospects\LDC\Resultado BOC POC Cliente LDC e Desenho de Solução Command Center.pptx</t>
  </si>
  <si>
    <t>11/24/2019 22:26:00</t>
  </si>
  <si>
    <t>11/24/2019 22:26:02</t>
  </si>
  <si>
    <t>C:\Users\gustavoas\Documents\01 - Trabalho\GIAT\Clientes &amp; Prospects\LDC\Resultado BOC POC Cliente LDC e Desenho de Solução.pptx\</t>
  </si>
  <si>
    <t>D:\BKP NOTE 2019\Documentos\01 - Trabalho\GIAT\Clientes &amp; Prospects\LDC\Resultado BOC POC Cliente LDC e Desenho de Solução.pptx</t>
  </si>
  <si>
    <t>11/24/2019 22:26:34</t>
  </si>
  <si>
    <t>C:\Users\gustavoas\Documents\01 - Trabalho\GIAT\Clientes &amp; Prospects\PRUDENTIAL\FASE 1\Defesa Técnica 17-12-18\Apoio\</t>
  </si>
  <si>
    <t>Porque_Algar_Tech.xlsx</t>
  </si>
  <si>
    <t>D:\BKP NOTE 2019\Documentos\01 - Trabalho\GIAT\Clientes &amp; Prospects\PRUDENTIAL\FASE 1\Defesa Técnica 17-12-18\Apoio\Porque_Algar_Tech.xlsx</t>
  </si>
  <si>
    <t>11/24/2019 22:26:39</t>
  </si>
  <si>
    <t>C:\Users\gustavoas\Documents\01 - Trabalho\GIAT\Clientes &amp; Prospects\PRUDENTIAL\FASE 1\Defesa Técnica 17-12-18\Apoio\BOC - Graficos Grafana\</t>
  </si>
  <si>
    <t>Grafico.xlsx</t>
  </si>
  <si>
    <t>D:\BKP NOTE 2019\Documentos\01 - Trabalho\GIAT\Clientes &amp; Prospects\PRUDENTIAL\FASE 1\Defesa Técnica 17-12-18\Apoio\BOC - Graficos Grafana\Grafico.xlsx</t>
  </si>
  <si>
    <t>11/24/2019 22:26:41</t>
  </si>
  <si>
    <t>C:\Users\gustavoas\Documents\01 - Trabalho\GIAT\Clientes &amp; Prospects\PRUDENTIAL\FASE 1\Desenho\</t>
  </si>
  <si>
    <t>Dimensionamento do Serviço GIAT Prudential.xlsm</t>
  </si>
  <si>
    <t>D:\BKP NOTE 2019\Documentos\01 - Trabalho\GIAT\Clientes &amp; Prospects\PRUDENTIAL\FASE 1\Desenho\Dimensionamento do Serviço GIAT Prudential.xlsm</t>
  </si>
  <si>
    <t>Dimensionamento GIAT Prudential - Diogo Milanez_Santarem_Marcus.xlsx</t>
  </si>
  <si>
    <t>D:\BKP NOTE 2019\Documentos\01 - Trabalho\GIAT\Clientes &amp; Prospects\PRUDENTIAL\FASE 1\Desenho\Dimensionamento GIAT Prudential - Diogo Milanez_Santarem_Marcus.xlsx</t>
  </si>
  <si>
    <t>11/24/2019 22:26:43</t>
  </si>
  <si>
    <t>PS - PRECO_NOVA_VOLUMETRIA_FINAL_COM_ADM_MODELO.XLSB</t>
  </si>
  <si>
    <t>D:\BKP NOTE 2019\Documentos\01 - Trabalho\GIAT\Clientes &amp; Prospects\PRUDENTIAL\FASE 1\Desenho\PS - PRECO_NOVA_VOLUMETRIA_FINAL_COM_ADM_MODELO.XLSB</t>
  </si>
  <si>
    <t>C:\Users\gustavoas\Documents\01 - Trabalho\GIAT\Clientes &amp; Prospects\PRUDENTIAL\FASE 1\Desenho\PS - PRECO_NOVA_VOLUMETRIA_FINAL_COM_ADM_MODELO.XLSB\</t>
  </si>
  <si>
    <t>C:\Users\gustavoas\Documents\01 - Trabalho\GIAT\Clientes &amp; Prospects\PRUDENTIAL\FASE 1\Propostas e Preço\</t>
  </si>
  <si>
    <t>D:\BKP NOTE 2019\Documentos\01 - Trabalho\GIAT\Clientes &amp; Prospects\PRUDENTIAL\FASE 1\Propostas e Preço\164228 - Anexo A - Planilha de Preços Unitários.xlsx</t>
  </si>
  <si>
    <t>11/24/2019 22:26:44</t>
  </si>
  <si>
    <t>D:\BKP NOTE 2019\Documentos\01 - Trabalho\GIAT\Clientes &amp; Prospects\PRUDENTIAL\FASE 1\Propostas e Preço\169202 - Anexo A - Planilha de Preços Unitários MC26.xlsx</t>
  </si>
  <si>
    <t>169202 - Anexo A - Planilha de Preços Unitários.xlsx</t>
  </si>
  <si>
    <t>D:\BKP NOTE 2019\Documentos\01 - Trabalho\GIAT\Clientes &amp; Prospects\PRUDENTIAL\FASE 1\Propostas e Preço\169202 - Anexo A - Planilha de Preços Unitários.xlsx</t>
  </si>
  <si>
    <t>11/24/2019 22:26:45</t>
  </si>
  <si>
    <t>ARC-RRC-MODELO DE PREÇO.XLSX</t>
  </si>
  <si>
    <t>D:\BKP NOTE 2019\Documentos\01 - Trabalho\GIAT\Clientes &amp; Prospects\PRUDENTIAL\FASE 1\Propostas e Preço\ARC-RRC-MODELO DE PREÇO.XLSX</t>
  </si>
  <si>
    <t>11/24/2019 22:26:47</t>
  </si>
  <si>
    <t>C:\Users\gustavoas\Documents\01 - Trabalho\GIAT\Clientes &amp; Prospects\PRUDENTIAL\FASE 2 - 06-02\</t>
  </si>
  <si>
    <t>ANEXO XX - Transição Prudential - Dimensionamento de Profissionais.xlsx</t>
  </si>
  <si>
    <t>D:\BKP NOTE 2019\Documentos\01 - Trabalho\GIAT\Clientes &amp; Prospects\PRUDENTIAL\FASE 2 - 06-02\ANEXO XX - Transição Prudential - Dimensionamento de Profissionais.xlsx</t>
  </si>
  <si>
    <t>11/24/2019 22:26:52</t>
  </si>
  <si>
    <t>C:\Users\gustavoas\Documents\01 - Trabalho\GIAT\Clientes &amp; Prospects\PRUDENTIAL\FASE 2 - 06-02\Anexos Algar\</t>
  </si>
  <si>
    <t>ANEXO XX - Plano de Transição PPG Prudential.xlsx</t>
  </si>
  <si>
    <t>D:\BKP NOTE 2019\Documentos\01 - Trabalho\GIAT\Clientes &amp; Prospects\PRUDENTIAL\FASE 2 - 06-02\Anexos Algar\ANEXO XX - Plano de Transição PPG Prudential.xlsx</t>
  </si>
  <si>
    <t>REVISÃO FINAL PRUDENTIAL 11_02.xlsx</t>
  </si>
  <si>
    <t>D:\BKP NOTE 2019\Documentos\01 - Trabalho\GIAT\Clientes &amp; Prospects\PRUDENTIAL\FASE 2 - 06-02\Anexos Algar\REVISÃO FINAL PRUDENTIAL 11_02.xlsx</t>
  </si>
  <si>
    <t>D:\BKP NOTE 2019\Documentos\01 - Trabalho\GIAT\Clientes &amp; Prospects\PRUDENTIAL\FASE 2 - 06-02\Anexos Algar\RFP PRudential - Ajustes da Reunião de Alinhamento 06-02-2019.xlsx</t>
  </si>
  <si>
    <t>C:\Users\gustavoas\Documents\01 - Trabalho\GIAT\Clientes &amp; Prospects\PRUDENTIAL\FASE 2 - 06-02\Anexos Algar\Em Construção\</t>
  </si>
  <si>
    <t>Competências Prudential Final.xlsx</t>
  </si>
  <si>
    <t>D:\BKP NOTE 2019\Documentos\01 - Trabalho\GIAT\Clientes &amp; Prospects\PRUDENTIAL\FASE 2 - 06-02\Anexos Algar\Em Construção\Competências Prudential Final.xlsx</t>
  </si>
  <si>
    <t>11/24/2019 22:26:55</t>
  </si>
  <si>
    <t>D:\BKP NOTE 2019\Documentos\01 - Trabalho\GIAT\Clientes &amp; Prospects\PRUDENTIAL\FASE 2 - 06-02\Anexos Algar\Em Construção\REVISÃO FINAL PRUDENTIAL.xlsx</t>
  </si>
  <si>
    <t>C:\Users\gustavoas\Documents\01 - Trabalho\GIAT\Clientes &amp; Prospects\PRUDENTIAL\FASE 2 - 06-02\ARQUIVOS ENVIADOS - 12-02-19\1. CENÁRIO INDIVIDUAL\</t>
  </si>
  <si>
    <t>D:\BKP NOTE 2019\Documentos\01 - Trabalho\GIAT\Clientes &amp; Prospects\PRUDENTIAL\FASE 2 - 06-02\ARQUIVOS ENVIADOS - 12-02-19\1. CENÁRIO INDIVIDUAL\REFERÊNCIA DOS AJUSTES.xlsx</t>
  </si>
  <si>
    <t>C:\Users\gustavoas\Documents\01 - Trabalho\GIAT\Clientes &amp; Prospects\PRUDENTIAL\FASE 2 - 06-02\ARQUIVOS ENVIADOS - 12-02-19\1. CENÁRIO INDIVIDUAL\164228 - ISD\</t>
  </si>
  <si>
    <t>D:\BKP NOTE 2019\Documentos\01 - Trabalho\GIAT\Clientes &amp; Prospects\PRUDENTIAL\FASE 2 - 06-02\ARQUIVOS ENVIADOS - 12-02-19\1. CENÁRIO INDIVIDUAL\164228 - ISD\164228 - Anexo A - Planilha de Preços Unitários.xlsx</t>
  </si>
  <si>
    <t>D:\BKP NOTE 2019\Documentos\01 - Trabalho\GIAT\Clientes &amp; Prospects\PRUDENTIAL\FASE 2 - 06-02\ARQUIVOS ENVIADOS - 12-02-19\1. CENÁRIO INDIVIDUAL\164228 - ISD\164228 - Anexo B - Plano de Transição SD Prudential.xlsx</t>
  </si>
  <si>
    <t>D:\BKP NOTE 2019\Documentos\01 - Trabalho\GIAT\Clientes &amp; Prospects\PRUDENTIAL\FASE 2 - 06-02\ARQUIVOS ENVIADOS - 12-02-19\1. CENÁRIO INDIVIDUAL\164228 - ISD\164228 - Anexo C - ARC-RRC-ISD - MODELO DE PREÇO.xlsx</t>
  </si>
  <si>
    <t>11/24/2019 22:26:56</t>
  </si>
  <si>
    <t>C:\Users\gustavoas\Documents\01 - Trabalho\GIAT\Clientes &amp; Prospects\PRUDENTIAL\FASE 2 - 06-02\ARQUIVOS ENVIADOS - 12-02-19\1. CENÁRIO INDIVIDUAL\169202A - Sustentação e Projetos\</t>
  </si>
  <si>
    <t>D:\BKP NOTE 2019\Documentos\01 - Trabalho\GIAT\Clientes &amp; Prospects\PRUDENTIAL\FASE 2 - 06-02\ARQUIVOS ENVIADOS - 12-02-19\1. CENÁRIO INDIVIDUAL\169202A - Sustentação e Projetos\169202 - Anexo B - Plano de Transição PPG Prudential.xlsx</t>
  </si>
  <si>
    <t>11/24/2019 22:26:57</t>
  </si>
  <si>
    <t>D:\BKP NOTE 2019\Documentos\01 - Trabalho\GIAT\Clientes &amp; Prospects\PRUDENTIAL\FASE 2 - 06-02\ARQUIVOS ENVIADOS - 12-02-19\1. CENÁRIO INDIVIDUAL\169202A - Sustentação e Projetos\169202A - Anexo A - Planilha de Preços Unitários.xlsx</t>
  </si>
  <si>
    <t>D:\BKP NOTE 2019\Documentos\01 - Trabalho\GIAT\Clientes &amp; Prospects\PRUDENTIAL\FASE 2 - 06-02\ARQUIVOS ENVIADOS - 12-02-19\1. CENÁRIO INDIVIDUAL\169202A - Sustentação e Projetos\169202A - Anexo G - ARC-RRC- RFP PPG - MODELO DE PREÇO.XLSX</t>
  </si>
  <si>
    <t>11/24/2019 22:26:58</t>
  </si>
  <si>
    <t>C:\Users\gustavoas\Documents\01 - Trabalho\GIAT\Clientes &amp; Prospects\PRUDENTIAL\FASE 2 - 06-02\ARQUIVOS ENVIADOS - 12-02-19\1. CENÁRIO INDIVIDUAL\169202B - Gestão de Serviços ITIL\</t>
  </si>
  <si>
    <t>D:\BKP NOTE 2019\Documentos\01 - Trabalho\GIAT\Clientes &amp; Prospects\PRUDENTIAL\FASE 2 - 06-02\ARQUIVOS ENVIADOS - 12-02-19\1. CENÁRIO INDIVIDUAL\169202B - Gestão de Serviços ITIL\169202 - Anexo B - Plano de Transição PPG Prudential.xlsx</t>
  </si>
  <si>
    <t>D:\BKP NOTE 2019\Documentos\01 - Trabalho\GIAT\Clientes &amp; Prospects\PRUDENTIAL\FASE 2 - 06-02\ARQUIVOS ENVIADOS - 12-02-19\1. CENÁRIO INDIVIDUAL\169202B - Gestão de Serviços ITIL\169202B - Anexo A - Planilha de Preços Unitários.xlsx</t>
  </si>
  <si>
    <t>D:\BKP NOTE 2019\Documentos\01 - Trabalho\GIAT\Clientes &amp; Prospects\PRUDENTIAL\FASE 2 - 06-02\ARQUIVOS ENVIADOS - 12-02-19\1. CENÁRIO INDIVIDUAL\169202B - Gestão de Serviços ITIL\169202B - Anexo G - ARC-RRC- RFP PPG - MODELO DE PREÇO.XLSX</t>
  </si>
  <si>
    <t>11/24/2019 22:26:59</t>
  </si>
  <si>
    <t>C:\Users\gustavoas\Documents\01 - Trabalho\GIAT\Clientes &amp; Prospects\PRUDENTIAL\FASE 2 - 06-02\ARQUIVOS ENVIADOS - 12-02-19\2. CENÁRIO SINERGIA\</t>
  </si>
  <si>
    <t>D:\BKP NOTE 2019\Documentos\01 - Trabalho\GIAT\Clientes &amp; Prospects\PRUDENTIAL\FASE 2 - 06-02\ARQUIVOS ENVIADOS - 12-02-19\2. CENÁRIO SINERGIA\REFERÊNCIA DOS AJUSTES.xlsx</t>
  </si>
  <si>
    <t>C:\Users\gustavoas\Documents\01 - Trabalho\GIAT\Clientes &amp; Prospects\PRUDENTIAL\FASE 2 - 06-02\ARQUIVOS ENVIADOS - 12-02-19\2. CENÁRIO SINERGIA\164228 - ISD\</t>
  </si>
  <si>
    <t>D:\BKP NOTE 2019\Documentos\01 - Trabalho\GIAT\Clientes &amp; Prospects\PRUDENTIAL\FASE 2 - 06-02\ARQUIVOS ENVIADOS - 12-02-19\2. CENÁRIO SINERGIA\164228 - ISD\164228 - Anexo A - Planilha de Preços Unitários.xlsx</t>
  </si>
  <si>
    <t>D:\BKP NOTE 2019\Documentos\01 - Trabalho\GIAT\Clientes &amp; Prospects\PRUDENTIAL\FASE 2 - 06-02\ARQUIVOS ENVIADOS - 12-02-19\2. CENÁRIO SINERGIA\164228 - ISD\164228 - Anexo B - Plano de Transição SD Prudential.xlsx</t>
  </si>
  <si>
    <t>D:\BKP NOTE 2019\Documentos\01 - Trabalho\GIAT\Clientes &amp; Prospects\PRUDENTIAL\FASE 2 - 06-02\ARQUIVOS ENVIADOS - 12-02-19\2. CENÁRIO SINERGIA\164228 - ISD\164228 - Anexo C - ARC-RRC-ISD - MODELO DE PREÇO.xlsx</t>
  </si>
  <si>
    <t>11/24/2019 22:27:01</t>
  </si>
  <si>
    <t>C:\Users\gustavoas\Documents\01 - Trabalho\GIAT\Clientes &amp; Prospects\PRUDENTIAL\FASE 2 - 06-02\ARQUIVOS ENVIADOS - 12-02-19\2. CENÁRIO SINERGIA\169202A - Sustentação e Projetos\</t>
  </si>
  <si>
    <t>D:\BKP NOTE 2019\Documentos\01 - Trabalho\GIAT\Clientes &amp; Prospects\PRUDENTIAL\FASE 2 - 06-02\ARQUIVOS ENVIADOS - 12-02-19\2. CENÁRIO SINERGIA\169202A - Sustentação e Projetos\169202 - Anexo B - Plano de Transição PPG Prudential.xlsx</t>
  </si>
  <si>
    <t>D:\BKP NOTE 2019\Documentos\01 - Trabalho\GIAT\Clientes &amp; Prospects\PRUDENTIAL\FASE 2 - 06-02\ARQUIVOS ENVIADOS - 12-02-19\2. CENÁRIO SINERGIA\169202A - Sustentação e Projetos\169202A - Anexo A - Planilha de Preços Unitários.xlsx</t>
  </si>
  <si>
    <t>D:\BKP NOTE 2019\Documentos\01 - Trabalho\GIAT\Clientes &amp; Prospects\PRUDENTIAL\FASE 2 - 06-02\ARQUIVOS ENVIADOS - 12-02-19\2. CENÁRIO SINERGIA\169202A - Sustentação e Projetos\169202A - Anexo G - ARC-RRC- RFP PPG - MODELO DE PREÇO.XLSX</t>
  </si>
  <si>
    <t>11/24/2019 22:27:02</t>
  </si>
  <si>
    <t>C:\Users\gustavoas\Documents\01 - Trabalho\GIAT\Clientes &amp; Prospects\PRUDENTIAL\FASE 2 - 06-02\ARQUIVOS ENVIADOS - 12-02-19\2. CENÁRIO SINERGIA\169202B - Gestão de Serviços ITIL\</t>
  </si>
  <si>
    <t>D:\BKP NOTE 2019\Documentos\01 - Trabalho\GIAT\Clientes &amp; Prospects\PRUDENTIAL\FASE 2 - 06-02\ARQUIVOS ENVIADOS - 12-02-19\2. CENÁRIO SINERGIA\169202B - Gestão de Serviços ITIL\169202 - Anexo B - Plano de Transição PPG Prudential.xlsx</t>
  </si>
  <si>
    <t>11/24/2019 22:27:03</t>
  </si>
  <si>
    <t>D:\BKP NOTE 2019\Documentos\01 - Trabalho\GIAT\Clientes &amp; Prospects\PRUDENTIAL\FASE 2 - 06-02\ARQUIVOS ENVIADOS - 12-02-19\2. CENÁRIO SINERGIA\169202B - Gestão de Serviços ITIL\169202B - Anexo A - Planilha de Preços Unitários.xlsx</t>
  </si>
  <si>
    <t>D:\BKP NOTE 2019\Documentos\01 - Trabalho\GIAT\Clientes &amp; Prospects\PRUDENTIAL\FASE 2 - 06-02\ARQUIVOS ENVIADOS - 12-02-19\2. CENÁRIO SINERGIA\169202B - Gestão de Serviços ITIL\169202B - Anexo G - ARC-RRC- RFP PPG - MODELO DE PREÇO.XLSX</t>
  </si>
  <si>
    <t>C:\Users\gustavoas\Documents\01 - Trabalho\GIAT\Clientes &amp; Prospects\PRUDENTIAL\FASE 2 - 06-02\Dimensionamento e Preço\</t>
  </si>
  <si>
    <t>ARC-RRC-GIAT REVISADO - MODELO DE PREÇO.XLSX</t>
  </si>
  <si>
    <t>D:\BKP NOTE 2019\Documentos\01 - Trabalho\GIAT\Clientes &amp; Prospects\PRUDENTIAL\FASE 2 - 06-02\Dimensionamento e Preço\ARC-RRC-GIAT REVISADO - MODELO DE PREÇO.XLSX</t>
  </si>
  <si>
    <t>Comparativo de Cenário Alternativo.xlsx</t>
  </si>
  <si>
    <t>D:\BKP NOTE 2019\Documentos\01 - Trabalho\GIAT\Clientes &amp; Prospects\PRUDENTIAL\FASE 2 - 06-02\Dimensionamento e Preço\Comparativo de Cenário Alternativo.xlsx</t>
  </si>
  <si>
    <t>D:\BKP NOTE 2019\Documentos\01 - Trabalho\GIAT\Clientes &amp; Prospects\PRUDENTIAL\FASE 2 - 06-02\Dimensionamento e Preço\COMPARATIVO DE PREÇOS GIAT + ISD PRUDENTIAL.xlsx</t>
  </si>
  <si>
    <t>11/24/2019 22:27:04</t>
  </si>
  <si>
    <t>Dimensionamento do Serviço GIAT v05 - Dezembro 2018.xlsm</t>
  </si>
  <si>
    <t>D:\BKP NOTE 2019\Documentos\01 - Trabalho\GIAT\Clientes &amp; Prospects\PRUDENTIAL\FASE 2 - 06-02\Dimensionamento e Preço\Dimensionamento do Serviço GIAT v05 - Dezembro 2018.xlsm</t>
  </si>
  <si>
    <t>Dimensionamento GIAT Prudential - Final v2.xlsx</t>
  </si>
  <si>
    <t>D:\BKP NOTE 2019\Documentos\01 - Trabalho\GIAT\Clientes &amp; Prospects\PRUDENTIAL\FASE 2 - 06-02\Dimensionamento e Preço\Dimensionamento GIAT Prudential - Final v2.xlsx</t>
  </si>
  <si>
    <t>Otimização Cargos GIAT a partir do 2° ano - 10-02.xlsx</t>
  </si>
  <si>
    <t>D:\BKP NOTE 2019\Documentos\01 - Trabalho\GIAT\Clientes &amp; Prospects\PRUDENTIAL\FASE 2 - 06-02\Dimensionamento e Preço\Otimização Cargos GIAT a partir do 2° ano - 10-02.xlsx</t>
  </si>
  <si>
    <t>11/24/2019 22:27:08</t>
  </si>
  <si>
    <t>RFP Prudential - GIAT - REvisão 06_02.xlsb</t>
  </si>
  <si>
    <t>D:\BKP NOTE 2019\Documentos\01 - Trabalho\GIAT\Clientes &amp; Prospects\PRUDENTIAL\FASE 2 - 06-02\Dimensionamento e Preço\RFP Prudential - GIAT - REvisão 06_02.xlsb</t>
  </si>
  <si>
    <t>C:\Users\gustavoas\Documents\01 - Trabalho\GIAT\Clientes &amp; Prospects\PRUDENTIAL\FASE 2 - 06-02\Dimensionamento e Preço\RFP Prudential - GIAT - REvisão 06_02.xlsb\</t>
  </si>
  <si>
    <t>11/24/2019 22:27:09</t>
  </si>
  <si>
    <t>C:\Users\gustavoas\Documents\01 - Trabalho\GIAT\Clientes &amp; Prospects\PRUDENTIAL\FASE 2 - 06-02\OLD\</t>
  </si>
  <si>
    <t>D:\BKP NOTE 2019\Documentos\01 - Trabalho\GIAT\Clientes &amp; Prospects\PRUDENTIAL\FASE 2 - 06-02\OLD\169202 - Anexo A - Planilha de Preços Unitários MC26.xlsx</t>
  </si>
  <si>
    <t>D:\BKP NOTE 2019\Documentos\01 - Trabalho\GIAT\Clientes &amp; Prospects\PRUDENTIAL\FASE 2 - 06-02\OLD\ARC-RRC-MODELO DE PREÇO.XLSX</t>
  </si>
  <si>
    <t>Dimensionamento FTE GIAT Prudential - Final.xlsx</t>
  </si>
  <si>
    <t>D:\BKP NOTE 2019\Documentos\01 - Trabalho\GIAT\Clientes &amp; Prospects\PRUDENTIAL\FASE 2 - 06-02\OLD\Dimensionamento FTE GIAT Prudential - Final.xlsx</t>
  </si>
  <si>
    <t>D:\BKP NOTE 2019\Documentos\01 - Trabalho\GIAT\Clientes &amp; Prospects\PRUDENTIAL\FASE 2 - 06-02\OLD\Dimensionamento GIAT Prudential - Diogo Milanez_Santarem_Marcus.xlsx</t>
  </si>
  <si>
    <t>Plano de Transição Prudential v5.xlsx</t>
  </si>
  <si>
    <t>D:\BKP NOTE 2019\Documentos\01 - Trabalho\GIAT\Clientes &amp; Prospects\PRUDENTIAL\FASE 2 - 06-02\OLD\Plano de Transição Prudential v5.xlsx</t>
  </si>
  <si>
    <t>Plano de Transição Prudential.xlsx</t>
  </si>
  <si>
    <t>D:\BKP NOTE 2019\Documentos\01 - Trabalho\GIAT\Clientes &amp; Prospects\PRUDENTIAL\FASE 2 - 06-02\OLD\Plano de Transição Prudential.xlsx</t>
  </si>
  <si>
    <t>11/24/2019 22:27:13</t>
  </si>
  <si>
    <t>RFP Prudential - GIAT - Cenário 1 - Fator mc30.xlsb</t>
  </si>
  <si>
    <t>D:\BKP NOTE 2019\Documentos\01 - Trabalho\GIAT\Clientes &amp; Prospects\PRUDENTIAL\FASE 2 - 06-02\OLD\RFP Prudential - GIAT - Cenário 1 - Fator mc30.xlsb</t>
  </si>
  <si>
    <t>C:\Users\gustavoas\Documents\01 - Trabalho\GIAT\Clientes &amp; Prospects\PRUDENTIAL\FASE 2 - 06-02\OLD\RFP Prudential - GIAT - Cenário 1 - Fator mc30.xlsb\</t>
  </si>
  <si>
    <t>11/24/2019 22:27:14</t>
  </si>
  <si>
    <t>C:\Users\gustavoas\Documents\01 - Trabalho\GIAT\Clientes &amp; Prospects\PRUDENTIAL\FASE 2 - 06-02\Proposta e Preço\169202A - Sustentação e Projetos\</t>
  </si>
  <si>
    <t>169202A - Anexo A - Planilha de Preços Unitários-REVISÃO.xlsx</t>
  </si>
  <si>
    <t>D:\BKP NOTE 2019\Documentos\01 - Trabalho\GIAT\Clientes &amp; Prospects\PRUDENTIAL\FASE 2 - 06-02\Proposta e Preço\169202A - Sustentação e Projetos\169202A - Anexo A - Planilha de Preços Unitários-REVISÃO.xlsx</t>
  </si>
  <si>
    <t>D:\BKP NOTE 2019\Documentos\01 - Trabalho\GIAT\Clientes &amp; Prospects\PRUDENTIAL\FASE 2 - 06-02\Proposta e Preço\169202A - Sustentação e Projetos\169202A - Anexo A - Planilha de Preços Unitários.xlsx</t>
  </si>
  <si>
    <t>11/24/2019 22:27:15</t>
  </si>
  <si>
    <t>C:\Users\gustavoas\Documents\01 - Trabalho\GIAT\Clientes &amp; Prospects\PRUDENTIAL\FASE 2 - 06-02\Proposta e Preço\169202B - Gestão de Serviços ITIL\</t>
  </si>
  <si>
    <t>D:\BKP NOTE 2019\Documentos\01 - Trabalho\GIAT\Clientes &amp; Prospects\PRUDENTIAL\FASE 2 - 06-02\Proposta e Preço\169202B - Gestão de Serviços ITIL\169202B - Anexo A - Planilha de Preços Unitários.xlsx</t>
  </si>
  <si>
    <t>11/24/2019 22:27:26</t>
  </si>
  <si>
    <t>C:\Users\gustavoas\Documents\01 - Trabalho\GIAT\Clientes &amp; Prospects\PRUDENTIAL\RFP - Arquivos\</t>
  </si>
  <si>
    <t>D:\BKP NOTE 2019\Documentos\01 - Trabalho\GIAT\Clientes &amp; Prospects\PRUDENTIAL\RFP - Arquivos\ANEXO 5 Planilha de Precos Unitarios v2.xlsx</t>
  </si>
  <si>
    <t>11/24/2019 22:27:51</t>
  </si>
  <si>
    <t>C:\Users\gustavoas\Documents\01 - Trabalho\GIAT\Dimensionamento e Composição da Oferta\</t>
  </si>
  <si>
    <t>Catálogo de Serviços Técnicos - GIAT.xlsx</t>
  </si>
  <si>
    <t>D:\BKP NOTE 2019\Documentos\01 - Trabalho\GIAT\Dimensionamento e Composição da Oferta\Catálogo de Serviços Técnicos - GIAT.xlsx</t>
  </si>
  <si>
    <t>COMPOSIÇÃO DA OFERTA - GESTÃO DE INFRAESTRUTURA TIC v3.xlsx</t>
  </si>
  <si>
    <t>D:\BKP NOTE 2019\Documentos\01 - Trabalho\GIAT\Dimensionamento e Composição da Oferta\COMPOSIÇÃO DA OFERTA - GESTÃO DE INFRAESTRUTURA TIC v3.xlsx</t>
  </si>
  <si>
    <t>11/24/2019 22:27:52</t>
  </si>
  <si>
    <t>COMPOSIÇÃO DA OFERTA - GESTÃO DE INFRAESTRUTURA TIC v4.xlsx</t>
  </si>
  <si>
    <t>D:\BKP NOTE 2019\Documentos\01 - Trabalho\GIAT\Dimensionamento e Composição da Oferta\COMPOSIÇÃO DA OFERTA - GESTÃO DE INFRAESTRUTURA TIC v4.xlsx</t>
  </si>
  <si>
    <t>Dimensionamento Atualizado REV02.xlsm</t>
  </si>
  <si>
    <t>D:\BKP NOTE 2019\Documentos\01 - Trabalho\GIAT\Dimensionamento e Composição da Oferta\Dimensionamento Atualizado REV02.xlsm</t>
  </si>
  <si>
    <t>11/24/2019 22:27:53</t>
  </si>
  <si>
    <t>Dimensionamento Atualizado REV03.xlsm</t>
  </si>
  <si>
    <t>D:\BKP NOTE 2019\Documentos\01 - Trabalho\GIAT\Dimensionamento e Composição da Oferta\Dimensionamento Atualizado REV03.xlsm</t>
  </si>
  <si>
    <t>11/24/2019 22:27:54</t>
  </si>
  <si>
    <t>Dimensionamento do Serviço GIAT v04.xlsm</t>
  </si>
  <si>
    <t>D:\BKP NOTE 2019\Documentos\01 - Trabalho\GIAT\Dimensionamento e Composição da Oferta\Dimensionamento do Serviço GIAT v04.xlsm</t>
  </si>
  <si>
    <t>DIMENSIONAMENTO Gestão de Infraestrutura TIC - v19 + BOC.xlsm</t>
  </si>
  <si>
    <t>D:\BKP NOTE 2019\Documentos\01 - Trabalho\GIAT\Dimensionamento e Composição da Oferta\DIMENSIONAMENTO Gestão de Infraestrutura TIC - v19 + BOC.xlsm</t>
  </si>
  <si>
    <t>11/24/2019 22:27:55</t>
  </si>
  <si>
    <t>DIMENSIONAMENTO Gestão de Infraestrutura TIC - v20 + BOC.xlsm</t>
  </si>
  <si>
    <t>D:\BKP NOTE 2019\Documentos\01 - Trabalho\GIAT\Dimensionamento e Composição da Oferta\DIMENSIONAMENTO Gestão de Infraestrutura TIC - v20 + BOC.xlsm</t>
  </si>
  <si>
    <t>Exemplo Modelo de Negocio GIAT.xlsx</t>
  </si>
  <si>
    <t>D:\BKP NOTE 2019\Documentos\01 - Trabalho\GIAT\Dimensionamento e Composição da Oferta\Exemplo Modelo de Negocio GIAT.xlsx</t>
  </si>
  <si>
    <t>Temp Val.xlsx</t>
  </si>
  <si>
    <t>D:\BKP NOTE 2019\Documentos\01 - Trabalho\GIAT\Dimensionamento e Composição da Oferta\Temp Val.xlsx</t>
  </si>
  <si>
    <t>11/24/2019 22:28:00</t>
  </si>
  <si>
    <t>Temp Val1.xlsx</t>
  </si>
  <si>
    <t>D:\BKP NOTE 2019\Documentos\01 - Trabalho\GIAT\Dimensionamento e Composição da Oferta\Temp Val1.xlsx</t>
  </si>
  <si>
    <t>11/24/2019 22:28:24</t>
  </si>
  <si>
    <t>C:\Users\gustavoas\Documents\01 - Trabalho\GIAT\Levantamento de Competências\</t>
  </si>
  <si>
    <t>Levantamento de Competências GIAT.xlsx</t>
  </si>
  <si>
    <t>D:\BKP NOTE 2019\Documentos\01 - Trabalho\GIAT\Levantamento de Competências\Levantamento de Competências GIAT.xlsx</t>
  </si>
  <si>
    <t>11/24/2019 22:28:26</t>
  </si>
  <si>
    <t>Levantamento Operacional PS Data Center_CONSOLIDADO.xlsx</t>
  </si>
  <si>
    <t>D:\BKP NOTE 2019\Documentos\01 - Trabalho\GIAT\Levantamento de Competências\Levantamento Operacional PS Data Center_CONSOLIDADO.xlsx</t>
  </si>
  <si>
    <t>11/24/2019 22:28:27</t>
  </si>
  <si>
    <t>Levantamento_PS_14_06_EDITADA_V4.xlsm</t>
  </si>
  <si>
    <t>D:\BKP NOTE 2019\Documentos\01 - Trabalho\GIAT\Levantamento de Competências\Levantamento_PS_14_06_EDITADA_V4.xlsm</t>
  </si>
  <si>
    <t>11/24/2019 22:28:28</t>
  </si>
  <si>
    <t>C:\Users\gustavoas\Documents\01 - Trabalho\GIAT\Reports\</t>
  </si>
  <si>
    <t>PLANO DE TRABALHO GIAT.xlsx</t>
  </si>
  <si>
    <t>D:\BKP NOTE 2019\Documentos\01 - Trabalho\GIAT\Reports\PLANO DE TRABALHO GIAT.xlsx</t>
  </si>
  <si>
    <t>11/24/2019 22:28:29</t>
  </si>
  <si>
    <t>C:\Users\gustavoas\Documents\01 - Trabalho\GIAT\Reports\PMO - STATUS DE GOVERNANÇA - PPE - GIAT - 28-09-18.pptx\</t>
  </si>
  <si>
    <t>D:\BKP NOTE 2019\Documentos\01 - Trabalho\GIAT\Reports\PMO - STATUS DE GOVERNANÇA - PPE - GIAT - 28-09-18.pptx</t>
  </si>
  <si>
    <t>11/24/2019 22:28:32</t>
  </si>
  <si>
    <t>C:\Users\gustavoas\Documents\01 - Trabalho\GIAT\Treinamentos\Aprendizagem e Ação\</t>
  </si>
  <si>
    <t>Agendamento das Apresentações_Atualizada.xlsx</t>
  </si>
  <si>
    <t>D:\BKP NOTE 2019\Documentos\01 - Trabalho\GIAT\Treinamentos\Aprendizagem e Ação\Agendamento das Apresentações_Atualizada.xlsx</t>
  </si>
  <si>
    <t>Case 1 - Seg. Bens Duráveis - Dúvidas - Grupo 1 v2.xlsx</t>
  </si>
  <si>
    <t>D:\BKP NOTE 2019\Documentos\01 - Trabalho\GIAT\Treinamentos\Aprendizagem e Ação\Case 1 - Seg. Bens Duráveis - Dúvidas - Grupo 1 v2.xlsx</t>
  </si>
  <si>
    <t>11/24/2019 22:28:35</t>
  </si>
  <si>
    <t>C:\Users\gustavoas\Documents\01 - Trabalho\GIAT\Treinamentos\Aprendizagem e Ação\Cases OK.zip\</t>
  </si>
  <si>
    <t>D:\BKP NOTE 2019\Documentos\01 - Trabalho\GIAT\Treinamentos\Aprendizagem e Ação\Cases OK.zip</t>
  </si>
  <si>
    <t>Case 10.xlsx</t>
  </si>
  <si>
    <t>Case 11.xlsx</t>
  </si>
  <si>
    <t>Case 2.xlsx</t>
  </si>
  <si>
    <t>Case 3.xlsx</t>
  </si>
  <si>
    <t>Case 4.xlsx</t>
  </si>
  <si>
    <t>Case 5.xlsx</t>
  </si>
  <si>
    <t>Case 6.xlsx</t>
  </si>
  <si>
    <t>Case 7.xlsx</t>
  </si>
  <si>
    <t>Case 8.xlsx</t>
  </si>
  <si>
    <t>Case 9.xlsx</t>
  </si>
  <si>
    <t>11/24/2019 22:28:36</t>
  </si>
  <si>
    <t>Disparo de Convites.xlsx</t>
  </si>
  <si>
    <t>D:\BKP NOTE 2019\Documentos\01 - Trabalho\GIAT\Treinamentos\Aprendizagem e Ação\Disparo de Convites.xlsx</t>
  </si>
  <si>
    <t>Grupos e quem participou Acad.Vendas.xlsx</t>
  </si>
  <si>
    <t>D:\BKP NOTE 2019\Documentos\01 - Trabalho\GIAT\Treinamentos\Aprendizagem e Ação\Grupos e quem participou Acad.Vendas.xlsx</t>
  </si>
  <si>
    <t>11/24/2019 22:28:40</t>
  </si>
  <si>
    <t>Template Avaliação (Em construção)V2.xlsx</t>
  </si>
  <si>
    <t>D:\BKP NOTE 2019\Documentos\01 - Trabalho\GIAT\Treinamentos\Aprendizagem e Ação\Template Avaliação (Em construção)V2.xlsx</t>
  </si>
  <si>
    <t>11/24/2019 22:28:41</t>
  </si>
  <si>
    <t>C:\Users\gustavoas\Documents\01 - Trabalho\GIAT\Treinamentos\Aprendizagem e Ação\Cases OK\</t>
  </si>
  <si>
    <t>Case 1 - Seg. Bens Duráveis - Grupo 1.xlsx</t>
  </si>
  <si>
    <t>D:\BKP NOTE 2019\Documentos\01 - Trabalho\GIAT\Treinamentos\Aprendizagem e Ação\Cases OK\Case 1 - Seg. Bens Duráveis - Grupo 1.xlsx</t>
  </si>
  <si>
    <t>Case 10 - Seg. Varejo - Grupo 10.xlsx</t>
  </si>
  <si>
    <t>D:\BKP NOTE 2019\Documentos\01 - Trabalho\GIAT\Treinamentos\Aprendizagem e Ação\Cases OK\Case 10 - Seg. Varejo - Grupo 10.xlsx</t>
  </si>
  <si>
    <t>Case 11 - Seg. Automotivo - Grupo 11 - Dúvidas.xlsx</t>
  </si>
  <si>
    <t>D:\BKP NOTE 2019\Documentos\01 - Trabalho\GIAT\Treinamentos\Aprendizagem e Ação\Cases OK\Case 11 - Seg. Automotivo - Grupo 11 - Dúvidas.xlsx</t>
  </si>
  <si>
    <t>11/24/2019 22:28:42</t>
  </si>
  <si>
    <t>Case 2 - Seg. Bens de Consumo - Grupo 2.xlsx</t>
  </si>
  <si>
    <t>D:\BKP NOTE 2019\Documentos\01 - Trabalho\GIAT\Treinamentos\Aprendizagem e Ação\Cases OK\Case 2 - Seg. Bens de Consumo - Grupo 2.xlsx</t>
  </si>
  <si>
    <t>11/24/2019 22:28:45</t>
  </si>
  <si>
    <t>Case 3 - Seg. Educação - Grupo 3.xlsx</t>
  </si>
  <si>
    <t>D:\BKP NOTE 2019\Documentos\01 - Trabalho\GIAT\Treinamentos\Aprendizagem e Ação\Cases OK\Case 3 - Seg. Educação - Grupo 3.xlsx</t>
  </si>
  <si>
    <t>11/24/2019 22:28:46</t>
  </si>
  <si>
    <t>Case 4 - Seg. Automotivo - Grupo 4.xlsx</t>
  </si>
  <si>
    <t>D:\BKP NOTE 2019\Documentos\01 - Trabalho\GIAT\Treinamentos\Aprendizagem e Ação\Cases OK\Case 4 - Seg. Automotivo - Grupo 4.xlsx</t>
  </si>
  <si>
    <t>Case 5 - Seg. Seguradora - Grupo 5.xlsx</t>
  </si>
  <si>
    <t>D:\BKP NOTE 2019\Documentos\01 - Trabalho\GIAT\Treinamentos\Aprendizagem e Ação\Cases OK\Case 5 - Seg. Seguradora - Grupo 5.xlsx</t>
  </si>
  <si>
    <t>Case 6 - Seg. Industria Farmaceutica - Grupo 6.xlsx</t>
  </si>
  <si>
    <t>D:\BKP NOTE 2019\Documentos\01 - Trabalho\GIAT\Treinamentos\Aprendizagem e Ação\Cases OK\Case 6 - Seg. Industria Farmaceutica - Grupo 6.xlsx</t>
  </si>
  <si>
    <t>11/24/2019 22:28:47</t>
  </si>
  <si>
    <t>Case 7 - Seg. Alimentos e Bebidas - Grupo 7.xlsx</t>
  </si>
  <si>
    <t>D:\BKP NOTE 2019\Documentos\01 - Trabalho\GIAT\Treinamentos\Aprendizagem e Ação\Cases OK\Case 7 - Seg. Alimentos e Bebidas - Grupo 7.xlsx</t>
  </si>
  <si>
    <t>Case 8 - Seg. Alimentos e Bebidas - Grupo 8.xlsx</t>
  </si>
  <si>
    <t>D:\BKP NOTE 2019\Documentos\01 - Trabalho\GIAT\Treinamentos\Aprendizagem e Ação\Cases OK\Case 8 - Seg. Alimentos e Bebidas - Grupo 8.xlsx</t>
  </si>
  <si>
    <t>11/24/2019 22:28:48</t>
  </si>
  <si>
    <t>Case 9 - Seg. Saúde - Grupo 9.xlsx</t>
  </si>
  <si>
    <t>D:\BKP NOTE 2019\Documentos\01 - Trabalho\GIAT\Treinamentos\Aprendizagem e Ação\Cases OK\Case 9 - Seg. Saúde - Grupo 9.xlsx</t>
  </si>
  <si>
    <t>C:\Users\gustavoas\Documents\01 - Trabalho\GIAT\Treinamentos\Aprendizagem e Ação\Cases OK\Dúvidas\</t>
  </si>
  <si>
    <t>Case 11 - Dúvidas - OK.xlsx</t>
  </si>
  <si>
    <t>D:\BKP NOTE 2019\Documentos\01 - Trabalho\GIAT\Treinamentos\Aprendizagem e Ação\Cases OK\Dúvidas\Case 11 - Dúvidas - OK.xlsx</t>
  </si>
  <si>
    <t>11/24/2019 22:28:49</t>
  </si>
  <si>
    <t>Case 3 - Dúvidas - OK.xlsx</t>
  </si>
  <si>
    <t>D:\BKP NOTE 2019\Documentos\01 - Trabalho\GIAT\Treinamentos\Aprendizagem e Ação\Cases OK\Dúvidas\Case 3 - Dúvidas - OK.xlsx</t>
  </si>
  <si>
    <t>Case 5 Dúvidas - OK.xlsx</t>
  </si>
  <si>
    <t>D:\BKP NOTE 2019\Documentos\01 - Trabalho\GIAT\Treinamentos\Aprendizagem e Ação\Cases OK\Dúvidas\Case 5 Dúvidas - OK.xlsx</t>
  </si>
  <si>
    <t>Case 6 - Dúvidas - OK.xlsx</t>
  </si>
  <si>
    <t>D:\BKP NOTE 2019\Documentos\01 - Trabalho\GIAT\Treinamentos\Aprendizagem e Ação\Cases OK\Dúvidas\Case 6 - Dúvidas - OK.xlsx</t>
  </si>
  <si>
    <t>Case 8 - Dúvidas - OK.xlsx</t>
  </si>
  <si>
    <t>D:\BKP NOTE 2019\Documentos\01 - Trabalho\GIAT\Treinamentos\Aprendizagem e Ação\Cases OK\Dúvidas\Case 8 - Dúvidas - OK.xlsx</t>
  </si>
  <si>
    <t>Case 8 - Dúvidas - PENDENTE.xlsx</t>
  </si>
  <si>
    <t>D:\BKP NOTE 2019\Documentos\01 - Trabalho\GIAT\Treinamentos\Aprendizagem e Ação\Cases OK\Dúvidas\Case 8 - Dúvidas - PENDENTE.xlsx</t>
  </si>
  <si>
    <t>11/24/2019 22:28:56</t>
  </si>
  <si>
    <t>C:\Users\gustavoas\Documents\01 - Trabalho\GIAT\Treinamentos\Capacitação Produto\Capacitação do Produto - Gestão de Infra TIC - Dias 11 e 12-07-2018 - PDF.pptx\</t>
  </si>
  <si>
    <t>D:\BKP NOTE 2019\Documentos\01 - Trabalho\GIAT\Treinamentos\Capacitação Produto\Capacitação do Produto - Gestão de Infra TIC - Dias 11 e 12-07-2018 - PDF.pptx</t>
  </si>
  <si>
    <t>11/24/2019 22:28:57</t>
  </si>
  <si>
    <t>11/24/2019 22:28:58</t>
  </si>
  <si>
    <t>11/24/2019 22:28:59</t>
  </si>
  <si>
    <t>11/24/2019 22:29:07</t>
  </si>
  <si>
    <t>C:\Users\gustavoas\Documents\01 - Trabalho\GIAT\Treinamentos\Capacitação Produto\Capacitação do Produto - Gestão de Infra TIC - Dias 11 e 12-07-2018.pptx\</t>
  </si>
  <si>
    <t>D:\BKP NOTE 2019\Documentos\01 - Trabalho\GIAT\Treinamentos\Capacitação Produto\Capacitação do Produto - Gestão de Infra TIC - Dias 11 e 12-07-2018.pptx</t>
  </si>
  <si>
    <t>11/24/2019 22:29:08</t>
  </si>
  <si>
    <t>11/24/2019 22:29:09</t>
  </si>
  <si>
    <t>11/24/2019 22:29:10</t>
  </si>
  <si>
    <t>11/24/2019 22:29:50</t>
  </si>
  <si>
    <t>C:\Users\gustavoas\Documents\01 - Trabalho\GIAT\Treinamentos\Capacitação Produto\Treinamento Comercial - Gestão de Infra TIC - 11-07-2018.pptx\</t>
  </si>
  <si>
    <t>D:\BKP NOTE 2019\Documentos\01 - Trabalho\GIAT\Treinamentos\Capacitação Produto\Treinamento Comercial - Gestão de Infra TIC - 11-07-2018.pptx</t>
  </si>
  <si>
    <t>11/24/2019 22:29:51</t>
  </si>
  <si>
    <t>11/24/2019 22:29:53</t>
  </si>
  <si>
    <t>11/24/2019 22:29:55</t>
  </si>
  <si>
    <t>11/24/2019 22:30:05</t>
  </si>
  <si>
    <t>C:\Users\gustavoas\Documents\01 - Trabalho\GIAT\Treinamentos\Capacitação Produto\Treinamento Operação - Gestão de Infra TIC - 12-07-2018.pptx\</t>
  </si>
  <si>
    <t>D:\BKP NOTE 2019\Documentos\01 - Trabalho\GIAT\Treinamentos\Capacitação Produto\Treinamento Operação - Gestão de Infra TIC - 12-07-2018.pptx</t>
  </si>
  <si>
    <t>11/24/2019 22:30:06</t>
  </si>
  <si>
    <t>11/24/2019 22:30:07</t>
  </si>
  <si>
    <t>11/24/2019 22:30:08</t>
  </si>
  <si>
    <t>11/24/2019 22:30:16</t>
  </si>
  <si>
    <t>C:\Users\gustavoas\Documents\01 - Trabalho\GIAT\Treinamentos\Capacitação Produto\Treinamento Pré-vendas - Gestão de Infra TIC - 11-07-2018 - Copia.pptx\</t>
  </si>
  <si>
    <t>D:\BKP NOTE 2019\Documentos\01 - Trabalho\GIAT\Treinamentos\Capacitação Produto\Treinamento Pré-vendas - Gestão de Infra TIC - 11-07-2018 - Copia.pptx</t>
  </si>
  <si>
    <t>11/24/2019 22:30:17</t>
  </si>
  <si>
    <t>11/24/2019 22:30:18</t>
  </si>
  <si>
    <t>11/24/2019 22:30:19</t>
  </si>
  <si>
    <t>11/24/2019 22:30:20</t>
  </si>
  <si>
    <t>11/24/2019 22:30:21</t>
  </si>
  <si>
    <t>11/24/2019 22:30:23</t>
  </si>
  <si>
    <t>C:\Users\gustavoas\Documents\01 - Trabalho\Organograma TI Algar Tech\</t>
  </si>
  <si>
    <t>Alocação.Cliente.Santarem.xlsx</t>
  </si>
  <si>
    <t>D:\BKP NOTE 2019\Documentos\01 - Trabalho\Organograma TI Algar Tech\Alocação.Cliente.Santarem.xlsx</t>
  </si>
  <si>
    <t>11/24/2019 22:30:25</t>
  </si>
  <si>
    <t>Alocação.Cliente.xlsx</t>
  </si>
  <si>
    <t>D:\BKP NOTE 2019\Documentos\01 - Trabalho\Organograma TI Algar Tech\Alocação.Cliente.xlsx</t>
  </si>
  <si>
    <t>11/24/2019 22:30:32</t>
  </si>
  <si>
    <t>Graficos FTE e Custos.xlsx</t>
  </si>
  <si>
    <t>D:\BKP NOTE 2019\Documentos\01 - Trabalho\Organograma TI Algar Tech\Graficos FTE e Custos.xlsx</t>
  </si>
  <si>
    <t>Necessidades.TI.Interna.xlsx</t>
  </si>
  <si>
    <t>D:\BKP NOTE 2019\Documentos\01 - Trabalho\Organograma TI Algar Tech\Necessidades.TI.Interna.xlsx</t>
  </si>
  <si>
    <t>11/24/2019 22:30:33</t>
  </si>
  <si>
    <t>Precificacao_PS_v2-semSIeGOV.Final.Enviado.xlsx</t>
  </si>
  <si>
    <t>D:\BKP NOTE 2019\Documentos\01 - Trabalho\Organograma TI Algar Tech\Precificacao_PS_v2-semSIeGOV.Final.Enviado.xlsx</t>
  </si>
  <si>
    <t>11/24/2019 22:30:43</t>
  </si>
  <si>
    <t>C:\Users\gustavoas\Documents\01 - Trabalho\SCC\</t>
  </si>
  <si>
    <t>Capilaridade.xlsx</t>
  </si>
  <si>
    <t>D:\BKP NOTE 2019\Documentos\01 - Trabalho\SCC\Capilaridade.xlsx</t>
  </si>
  <si>
    <t>11/24/2019 22:37:48</t>
  </si>
  <si>
    <t>C:\Users\gustavoas\Downloads\BOC POC Cliente LDC e Desenho de Solução Command Center_v3 (1).pptx\</t>
  </si>
  <si>
    <t>D:\BKP NOTE 2019\Downloads\BOC POC Cliente LDC e Desenho de Solução Command Center_v3 (1).pptx</t>
  </si>
  <si>
    <t>11/24/2019 22:37:53</t>
  </si>
  <si>
    <t>C:\Users\gustavoas\Downloads\BOC POC Cliente LDC e Desenho de Solução Command Center_v3 (2).pptx\</t>
  </si>
  <si>
    <t>D:\BKP NOTE 2019\Downloads\BOC POC Cliente LDC e Desenho de Solução Command Center_v3 (2).pptx</t>
  </si>
  <si>
    <t>11/24/2019 22:37:54</t>
  </si>
  <si>
    <t>11/24/2019 22:37:58</t>
  </si>
  <si>
    <t>C:\Users\gustavoas\Downloads\BOC POC Cliente LDC e Desenho de Solução Command Center_v3.pptx\</t>
  </si>
  <si>
    <t>D:\BKP NOTE 2019\Downloads\BOC POC Cliente LDC e Desenho de Solução Command Center_v3.pptx</t>
  </si>
  <si>
    <t>11/24/2019 22:38:17</t>
  </si>
  <si>
    <t>C:\Users\gustavoas\Downloads\Tech Day _ Apresentaçãov9.pptx\</t>
  </si>
  <si>
    <t>D:\BKP NOTE 2019\Downloads\Tech Day _ Apresentaçãov9.pptx</t>
  </si>
  <si>
    <t>11/24/2019 22:38:18</t>
  </si>
  <si>
    <t>11/24/2019 22:38:19</t>
  </si>
  <si>
    <t>11/24/2019 22:38:20</t>
  </si>
  <si>
    <t>11/24/2019 22:38:32</t>
  </si>
  <si>
    <t>C:\Users\gustavoas\Downloads\</t>
  </si>
  <si>
    <t>000030142_RELRB20_20181112152320.CSV</t>
  </si>
  <si>
    <t>D:\BKP NOTE 2019\Downloads\000030142_RELRB20_20181112152320.CSV</t>
  </si>
  <si>
    <t>10.211.2.145</t>
  </si>
  <si>
    <t>000030142_RELRB20_20181112152320.CSV:Zone.Identifier</t>
  </si>
  <si>
    <t>D:\BKP NOTE 2019\Downloads\000030142_RELRB20_20181112152320.CSV:Zone.Identifier</t>
  </si>
  <si>
    <t>11/24/2019 22:38:49</t>
  </si>
  <si>
    <t>Proposições de Valor - Gestão Integrada do Ambiente de Tecnologia (GIAT).csv.zip</t>
  </si>
  <si>
    <t>D:\BKP NOTE 2019\Downloads\Proposições de Valor - Gestão Integrada do Ambiente de Tecnologia (GIAT).csv.zip</t>
  </si>
  <si>
    <t>C:\Users\gustavoas\Downloads\Proposições de Valor - Gestão Integrada do Ambiente de Tecnologia (GIAT).csv.zip\</t>
  </si>
  <si>
    <t>ProposiÃ§Ãµes de Valor - GestÃ£o Integrada do Ambiente de Tecnologia (GIAT).csv</t>
  </si>
  <si>
    <t>Proposições de Valor - Gestão Integrada do Ambiente de Tecnologia (GIAT).csv.zip:Zone.Identifier</t>
  </si>
  <si>
    <t>D:\BKP NOTE 2019\Downloads\Proposições de Valor - Gestão Integrada do Ambiente de Tecnologia (GIAT).csv.zip:Zone.Identifier</t>
  </si>
  <si>
    <t>11/24/2019 22:39:22</t>
  </si>
  <si>
    <t>Acomp Novas Ofertas - 2018-10-25.xlsb</t>
  </si>
  <si>
    <t>D:\BKP NOTE 2019\Downloads\Acomp Novas Ofertas - 2018-10-25.xlsb</t>
  </si>
  <si>
    <t>11/24/2019 22:39:23</t>
  </si>
  <si>
    <t>Agendas Clientes - BOC.xlsx</t>
  </si>
  <si>
    <t>D:\BKP NOTE 2019\Downloads\Agendas Clientes - BOC.xlsx</t>
  </si>
  <si>
    <t>CAPEX As-Is GRC (Back Office).xlsx</t>
  </si>
  <si>
    <t>D:\BKP NOTE 2019\Downloads\CAPEX As-Is GRC (Back Office).xlsx</t>
  </si>
  <si>
    <t>D:\BKP NOTE 2019\Downloads\Case 1 - Seg. Bens Duráveis - Grupo 1.xlsx</t>
  </si>
  <si>
    <t>11/24/2019 22:39:24</t>
  </si>
  <si>
    <t>D:\BKP NOTE 2019\Downloads\Case 5 - Seg. Seguradora - Grupo 5.xlsx</t>
  </si>
  <si>
    <t>D:\BKP NOTE 2019\Downloads\Case 7 - Seg. Alimentos e Bebidas - Grupo 7.xlsx</t>
  </si>
  <si>
    <t>11/24/2019 22:39:25</t>
  </si>
  <si>
    <t>D:\BKP NOTE 2019\Downloads\Checklist Desenho de Solução - Gestão de Infra TIC - 07-2018.xlsx</t>
  </si>
  <si>
    <t>lista análise do discurso.xlsx</t>
  </si>
  <si>
    <t>D:\BKP NOTE 2019\Downloads\lista análise do discurso.xlsx</t>
  </si>
  <si>
    <t>D:\BKP NOTE 2019\Downloads\Termo_Responsabilidade_-_Cartao_Corporativo.xlsx</t>
  </si>
  <si>
    <t>Wish Money (1).xlsx</t>
  </si>
  <si>
    <t>D:\BKP NOTE 2019\Downloads\Wish Money (1).xlsx</t>
  </si>
  <si>
    <t>11/24/2019 22:39:26</t>
  </si>
  <si>
    <t>Wish Money.xlsx</t>
  </si>
  <si>
    <t>D:\BKP NOTE 2019\Downloads\Wish Money.xlsx</t>
  </si>
  <si>
    <t>D:\BKP NOTE 2019\Downloads\13012015-090350-pesquisa_de_capacidade_instalada_2014.xls</t>
  </si>
  <si>
    <t>Bradesco_06042019_123648.xls</t>
  </si>
  <si>
    <t>D:\BKP NOTE 2019\Downloads\Bradesco_06042019_123648.xls</t>
  </si>
  <si>
    <t>Bradesco_30012019_175016.xls</t>
  </si>
  <si>
    <t>D:\BKP NOTE 2019\Downloads\Bradesco_30012019_175016.xls</t>
  </si>
  <si>
    <t>DIMENSIONAMENTO Gestão de Infraestrutura TIC - v16 (1).xlsm</t>
  </si>
  <si>
    <t>D:\BKP NOTE 2019\Downloads\DIMENSIONAMENTO Gestão de Infraestrutura TIC - v16 (1).xlsm</t>
  </si>
  <si>
    <t>11/24/2019 22:39:27</t>
  </si>
  <si>
    <t>DIMENSIONAMENTO Gestão de Infraestrutura TIC - v16.xlsm</t>
  </si>
  <si>
    <t>D:\BKP NOTE 2019\Downloads\DIMENSIONAMENTO Gestão de Infraestrutura TIC - v16.xlsm</t>
  </si>
  <si>
    <t>Disponibilidadev10.xlsm</t>
  </si>
  <si>
    <t>D:\BKP NOTE 2019\Downloads\Disponibilidadev10.xlsm</t>
  </si>
  <si>
    <t>11/24/2019 22:39:28</t>
  </si>
  <si>
    <t>Disponibilidadev11.xlsm</t>
  </si>
  <si>
    <t>D:\BKP NOTE 2019\Downloads\Disponibilidadev11.xlsm</t>
  </si>
  <si>
    <t>11/24/2019 22:39:33</t>
  </si>
  <si>
    <t>11/24/2019 22:39:34</t>
  </si>
  <si>
    <t>11/26/2019 13:54:58</t>
  </si>
  <si>
    <t>11/26/2019 13:57:25</t>
  </si>
  <si>
    <t>11/26/2019 14:04:15</t>
  </si>
  <si>
    <t>11/26/2019 14:05:26</t>
  </si>
  <si>
    <t>ENC: Produtividade CRCe 25/11</t>
  </si>
  <si>
    <t>11/26/2019 14:02:18</t>
  </si>
  <si>
    <t>11/26/2019 14:06:26</t>
  </si>
  <si>
    <t>11/26/2019 14:09:59</t>
  </si>
  <si>
    <t>11/26/2019 14:13:25</t>
  </si>
  <si>
    <t>11/26/2019 14:09:29</t>
  </si>
  <si>
    <t>10.200.61.31</t>
  </si>
  <si>
    <t>20-47-47-FE-FA-14</t>
  </si>
  <si>
    <t>AMEXO-B052</t>
  </si>
  <si>
    <t>lucasacc</t>
  </si>
  <si>
    <t>C:\Users\lucasacc\Desktop\</t>
  </si>
  <si>
    <t>Formulário 01.xlsx</t>
  </si>
  <si>
    <t>11/26/2019 14:09:31</t>
  </si>
  <si>
    <t>mail.google.com/_/upload?authuser=1&amp;dcp=asu-n&amp;upload_id=AEnB2UqmAEi5S6HOIIN69oBjy2W1UL38StlfEOl-fxQJg2sx3whEJQ5z-QwxkkKrsqJKL0CV_nwonIQFGtuzTCP0hOtNvWqHYg&amp;upload_protocol=resumable</t>
  </si>
  <si>
    <t>11/26/2019 14:14:26</t>
  </si>
  <si>
    <t>11/26/2019 14:14:48</t>
  </si>
  <si>
    <t>11/26/2019 14:15:26</t>
  </si>
  <si>
    <t>/o=exchangelabs/ou=exchange administrative group (fydibohf23spdlt)/cn=recipients/cn=2b68c5c9701540eb8fd871ac41d57b98-michael vic;/o=exchangelabs/ou=exchange administrative group (fydibohf23spdlt)/cn=recipients/cn=b712c36eebee42428d3790abe2696417-romario gom;/o=exchangelabs/ou=exchange administrative group (fydibohf23spdlt)/cn=recipients/cn=ca7d1b1aa98d482ca2c948b11f486f8b-cynnara pim;cynnarapns@algartech.com.br;sabrinagc@algartech.com.br;</t>
  </si>
  <si>
    <t>12 - PLANEJAMENTO_NEXT_MANIFESTAÇÕES-2019</t>
  </si>
  <si>
    <t>12 - PLANEJAMENTO_NEXT_MANIFESTAÇÕES-2019.xlsx</t>
  </si>
  <si>
    <t>/o=exchangelabs/ou=exchange administrative group (fydibohf23spdlt)/cn=recipients/cn=2b68c5c9701540eb8fd871ac41d57b98-michael vic,/o=exchangelabs/ou=exchange administrative group (fydibohf23spdlt)/cn=recipients/cn=b712c36eebee42428d3790abe2696417-romario gom,/o=exchangelabs/ou=exchange administrative group (fydibohf23spdlt)/cn=recipients/cn=ca7d1b1aa98d482ca2c948b11f486f8b-cynnara pim,cynnarapns@algartech.com.br,sabrinagc@algartech.com.br</t>
  </si>
  <si>
    <t>11/26/2019 14:14:13</t>
  </si>
  <si>
    <t>11/26/2019 14:18:26</t>
  </si>
  <si>
    <t>jullian@algartech.com</t>
  </si>
  <si>
    <t>C:\Comercial\2019\Proposta Comercial\CAP 2019\</t>
  </si>
  <si>
    <t>Transferências_Bloqueios VFinal.xlsx</t>
  </si>
  <si>
    <t>Valores pagos Passivo Bradesco v2.xls</t>
  </si>
  <si>
    <t>11/26/2019 14:21:03</t>
  </si>
  <si>
    <t>11/26/2019 14:23:26</t>
  </si>
  <si>
    <t>11/26/2019 14:23:56</t>
  </si>
  <si>
    <t>11/26/2019 14:25:26</t>
  </si>
  <si>
    <t>11/26/2019 10:55:17</t>
  </si>
  <si>
    <t>11/26/2019 14:27:26</t>
  </si>
  <si>
    <t>adrielefc@algartech.com;anapca@algartech.com;celmars@algartech.com;ericacdosc@algartech.com;vilarinho@algartech.com;</t>
  </si>
  <si>
    <t>\\Acsfs\deptos\PMO Governança\06 - GOVERNANÇA DO CAPEX\CAPEX LONGO PRAZO\CAPEX LP - REVISÃO_A19_M10\CAPEX LP 20 a 24 - 26_11 IFRS.pptx\</t>
  </si>
  <si>
    <t>adrielefc@algartech.com,anapca@algartech.com,celmars@algartech.com,ericacdosc@algartech.com,vilarinho@algartech.com</t>
  </si>
  <si>
    <t>11/26/2019 12:23:51</t>
  </si>
  <si>
    <t>C:\Users\diegorg\Desktop\Vilarinho\CAPEX 2020 26_11 IFRS.pptx\</t>
  </si>
  <si>
    <t>11/26/2019 14:40:11</t>
  </si>
  <si>
    <t>11/26/2019 14:42:26</t>
  </si>
  <si>
    <t>10.200.99.141</t>
  </si>
  <si>
    <t>mail.google.com/_/upload?authuser=0&amp;dcp=asu-n&amp;upload_id=AEnB2Ur8sjeBIMBGWmLZZxj4bt2q_1OsvjNfOrsnSIe3mpTZeMOBMR-Rm8-MHMoLbN-Nb89UGaLheA-BThB1itTULzonAlZzAg&amp;upload_protocol=resumable</t>
  </si>
  <si>
    <t>senildapdo@algartech.com;viniciussg@algartech.com;</t>
  </si>
  <si>
    <t>20191120 PESQUISA DIA DA REVENDEDORA 2509.xlsm</t>
  </si>
  <si>
    <t>senildapdo@algartech.com,viniciussg@algartech.com</t>
  </si>
  <si>
    <t>11/26/2019 14:39:03</t>
  </si>
  <si>
    <t>11/26/2019 14:43:25</t>
  </si>
  <si>
    <t>\\cppfs\cpdeptos\CPC\2 - Planejamento\IBI\2019\12 - Dezembro\Outbound\</t>
  </si>
  <si>
    <t>Resumo Dimensionamento P2.xlsx</t>
  </si>
  <si>
    <t>11/26/2019 14:43:45</t>
  </si>
  <si>
    <t>11/26/2019 14:44:26</t>
  </si>
  <si>
    <t>Sizing_V2.xlsx</t>
  </si>
  <si>
    <t>11/26/2019 14:40:30</t>
  </si>
  <si>
    <t>11/26/2019 14:47:25</t>
  </si>
  <si>
    <t>1574774901213;1574775202237;1574775503248;252285211;7;8;9;[];[]]];false;false]";null;yzuwgjo1uxaqzhing_lfghibi93fjyr3dqnhd5sd4vkdan2xaobap7dbvmykbdqxcm6gt40va2ouuiwr7vxzufyotulmkrvvimhswa6yp2lpqmdxbpmr8c4gxpo6gvkts1_eyvmjg8ozumr8si2gp5ad55wiw-djvuk86nsmelbygw0xt0wx0313aoszyc6hxccddl-iwqcmjwgih62smjhs4qrtcmd2tunzbjslwtnn5bb8wmghsk3vo_hqggjyicpa544dym6nb756zrfzgy\";yzuwgjo1uxaqzhing_lfghibi93fjyr3dqnhd5sd4vkdan2xaobap7dbvmykbdqxcm6gt40va2ouuiwr7vxzufyotulmkrvvimhswa6yp2lpqmdxbpmr8c4gxpo6gvkts1_eyvmjg8ozumr8si2gp5ad55wiw-djvuk86nsmelbygw0xt0wx0313aoszyc6hxccddl-iwqcmjwgih62smjhs4qrtcmd2tunzbjslwtnnpbb8wmghskaxhjx-regtgpslrsjcb66-cugkxagfgq\";yzuwgjo1uxaqzhing_lfghibi93fjyr3dqnhd5sd4vkdan2xaobap7dbvmykbdqxcm6gt40va2ouuiwr7vxzufyotulmkrvvimhswa6yp2lpqmdxbpmr8c4gxpo6gvkts1_eyvmjg8ozumr8si2gp5ad55wiw-djvuk86nsmelbygw0xt0wx0313aoszyc6hxccddl-iwqcmjwgih62smjhs4qrtcmd2tunzbjslwtnojbb8wmghskgkpykzpzy_v_xu_kt5gn2mcmywraidgo\";</t>
  </si>
  <si>
    <t>C:\Users\pauloslj\Desktop\</t>
  </si>
  <si>
    <t>Mailing MEI.xlsx</t>
  </si>
  <si>
    <t>1574774901213,1574775202237,1574775503248,252285211,7,8,9,[],[]]],false,false]",null,yzuwgjo1uxaqzhing_lfghibi93fjyr3dqnhd5sd4vkdan2xaobap7dbvmykbdqxcm6gt40va2ouuiwr7vxzufyotulmkrvvimhswa6yp2lpqmdxbpmr8c4gxpo6gvkts1_eyvmjg8ozumr8si2gp5ad55wiw-djvuk86nsmelbygw0xt0wx0313aoszyc6hxccddl-iwqcmjwgih62smjhs4qrtcmd2tunzbjslwtnn5bb8wmghsk3vo_hqggjyicpa544dym6nb756zrfzgy\",yzuwgjo1uxaqzhing_lfghibi93fjyr3dqnhd5sd4vkdan2xaobap7dbvmykbdqxcm6gt40va2ouuiwr7vxzufyotulmkrvvimhswa6yp2lpqmdxbpmr8c4gxpo6gvkts1_eyvmjg8ozumr8si2gp5ad55wiw-djvuk86nsmelbygw0xt0wx0313aoszyc6hxccddl-iwqcmjwgih62smjhs4qrtcmd2tunzbjslwtnnpbb8wmghskaxhjx-regtgpslrsjcb66-cugkxagfgq\",yzuwgjo1uxaqzhing_lfghibi93fjyr3dqnhd5sd4vkdan2xaobap7dbvmykbdqxcm6gt40va2ouuiwr7vxzufyotulmkrvvimhswa6yp2lpqmdxbpmr8c4gxpo6gvkts1_eyvmjg8ozumr8si2gp5ad55wiw-djvuk86nsmelbygw0xt0wx0313aoszyc6hxccddl-iwqcmjwgih62smjhs4qrtcmd2tunzbjslwtnojbb8wmghskgkpykzpzy_v_xu_kt5gn2mcmywraidgo\"</t>
  </si>
  <si>
    <t>11/26/2019 14:46:47</t>
  </si>
  <si>
    <t>11/26/2019 14:48:26</t>
  </si>
  <si>
    <t>ENC: Chamado 833218</t>
  </si>
  <si>
    <t>CRs 21-11.xlsx</t>
  </si>
  <si>
    <t>11/26/2019 14:47:02</t>
  </si>
  <si>
    <t>11/26/2019 14:50:26</t>
  </si>
  <si>
    <t>C:\Users\miriantof\Downloads\</t>
  </si>
  <si>
    <t>Contatos_Atualização (2).xlsx</t>
  </si>
  <si>
    <t>11/26/2019 14:46:57</t>
  </si>
  <si>
    <t>11/26/2019 14:51:26</t>
  </si>
  <si>
    <t>Complementar FAT B NOVEMBRO19.xlsx</t>
  </si>
  <si>
    <t>11/26/2019 14:48:01</t>
  </si>
  <si>
    <t>11/26/2019 14:52:26</t>
  </si>
  <si>
    <t>EVOLUCAO DE PORTIFOLIO</t>
  </si>
  <si>
    <t>10.200.62.14</t>
  </si>
  <si>
    <t>FC-01-7C-C0-96-7D</t>
  </si>
  <si>
    <t>NB-LUCIANAPDRE</t>
  </si>
  <si>
    <t>lucianapdre</t>
  </si>
  <si>
    <t>lucianapdre@algartech.com</t>
  </si>
  <si>
    <t>\\acsfs\DEPTOS\Governança da Estratégia\Governança\Holding\2019\Gerenciais\4ª REUGER Novembro\</t>
  </si>
  <si>
    <t>4ª REUGER - Controle de tempos.xlsx</t>
  </si>
  <si>
    <t>11/26/2019 14:49:23</t>
  </si>
  <si>
    <t>10.207.12.75</t>
  </si>
  <si>
    <t>64-1C-67-A0-2C-19</t>
  </si>
  <si>
    <t>11/26/2019 14:50:45</t>
  </si>
  <si>
    <t>11/26/2019 14:54:25</t>
  </si>
  <si>
    <t>11/26/2019 14:51:57</t>
  </si>
  <si>
    <t>11/26/2019 14:56:26</t>
  </si>
  <si>
    <t>11/26/2019 14:54:35</t>
  </si>
  <si>
    <t>11/26/2019 14:59:26</t>
  </si>
  <si>
    <t>11/26/2019 14:54:48</t>
  </si>
  <si>
    <t>Preco_Cotacao_Julho-2019_V3.xlsb</t>
  </si>
  <si>
    <t>11/26/2019 15:01:09</t>
  </si>
  <si>
    <t>11/26/2019 15:05:26</t>
  </si>
  <si>
    <t>Relatório associados sinergy</t>
  </si>
  <si>
    <t>HIERARQUIA 22_11.xlsx</t>
  </si>
  <si>
    <t>11/26/2019 15:08:24</t>
  </si>
  <si>
    <t>11/26/2019 15:09:26</t>
  </si>
  <si>
    <t>Preco_Cotacao_AlteracaoEscopo_V1.xlsb</t>
  </si>
  <si>
    <t>11/26/2019 15:04:25</t>
  </si>
  <si>
    <t>11/26/2019 15:05:50</t>
  </si>
  <si>
    <t>11/26/2019 15:10:26</t>
  </si>
  <si>
    <t>mail.google.com/_/upload?authuser=3&amp;dcp=asu-n&amp;upload_id=AEnB2UodCe7XP6ZRARfLsUytR6GNZQRprHQZ9FlbtkPIbcUwAci4ucVMsEClGzBGIyFo2vJU1FR2WgWwn5X8SyPlSkda3eHC_Q&amp;upload_protocol=resumable</t>
  </si>
  <si>
    <t>C:\Users\matheusvs\Desktop\Squad - Canais Digitais\Eletrodomésticos e Eletroportáteis\Whirlpool\Ativos Services\</t>
  </si>
  <si>
    <t>11/26/2019 15:11:24</t>
  </si>
  <si>
    <t>11/26/2019 15:12:26</t>
  </si>
  <si>
    <t>C:\Users\lucianocle\OneDrive\Algar\Business Performance - Onedrive\Analises\</t>
  </si>
  <si>
    <t>Consolidação de BPs.xlsx</t>
  </si>
  <si>
    <t>11/26/2019 15:11:58</t>
  </si>
  <si>
    <t>11/26/2019 15:13:26</t>
  </si>
  <si>
    <t>C:\Users\hewertontr\Desktop\Material PMO\Home Office\</t>
  </si>
  <si>
    <t>Home Office PROJETOS - Dezembro.xlsx</t>
  </si>
  <si>
    <t>11/26/2019 15:16:10</t>
  </si>
  <si>
    <t>11/26/2019 15:18:26</t>
  </si>
  <si>
    <t>mail.google.com/_/upload?authuser=0&amp;dcp=asu-n&amp;upload_id=AEnB2Ur1PDaGWaRVzh6Ddsp6xTSZA-bVO50FPk9wwJ9zjZvbG7OPVYnCDVFjGOpWDxaqWuN7Y0ZaSTfNMH2RkVwwpZjEC2pcGw&amp;upload_protocol=resumable</t>
  </si>
  <si>
    <t>11/26/2019 15:17:26</t>
  </si>
  <si>
    <t>11/26/2019 15:19:26</t>
  </si>
  <si>
    <t>11/26/2019 15:21:08</t>
  </si>
  <si>
    <t>11/26/2019 15:23:26</t>
  </si>
  <si>
    <t>mail.google.com/_/upload?authuser=0&amp;dcp=asu-n&amp;upload_id=AEnB2UrVmjuWiwzlc8XbyRec1Rq-U1lv5WGxpnqxaJRPJg7-VgE8FMPLIfoDRMTCvq2DA42UMDqMIMk7nopoA6ZKrXPQun4EEg&amp;upload_protocol=resumable</t>
  </si>
  <si>
    <t>C:\Users\lucianabo\Desktop\2020\RECEITA\RES_ Abrir Base de Calculo - RL.msg\s96\</t>
  </si>
  <si>
    <t>RB YOUSE RECEPT VENDAS - 2020.xlsx</t>
  </si>
  <si>
    <t>RB YOUSE SAC - 2020.xlsx</t>
  </si>
  <si>
    <t>RB YOUSE TLV - 2020.xlsx</t>
  </si>
  <si>
    <t>11/26/2019 15:32:17</t>
  </si>
  <si>
    <t>11/26/2019 15:32:26</t>
  </si>
  <si>
    <t>C:\Users\douglasxm\OneDrive - Grupo Algar\Old_Douglas\</t>
  </si>
  <si>
    <t>11/26/2019 15:32:18</t>
  </si>
  <si>
    <t>11/26/2019 15:32:19</t>
  </si>
  <si>
    <t>OLT.xlsx</t>
  </si>
  <si>
    <t>11/26/2019 15:32:23</t>
  </si>
  <si>
    <t>Meta_S_Rateios_2020.xlsb</t>
  </si>
  <si>
    <t>11/26/2019 15:32:24</t>
  </si>
  <si>
    <t>11/26/2019 15:29:18</t>
  </si>
  <si>
    <t>11/26/2019 15:33:25</t>
  </si>
  <si>
    <t>Template_-_Gestao_de_Titulos (34).xlsx</t>
  </si>
  <si>
    <t>11/26/2019 15:31:27</t>
  </si>
  <si>
    <t>c:\users\lauravx\downloads\</t>
  </si>
  <si>
    <t>cancelamento_fora competencia.xlsx</t>
  </si>
  <si>
    <t>11/26/2019 15:34:21</t>
  </si>
  <si>
    <t>11/26/2019 15:37:26</t>
  </si>
  <si>
    <t>alinemds@algartech.com;diogenespl@algartech.com.br;emanueldldl@algartech.com.br;fredericobs@algartecnologia.com.br;marcosih@algartech.com.br;poliane.amaral@bradesco.com.br;renatafs@algartech.com.br;rosangelaasn@algartech.com.br;suzane.b.rodrigues@bradesco.com.br;</t>
  </si>
  <si>
    <t>Régua de Pendências Dynamics Corporate 15 hs</t>
  </si>
  <si>
    <t>alinemds@algartech.com,diogenespl@algartech.com.br,emanueldldl@algartech.com.br,fredericobs@algartecnologia.com.br,marcosih@algartech.com.br,poliane.amaral@bradesco.com.br,renatafs@algartech.com.br,rosangelaasn@algartech.com.br,suzane.b.rodrigues@bradesco.com.br</t>
  </si>
  <si>
    <t>11/26/2019 15:32:25</t>
  </si>
  <si>
    <t>IP-FIBERHOME-07-11.xlsx</t>
  </si>
  <si>
    <t>IP-FIBERHOME-07-11 (1).xlsx</t>
  </si>
  <si>
    <t>ifnk54c3.4qd.csv</t>
  </si>
  <si>
    <t>11/26/2019 15:32:29</t>
  </si>
  <si>
    <t>Gamificação Supervisores GAT-GST-IND (1).xlsx</t>
  </si>
  <si>
    <t>Formulário de Liberação de Ativos CLU_Gerson.xlsx</t>
  </si>
  <si>
    <t>11/26/2019 15:32:30</t>
  </si>
  <si>
    <t>11/26/2019 15:32:31</t>
  </si>
  <si>
    <t>douglas - outubro.xlsx</t>
  </si>
  <si>
    <t>11/26/2019 15:32:32</t>
  </si>
  <si>
    <t>DMAE_PN (1).xlsx</t>
  </si>
  <si>
    <t>11/26/2019 15:32:33</t>
  </si>
  <si>
    <t>11/26/2019 15:32:34</t>
  </si>
  <si>
    <t>Cópia de 174252-BP Preço C015 B014 Desonerada_v4_Final_150119.xlsb</t>
  </si>
  <si>
    <t>C:\Users\douglasxm\OneDrive - Grupo Algar\Old_Douglas\Cópia de 174252-BP Preço C015 B014 Desonerada_v4_Final_150119.xlsb\</t>
  </si>
  <si>
    <t>11/26/2019 15:32:35</t>
  </si>
  <si>
    <t>11/26/2019 15:32:38</t>
  </si>
  <si>
    <t>Consolidado Não Faturado Outubro - Operações_2ª Semana ((518677)).xlsx</t>
  </si>
  <si>
    <t>11/26/2019 15:32:40</t>
  </si>
  <si>
    <t>C:\Users\douglasxm\OneDrive - Grupo Algar\Old_Douglas\BP Homologação DataCom rev3.xlsb\</t>
  </si>
  <si>
    <t>11/26/2019 15:32:41</t>
  </si>
  <si>
    <t>55obudfg.k4b.csv</t>
  </si>
  <si>
    <t>11/26/2019 15:32:55</t>
  </si>
  <si>
    <t>C:\Users\douglasxm\OneDrive - Grupo Algar\Old_Douglas\Equipamentos\OLD\</t>
  </si>
  <si>
    <t>NUM SERIE-1 - WBES - 113848 - 07 - FEV - 17 - ENGESET_20_MG.xls</t>
  </si>
  <si>
    <t>11/26/2019 15:39:17</t>
  </si>
  <si>
    <t>11/26/2019 15:40:26</t>
  </si>
  <si>
    <t>11/26/2019 15:46:29</t>
  </si>
  <si>
    <t>11/26/2019 15:49:27</t>
  </si>
  <si>
    <t>0ANALYSIS_PATTERN - 2019-11-26T154535.171.csv</t>
  </si>
  <si>
    <t>11/26/2019 15:46:37</t>
  </si>
  <si>
    <t>11/26/2019 15:46:43</t>
  </si>
  <si>
    <t>11/26/2019 15:50:26</t>
  </si>
  <si>
    <t>claudiac.machado@bradesco.com.br;elton.r.luz@bradesco.com.br;hugooc@algartech.com;leandrolds@algartech.com;lsouza@deepcenter.com.br;marcelobsa@algartech.com;patriciaac@algartech.com;peterson.l.arruda@bradesco.com.br;sabrinadtdmc@algartech.com;wcarvalho@deepcenter.com.br;</t>
  </si>
  <si>
    <t>Daily URA Ativa 112019.xlsx</t>
  </si>
  <si>
    <t>claudiac.machado@bradesco.com.br,elton.r.luz@bradesco.com.br,hugooc@algartech.com,leandrolds@algartech.com,lsouza@deepcenter.com.br,marcelobsa@algartech.com,patriciaac@algartech.com,peterson.l.arruda@bradesco.com.br,sabrinadtdmc@algartech.com,wcarvalho@deepcenter.com.br</t>
  </si>
  <si>
    <t>11/26/2019 15:50:44</t>
  </si>
  <si>
    <t>11/26/2019 15:54:27</t>
  </si>
  <si>
    <t>0ANALYSIS_PATTERN - 2019-11-26T155005.306.csv</t>
  </si>
  <si>
    <t>11/26/2019 15:56:08</t>
  </si>
  <si>
    <t>11/26/2019 15:59:26</t>
  </si>
  <si>
    <t>\\acsfs\DEPTOS\Operacao\PCP\5 - Comum\LUIZ ALFREDO\00 - WHIRLPOOL\02 - COMPRA CERTA\2019\11 - NOVEMBRO\</t>
  </si>
  <si>
    <t>11/26/2019 15:58:59</t>
  </si>
  <si>
    <t>11/26/2019 16:00:27</t>
  </si>
  <si>
    <t>11/26/2019 16:00:04</t>
  </si>
  <si>
    <t>11/26/2019 16:02:27</t>
  </si>
  <si>
    <t>giseleclss@algartech.com</t>
  </si>
  <si>
    <t>hannawo@algartech.com;ibiapinoom@algartech.com;</t>
  </si>
  <si>
    <t>C:\Users\giseleclss\Desktop\</t>
  </si>
  <si>
    <t>Licenças SESMT.xlsx</t>
  </si>
  <si>
    <t>hannawo@algartech.com,ibiapinoom@algartech.com</t>
  </si>
  <si>
    <t>11/26/2019 14:37:47</t>
  </si>
  <si>
    <t>11/26/2019 16:06:28</t>
  </si>
  <si>
    <t>ricardobal@algartech.com;tayss@algartech.com;</t>
  </si>
  <si>
    <t>Custo CSC Geral.xlsx</t>
  </si>
  <si>
    <t>ricardobal@algartech.com,tayss@algartech.com</t>
  </si>
  <si>
    <t>11/26/2019 14:37:50</t>
  </si>
  <si>
    <t>mail.google.com/_/upload?authuser=0&amp;dcp=asu-n&amp;upload_id=AEnB2Up6SxBbyMLN_lxF6HG11Y0Qkk286tI76ZND8Aj7dLh--H6Nxpn-8T08aZDJ2vgYrqmisCex7nqJu_nIcL7W9EIQvfa0HcCeyHUXOyXT6WTMcjhGIQQ&amp;upload_protocol=resumable</t>
  </si>
  <si>
    <t>11/26/2019 16:06:25</t>
  </si>
  <si>
    <t>11/26/2019 16:10:28</t>
  </si>
  <si>
    <t>C:\Users\elainemdlp\OD\_Projetos\Em andamento\</t>
  </si>
  <si>
    <t>178274 EDP BP Advanced Collection v3.1.xlsb</t>
  </si>
  <si>
    <t>C:\Users\elainemdlp\OD\_Projetos\Em andamento\178274 EDP BP Advanced Collection v3.1.xlsb\</t>
  </si>
  <si>
    <t>11/26/2019 16:09:45</t>
  </si>
  <si>
    <t>11/26/2019 16:11:28</t>
  </si>
  <si>
    <t>mail.google.com/_/upload?authuser=0&amp;dcp=asu-n&amp;upload_id=AEnB2Ur0UAcRfjC2rYsRuTwlKsY8LeWJCK-WYkMXuwvV_PAHjtj0y5zxKIPsWpngMye1-aCQrBhdiDG2O2iaZDyzkMLRCHxo1A&amp;upload_protocol=resumable</t>
  </si>
  <si>
    <t>\\acsfs\DEPTOS\Operacao\PCP\3 - Corporativo\RFP´s (Request for Proposal)\2019\Sinergias Whirlpool\Estudo Novembro 2019\Arquivos Comparação\</t>
  </si>
  <si>
    <t>Análise WHP_RFP_19112019_v3.xlsx</t>
  </si>
  <si>
    <t>11/26/2019 16:11:36</t>
  </si>
  <si>
    <t>11/26/2019 16:15:28</t>
  </si>
  <si>
    <t>c:\users\gustavohdsa\appdata\local\microsoft\windows\temporary internet files\content.ie5\muuyrxby\</t>
  </si>
  <si>
    <t>11/26/2019 16:12:56</t>
  </si>
  <si>
    <t>11/26/2019 16:17:46</t>
  </si>
  <si>
    <t>11/26/2019 16:22:28</t>
  </si>
  <si>
    <t>/o=exchangelabs/ou=exchange administrative group (fydibohf23spdlt)/cn=recipients/cn=65f2464c9a2e4d2981cae7124572133d-cristiane c;/o=exchangelabs/ou=exchange administrative group (fydibohf23spdlt)/cn=recipients/cn=741ddf52d7254566b58abdfaef6b9055-geison jose;/o=exchangelabs/ou=exchange administrative group (fydibohf23spdlt)/cn=recipients/cn=8c01e71056fe4e1a8ecc4e24420bd9ef-fellyp cros;</t>
  </si>
  <si>
    <t>RES: Atualização de Sindicato</t>
  </si>
  <si>
    <t>Cópia de Sindicato.xlsx</t>
  </si>
  <si>
    <t>/o=exchangelabs/ou=exchange administrative group (fydibohf23spdlt)/cn=recipients/cn=65f2464c9a2e4d2981cae7124572133d-cristiane c,/o=exchangelabs/ou=exchange administrative group (fydibohf23spdlt)/cn=recipients/cn=741ddf52d7254566b58abdfaef6b9055-geison jose,/o=exchangelabs/ou=exchange administrative group (fydibohf23spdlt)/cn=recipients/cn=8c01e71056fe4e1a8ecc4e24420bd9ef-fellyp cros</t>
  </si>
  <si>
    <t>11/26/2019 16:20:45</t>
  </si>
  <si>
    <t>11/26/2019 16:25:28</t>
  </si>
  <si>
    <t>11/26/2019 16:21:00</t>
  </si>
  <si>
    <t>/o=exchangelabs/ou=exchange administrative group (fydibohf23spdlt)/cn=recipients/cn=72cf7e0bd1fe499886b9c12b4b5b52b6-inacio anto;inacioaf@algartech.com.br;</t>
  </si>
  <si>
    <t>ENC: Devolutiva Cerrado - Ativas e BO Novembro</t>
  </si>
  <si>
    <t>Cerrado_2019_11.xlsx</t>
  </si>
  <si>
    <t>/o=exchangelabs/ou=exchange administrative group (fydibohf23spdlt)/cn=recipients/cn=72cf7e0bd1fe499886b9c12b4b5b52b6-inacio anto,inacioaf@algartech.com.br</t>
  </si>
  <si>
    <t>11/26/2019 16:24:26</t>
  </si>
  <si>
    <t>11/26/2019 16:28:27</t>
  </si>
  <si>
    <t>\\acsfs\engeset\FINANCEIRO_ULA\FATURAMENTO\08. Relatórios Faturamento\03. 2019\11.2019\</t>
  </si>
  <si>
    <t>RELATÓRIO FATURAMENTO 01.11.2019 A 25.11.2019.xlsx</t>
  </si>
  <si>
    <t>11/26/2019 16:26:27</t>
  </si>
  <si>
    <t>11/26/2019 16:30:27</t>
  </si>
  <si>
    <t>C:\Users\elainemdlp\OD\_Projetos\Em andamento\Crescimento Caixa Cap\01 - Iniciacao\</t>
  </si>
  <si>
    <t>PMO_Algar_Tech_-__DETALHAMENTO_DE_ITENS_DE_AQUISICOES_PARA_PROJETOS.XLSX</t>
  </si>
  <si>
    <t>11/26/2019 16:30:16</t>
  </si>
  <si>
    <t>10.250.254.28</t>
  </si>
  <si>
    <t>mail.google.com/_/upload?authuser=0&amp;dcp=asu-n&amp;upload_id=AEnB2UrnVIZWUdyN9VDzx03oMJj751bYguoujqjmbb0d2noy7i-MANiU71HFnYNXuJRMcmJXcpmicKqRvnpwR3UQHi_dsmGSeRUYW69DD8NKxr8VUtvVpBA&amp;upload_protocol=resumable</t>
  </si>
  <si>
    <t>C:\Users\priscilaflo\Desktop\</t>
  </si>
  <si>
    <t>Nayara_DMV.xlsx</t>
  </si>
  <si>
    <t>11/26/2019 16:39:35</t>
  </si>
  <si>
    <t>11/26/2019 16:42:29</t>
  </si>
  <si>
    <t>mail.google.com/_/upload?authuser=0&amp;dcp=asu-n&amp;upload_id=AEnB2UoPKvjyIRURr2-5amRkZ2AwHjLTBwZ5HFivpt-AzsWLEiB9CX1WWC9TS90iCKw4sfx_Ghq6PGLZ9OnuKtzC_39jwWIzwg&amp;upload_protocol=resumable</t>
  </si>
  <si>
    <t>Ranking Reativação.xlsx</t>
  </si>
  <si>
    <t>11/26/2019 16:39:21</t>
  </si>
  <si>
    <t>irisen@algartech.com</t>
  </si>
  <si>
    <t>C:\Users\irisen\Desktop\</t>
  </si>
  <si>
    <t>treinamento supervisores - Cópia.xlsx</t>
  </si>
  <si>
    <t>11/26/2019 16:50:39</t>
  </si>
  <si>
    <t>11/26/2019 16:54:29</t>
  </si>
  <si>
    <t>\\acsfs\DEPTOS\Operacao\PCP\3 - Corporativo\MIS\GERADOR DE BIO\CLIENTES\Whirlpool\ATIVIDADES_MIS\37 - CHAT COMPRA CERTA\2019\</t>
  </si>
  <si>
    <t>11 - Quebra Diária - Chat Compra Certa _Novembro 2019.xlsx</t>
  </si>
  <si>
    <t>11/26/2019 17:04:00</t>
  </si>
  <si>
    <t>11/26/2019 17:04:28</t>
  </si>
  <si>
    <t>mail.google.com/_/upload?authuser=0&amp;dcp=asu-n&amp;upload_id=AEnB2UoY6pXf8Unpac9AEuvYs9X7oNh5Q8pC_vZs90YBHaGb-9Tg4mcGuZ1e8B87XrlWk6Vrgs_SVWVvJA0DnBYwU4tH3hu__w&amp;upload_protocol=resumable</t>
  </si>
  <si>
    <t>Distribuição Implementação.xlsx</t>
  </si>
  <si>
    <t>11/26/2019 17:02:27</t>
  </si>
  <si>
    <t>11/26/2019 17:05:28</t>
  </si>
  <si>
    <t>adrianoms@algartech.com</t>
  </si>
  <si>
    <t>\\acsfs\DEPTOS\Operacao\Pool\2 - Operacoes\AMEX\3 - Comum\FRAUDE AMEX\01 - Relatório VDE\2019\ESTUDO ATUALIZADO NOV.19\</t>
  </si>
  <si>
    <t>Estudo VDE e VDS - NOVEMBRO.19.xlsx</t>
  </si>
  <si>
    <t>11/26/2019 17:02:29</t>
  </si>
  <si>
    <t>mail.google.com/_/upload?authuser=0&amp;dcp=asu-n&amp;upload_id=AEnB2UrGy4Hu7WffmtESQZacKQSVEIaNFyLqGUPJJvZuAqe4ltdV-02Qq7X78n5FUqd06GAoCafXeAJaSHzw2Vxanma72mCNNgblIR4wWhJ-Ynuzxst0LEI&amp;upload_protocol=resumable</t>
  </si>
  <si>
    <t>11/26/2019 17:07:50</t>
  </si>
  <si>
    <t>11/26/2019 17:09:29</t>
  </si>
  <si>
    <t>/o=exchangelabs/ou=exchange administrative group (fydibohf23spdlt)/cn=recipients/cn=aff8c3b9538840fe9b9778861292fbea-everton pau;evertonpdsr@algartech.com.br;</t>
  </si>
  <si>
    <t>ENC: Aderência - Equipe Leonora</t>
  </si>
  <si>
    <t>/o=exchangelabs/ou=exchange administrative group (fydibohf23spdlt)/cn=recipients/cn=aff8c3b9538840fe9b9778861292fbea-everton pau,evertonpdsr@algartech.com.br</t>
  </si>
  <si>
    <t>11/26/2019 17:08:02</t>
  </si>
  <si>
    <t>11/26/2019 17:11:28</t>
  </si>
  <si>
    <t>mail.google.com/_/upload?authuser=1&amp;dcp=asu-n&amp;upload_id=AEnB2UrWr1iQUAkhkban6FoSXA5wHmWOA4BbxsAGIaSdSDXpPAWIGT9y7ugffZJPa396LBGl8YqTDsKqt4GgC3I5y1JFdSNtdA&amp;upload_protocol=resumable</t>
  </si>
  <si>
    <t>11/26/2019 17:08:37</t>
  </si>
  <si>
    <t>\\acsfs\engeset\COORDENAÇÃO CENTRO OESTE\01.Financeiro CO_RJ\2019\Receitamento\112019\</t>
  </si>
  <si>
    <t>Padrao Solicitacao Receitamento SG Telecom - Intercompany TCO - 102019.xlsm</t>
  </si>
  <si>
    <t>11/26/2019 17:11:47</t>
  </si>
  <si>
    <t>11/26/2019 17:15:28</t>
  </si>
  <si>
    <t>C:\Users\renataalves\Desktop\Slides_rafael_atualizar.pptx\</t>
  </si>
  <si>
    <t>11/26/2019 17:30:22</t>
  </si>
  <si>
    <t>11/26/2019 17:32:28</t>
  </si>
  <si>
    <t>10.200.61.30</t>
  </si>
  <si>
    <t>11/26/2019 17:30:23</t>
  </si>
  <si>
    <t>mail.google.com/_/upload?authuser=0&amp;dcp=asu-n&amp;upload_id=AEnB2UpDMyFtCGc-D_-Kbwsv5IMTabpqxw2ZGlCZ4tdHY70J1cIFa3lc6RXB032g6GGQU8saFqOYRJdiShhNwCsToAaIEDMGdQ&amp;upload_protocol=resumable</t>
  </si>
  <si>
    <t>C:\Users\fabianacscg\Desktop\Whirlpool\</t>
  </si>
  <si>
    <t>11/26/2019 17:27:52</t>
  </si>
  <si>
    <t>cfonseca@tripag.com.br;marcosnf@tripag.com.br;masilva@tripag.com.br;</t>
  </si>
  <si>
    <t>cfonseca@tripag.com.br,marcosnf@tripag.com.br,masilva@tripag.com.br</t>
  </si>
  <si>
    <t>11/26/2019 17:32:01</t>
  </si>
  <si>
    <t>11/26/2019 17:33:28</t>
  </si>
  <si>
    <t>mail.google.com/_/upload?authuser=0&amp;dcp=asu-n&amp;upload_id=AEnB2Uo11ilsqdSp9U6CgAtdSyhro4lzUmkomT_lIJXl_XsofcONL4d6WadO-3C6VaAIu_qPjebpyQgvVZaDuJByDDvm6oNYWw&amp;upload_protocol=resumable</t>
  </si>
  <si>
    <t>11/26/2019 17:34:47</t>
  </si>
  <si>
    <t>11/26/2019 17:36:29</t>
  </si>
  <si>
    <t>C:\Users\akassiablc.ACS\Documents\fechamento 112019\</t>
  </si>
  <si>
    <t>TRANSF DE RECEITA TIM FMM TLE Cód.702 TO 525692 .xls</t>
  </si>
  <si>
    <t>11/26/2019 17:39:05</t>
  </si>
  <si>
    <t>11/26/2019 17:40:28</t>
  </si>
  <si>
    <t>Padrao Solicitacao Receitamento SG Telecom FAT B Complementar.xlsm</t>
  </si>
  <si>
    <t>11/26/2019 17:45:42</t>
  </si>
  <si>
    <t>11/26/2019 17:50:29</t>
  </si>
  <si>
    <t>11/26/2019 17:59:05</t>
  </si>
  <si>
    <t>11/26/2019 18:04:29</t>
  </si>
  <si>
    <t>mail.google.com/_/upload?authuser=0&amp;dcp=asu-n&amp;upload_id=AEnB2UoKuUNWnAB9n_Z-lRdQRSTbPg-CZ8J04Eyqcby_mxZPdIZQfuvD0Y6X74CUAwygL6RHUIrbc9arf1IenP4Avg8EZeVRqXbZ1kT7_NyXyvzfgiGtqQU&amp;upload_protocol=resumable</t>
  </si>
  <si>
    <t>Controle de pagamentos Rejeitados 2611 - Algar.xlsx</t>
  </si>
  <si>
    <t>11/26/2019 18:04:40</t>
  </si>
  <si>
    <t>11/26/2019 18:05:28</t>
  </si>
  <si>
    <t>11/26/2019 18:16:13</t>
  </si>
  <si>
    <t>11/26/2019 18:17:29</t>
  </si>
  <si>
    <t>11/26/2019 18:18:53</t>
  </si>
  <si>
    <t>11/26/2019 18:19:29</t>
  </si>
  <si>
    <t>HE PÓS VENDA - BLACK FRIDAY.xlsx</t>
  </si>
  <si>
    <t>11/26/2019 18:29:16</t>
  </si>
  <si>
    <t>11/26/2019 18:32:29</t>
  </si>
  <si>
    <t>mail.google.com/_/upload?authuser=0&amp;dcp=asu-n&amp;upload_id=AEnB2UqT_MLvoD7awF8fejp6ZZ4UpoO4jKtQuWZ7aK-ZAlfmN78jzNm0D89lYlUFAF7jqUw-k9KfKIFlpUgQ7E6iO_NXwLH2iQ&amp;upload_protocol=resumable</t>
  </si>
  <si>
    <t>andremds@algartech.com;mariliafsc@algartech.com;</t>
  </si>
  <si>
    <t>\\acsfs\DEPTOS\Operacao\CAIXA\Gerencia\IRIS LOPES\2019\Novembro\</t>
  </si>
  <si>
    <t>Meta Motivacional Caixa Novembro.xlsx</t>
  </si>
  <si>
    <t>andremds@algartech.com,mariliafsc@algartech.com</t>
  </si>
  <si>
    <t>11/26/2019 18:55:45</t>
  </si>
  <si>
    <t>11/26/2019 18:59:29</t>
  </si>
  <si>
    <t>adrianoms@algartech.com;caio.m.costa@bradesco.com.br;carla.rosa@bradesco.com.br;claudia.siqueira@bradesco.com.br;fabiolacc@algartech.com;fredericobs@algartech.com;fredericobs@algartecnologia.com.br;gislaine.nascimento@bradesco.com.br;jacqueline.mariano@bradesco.com.br;kamillars@algartech.com;kamillars@algartech.com.br;lucas.jose@bradesco.com.br;ricardomi@algartech.com.br;rodrigocarmo.pereira@bradesco.com.br;sandrabb@algartech.com.br;suciellerr@algartech.com;sylvia.helal@bradesco.com.br;viviane.virgilio@bradesco.com.br;</t>
  </si>
  <si>
    <t>C:\Users\rafaelaas\Desktop\BLACK_FRIDAY_1 (1).pptx\</t>
  </si>
  <si>
    <t>adrianoms@algartech.com,caio.m.costa@bradesco.com.br,carla.rosa@bradesco.com.br,claudia.siqueira@bradesco.com.br,fabiolacc@algartech.com,fredericobs@algartech.com,fredericobs@algartecnologia.com.br,gislaine.nascimento@bradesco.com.br,jacqueline.mariano@bradesco.com.br,kamillars@algartech.com,kamillars@algartech.com.br,lucas.jose@bradesco.com.br,ricardomi@algartech.com.br,rodrigocarmo.pereira@bradesco.com.br,sandrabb@algartech.com.br,suciellerr@algartech.com,sylvia.helal@bradesco.com.br,viviane.virgilio@bradesco.com.br</t>
  </si>
  <si>
    <t>11/26/2019 18:59:55</t>
  </si>
  <si>
    <t>11/26/2019 19:03:29</t>
  </si>
  <si>
    <t>C:\Users\carlosasr\Desktop\BRADESCO\CORRENTISTA\</t>
  </si>
  <si>
    <t>11/26/2019 20:23:02</t>
  </si>
  <si>
    <t>11/26/2019 20:23:29</t>
  </si>
  <si>
    <t>Proposta Estratégia.xlsx</t>
  </si>
  <si>
    <t>11/26/2019 20:54:51</t>
  </si>
  <si>
    <t>11/27/2019 00:22:29</t>
  </si>
  <si>
    <t>11/27/2019 07:54:25</t>
  </si>
  <si>
    <t>11/27/2019 07:56:31</t>
  </si>
  <si>
    <t>/o=exchangelabs/ou=exchange administrative group (fydibohf23spdlt)/cn=recipients/cn=5876a52919c440598f015f22bceb7eeb-antonio car;/o=exchangelabs/ou=exchange administrative group (fydibohf23spdlt)/cn=recipients/cn=6e13ab1bfd33477d87427f29c4f7ef60-joao victor;/o=exchangelabs/ou=exchange administrative group (fydibohf23spdlt)/cn=recipients/cn=8c01e71056fe4e1a8ecc4e24420bd9ef-fellyp cros;/o=exchangelabs/ou=exchange administrative group (fydibohf23spdlt)/cn=recipients/cn=e0545d347d844f999a1a0bbd1a977e94-joao jose m;</t>
  </si>
  <si>
    <t>ENC: Divergência - SGS (Algar)</t>
  </si>
  <si>
    <t>materiais_afetados.xlsx</t>
  </si>
  <si>
    <t>/o=exchangelabs/ou=exchange administrative group (fydibohf23spdlt)/cn=recipients/cn=5876a52919c440598f015f22bceb7eeb-antonio car,/o=exchangelabs/ou=exchange administrative group (fydibohf23spdlt)/cn=recipients/cn=6e13ab1bfd33477d87427f29c4f7ef60-joao victor,/o=exchangelabs/ou=exchange administrative group (fydibohf23spdlt)/cn=recipients/cn=8c01e71056fe4e1a8ecc4e24420bd9ef-fellyp cros,/o=exchangelabs/ou=exchange administrative group (fydibohf23spdlt)/cn=recipients/cn=e0545d347d844f999a1a0bbd1a977e94-joao jose m</t>
  </si>
  <si>
    <t>11/27/2019 07:59:43</t>
  </si>
  <si>
    <t>11/27/2019 08:01:31</t>
  </si>
  <si>
    <t>cynnarapns@algartech.com.br;</t>
  </si>
  <si>
    <t>ENC: 12 - PLANEJAMENTO_NEXT_MANIFESTAÇÕES-2019</t>
  </si>
  <si>
    <t>cynnarapns@algartech.com.br</t>
  </si>
  <si>
    <t>11/26/2019 16:47:58</t>
  </si>
  <si>
    <t>11/27/2019 08:02:32</t>
  </si>
  <si>
    <t>lauanedjs@algartech.com</t>
  </si>
  <si>
    <t>ivonildes.rosa@aviva.com.br;jurandir.neves@aviva.com.br;maria.aguiar@aviva.com.br;rafael.oliveira@aviva.com.br;weverton.moraes@aviva.com.br;</t>
  </si>
  <si>
    <t>Template CIPA .xlsm</t>
  </si>
  <si>
    <t>ivonildes.rosa@aviva.com.br,jurandir.neves@aviva.com.br,maria.aguiar@aviva.com.br,rafael.oliveira@aviva.com.br,weverton.moraes@aviva.com.br</t>
  </si>
  <si>
    <t>11/27/2019 08:10:02</t>
  </si>
  <si>
    <t>11/27/2019 08:10:32</t>
  </si>
  <si>
    <t>marcelacpe@algartech.com</t>
  </si>
  <si>
    <t>\\acsfs\deptos\CAS - Coordenação de Arquitetura de Soluções\Projetos\2019\SEBRAE\217488 - SEBRAE - Central Nacional de Relacionamento\Preço\</t>
  </si>
  <si>
    <t>Cotação SEBRAE.xlsx</t>
  </si>
  <si>
    <t>11/26/2019 17:24:05</t>
  </si>
  <si>
    <t>11/27/2019 08:21:32</t>
  </si>
  <si>
    <t>/o=exchangelabs/ou=exchange administrative group (fydibohf23spdlt)/cn=recipients/cn=9ec7344ac9ca4c3d93340a066ae57ae1-paula mayum;</t>
  </si>
  <si>
    <t>ENC: Novos colaboradores</t>
  </si>
  <si>
    <t>Cópia de Cópia de 3 - Gestao - Recursos Humanos (RH) - Althaia (002) 26-11.xlsx</t>
  </si>
  <si>
    <t>/o=exchangelabs/ou=exchange administrative group (fydibohf23spdlt)/cn=recipients/cn=9ec7344ac9ca4c3d93340a066ae57ae1-paula mayum</t>
  </si>
  <si>
    <t>11/26/2019 18:06:40</t>
  </si>
  <si>
    <t>11/27/2019 08:31:32</t>
  </si>
  <si>
    <t>10.219.100.15</t>
  </si>
  <si>
    <t>90-32-4B-BF-77-2B</t>
  </si>
  <si>
    <t>denisevca@algartech.com;franciscoebf@algartecnologia.com.br;leticiabp@algartech.com;wayneroa@algartech.com;</t>
  </si>
  <si>
    <t>Padrao Solicitacao Receitamento SG Telecom - 2 remessa Tim TO 525942.xlsm</t>
  </si>
  <si>
    <t>denisevca@algartech.com,franciscoebf@algartecnologia.com.br,leticiabp@algartech.com,wayneroa@algartech.com</t>
  </si>
  <si>
    <t>11/27/2019 08:29:57</t>
  </si>
  <si>
    <t>11/27/2019 08:40:32</t>
  </si>
  <si>
    <t>mail.google.com/_/upload?authuser=2&amp;dcp=asu-n&amp;upload_id=AEnB2UpW2jIxgFOdkHu94hAndZDn2Vwv99BuqBqKTCfKjKex4uMXsGaVSzZ3yK7s0LjWKsOpenoqrx56ZUJ6LZZkFLQEwzuhMw&amp;upload_protocol=resumable</t>
  </si>
  <si>
    <t>C:\Users\hugooc\Desktop\HUGO CAMARGO\DeskTop HP\GERENTE DE PCP\</t>
  </si>
  <si>
    <t>Posições.xlsx</t>
  </si>
  <si>
    <t>11/27/2019 08:40:03</t>
  </si>
  <si>
    <t>11/27/2019 08:41:32</t>
  </si>
  <si>
    <t>BFF 112019.xlsx</t>
  </si>
  <si>
    <t>11/27/2019 08:38:04</t>
  </si>
  <si>
    <t>https://caey.fa.us2.oraclecloud.com/crmui/faces/fusewelcome?_adf.ctrl-state=1cnayzehwy_5</t>
  </si>
  <si>
    <t>11/27/2019 08:56:52</t>
  </si>
  <si>
    <t>11/27/2019 09:01:31</t>
  </si>
  <si>
    <t>11/26/2019 15:21:34</t>
  </si>
  <si>
    <t>11/27/2019 09:03:31</t>
  </si>
  <si>
    <t>11/26/2019 15:21:45</t>
  </si>
  <si>
    <t>11/26/2019 15:21:59</t>
  </si>
  <si>
    <t>11/26/2019 15:22:11</t>
  </si>
  <si>
    <t>/o=exchangelabs/ou=exchange administrative group (fydibohf23spdlt)/cn=recipients/cn=0bafe1ed27024338be4e911e19871cd1-william rob;/o=exchangelabs/ou=exchange administrative group (fydibohf23spdlt)/cn=recipients/cn=2144abc9537143519f505fcb8550b74c-juliana emi;/o=exchangelabs/ou=exchange administrative group (fydibohf23spdlt)/cn=recipients/cn=2d3379e2d04c40db810b4b1f41dd2aea-erica carol;/o=exchangelabs/ou=exchange administrative group (fydibohf23spdlt)/cn=recipients/cn=372a4aee70df4061aed129651510b96b-raul montei;/o=exchangelabs/ou=exchange administrative group (fydibohf23spdlt)/cn=recipients/cn=3b76b3dd02a14d289cc323d3c8d12b81-waleska mar;/o=exchangelabs/ou=exchange administrative group (fydibohf23spdlt)/cn=recipients/cn=3bff4ffb267e4ea2a4a3347f6a4c5cf8-tatiane mag;/o=exchangelabs/ou=exchange administrative group (fydibohf23spdlt)/cn=recipients/cn=44f0a666541444e787f23979b24aa3bd-reginaldo r;/o=exchangelabs/ou=exchange administrative group (fydibohf23spdlt)/cn=recipients/cn=55f846c335d7437f892f0b0d49c89e92-celm</t>
  </si>
  <si>
    <t>/o=exchangelabs/ou=exchange administrative group (fydibohf23spdlt)/cn=recipients/cn=0bafe1ed27024338be4e911e19871cd1-william rob,/o=exchangelabs/ou=exchange administrative group (fydibohf23spdlt)/cn=recipients/cn=2144abc9537143519f505fcb8550b74c-juliana emi,/o=exchangelabs/ou=exchange administrative group (fydibohf23spdlt)/cn=recipients/cn=2d3379e2d04c40db810b4b1f41dd2aea-erica carol,/o=exchangelabs/ou=exchange administrative group (fydibohf23spdlt)/cn=recipients/cn=372a4aee70df4061aed129651510b96b-raul montei,/o=exchangelabs/ou=exchange administrative group (fydibohf23spdlt)/cn=recipients/cn=3b76b3dd02a14d289cc323d3c8d12b81-waleska mar,/o=exchangelabs/ou=exchange administrative group (fydibohf23spdlt)/cn=recipients/cn=3bff4ffb267e4ea2a4a3347f6a4c5cf8-tatiane mag,/o=exchangelabs/ou=exchange administrative group (fydibohf23spdlt)/cn=recipients/cn=44f0a666541444e787f23979b24aa3bd-reginaldo r,/o=exchangelabs/ou=exchange administrative group (fydibohf23spdlt)/cn=recipients/cn=55f846c335d7437f892f0b0d49c89e92-celm</t>
  </si>
  <si>
    <t>11/26/2019 15:22:19</t>
  </si>
  <si>
    <t>/o=exchangelabs/ou=exchange administrative group (fydibohf23spdlt)/cn=recipients/cn=07838d63269147399834f55c95648a18-raphael nun;/o=exchangelabs/ou=exchange administrative group (fydibohf23spdlt)/cn=recipients/cn=0a343ab60c904ee9b25c54f941bc50a2-elincon pis;/o=exchangelabs/ou=exchange administrative group (fydibohf23spdlt)/cn=recipients/cn=101ca65e5cac464dbd670337f8b2f496-claudio de;/o=exchangelabs/ou=exchange administrative group (fydibohf23spdlt)/cn=recipients/cn=156f2ceeb44f4afbbad62be40471b288-rodrigo cam;/o=exchangelabs/ou=exchange administrative group (fydibohf23spdlt)/cn=recipients/cn=189bc2d66ff7487496bebbe5b79130af-jose luiz o;/o=exchangelabs/ou=exchange administrative group (fydibohf23spdlt)/cn=recipients/cn=1eef876d1e4b4eb38e740bfe731d8927-rogerio pin;/o=exchangelabs/ou=exchange administrative group (fydibohf23spdlt)/cn=recipients/cn=1f0b0312198f46e298740c2dc1c9e077-wagner cris;/o=exchangelabs/ou=exchange administrative group (fydibohf23spdlt)/cn=recipients/cn=2144abc9537143519f505fcb8550b74c-julia</t>
  </si>
  <si>
    <t>/o=exchangelabs/ou=exchange administrative group (fydibohf23spdlt)/cn=recipients/cn=07838d63269147399834f55c95648a18-raphael nun,/o=exchangelabs/ou=exchange administrative group (fydibohf23spdlt)/cn=recipients/cn=0a343ab60c904ee9b25c54f941bc50a2-elincon pis,/o=exchangelabs/ou=exchange administrative group (fydibohf23spdlt)/cn=recipients/cn=101ca65e5cac464dbd670337f8b2f496-claudio de,/o=exchangelabs/ou=exchange administrative group (fydibohf23spdlt)/cn=recipients/cn=156f2ceeb44f4afbbad62be40471b288-rodrigo cam,/o=exchangelabs/ou=exchange administrative group (fydibohf23spdlt)/cn=recipients/cn=189bc2d66ff7487496bebbe5b79130af-jose luiz o,/o=exchangelabs/ou=exchange administrative group (fydibohf23spdlt)/cn=recipients/cn=1eef876d1e4b4eb38e740bfe731d8927-rogerio pin,/o=exchangelabs/ou=exchange administrative group (fydibohf23spdlt)/cn=recipients/cn=1f0b0312198f46e298740c2dc1c9e077-wagner cris,/o=exchangelabs/ou=exchange administrative group (fydibohf23spdlt)/cn=recipients/cn=2144abc9537143519f505fcb8550b74c-julia</t>
  </si>
  <si>
    <t>11/27/2019 09:03:07</t>
  </si>
  <si>
    <t>11/27/2019 09:08:31</t>
  </si>
  <si>
    <t>10.207.12.86</t>
  </si>
  <si>
    <t>teste_s.csv</t>
  </si>
  <si>
    <t>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,shared,sharedwithmedate,thumb,thumbnailversion,title,userpermission(role),workspaceids</t>
  </si>
  <si>
    <t>11/27/2019 09:07:16</t>
  </si>
  <si>
    <t>11/27/2019 09:09:32</t>
  </si>
  <si>
    <t>chamados suspensos 27.11 as 9h.xlsx</t>
  </si>
  <si>
    <t>11/27/2019 09:07:01</t>
  </si>
  <si>
    <t>11/27/2019 09:10:31</t>
  </si>
  <si>
    <t>Plano de Ação Cobranças.xlsx</t>
  </si>
  <si>
    <t>11/27/2019 01:34:45</t>
  </si>
  <si>
    <t>11/27/2019 09:15:31</t>
  </si>
  <si>
    <t>mail.google.com/mail/u/1/?tab=gm#inbox</t>
  </si>
  <si>
    <t>C:\Users\Flavia\Desktop\Nova pasta\</t>
  </si>
  <si>
    <t>OCORRENCIAS 028_01 a 2611_emissao 2711.CSV</t>
  </si>
  <si>
    <t>11/27/2019 01:35:05</t>
  </si>
  <si>
    <t>OCORRENCIAS 029_01 a 2611_emissao 2711.CSV</t>
  </si>
  <si>
    <t>11/27/2019 01:36:27</t>
  </si>
  <si>
    <t>OCORRENCIAS 033_01 a 2611_emissao 2711.CSV</t>
  </si>
  <si>
    <t>11/27/2019 01:37:29</t>
  </si>
  <si>
    <t>11/26/2019 18:50:38</t>
  </si>
  <si>
    <t>11/27/2019 09:20:32</t>
  </si>
  <si>
    <t>11/25/2019 10:30:40</t>
  </si>
  <si>
    <t>11/27/2019 09:21:31</t>
  </si>
  <si>
    <t>11/26/2019 10:59:25</t>
  </si>
  <si>
    <t>11/26/2019 11:00:02</t>
  </si>
  <si>
    <t>11/26/2019 11:05:09</t>
  </si>
  <si>
    <t>11/26/2019 11:15:08</t>
  </si>
  <si>
    <t>C:\Users\camilat\OneDrive - Grupo Algar\CLIMA &amp; EVENTOS\Festa Junina\</t>
  </si>
  <si>
    <t>Planejamento 2019 - Copia.xlsx</t>
  </si>
  <si>
    <t>11/26/2019 12:09:52</t>
  </si>
  <si>
    <t>Planejamento 2019 - Reunião cliente.xlsx</t>
  </si>
  <si>
    <t>11/26/2019 14:07:49</t>
  </si>
  <si>
    <t>C:\Users\camilat\OneDrive - Grupo Algar\GERENCIAL\FINANCEIRO\Faturamento\340002017\DEZEMBRO 19\</t>
  </si>
  <si>
    <t>340002017_SD_Reajustado_V2 DEZ 19.xlsm</t>
  </si>
  <si>
    <t>11/26/2019 16:00:21</t>
  </si>
  <si>
    <t>Horas Extras SD_Modelo Comercial.xlsx</t>
  </si>
  <si>
    <t>11/26/2019 17:38:03</t>
  </si>
  <si>
    <t>11/27/2019 09:24:31</t>
  </si>
  <si>
    <t>11/27/2019 09:33:13</t>
  </si>
  <si>
    <t>11/27/2019 09:34:32</t>
  </si>
  <si>
    <t>11/26/2019 18:18:06</t>
  </si>
  <si>
    <t>11/27/2019 09:35:31</t>
  </si>
  <si>
    <t>/o=exchangelabs/ou=exchange administrative group (fydibohf23spdlt)/cn=recipients/cn=8e42a709f7ac410c8a7a14bc4f51ffcd-raquel orda;</t>
  </si>
  <si>
    <t>folgas 163 - Dezembro e Janeiro</t>
  </si>
  <si>
    <t>folgas 163 - dezembro e janeiro.xlsx</t>
  </si>
  <si>
    <t>/o=exchangelabs/ou=exchange administrative group (fydibohf23spdlt)/cn=recipients/cn=8e42a709f7ac410c8a7a14bc4f51ffcd-raquel orda</t>
  </si>
  <si>
    <t>11/27/2019 09:37:07</t>
  </si>
  <si>
    <t>11/27/2019 09:39:31</t>
  </si>
  <si>
    <t>11/26/2019 12:39:26</t>
  </si>
  <si>
    <t>11/27/2019 09:49:32</t>
  </si>
  <si>
    <t>11/26/2019 14:44:51</t>
  </si>
  <si>
    <t>C:\Users\suelenmm\Desktop\RES_ revisao final - Banco PAN - 30out19.msg\s110\</t>
  </si>
  <si>
    <t>C:\Users\suelenmm\Desktop\RES_ revisao final - Banco PAN - 30out19.msg\s110\188270_v3 - PAN FINAL - 31_10_2019 rMaluf r1.xlsb\</t>
  </si>
  <si>
    <t>11/26/2019 15:50:00</t>
  </si>
  <si>
    <t>COMISSÃO FORÇA VENDAS - 3º Tri - 2019_V5_SF_PRÉ-VENDAS_SUELEN.xlsb</t>
  </si>
  <si>
    <t>11/26/2019 15:51:38</t>
  </si>
  <si>
    <t>COMISSÃO FORÇA VENDAS - 3º Tri - 2019_V6_SF_SUELEN.xlsb</t>
  </si>
  <si>
    <t>11/27/2019 09:53:27</t>
  </si>
  <si>
    <t>11/27/2019 09:54:32</t>
  </si>
  <si>
    <t>11/27/2019 09:53:20</t>
  </si>
  <si>
    <t>11/27/2019 09:57:32</t>
  </si>
  <si>
    <t>\\acsfs\DEPTOS\Operacao\PCP\3 - Corporativo\MIS\GERADOR DE BIO\CLIENTES\Whirlpool\ATIVIDADES_MIS\36 - WHATSAPP COMPRA CERTA\</t>
  </si>
  <si>
    <t>11 - PA DIGITAL COMPRA CERTA.xlsx</t>
  </si>
  <si>
    <t>11/27/2019 09:53:51</t>
  </si>
  <si>
    <t>11/27/2019 09:58:32</t>
  </si>
  <si>
    <t>\\acsfs\dsti\CIT- Coordenação de Inteligência de Tecnologia\05 - Gerenciamento Orçamento e Contabilização\5. Contabilidade 2019\11. Novembro\Despesas antecipadas\DELL_OC 44666\</t>
  </si>
  <si>
    <t>Formulário Despesa Antecipada_Dell.xls</t>
  </si>
  <si>
    <t>11/27/2019 09:55:03</t>
  </si>
  <si>
    <t>\\acsfs\dsti\CIT- Coordenação de Inteligência de Tecnologia\05 - Gerenciamento Orçamento e Contabilização\5. Contabilidade 2019\11. Novembro\Despesas antecipadas\L8_OC 43892\</t>
  </si>
  <si>
    <t>Formulário Despesa Antecipada_L8.xls</t>
  </si>
  <si>
    <t>11/27/2019 09:55:40</t>
  </si>
  <si>
    <t>11/27/2019 09:59:32</t>
  </si>
  <si>
    <t>CR 340000063 - NESPRESSO INCREMENTAL.xlsx</t>
  </si>
  <si>
    <t>11/27/2019 09:59:05</t>
  </si>
  <si>
    <t>11/27/2019 10:04:32</t>
  </si>
  <si>
    <t>CR 340000064 - NESTLÉ INCREMENTAL.xlsx</t>
  </si>
  <si>
    <t>11/27/2019 10:00:11</t>
  </si>
  <si>
    <t>CR 340000065 - NESPRESSO INCREMENTAL BKO.xlsx</t>
  </si>
  <si>
    <t>11/27/2019 10:02:23</t>
  </si>
  <si>
    <t>11/27/2019 10:05:31</t>
  </si>
  <si>
    <t>Z:\RELATORIOS FPW\Controle\OCORRENCIAS\OCORRÊNCIAS_NOVEMBRO2019\01a2611 EMISSÃO 2711\</t>
  </si>
  <si>
    <t>OCORRÊNCIAS 01 A 2611_028_029_033 EMISSÃO 2711.xlsm</t>
  </si>
  <si>
    <t>11/27/2019 10:05:06</t>
  </si>
  <si>
    <t>11/27/2019 10:10:31</t>
  </si>
  <si>
    <t>mail.google.com/_/upload?authuser=0&amp;dcp=asu-n&amp;upload_id=AEnB2UqNwuZBFRoNtIsEAZ1jxeetno5YKKb0ujOTDX4pqSgbdM6qTNrBtm1YbumOwwVtDQ4UZ1i-8lyJUeid4f-ror5SHPxFtDp69HbSN1EMIjJ2lSoTtx8&amp;upload_protocol=resumable</t>
  </si>
  <si>
    <t>Atividades-ANF31 - BH_27_11_19 (3) eduarda.xlsx</t>
  </si>
  <si>
    <t>11/27/2019 10:07:15</t>
  </si>
  <si>
    <t>11/27/2019 10:12:32</t>
  </si>
  <si>
    <t>10.211.2.121</t>
  </si>
  <si>
    <t>/o=exchangelabs/ou=exchange administrative group (fydibohf23spdlt)/cn=recipients/cn=45f281eb2c55454da382ae61cb22aff4-fabiano mus;/o=exchangelabs/ou=exchange administrative group (fydibohf23spdlt)/cn=recipients/cn=97028c61ebe04c3ca84c604712943944-fabiano wil;</t>
  </si>
  <si>
    <t>SAP - EMS</t>
  </si>
  <si>
    <t>/o=exchangelabs/ou=exchange administrative group (fydibohf23spdlt)/cn=recipients/cn=45f281eb2c55454da382ae61cb22aff4-fabiano mus,/o=exchangelabs/ou=exchange administrative group (fydibohf23spdlt)/cn=recipients/cn=97028c61ebe04c3ca84c604712943944-fabiano wil</t>
  </si>
  <si>
    <t>11/27/2019 10:10:29</t>
  </si>
  <si>
    <t>C:\Users\denysgds\Documents\Meus Arquivos Recebidos\RES_ SAP.msg\s126\</t>
  </si>
  <si>
    <t>11/27/2019 10:11:11</t>
  </si>
  <si>
    <t>11/27/2019 10:13:32</t>
  </si>
  <si>
    <t>C:\Users\alessandroam\OneDrive\OneDrive - Grupo Algar\01 - Historico\02 - Seg Informação\02 - Entregas e Desafios\Status_Report_BRAv2 27112019.pptx\</t>
  </si>
  <si>
    <t>11/27/2019 10:11:40</t>
  </si>
  <si>
    <t>11/27/2019 10:14:32</t>
  </si>
  <si>
    <t>10.200.238.96</t>
  </si>
  <si>
    <t>C:\Users\brunocs\Desktop\</t>
  </si>
  <si>
    <t>Cópia de 5W2H - Registros de Plano de ação.xls</t>
  </si>
  <si>
    <t>11/27/2019 10:13:14</t>
  </si>
  <si>
    <t>11/27/2019 10:15:32</t>
  </si>
  <si>
    <t>11/27/2019 10:12:51</t>
  </si>
  <si>
    <t>11/27/2019 10:17:32</t>
  </si>
  <si>
    <t>Conteúdo Check list.xlsx</t>
  </si>
  <si>
    <t>11/27/2019 10:16:26</t>
  </si>
  <si>
    <t>11/27/2019 10:18:32</t>
  </si>
  <si>
    <t>alefl@algartech.com;edilsonrb@algartech.com;fredericobs@algartecnologia.com.br;josemfs@algartech.com;leandrolds@algartech.com;luizmda@algartech.com;nikellydcs@algartech.com;polati@algartech.com;reginaldort@algartech.com;roldineism@algartech.com;</t>
  </si>
  <si>
    <t>alefl@algartech.com,edilsonrb@algartech.com,fredericobs@algartecnologia.com.br,josemfs@algartech.com,leandrolds@algartech.com,luizmda@algartech.com,nikellydcs@algartech.com,polati@algartech.com,reginaldort@algartech.com,roldineism@algartech.com</t>
  </si>
  <si>
    <t>11/27/2019 10:20:23</t>
  </si>
  <si>
    <t>11/27/2019 10:24:32</t>
  </si>
  <si>
    <t>mail.google.com/_/upload?authuser=1&amp;dcp=asu-n&amp;upload_id=AEnB2UpEtukqAbN9lgdZb0I782bM4OjU3urhpW71CNkG8k1UoSONJvzCulFb6306LiuL4REwQLPVyRtx6Kxj11kNW-PojtiHgA&amp;upload_protocol=resumable</t>
  </si>
  <si>
    <t>\\acsfs\deptos\CAS - Coordenação de Arquitetura de Soluções\Artefatos\Informações Tributárias - Fiscal\</t>
  </si>
  <si>
    <t>CNPJ_Filiais_Algar_Tech_Julho2019.xlsx</t>
  </si>
  <si>
    <t>11/27/2019 10:25:17</t>
  </si>
  <si>
    <t>11/27/2019 10:29:32</t>
  </si>
  <si>
    <t>CR 341004160 - Criação ESSILOR PROJETOS.xlsx</t>
  </si>
  <si>
    <t>11/27/2019 10:24:43</t>
  </si>
  <si>
    <t>11/27/2019 10:30:32</t>
  </si>
  <si>
    <t>mail.google.com/_/upload?authuser=0&amp;dcp=asu-n&amp;upload_id=AEnB2UqKnk8LnrGHu7gZ4pfcSbDMs59ogwJlLUUW3D-3HSRAL-r-4lQcAc4QmYzuFqvkJX724iNf4vbmIjbIG6fYgUJvGORXEg&amp;upload_protocol=resumable</t>
  </si>
  <si>
    <t>11/27/2019 10:27:17</t>
  </si>
  <si>
    <t>11/27/2019 10:32:32</t>
  </si>
  <si>
    <t>Atualização dados.xlsx</t>
  </si>
  <si>
    <t>11/27/2019 10:29:57</t>
  </si>
  <si>
    <t>11/27/2019 10:33:31</t>
  </si>
  <si>
    <t>mail.google.com/mail/u/1/?ui=2&amp;view=btop&amp;ver=eyhxefjfd5dl&amp;search=inbox&amp;th=%23thread-f%3A1651288718539291552|msg-f%3A1651288718539291552&amp;cvid=8</t>
  </si>
  <si>
    <t>11/27/2019 10:33:08</t>
  </si>
  <si>
    <t>11/27/2019 10:38:32</t>
  </si>
  <si>
    <t>MIGRACAO_SQLSERVER_PENDENTE.xlsx</t>
  </si>
  <si>
    <t>11/27/2019 10:36:17</t>
  </si>
  <si>
    <t>Bradesco Layout X Posições X Ramais_v5.xlsx</t>
  </si>
  <si>
    <t>11/27/2019 10:42:41</t>
  </si>
  <si>
    <t>11/27/2019 10:46:32</t>
  </si>
  <si>
    <t>mail.google.com/_/upload?authuser=1&amp;dcp=asu-n&amp;upload_id=AEnB2Upawqh2Ve85e4DGwMoPVW-o0q-7VvkQRFNoK2J0IdzGndcgBFy6qsd9MYUyfGeDQ7grFdUrPcHIqR81rVAPeiZ-EM65fw&amp;upload_protocol=resumable</t>
  </si>
  <si>
    <t>C:\Users\rosilenedlf\Desktop\WHP 27-05\PLANEJAMENTO CPC\</t>
  </si>
  <si>
    <t>JANEIRO 2020 DIMENSIONAMENTO PESSOAS.xlsx</t>
  </si>
  <si>
    <t>11/27/2019 10:55:34</t>
  </si>
  <si>
    <t>11/27/2019 10:56:33</t>
  </si>
  <si>
    <t>andrelps@algartech.com</t>
  </si>
  <si>
    <t>C:\Users\andrelpsa\Desktop\</t>
  </si>
  <si>
    <t>Controle de Viagens _ BV Financeira _ Algar.xlsx</t>
  </si>
  <si>
    <t>11/27/2019 10:52:54</t>
  </si>
  <si>
    <t>11/27/2019 10:52:18</t>
  </si>
  <si>
    <t>11/27/2019 10:57:32</t>
  </si>
  <si>
    <t>mail.google.com/_/upload?authuser=0&amp;dcp=asu-n&amp;upload_id=AEnB2UoGPbg91okuN1F-vuBzT0qHIKPeJmk7Uszo28ta-YwCndeYPwTggSgfZA6aounto6iWWkrSIzQO1KUhrYFXJppyy0lJsg&amp;upload_protocol=resumable</t>
  </si>
  <si>
    <t>Meta Motivacional Caixa Novembro v2.xlsx</t>
  </si>
  <si>
    <t>11/27/2019 10:56:17</t>
  </si>
  <si>
    <t>11/27/2019 10:59:32</t>
  </si>
  <si>
    <t>10.2019 - Demonstrativo de Faturamento Whirlpool Cobrança.xlsx</t>
  </si>
  <si>
    <t>11/27/2019 10:57:18</t>
  </si>
  <si>
    <t>11/27/2019 11:01:32</t>
  </si>
  <si>
    <t>11/27/2019 10:58:59</t>
  </si>
  <si>
    <t>Exibição de Localização Avançada de Log da Ocorrência.xlsx</t>
  </si>
  <si>
    <t>11/27/2019 11:07:28</t>
  </si>
  <si>
    <t>11/27/2019 11:08:32</t>
  </si>
  <si>
    <t>mail.google.com/_/upload?authuser=0&amp;dcp=asu-n&amp;upload_id=AEnB2UoP4FZ8DZACXCpBvg6LNF6_Gs8aRJxKIyai_HqgvUYtk2vIM67syNwWDK39AB9LtXWy_k_Lf2J7GTOf794f3554-inTbQ&amp;upload_protocol=resumable</t>
  </si>
  <si>
    <t>henriqueac@algartech.com;lucasfbr@algartech.com;</t>
  </si>
  <si>
    <t>\\acsfs\dsti\CIT- Coordenação de Inteligência de Tecnologia\06 - Gerenciamento de Fornecedores\2. Fornecedores TI\</t>
  </si>
  <si>
    <t>Gestão de Fornecedores de TI.xlsx</t>
  </si>
  <si>
    <t>henriqueac@algartech.com,lucasfbr@algartech.com</t>
  </si>
  <si>
    <t>11/27/2019 11:09:01</t>
  </si>
  <si>
    <t>11/27/2019 11:10:32</t>
  </si>
  <si>
    <t>11/27/2019 11:30:20</t>
  </si>
  <si>
    <t>11/27/2019 11:34:32</t>
  </si>
  <si>
    <t>mail.google.com/_/upload?authuser=0&amp;dcp=asu-n&amp;upload_id=AEnB2Ur782rZtnL1QxybDKHsW_zrLCimwWAG-bv33-zaB32zSCo2ucYdCsivQO3JGad3X8ovjJe1e1hFRalV-fcJqCS-gGL0Cg&amp;upload_protocol=resumable</t>
  </si>
  <si>
    <t>Controle de pagamentos Rejeitados 2611 - Algar (1).xlsx</t>
  </si>
  <si>
    <t>11/27/2019 11:36:23</t>
  </si>
  <si>
    <t>11/27/2019 11:37:32</t>
  </si>
  <si>
    <t>11/27/2019 11:38:26</t>
  </si>
  <si>
    <t>11/27/2019 11:39:32</t>
  </si>
  <si>
    <t>mail.google.com/_/upload?authuser=0&amp;dcp=asu-n&amp;upload_id=AEnB2UqHn8gcC8nd489-R9Q2Vx3eCtfcTBUFcIaJEYOz85IcYyXB3XoeOmYxw9UMbsMpnN97FemUwF-7RzxU1uQyBfhWbJd6VA&amp;upload_protocol=resumable</t>
  </si>
  <si>
    <t>guilhermecst@algartech.com;</t>
  </si>
  <si>
    <t>C:\Users\lucianabo\Downloads\</t>
  </si>
  <si>
    <t>10.2019 - Demonstrativo de Faturamento Whirlpool Cobrança - Combinado Whirlpool.xlsx</t>
  </si>
  <si>
    <t>guilhermecst@algartech.com</t>
  </si>
  <si>
    <t>11/27/2019 11:39:58</t>
  </si>
  <si>
    <t>11/27/2019 11:42:33</t>
  </si>
  <si>
    <t>10.200.99.137</t>
  </si>
  <si>
    <t>mail.google.com/_/upload?authuser=0&amp;dcp=asu-n&amp;upload_id=AEnB2UptMYd9kJVSGYB1ZRBcd8dSyqg2eICPAPaqdC7Mr5h4DY2a3uWGKYFbeuG0DeCiLFSaAQEX10qq7gHpj5YQ6LqgXlbBnA&amp;upload_protocol=resumable</t>
  </si>
  <si>
    <t>\\udpavonfs01\AVON\06. PCP\JOSÉ AFONSO DA SILVA NETO\DESKTOP\NOTEBOOK\Fechamento Speak\2019\</t>
  </si>
  <si>
    <t>11/27/2019 11:49:20</t>
  </si>
  <si>
    <t>11/27/2019 11:50:33</t>
  </si>
  <si>
    <t>C:\Users\heliorg\OneDrive - Grupo Algar\Squad\URAs\6 - Whirlpool\URA To be\</t>
  </si>
  <si>
    <t>11/27/2019 11:48:43</t>
  </si>
  <si>
    <t>11/27/2019 11:52:33</t>
  </si>
  <si>
    <t>11/27/2019 11:51:01</t>
  </si>
  <si>
    <t>11/27/2019 11:53:32</t>
  </si>
  <si>
    <t>Criterios rateio.xls</t>
  </si>
  <si>
    <t>11/27/2019 11:55:29</t>
  </si>
  <si>
    <t>11/27/2019 11:59:33</t>
  </si>
  <si>
    <t>11/27/2019 11:55:35</t>
  </si>
  <si>
    <t>11/27/2019 11:55:10</t>
  </si>
  <si>
    <t>cardoso@ipnet.cloud;gsuite.issues@fwd.cscalgar.com.br;jefferson.paiva@cscalgar.com.br;marcelo.fernandes@ipnet.cloud;rafael.borba@ipnet.cloud;</t>
  </si>
  <si>
    <t>SharePointSiteUsageDetail11_27_2019 2_54_51 PM.csv</t>
  </si>
  <si>
    <t>cardoso@ipnet.cloud,gsuite.issues@fwd.cscalgar.com.br,jefferson.paiva@cscalgar.com.br,marcelo.fernandes@ipnet.cloud,rafael.borba@ipnet.cloud</t>
  </si>
  <si>
    <t>11/27/2019 11:55:23</t>
  </si>
  <si>
    <t>11/27/2019 11:58:02</t>
  </si>
  <si>
    <t>11/27/2019 12:00:32</t>
  </si>
  <si>
    <t>C:\Users\elainemdlp\OD\_Projetos\Em andamento\Migracao PJ\02 - Planejamento\</t>
  </si>
  <si>
    <t>11/27/2019 11:58:03</t>
  </si>
  <si>
    <t>Layout PJ - Novembro 2019.xlsx</t>
  </si>
  <si>
    <t>11/27/2019 11:57:14</t>
  </si>
  <si>
    <t>11/27/2019 12:02:32</t>
  </si>
  <si>
    <t>ideniraa@algartech.com.br;</t>
  </si>
  <si>
    <t>ENC: Volume Gerenciadas Amex e Visa - 27/11</t>
  </si>
  <si>
    <t>ideniraa@algartech.com.br</t>
  </si>
  <si>
    <t>11/27/2019 12:03:51</t>
  </si>
  <si>
    <t>11/27/2019 12:04:32</t>
  </si>
  <si>
    <t>tb03_20191127_113443.xls</t>
  </si>
  <si>
    <t>11/27/2019 12:06:22</t>
  </si>
  <si>
    <t>11/27/2019 12:11:34</t>
  </si>
  <si>
    <t>C:\Users\gabrielar\Downloads\tmp-scripts-6ca3df9bf84d58b55355ceb117b2d5018344db5e\Tricard\Implantação\</t>
  </si>
  <si>
    <t>tb_snapshot_contacts_201911271305.csv</t>
  </si>
  <si>
    <t>11/27/2019 12:07:57</t>
  </si>
  <si>
    <t>tb_snapshot_contacts_201911271307.csv</t>
  </si>
  <si>
    <t>11/27/2019 12:55:09</t>
  </si>
  <si>
    <t>11/27/2019 12:56:33</t>
  </si>
  <si>
    <t>TRANSF DE RECEITA TIM FMM TLE 02 Cód.702 TO 525469 .xls</t>
  </si>
  <si>
    <t>11/27/2019 13:09:15</t>
  </si>
  <si>
    <t>11/27/2019 13:12:34</t>
  </si>
  <si>
    <t>0ANALYSIS_PATTERN - 2019-11-27T130842.945.csv</t>
  </si>
  <si>
    <t>11/27/2019 13:09:24</t>
  </si>
  <si>
    <t>11/27/2019 13:14:18</t>
  </si>
  <si>
    <t>11/27/2019 13:17:34</t>
  </si>
  <si>
    <t>0ANALYSIS_PATTERN - 2019-11-27T131339.764.csv</t>
  </si>
  <si>
    <t>11/27/2019 13:21:11</t>
  </si>
  <si>
    <t>11/27/2019 13:24:33</t>
  </si>
  <si>
    <t>11/27/2019 13:21:28</t>
  </si>
  <si>
    <t>Preco_217474_DC_Padrao_V1.xlsb</t>
  </si>
  <si>
    <t>11/27/2019 13:21:42</t>
  </si>
  <si>
    <t>11/27/2019 13:26:33</t>
  </si>
  <si>
    <t>ENC: Cenário operação CONSUMIDOR.GOV</t>
  </si>
  <si>
    <t>04 - PAINEL CONSUMIDOR.GOV - Abril19.xlsb</t>
  </si>
  <si>
    <t>11/27/2019 13:30:11</t>
  </si>
  <si>
    <t>11/27/2019 13:33:34</t>
  </si>
  <si>
    <t>/o=exchangelabs/ou=exchange administrative group (fydibohf23spdlt)/cn=recipients/cn=8ffcdd39b62f4308b2f876f9624fa69a-wasley luiz;joysi.pereira.k2@youse.com.br;</t>
  </si>
  <si>
    <t>Transferência para o VDN 44601 - Até 26/11</t>
  </si>
  <si>
    <t>/o=exchangelabs/ou=exchange administrative group (fydibohf23spdlt)/cn=recipients/cn=8ffcdd39b62f4308b2f876f9624fa69a-wasley luiz,joysi.pereira.k2@youse.com.br</t>
  </si>
  <si>
    <t>11/27/2019 13:49:33</t>
  </si>
  <si>
    <t>11/27/2019 13:53:34</t>
  </si>
  <si>
    <t>Saldo CR 27_11.xls</t>
  </si>
  <si>
    <t>11/27/2019 13:56:10</t>
  </si>
  <si>
    <t>11/27/2019 13:59:34</t>
  </si>
  <si>
    <t>\\acsfs\deptos\regionais\spo\talentos_humanos_spo\sesmt_spo\2015_organizaÇÃo dos diretÓrios\book engeset - Água branca\ações\</t>
  </si>
  <si>
    <t>documentos obrigatórios.xlsx</t>
  </si>
  <si>
    <t>11/27/2019 14:04:13</t>
  </si>
  <si>
    <t>11/27/2019 14:07:34</t>
  </si>
  <si>
    <t>/o=exchangelabs/ou=exchange administrative group (fydibohf23spdlt)/cn=recipients/cn=59e2d42e513e4613a23971f0060032ed-gabriel ale;gabrielaf@algartech.com.br;</t>
  </si>
  <si>
    <t>/o=exchangelabs/ou=exchange administrative group (fydibohf23spdlt)/cn=recipients/cn=59e2d42e513e4613a23971f0060032ed-gabriel ale,gabrielaf@algartech.com.br</t>
  </si>
  <si>
    <t>11/27/2019 14:04:12</t>
  </si>
  <si>
    <t>11/27/2019 14:08:34</t>
  </si>
  <si>
    <t>mail.google.com/_/upload?authuser=0&amp;dcp=asu-n&amp;upload_id=AEnB2UrYmpnZalJfP5n6ELRmEmrMi4kQpTinP6teg7wkH-iJh45oYoyKrz9qdYrxXm48Ec_h9YS8MZ9LDSmGG5aaWh2ZMbrffw&amp;upload_protocol=resumable</t>
  </si>
  <si>
    <t>11/27/2019 14:07:10</t>
  </si>
  <si>
    <t>11/27/2019 14:11:34</t>
  </si>
  <si>
    <t>11/27/2019 14:09:18</t>
  </si>
  <si>
    <t>11/27/2019 14:12:33</t>
  </si>
  <si>
    <t>11/27/2019 14:13:50</t>
  </si>
  <si>
    <t>11/27/2019 14:14:33</t>
  </si>
  <si>
    <t>11/27/2019 14:14:56</t>
  </si>
  <si>
    <t>11/27/2019 14:17:33</t>
  </si>
  <si>
    <t>denysgds@algartech.com</t>
  </si>
  <si>
    <t>C:\Users\denysgds\Documents\Backup Denys\Denys Guidio Backup\Backup\EMS\175294 Licencimento\</t>
  </si>
  <si>
    <t>175294 EMS NC_v3.xlsx</t>
  </si>
  <si>
    <t>11/27/2019 14:15:25</t>
  </si>
  <si>
    <t>11/27/2019 14:19:33</t>
  </si>
  <si>
    <t>11/27/2019 14:21:10</t>
  </si>
  <si>
    <t>11/27/2019 14:21:34</t>
  </si>
  <si>
    <t>11/27/2019 14:24:28</t>
  </si>
  <si>
    <t>11/27/2019 14:26:33</t>
  </si>
  <si>
    <t>11/27/2019 14:22:23</t>
  </si>
  <si>
    <t>11/27/2019 14:27:34</t>
  </si>
  <si>
    <t>RelatorioCadastroGeralAlgar 27.11.19.xlsx</t>
  </si>
  <si>
    <t>11/21/2019 17:41:33</t>
  </si>
  <si>
    <t>11/27/2019 14:28:34</t>
  </si>
  <si>
    <t>10.200.60.52</t>
  </si>
  <si>
    <t>AC-7B-A1-A2-4E-91</t>
  </si>
  <si>
    <t>C:\Users\t-olivar\OneDrive - Grupo Algar\Documentos\MTE\2019\PROJETO DIVERSIDADE +\Governança do Projeto\Evento Lançamento\Evento de Lançamento.pptx\</t>
  </si>
  <si>
    <t>11/22/2019 08:51:25</t>
  </si>
  <si>
    <t>11/25/2019 10:59:26</t>
  </si>
  <si>
    <t>C:\Users\t-olivar\OneDrive - Grupo Algar\Documentos\Sindicato\2019\Algar TI\SINDETI\</t>
  </si>
  <si>
    <t>Lista Empresas TI UDI-JUCEMG.xlsx</t>
  </si>
  <si>
    <t>11/27/2019 14:28:39</t>
  </si>
  <si>
    <t>11/27/2019 14:31:34</t>
  </si>
  <si>
    <t>andre.rocha@cmpcrs.com.br;luciano.paludo@cmpcrs.com.br;marina.mariano@bradesco.com.br;regiane.p.mello@bradesco.com.br;simara.silva@cmpcrs.com.br;</t>
  </si>
  <si>
    <t>RES: CALL - CMPC - IMPLEMENTAÇÃO</t>
  </si>
  <si>
    <t>Base de VCN.xlsx</t>
  </si>
  <si>
    <t>andre.rocha@cmpcrs.com.br,luciano.paludo@cmpcrs.com.br,marina.mariano@bradesco.com.br,regiane.p.mello@bradesco.com.br,simara.silva@cmpcrs.com.br</t>
  </si>
  <si>
    <t>11/27/2019 14:29:54</t>
  </si>
  <si>
    <t>11/27/2019 14:32:33</t>
  </si>
  <si>
    <t>alizenetemf@algartech.com;analtc@algartech.com.br;celsoadsj@algartech.com;diogenespl@algartech.com.br;fernandodps@algartech.com;lidiannesr@algartech.com;ricardomi@algartech.com;</t>
  </si>
  <si>
    <t>RES: Report Intradiário TK - 837949</t>
  </si>
  <si>
    <t>Cópia de Formulário de Inserção de Skills (002).xlsx</t>
  </si>
  <si>
    <t>alizenetemf@algartech.com,analtc@algartech.com.br,celsoadsj@algartech.com,diogenespl@algartech.com.br,fernandodps@algartech.com,lidiannesr@algartech.com,ricardomi@algartech.com</t>
  </si>
  <si>
    <t>11/27/2019 14:33:22</t>
  </si>
  <si>
    <t>11/27/2019 14:36:34</t>
  </si>
  <si>
    <t>11/27/2019 14:34:57</t>
  </si>
  <si>
    <t>11/27/2019 14:37:34</t>
  </si>
  <si>
    <t>Horas Extras SD_Modelo Comercial - Copia.xlsx</t>
  </si>
  <si>
    <t>11/27/2019 14:36:09</t>
  </si>
  <si>
    <t>C:\Users\camilat\OneDrive - Grupo Algar\GERENCIAL\</t>
  </si>
  <si>
    <t>01 - ACTION ITENS - GERENCIAL.xlsx</t>
  </si>
  <si>
    <t>11/27/2019 14:34:02</t>
  </si>
  <si>
    <t>11/27/2019 14:39:34</t>
  </si>
  <si>
    <t>11/27/2019 14:35:54</t>
  </si>
  <si>
    <t>11/27/2019 14:41:34</t>
  </si>
  <si>
    <t>Controle FatB 2019 Nov 19.xlsx</t>
  </si>
  <si>
    <t>11/27/2019 14:40:28</t>
  </si>
  <si>
    <t>11/27/2019 14:43:34</t>
  </si>
  <si>
    <t>anapcrp@algartech.com;</t>
  </si>
  <si>
    <t>Chamadas abandonadas</t>
  </si>
  <si>
    <t>Chamadas beatriz- abandonada.xlsx</t>
  </si>
  <si>
    <t>anapcrp@algartech.com</t>
  </si>
  <si>
    <t>11/27/2019 14:29:45</t>
  </si>
  <si>
    <t>Envio_Segregada_Rui.xlsx</t>
  </si>
  <si>
    <t>11/27/2019 14:40:31</t>
  </si>
  <si>
    <t>11/27/2019 14:44:33</t>
  </si>
  <si>
    <t>/o=exchangelabs/ou=exchange administrative group (fydibohf23spdlt)/cn=recipients/cn=rossana moretto moreira - 092957;</t>
  </si>
  <si>
    <t>Extras de manifestações</t>
  </si>
  <si>
    <t>Extras de manifestações.xls</t>
  </si>
  <si>
    <t>/o=exchangelabs/ou=exchange administrative group (fydibohf23spdlt)/cn=recipients/cn=rossana moretto moreira - 092957</t>
  </si>
  <si>
    <t>11/27/2019 14:47:12</t>
  </si>
  <si>
    <t>11/27/2019 14:49:34</t>
  </si>
  <si>
    <t>mail.google.com/_/upload?authuser=0&amp;dcp=asu-n&amp;upload_id=AEnB2Ur29X6G-PRcfjz3JekDszXyLmButAc9E-5MNjo_WmLSggtyZYBH5liqrPqi3lJwY8JrjZuXPo0lCuMYdXtldRANL6lRiw&amp;upload_protocol=resumable</t>
  </si>
  <si>
    <t>Office365GroupsActivityDetail11_27_2019 5_46_05 PM.csv</t>
  </si>
  <si>
    <t>11/27/2019 14:47:21</t>
  </si>
  <si>
    <t>11/27/2019 14:50:34</t>
  </si>
  <si>
    <t>mail.google.com/_/upload?authuser=0&amp;dcp=asu-n&amp;upload_id=AEnB2UqK3h003451FDUB331VvyZxQKIRd76EG0R0Oy77ppGrX_QjL1KVb1k_Hs0Ruv5eCKdwI4EwrNLKR1xhI9-emW5t-Lrs7Q&amp;upload_protocol=resumable</t>
  </si>
  <si>
    <t>11/27/2019 14:54:11</t>
  </si>
  <si>
    <t>11/27/2019 14:55:34</t>
  </si>
  <si>
    <t>C:\Users\hugooc\AppData\Local\Temp\</t>
  </si>
  <si>
    <t>11/27/2019 14:56:59</t>
  </si>
  <si>
    <t>11/27/2019 14:59:34</t>
  </si>
  <si>
    <t>mail.google.com/_/upload?authuser=0&amp;dcp=asu-n&amp;upload_id=AEnB2UodTagwztEK8UIfmpAYWEMCh19X_2uZKDmietvnMSoFYvuthAekaASaJfyyaavTqCnUnDLLeTYXeveQ69dYTC6s0RTzAg&amp;upload_protocol=resumable</t>
  </si>
  <si>
    <t>C:\Users\lucianabo\Desktop\2019\9 - Setembro\RECEITAMENTO\Evidências Terceiros\</t>
  </si>
  <si>
    <t>Evidência Operações Whirlpool - Set.19.xlsx</t>
  </si>
  <si>
    <t>11/27/2019 14:58:09</t>
  </si>
  <si>
    <t>11/27/2019 15:03:33</t>
  </si>
  <si>
    <t>/o=exchangelabs/ou=exchange administrative group (fydibohf23spdlt)/cn=recipients/cn=5b22152eb97049f7b52874982256709e-roberto dia;</t>
  </si>
  <si>
    <t>/o=exchangelabs/ou=exchange administrative group (fydibohf23spdlt)/cn=recipients/cn=5b22152eb97049f7b52874982256709e-roberto dia</t>
  </si>
  <si>
    <t>11/27/2019 15:05:24</t>
  </si>
  <si>
    <t>11/27/2019 15:09:33</t>
  </si>
  <si>
    <t>mail.google.com/_/upload?authuser=0&amp;dcp=asu-n&amp;upload_id=AEnB2UpJ9Thj7P9qOGdtzOATlX_DJPB_WF060uwaesseu1QsrgJ46_CE1QcgkQrOlZbVYJeF1mKsMqwXvZYTdXVAKbX7cqHvVOmAYr_IV2U0MzlY80-uMZE&amp;upload_protocol=resumable</t>
  </si>
  <si>
    <t>Evidência Operações Whirlpool - Out.19.xlsx</t>
  </si>
  <si>
    <t>11/27/2019 15:07:49</t>
  </si>
  <si>
    <t>11/27/2019 15:12:34</t>
  </si>
  <si>
    <t>Cliente Atualizada 27-11.xlsx</t>
  </si>
  <si>
    <t>11/27/2019 15:08:16</t>
  </si>
  <si>
    <t>11/27/2019 15:13:33</t>
  </si>
  <si>
    <t>C:\Users\lucianarba\Documents\GEXP\</t>
  </si>
  <si>
    <t>180253 - Carrefour Reclame Aqui Varejo - V6_Validado (2).xlsb</t>
  </si>
  <si>
    <t>C:\Users\lucianarba\Documents\GEXP\180253 - Carrefour Reclame Aqui Varejo - V6_Validado (2).xlsb\</t>
  </si>
  <si>
    <t>11/27/2019 15:08:19</t>
  </si>
  <si>
    <t>mail.google.com/_/upload?authuser=0&amp;dcp=asu-n&amp;upload_id=AEnB2Uq8IAJ43bzHd4A_QEMAR3C768y_-tHQASLLShBWZ5-Bli_8x6wPtPLuZ_H9nBHaYOt5vOAceGank-JpdF2lpyaB6QnUJFXemp2iwGRHnsf1cu-DV0U&amp;upload_protocol=resumable</t>
  </si>
  <si>
    <t>11/27/2019 15:14:33</t>
  </si>
  <si>
    <t>11/27/2019 15:19:33</t>
  </si>
  <si>
    <t>mail.google.com/_/upload?authuser=0&amp;dcp=asu-n&amp;upload_id=AEnB2UrMcgsJkw9l1aMpwwqHXj8phrtPUt2HgquGAt8cGhj-p_DZymy8MTSAjKdjn1tsLv92CwSXWUROvtHrFkYuVsuTzTp6NA&amp;upload_protocol=resumable</t>
  </si>
  <si>
    <t>PTH LÍVIA.xlsx</t>
  </si>
  <si>
    <t>11/27/2019 15:18:08</t>
  </si>
  <si>
    <t>11/27/2019 15:20:33</t>
  </si>
  <si>
    <t>mail.google.com/mail/u/1/?tab=gm#inbox/FMfcgxwGBmzZQKZJSxTpqXpHdZHSncxK</t>
  </si>
  <si>
    <t>Ocorrencia 01a21112019_Flávia.xlsx</t>
  </si>
  <si>
    <t>11/27/2019 15:34:45</t>
  </si>
  <si>
    <t>11/27/2019 15:36:33</t>
  </si>
  <si>
    <t>C:\Users\dayanegm\Downloads\</t>
  </si>
  <si>
    <t>11/27/2019 15:39:11</t>
  </si>
  <si>
    <t>11/27/2019 15:40:33</t>
  </si>
  <si>
    <t>10.211.2.138</t>
  </si>
  <si>
    <t>tatiane.rodrigues@algartech.com</t>
  </si>
  <si>
    <t>andrearp@algartech.com;cobranca.tech@algartech.com;cristiellysm@algartech.com;faturamento@algartech.com;joycedhm@algartech.com;patriciall@algartech.com;wesleydal@algartech.com;</t>
  </si>
  <si>
    <t>\\acsfs\Deptos\Asyst\COMERCIAL\02 - FATURAMENTO\Base GAT\GAT - Planejamento e Gestao\Auditoria_Evidencias\</t>
  </si>
  <si>
    <t>andrearp@algartech.com,cobranca.tech@algartech.com,cristiellysm@algartech.com,faturamento@algartech.com,joycedhm@algartech.com,patriciall@algartech.com,wesleydal@algartech.com</t>
  </si>
  <si>
    <t>11/27/2019 15:44:43</t>
  </si>
  <si>
    <t>11/27/2019 15:47:35</t>
  </si>
  <si>
    <t>mail.google.com/_/upload?authuser=1&amp;dcp=asu-n&amp;upload_id=AEnB2Up64SY0XRdhGUkO47cxdlNGgX-F6hTq9O5hQTpXmJ6ep3nLvLRMLzrGl-RMgT-WgTqQvBdVOm0y08sVblLMWFCzI3oZVQ&amp;upload_protocol=resumable</t>
  </si>
  <si>
    <t>11/27/2019 15:49:14</t>
  </si>
  <si>
    <t>11/27/2019 15:53:35</t>
  </si>
  <si>
    <t>mail.google.com/_/upload?authuser=0&amp;dcp=asu-n&amp;upload_id=AEnB2UqMKtdU-r4J9s6jI_H3y8j1C9UMWQyJZ2PrAB1A0Kj_DWqZVO8r5QUIWQs8PWXFZSvhG0XXbU9B6PvbrLPfV1uR78WwPXO6oV8bNeGCpwrswSXD6Vw&amp;upload_protocol=resumable</t>
  </si>
  <si>
    <t>Totvs.xlsx</t>
  </si>
  <si>
    <t>11/27/2019 15:54:34</t>
  </si>
  <si>
    <t>11/27/2019 15:57:34</t>
  </si>
  <si>
    <t>11/27/2019 16:02:55</t>
  </si>
  <si>
    <t>11/27/2019 16:04:35</t>
  </si>
  <si>
    <t>\\acsfs\engeset\CPV_ULA\ADMINISTRATIVO\CONTROLE ADMINISTRATIVO\CADASTROS\ALGAR TI\2019\EVEN\Documentação_AlgarTI_BH.zip\</t>
  </si>
  <si>
    <t>F SUP 010 Cadastro de fornecedores Rev.16_v1.xlsx</t>
  </si>
  <si>
    <t>11/27/2019 16:07:11</t>
  </si>
  <si>
    <t>11/27/2019 16:09:34</t>
  </si>
  <si>
    <t>10.201.28.61</t>
  </si>
  <si>
    <t>11/27/2019 16:07:13</t>
  </si>
  <si>
    <t>mail.google.com/_/upload?authuser=0&amp;dcp=asu-n&amp;upload_id=AEnB2Up7uQnoBO6j7bwyonFCd4tQJYoD6VStLOUGIXm6tMwXmvJb2qEViCF2urSy5unpEMZDO0Lw0krqYcwW8IeFbe1h6NSJSqj_mVCkKALNUdi84MRtYQE&amp;upload_protocol=resumable</t>
  </si>
  <si>
    <t>11/27/2019 16:15:07</t>
  </si>
  <si>
    <t>11/27/2019 16:20:34</t>
  </si>
  <si>
    <t>C:\Users\elainemdlp\OD\_Projetos\Em andamento\Goodyear Licitacao\04 - Controle\</t>
  </si>
  <si>
    <t>Atividades_Migracao PJ_v1.xlsx</t>
  </si>
  <si>
    <t>11/27/2019 16:16:08</t>
  </si>
  <si>
    <t>C:\Users\elainemdlp\OD\_Projetos\Em andamento\Crescimento Next\01 - Iniciacao\</t>
  </si>
  <si>
    <t>11/27/2019 16:19:55</t>
  </si>
  <si>
    <t>11/27/2019 16:22:34</t>
  </si>
  <si>
    <t>https://caey.fa.us2.oraclecloud.com/crmui/faces/fusewelcome?_adf.ctrl-state=31kg2v86x_5</t>
  </si>
  <si>
    <t>\\acsfs\Deptos\CAS - Coordenação de Arquitetura de Soluções\Projetos\2019\EMS\175294 - Licenças SAP MII\</t>
  </si>
  <si>
    <t>11/27/2019 16:21:32</t>
  </si>
  <si>
    <t>11/27/2019 16:24:34</t>
  </si>
  <si>
    <t>11/27/2019 16:24:33</t>
  </si>
  <si>
    <t>11/27/2019 16:27:35</t>
  </si>
  <si>
    <t>/o=exchangelabs/ou=exchange administrative group (fydibohf23spdlt)/cn=recipients/cn=55f846c335d7437f892f0b0d49c89e92-celma ribei;/o=exchangelabs/ou=exchange administrative group (fydibohf23spdlt)/cn=recipients/cn=cee041e3afc5419faa2273808d5b57ff-priscila de;</t>
  </si>
  <si>
    <t>Teste PPE Novos.xlsx</t>
  </si>
  <si>
    <t>/o=exchangelabs/ou=exchange administrative group (fydibohf23spdlt)/cn=recipients/cn=55f846c335d7437f892f0b0d49c89e92-celma ribei,/o=exchangelabs/ou=exchange administrative group (fydibohf23spdlt)/cn=recipients/cn=cee041e3afc5419faa2273808d5b57ff-priscila de</t>
  </si>
  <si>
    <t>11/27/2019 16:26:09</t>
  </si>
  <si>
    <t>11/27/2019 16:31:34</t>
  </si>
  <si>
    <t>andrelpsa@algartech.com;eliane.martins@bv.com.br;flora.lira@bv.com.br;gilson.santos@call.neobpo.com.br;joaogvc@algartech.com;leonardoao@algartech.com;maristelavodq@bv.algartech.com;paulacn@algartech.com;qualidadealgarbv@algartech.com;rafaelggs@algartech.com;renata.farina@bv.com.br;supervisaobancovotorantim@algartech.com;viniciussg@algartech.com;</t>
  </si>
  <si>
    <t>Camisetas BV _ Algar Tech.xlsx</t>
  </si>
  <si>
    <t>andrelpsa@algartech.com,eliane.martins@bv.com.br,flora.lira@bv.com.br,gilson.santos@call.neobpo.com.br,joaogvc@algartech.com,leonardoao@algartech.com,maristelavodq@bv.algartech.com,paulacn@algartech.com,qualidadealgarbv@algartech.com,rafaelggs@algartech.com,renata.farina@bv.com.br,supervisaobancovotorantim@algartech.com,viniciussg@algartech.com</t>
  </si>
  <si>
    <t>11/27/2019 16:52:17</t>
  </si>
  <si>
    <t>11/27/2019 16:53:34</t>
  </si>
  <si>
    <t>Produtividade RAF - NOV-2019 - Parcial - 26-11-19.xlsm</t>
  </si>
  <si>
    <t>11/27/2019 16:52:27</t>
  </si>
  <si>
    <t>Base BW % Conversão - Nov-2019 - Parcial - 26-11-19.xlsm</t>
  </si>
  <si>
    <t>11/27/2019 16:52:56</t>
  </si>
  <si>
    <t>11/27/2019 16:54:35</t>
  </si>
  <si>
    <t>H:\Governança da Estratégia\Governança\Holding\2019\Gerenciais\4ª REUGER Novembro\Algar Tech 4ª REUGER _Longo Prazo _ Apresentação_V6.pptx\</t>
  </si>
  <si>
    <t>11/27/2019 16:52:57</t>
  </si>
  <si>
    <t>Planilha_do_Microsoft_Excel17.xlsx</t>
  </si>
  <si>
    <t>11/27/2019 16:52:58</t>
  </si>
  <si>
    <t>Planilha_do_Microsoft_Excel18.xlsx</t>
  </si>
  <si>
    <t>Planilha_do_Microsoft_Excel19.xlsx</t>
  </si>
  <si>
    <t>Planilha_do_Microsoft_Excel20.xlsx</t>
  </si>
  <si>
    <t>Planilha_do_Microsoft_Excel21.xlsx</t>
  </si>
  <si>
    <t>Planilha_do_Microsoft_Excel22.xlsx</t>
  </si>
  <si>
    <t>Planilha_do_Microsoft_Excel23.xlsx</t>
  </si>
  <si>
    <t>Planilha_do_Microsoft_Excel24.xlsx</t>
  </si>
  <si>
    <t>11/27/2019 16:52:59</t>
  </si>
  <si>
    <t>Planilha_do_Microsoft_Excel25.xlsx</t>
  </si>
  <si>
    <t>Planilha_do_Microsoft_Excel26.xlsx</t>
  </si>
  <si>
    <t>Planilha_do_Microsoft_Excel27.xlsx</t>
  </si>
  <si>
    <t>Planilha_do_Microsoft_Excel28.xlsx</t>
  </si>
  <si>
    <t>Planilha_do_Microsoft_Excel29.xlsx</t>
  </si>
  <si>
    <t>Planilha_do_Microsoft_Excel30.xlsx</t>
  </si>
  <si>
    <t>Planilha_do_Microsoft_Excel31.xlsx</t>
  </si>
  <si>
    <t>Planilha_do_Microsoft_Excel32.xlsx</t>
  </si>
  <si>
    <t>11/27/2019 16:53:00</t>
  </si>
  <si>
    <t>11/27/2019 16:58:23</t>
  </si>
  <si>
    <t>11/27/2019 17:00:35</t>
  </si>
  <si>
    <t>Laudas_URA Avaya Whirlpool - 27.11.19.xlsx</t>
  </si>
  <si>
    <t>11/27/2019 17:01:57</t>
  </si>
  <si>
    <t>11/27/2019 17:03:35</t>
  </si>
  <si>
    <t>c:\users\denisevca\downloads\</t>
  </si>
  <si>
    <t>vse_modelo.xlsx</t>
  </si>
  <si>
    <t>11/27/2019 17:06:30</t>
  </si>
  <si>
    <t>11/27/2019 17:10:35</t>
  </si>
  <si>
    <t>mail.google.com/_/upload?authuser=0&amp;dcp=asu-n&amp;upload_id=AEnB2UraAOeGwBd3xDcRBnF8UswsoiLj9AX_ZIGMiPAZg5nkh3pAFX74zOl_OdpnNRmB_evS6NSKRyrPQMURdgQCofe8Gg44mQ&amp;upload_protocol=resumable</t>
  </si>
  <si>
    <t>0]�;1574869862826;30;722423072;[];[]]];\";false;false]";marceloab@algartech.com;null;querencm@algartech.com;</t>
  </si>
  <si>
    <t>C:\Users\heliorg\OneDrive - Grupo Algar\Squad\URAs\6 - Whirlpool\</t>
  </si>
  <si>
    <t>0]�,1574869862826,30,722423072,[],[]]],\",false,false]",marceloab@algartech.com,null,querencm@algartech.com</t>
  </si>
  <si>
    <t>11/27/2019 17:08:57</t>
  </si>
  <si>
    <t>11/27/2019 17:13:34</t>
  </si>
  <si>
    <t>11/27/2019 17:16:21</t>
  </si>
  <si>
    <t>11/27/2019 17:18:35</t>
  </si>
  <si>
    <t>11/27/2019 17:15:35</t>
  </si>
  <si>
    <t>11_19- Acompanhamento Faturamento.v3.xlsb</t>
  </si>
  <si>
    <t>11/27/2019 17:21:19</t>
  </si>
  <si>
    <t>11/27/2019 17:24:35</t>
  </si>
  <si>
    <t>PRODUTIVIDADE MKTPLACE.xlsx</t>
  </si>
  <si>
    <t>11/27/2019 17:27:21</t>
  </si>
  <si>
    <t>11/27/2019 17:29:34</t>
  </si>
  <si>
    <t>mail.google.com/_/upload?authuser=0&amp;dcp=asu-n&amp;upload_id=AEnB2UobxE0_TTzZ9vdk27TIx9Q2XQ2V6CyrJ1rdYT5xBwPbBNRjfBVQ6Xm1sFVlRsDUG_yEh7-5TvqqMRDdMx1OdEPa-IHfpA&amp;upload_protocol=resumable</t>
  </si>
  <si>
    <t>denisevc@algartech.com;faturamento@algartech.com;gestaofinanceiracontratos@algartech.com;karendfs@algartech.com;leandrolds@algartech.com;leticiabp@algartech.com;mariliafc@algartecnologia.com.br;mariliafsc@algartech.com;robertacmf@algartech.com;</t>
  </si>
  <si>
    <t>C:\Users\lucianabo\Desktop\2019\11 - Novembro\RECEITAMENTO\</t>
  </si>
  <si>
    <t>RECEITAMENTO - TERCEIROS NOV.19 - FACEBOOK.xlsm</t>
  </si>
  <si>
    <t>denisevc@algartech.com,faturamento@algartech.com,gestaofinanceiracontratos@algartech.com,karendfs@algartech.com,leandrolds@algartech.com,leticiabp@algartech.com,mariliafc@algartecnologia.com.br,mariliafsc@algartech.com,robertacmf@algartech.com</t>
  </si>
  <si>
    <t>11/27/2019 17:30:21</t>
  </si>
  <si>
    <t>11/27/2019 17:31:35</t>
  </si>
  <si>
    <t>ENC: Produtividade CRCe até 26/11</t>
  </si>
  <si>
    <t>11/27/2019 17:34:02</t>
  </si>
  <si>
    <t>11/27/2019 17:35:34</t>
  </si>
  <si>
    <t>11/27/2019 17:34:22</t>
  </si>
  <si>
    <t>11/27/2019 17:30:48</t>
  </si>
  <si>
    <t>\\uddqlkap05\Producao_Qlikview_Dev\Lucas Venancio\Qlikview\Projetos\Telecom Cobrança\</t>
  </si>
  <si>
    <t>Nao acionados Ilma.xlsx</t>
  </si>
  <si>
    <t>11/27/2019 17:34:36</t>
  </si>
  <si>
    <t>Importações Acionados Não Exportados.xls</t>
  </si>
  <si>
    <t>11/27/2019 17:31:46</t>
  </si>
  <si>
    <t>11/27/2019 17:36:34</t>
  </si>
  <si>
    <t>11/27/2019 17:33:49</t>
  </si>
  <si>
    <t>11/27/2019 17:33:59</t>
  </si>
  <si>
    <t>11/27/2019 17:34:25</t>
  </si>
  <si>
    <t>11/27/2019 17:22:35</t>
  </si>
  <si>
    <t>taniacs@algartech.com;wanderff@algartech.com;</t>
  </si>
  <si>
    <t>BD Retenção.xlsx</t>
  </si>
  <si>
    <t>taniacs@algartech.com,wanderff@algartech.com</t>
  </si>
  <si>
    <t>11/27/2019 17:40:45</t>
  </si>
  <si>
    <t>11/27/2019 17:42:35</t>
  </si>
  <si>
    <t>\\acsfs\DEPTOS\Controladoria\3. CSC\CONTROLES CSC\7-Orçamento 2020\Rateio Ebit CSC 2020_v4 - revisados\Racional novo rateio Ebit\TH\</t>
  </si>
  <si>
    <t>R&amp;S - Consolidada.xlsx</t>
  </si>
  <si>
    <t>11/27/2019 17:47:50</t>
  </si>
  <si>
    <t>11/27/2019 17:51:35</t>
  </si>
  <si>
    <t>denisevca@algartech.com;franciscoebf@algartecnologia.com.br;lauravx@algartech.com;leticiabp@algartech.com;wayneroa@algartech.com;</t>
  </si>
  <si>
    <t>Padrao Solicitacao Receitamento SG Telecom - 4ª remessa TO .xlsm</t>
  </si>
  <si>
    <t>denisevca@algartech.com,franciscoebf@algartecnologia.com.br,lauravx@algartech.com,leticiabp@algartech.com,wayneroa@algartech.com</t>
  </si>
  <si>
    <t>11/27/2019 17:57:50</t>
  </si>
  <si>
    <t>11/27/2019 17:59:34</t>
  </si>
  <si>
    <t>11/27/2019 17:57:52</t>
  </si>
  <si>
    <t>11/27/2019 17:58:17</t>
  </si>
  <si>
    <t>11/27/2019 18:03:35</t>
  </si>
  <si>
    <t>mail.google.com/_/upload?authuser=1&amp;dcp=asu-n&amp;upload_id=AEnB2Ur6sKsg3kIP44LYgHabxM8y2HQyWxjK_acS-_IlbYi928omf-3DZrKp2TLb9itjqRjbvxfYjUd9SEJFgLv6uhLFsXn01Q&amp;upload_protocol=resumable</t>
  </si>
  <si>
    <t>C:\Users\suelenmm\Desktop\</t>
  </si>
  <si>
    <t>11/27/2019 18:16:39</t>
  </si>
  <si>
    <t>11/27/2019 18:18:34</t>
  </si>
  <si>
    <t>Template_-_Gestao_de_Titulos (35).xlsx</t>
  </si>
  <si>
    <t>11/27/2019 18:29:23</t>
  </si>
  <si>
    <t>11/27/2019 18:30:34</t>
  </si>
  <si>
    <t>11/27/2019 18:48:56</t>
  </si>
  <si>
    <t>11/27/2019 18:51:35</t>
  </si>
  <si>
    <t>Padrao Solicitacao Receitamento SG Telecom - 5ª remessa TO - Copia.xlsm</t>
  </si>
  <si>
    <t>11/27/2019 18:50:18</t>
  </si>
  <si>
    <t>11/27/2019 18:54:34</t>
  </si>
  <si>
    <t>mail.google.com/_/upload?authuser=0&amp;dcp=asu-n&amp;upload_id=AEnB2UopMJMbeOBO8kk-9iwiLhASvyIrIcdSPDYtUmoss6EMzNAZTsVm9grHqfNH2eLgXrVzwcjuLdyLbDnui5jyF4lNv9GhHA&amp;upload_protocol=resumable</t>
  </si>
  <si>
    <t>RECEITAMENTO TERCEIROS - ESTORNO CHAMPION - NOV.19.xlsm</t>
  </si>
  <si>
    <t>11/27/2019 18:52:06</t>
  </si>
  <si>
    <t>11/27/2019 18:56:35</t>
  </si>
  <si>
    <t>11/27/2019 18:52:29</t>
  </si>
  <si>
    <t>11/27/2019 19:38:28</t>
  </si>
  <si>
    <t>11/27/2019 19:40:35</t>
  </si>
  <si>
    <t>10.211.10.234</t>
  </si>
  <si>
    <t>mail.google.com/mail/u/1/?tab=gm#sent?compose=lqrsljcJBdVJGrkxRJKwDSPckDwzJLlsjtRMjzJtnJggWswBcSQkDxFqdwfxdsnGNZrlSRdXKTPBdzxQf</t>
  </si>
  <si>
    <t>Z:\RELATORIOS FPW\Controle\HE DIARIO COM JUSTIFICATIVA\Novembro\</t>
  </si>
  <si>
    <t>HE 033_01A2611.xlsm</t>
  </si>
  <si>
    <t>11/27/2019 20:00:00</t>
  </si>
  <si>
    <t>11/27/2019 20:04:36</t>
  </si>
  <si>
    <t>11/27/2019 22:21:43</t>
  </si>
  <si>
    <t>11/28/2019 07:20:38</t>
  </si>
  <si>
    <t>C:\Users\lucianafaa\OneDrive - Grupo Algar\2019\PROJETOS\</t>
  </si>
  <si>
    <t>Matriz_de_Riscos_Projeto Xperience (1).xlsx</t>
  </si>
  <si>
    <t>11/27/2019 17:01:04</t>
  </si>
  <si>
    <t>11/28/2019 07:41:39</t>
  </si>
  <si>
    <t>10.16.76.54</t>
  </si>
  <si>
    <t>ENC: Proposta Algar - Continuação do Serviço de Manutenção de FO - Backbone</t>
  </si>
  <si>
    <t>Controle Perimetro Contrato AlgarTech_3T2019_21102019_v1_Incluir_Contrat....xlsx</t>
  </si>
  <si>
    <t>11/28/2019 08:12:48</t>
  </si>
  <si>
    <t>11/28/2019 08:14:39</t>
  </si>
  <si>
    <t>mail.google.com/_/upload?authuser=0&amp;dcp=asu-n&amp;upload_id=AEnB2Uo981ruMRK0o51GQIlHYU2eZvN6xyITI2K8549osyaCK62csNUA6yqxSpGUTzmVStIcPCu06p3h-9iS5HDxxdXJb_MeSw&amp;upload_protocol=resumable</t>
  </si>
  <si>
    <t>\\acsfs\deptos\Operacao\Unica\1. Gestão da Área\1.1 Administrativo\1.1.3 Reports\Relatórios\Report Ativos\</t>
  </si>
  <si>
    <t>11/27/2019 18:00:40</t>
  </si>
  <si>
    <t>11/28/2019 08:25:38</t>
  </si>
  <si>
    <t>Sugestão de Melhorias Bot Elux.xlsx</t>
  </si>
  <si>
    <t>11/14/2019 14:18:15</t>
  </si>
  <si>
    <t>11/28/2019 08:28:39</t>
  </si>
  <si>
    <t>10.200.58.60</t>
  </si>
  <si>
    <t>/o=exchangelabs/ou=exchange administrative group (fydibohf23spdlt)/cn=recipients/cn=8fc182d8ec964190abd5d149ac41ad8b-fabricio de;/o=exchangelabs/ou=exchange administrative group (fydibohf23spdlt)/cn=recipients/cn=fb208f421ae04825a24a31527949a9b4-mariane pri;</t>
  </si>
  <si>
    <t>RES: Cartão corporativo</t>
  </si>
  <si>
    <t>/o=exchangelabs/ou=exchange administrative group (fydibohf23spdlt)/cn=recipients/cn=8fc182d8ec964190abd5d149ac41ad8b-fabricio de,/o=exchangelabs/ou=exchange administrative group (fydibohf23spdlt)/cn=recipients/cn=fb208f421ae04825a24a31527949a9b4-mariane pri</t>
  </si>
  <si>
    <t>11/26/2019 13:53:57</t>
  </si>
  <si>
    <t>11/27/2019 21:33:49</t>
  </si>
  <si>
    <t>11/28/2019 08:38:39</t>
  </si>
  <si>
    <t>rosilenedlf@algartech.com</t>
  </si>
  <si>
    <t>odjnoinhmpjcw3af0p-djef9hct2yy6p_blrtx1tghy3dkh8lct6vyekzdvc_4tivc4mfll2otmeigc4_soswdtdtdfuwpys4bpunqwvpifgab9clmrtfaxohjouph3u4uopfdu_r_mj068zerxlpxl7uq-_ximmevphwps25kdjb0xfujz5k2m2fnnztjeg31tqlbdvymgibw;osbbvugqecaaade1iaaaanmqgxufu7ccodjnoinhmpjcw3af0p-djef9hct2yy6p_blrtx1tghy3dkh8lct6vyekzdvc_4tivc4mfll2otmeigc4_soswdtdtdfuwpys4bpunqwvpifgab9clmrtfaxohjouph3u4uopfdu_r_mj06;osbbvugqecaaade1iaaaarmqgxufu7ccodjnoinhmpjcw3af0p-djef9hct2yy6p_blrtx1tghy3dkh8lct6vyekzdvc_4tivc4mfll2otmeigc4_soswdtdtdfuwpys4bpunqwvpifgab9clmrtfaxohjouph3u4uopfdu_r_mj06;</t>
  </si>
  <si>
    <t>C:\Users\rosilenedlf\Desktop\WHP 27-05\FINANCEIRO\DEPARTAMENTAL - RECUPARAÇÃO\</t>
  </si>
  <si>
    <t>Cópia de Departamental Whirlpool - Out.19.xlsx</t>
  </si>
  <si>
    <t>odjnoinhmpjcw3af0p-djef9hct2yy6p_blrtx1tghy3dkh8lct6vyekzdvc_4tivc4mfll2otmeigc4_soswdtdtdfuwpys4bpunqwvpifgab9clmrtfaxohjouph3u4uopfdu_r_mj068zerxlpxl7uq-_ximmevphwps25kdjb0xfujz5k2m2fnnztjeg31tqlbdvymgibw,osbbvugqecaaade1iaaaanmqgxufu7ccodjnoinhmpjcw3af0p-djef9hct2yy6p_blrtx1tghy3dkh8lct6vyekzdvc_4tivc4mfll2otmeigc4_soswdtdtdfuwpys4bpunqwvpifgab9clmrtfaxohjouph3u4uopfdu_r_mj06,osbbvugqecaaade1iaaaarmqgxufu7ccodjnoinhmpjcw3af0p-djef9hct2yy6p_blrtx1tghy3dkh8lct6vyekzdvc_4tivc4mfll2otmeigc4_soswdtdtdfuwpys4bpunqwvpifgab9clmrtfaxohjouph3u4uopfdu_r_mj06</t>
  </si>
  <si>
    <t>11/27/2019 21:37:03</t>
  </si>
  <si>
    <t>C:\Users\rosilenedlf\Desktop\WHP 27-05\COMERCIAL - CONTRATOS E PROPOSTAS\</t>
  </si>
  <si>
    <t>Cópia de RFP Serviços - Precificação_v4_final_reducaodesafio.xlsx</t>
  </si>
  <si>
    <t>11/28/2019 08:39:31</t>
  </si>
  <si>
    <t>11/28/2019 08:43:39</t>
  </si>
  <si>
    <t>mail.google.com/_/upload?authuser=0&amp;dcp=asu-n&amp;upload_id=AEnB2UpbAakp6KT2Pyhk0m1yU4bBGlAdiIU4RzxczaDhhpxKwGlg_Y-OlFyCs1zXxA2ZK-wBoFa9SqSKLAOUqdyzbYBBt0yFyWtJtlbfGqDEVHCP_5Lrjic&amp;upload_protocol=resumable</t>
  </si>
  <si>
    <t>11/28/2019 08:45:05</t>
  </si>
  <si>
    <t>11/28/2019 08:46:39</t>
  </si>
  <si>
    <t>/o=exchangelabs/ou=exchange administrative group (fydibohf23spdlt)/cn=recipients/cn=f42f5571897a4de5b99c25bca0db19ec-roberto roq;/o=exchangelabs/ou=exchange administrative group (fydibohf23spdlt)/cn=recipients/cn=flavio martinez;</t>
  </si>
  <si>
    <t>ENC: Advertências_Excesso de Velocidade_OUT/19.</t>
  </si>
  <si>
    <t>Abertura eventos excesso velocidade OUT19.xlsx</t>
  </si>
  <si>
    <t>/o=exchangelabs/ou=exchange administrative group (fydibohf23spdlt)/cn=recipients/cn=f42f5571897a4de5b99c25bca0db19ec-roberto roq,/o=exchangelabs/ou=exchange administrative group (fydibohf23spdlt)/cn=recipients/cn=flavio martinez</t>
  </si>
  <si>
    <t>11/27/2019 14:01:25</t>
  </si>
  <si>
    <t>11/28/2019 08:56:38</t>
  </si>
  <si>
    <t>C:\Users\diegorg\Desktop\Vilarinho\27_11\CAPEX LP 20 a 24 - 27_11 IFRS DESTACADO.pptx\</t>
  </si>
  <si>
    <t>11/27/2019 14:01:27</t>
  </si>
  <si>
    <t>mail.google.com/_/upload?authuser=0&amp;dcp=asu-n&amp;upload_id=AEnB2UpCao9fxOW6NEi2a0SoxTMUJJCt2uIaQ3PksylYkF6-i9k91Zs3u46hOKPg826QtmJfNSJ2QGNriqi_N93vv6_pBQ5Vxg&amp;upload_protocol=resumable</t>
  </si>
  <si>
    <t>11/27/2019 16:54:52</t>
  </si>
  <si>
    <t>11/28/2019 08:58:38</t>
  </si>
  <si>
    <t>Plano de Ação - ISD.xlsx</t>
  </si>
  <si>
    <t>11/27/2019 20:10:55</t>
  </si>
  <si>
    <t>11/28/2019 08:59:39</t>
  </si>
  <si>
    <t>11/27/2019 20:10:56</t>
  </si>
  <si>
    <t>mail.google.com/_/upload?authuser=1&amp;dcp=asu-n&amp;upload_id=AEnB2Ur55TuWs4oW1e5ozQA-ngmosIb_n8rNdhW5h_1KtHm4MaOMeJ9DG3jmQ2mMlphzeKv40f7y_AFVwLRiMc6bBRin5vc_gg&amp;upload_protocol=resumable</t>
  </si>
  <si>
    <t>11/28/2019 09:11:21</t>
  </si>
  <si>
    <t>11/28/2019 09:14:39</t>
  </si>
  <si>
    <t>mail.google.com/_/upload?authuser=0&amp;dcp=asu-n&amp;upload_id=AEnB2UrRYghQcX0FGKkRHdSXfz2nLfsVpHlVHJwO06sYJulGgghY-GMIpMJbCgXkNbmvE7ylmLvBoWRjCszRLG5f0Eqltrjs_A&amp;upload_protocol=resumable</t>
  </si>
  <si>
    <t>2019_12_01_Planilha_Youse_Auto.xlsb</t>
  </si>
  <si>
    <t>11/28/2019 09:21:40</t>
  </si>
  <si>
    <t>11/28/2019 09:22:39</t>
  </si>
  <si>
    <t>Whirlpool_FDD_Roteamento_Voz - 22.11.2019.xlsx</t>
  </si>
  <si>
    <t>11/28/2019 09:22:26</t>
  </si>
  <si>
    <t>11/28/2019 09:24:39</t>
  </si>
  <si>
    <t>11/28/2019 09:23:55</t>
  </si>
  <si>
    <t>\\acsfs\DEPTOS\Operacao\PCP\5 - Comum\PLANEJAMENTO WHIRLPOOL\17 - PLANEJAMENTO REVISADO\ticket_526283\17 - PLANEJAMENTO REVISADO\TOTALVIEW\ADERÊNCIA TTV\2019\12- DEZEMBRO\OPERAÇÕES ROSI\RECEBIDOS\</t>
  </si>
  <si>
    <t>22016 - UDI - WHIRLPOOL - CCO.xlsx</t>
  </si>
  <si>
    <t>11/28/2019 09:24:58</t>
  </si>
  <si>
    <t>11/28/2019 09:29:39</t>
  </si>
  <si>
    <t>22014 - UDI - WHIRLPOOL - SAC SINERGIA Dez.xlsx</t>
  </si>
  <si>
    <t>11/28/2019 09:25:09</t>
  </si>
  <si>
    <t>11/28/2019 09:26:33</t>
  </si>
  <si>
    <t>ADERÊNCIA CHAT - REFERENTE MÊS DEZEMBRO.xlsx</t>
  </si>
  <si>
    <t>11/28/2019 09:26:45</t>
  </si>
  <si>
    <t>11/28/2019 09:27:45</t>
  </si>
  <si>
    <t>ADERÊNCIA PA DIGITAL REFERENTE MÊS DEZEMBRO.xlsx</t>
  </si>
  <si>
    <t>11/28/2019 09:27:57</t>
  </si>
  <si>
    <t>11/28/2019 09:29:55</t>
  </si>
  <si>
    <t>11/28/2019 09:33:39</t>
  </si>
  <si>
    <t>AJUSTE DE PN</t>
  </si>
  <si>
    <t>11/28/2019 09:36:30</t>
  </si>
  <si>
    <t>11/28/2019 09:36:39</t>
  </si>
  <si>
    <t>/o=exchangelabs/ou=exchange administrative group (fydibohf23spdlt)/cn=recipients/cn=002ec1cd4de64cd68f3e33ca3518cc0b-fernando ro;/o=exchangelabs/ou=exchange administrative group (fydibohf23spdlt)/cn=recipients/cn=092327d7955f47e78ad4a60dc2ac8d69-joaquim eli;/o=exchangelabs/ou=exchange administrative group (fydibohf23spdlt)/cn=recipients/cn=0a343ab60c904ee9b25c54f941bc50a2-elincon pis;/o=exchangelabs/ou=exchange administrative group (fydibohf23spdlt)/cn=recipients/cn=2083875ab19146848e9acf6dbac781d4-cleiton gom;/o=exchangelabs/ou=exchange administrative group (fydibohf23spdlt)/cn=recipients/cn=2b69c7de1a3641269a7eed0596e1ddc2-wayner oliv;/o=exchangelabs/ou=exchange administrative group (fydibohf23spdlt)/cn=recipients/cn=2c491208934e4c1c82f5b090bc9e568f-wesley carl;/o=exchangelabs/ou=exchange administrative group (fydibohf23spdlt)/cn=recipients/cn=3bff4ffb267e4ea2a4a3347f6a4c5cf8-tatiane mag;/o=exchangelabs/ou=exchange administrative group (fydibohf23spdlt)/cn=recipients/cn=42aadbe8775e4c2cb37c145f9d092a4e-carl</t>
  </si>
  <si>
    <t>RES: Pesquisa de Clima - GST</t>
  </si>
  <si>
    <t>Status Pesquisa de Clima 2019 - 2711.xlsx</t>
  </si>
  <si>
    <t>/o=exchangelabs/ou=exchange administrative group (fydibohf23spdlt)/cn=recipients/cn=002ec1cd4de64cd68f3e33ca3518cc0b-fernando ro,/o=exchangelabs/ou=exchange administrative group (fydibohf23spdlt)/cn=recipients/cn=092327d7955f47e78ad4a60dc2ac8d69-joaquim eli,/o=exchangelabs/ou=exchange administrative group (fydibohf23spdlt)/cn=recipients/cn=0a343ab60c904ee9b25c54f941bc50a2-elincon pis,/o=exchangelabs/ou=exchange administrative group (fydibohf23spdlt)/cn=recipients/cn=2083875ab19146848e9acf6dbac781d4-cleiton gom,/o=exchangelabs/ou=exchange administrative group (fydibohf23spdlt)/cn=recipients/cn=2b69c7de1a3641269a7eed0596e1ddc2-wayner oliv,/o=exchangelabs/ou=exchange administrative group (fydibohf23spdlt)/cn=recipients/cn=2c491208934e4c1c82f5b090bc9e568f-wesley carl,/o=exchangelabs/ou=exchange administrative group (fydibohf23spdlt)/cn=recipients/cn=3bff4ffb267e4ea2a4a3347f6a4c5cf8-tatiane mag,/o=exchangelabs/ou=exchange administrative group (fydibohf23spdlt)/cn=recipients/cn=42aadbe8775e4c2cb37c145f9d092a4e-carl</t>
  </si>
  <si>
    <t>11/28/2019 09:39:23</t>
  </si>
  <si>
    <t>11/28/2019 09:43:39</t>
  </si>
  <si>
    <t>Genesys.xlsx</t>
  </si>
  <si>
    <t>11/28/2019 09:40:11</t>
  </si>
  <si>
    <t>11/28/2019 09:44:38</t>
  </si>
  <si>
    <t>/o=exchangelabs/ou=exchange administrative group (fydibohf23spdlt)/cn=recipients/cn=a72fa73d2e1a464ba879e7629d58ef97-luana erlen;/o=exchangelabs/ou=exchange administrative group (fydibohf23spdlt)/cn=recipients/cn=f927337e9e32468d91da72c6c6ec4935-eliamar de;</t>
  </si>
  <si>
    <t>Não realizar mais nenhuma monitoria_NEXT</t>
  </si>
  <si>
    <t>Não realizar mais monitorias.xlsx</t>
  </si>
  <si>
    <t>/o=exchangelabs/ou=exchange administrative group (fydibohf23spdlt)/cn=recipients/cn=a72fa73d2e1a464ba879e7629d58ef97-luana erlen,/o=exchangelabs/ou=exchange administrative group (fydibohf23spdlt)/cn=recipients/cn=f927337e9e32468d91da72c6c6ec4935-eliamar de</t>
  </si>
  <si>
    <t>11/28/2019 09:51:42</t>
  </si>
  <si>
    <t>11/28/2019 09:54:38</t>
  </si>
  <si>
    <t>10.200.58.135</t>
  </si>
  <si>
    <t>FC-01-7C-B3-41-B7</t>
  </si>
  <si>
    <t>luanasdsa@algartech.com</t>
  </si>
  <si>
    <t>carlosasr@algartech.com;carolina.farah@bradesco.com.br;elton.r.luz@bradesco.com.br;filype.s.przybylski@bradesco.com.br;gina.cervelli@bradesco.com.br;leandrolds@algartech.com;lsouza@deepcenter.com.br;milena.brambila@bradesco.com.br;peterson.l.arruda@bradesco.com.br;tatiane.castro@bradesco.com.br;tatianedc@algartech.com;wcarvalho@deepcenter.com.br;</t>
  </si>
  <si>
    <t>C:\Users\luanasdsa\Desktop\DEEP\</t>
  </si>
  <si>
    <t>Fin_Daily.xlsx</t>
  </si>
  <si>
    <t>carlosasr@algartech.com,carolina.farah@bradesco.com.br,elton.r.luz@bradesco.com.br,filype.s.przybylski@bradesco.com.br,gina.cervelli@bradesco.com.br,leandrolds@algartech.com,lsouza@deepcenter.com.br,milena.brambila@bradesco.com.br,peterson.l.arruda@bradesco.com.br,tatiane.castro@bradesco.com.br,tatianedc@algartech.com,wcarvalho@deepcenter.com.br</t>
  </si>
  <si>
    <t>11/28/2019 09:57:49</t>
  </si>
  <si>
    <t>11/28/2019 09:59:38</t>
  </si>
  <si>
    <t>\\acsfs\Dsti\Precificações\02 - DATA CENTER\</t>
  </si>
  <si>
    <t>11/28/2019 09:59:06</t>
  </si>
  <si>
    <t>11/28/2019 10:04:39</t>
  </si>
  <si>
    <t>TB07_20191128_093703.xls</t>
  </si>
  <si>
    <t>11/28/2019 10:04:38</t>
  </si>
  <si>
    <t>11/28/2019 10:09:39</t>
  </si>
  <si>
    <t>mail.google.com/_/upload?authuser=0&amp;dcp=asu-n&amp;upload_id=AEnB2UpJ_Z3cNQy7s3rLSde5GAMO-Uppt65fNNCknN-Vq-lqD24tk4svha2KrcKPQYGVIxEkcdMtmX7EjCgGYdSjlDFRK3w8qQ&amp;upload_protocol=resumable</t>
  </si>
  <si>
    <t>panilha.xlsx</t>
  </si>
  <si>
    <t>11/28/2019 10:11:42</t>
  </si>
  <si>
    <t>11/28/2019 10:12:39</t>
  </si>
  <si>
    <t>646350_#SouAlgar_AvaliacaoNotasDasQuestões_28-11-2019_.xlsx</t>
  </si>
  <si>
    <t>11/27/2019 18:37:08</t>
  </si>
  <si>
    <t>11/28/2019 10:19:39</t>
  </si>
  <si>
    <t>C:\Users\hugooc\Downloads\</t>
  </si>
  <si>
    <t>Posições (1).xlsx</t>
  </si>
  <si>
    <t>11/28/2019 10:22:20</t>
  </si>
  <si>
    <t>11/28/2019 10:25:39</t>
  </si>
  <si>
    <t>https://sms.maisresultado.com.br/upload-file.php</t>
  </si>
  <si>
    <t>\\cppfs\cpdeptos\CPC\3 - Acompanhamento\EAVM\06 - SMS e VOICER\Enviados\2019\Novembro\</t>
  </si>
  <si>
    <t>SMS NEXT 28 11 2019.csv</t>
  </si>
  <si>
    <t>11/28/2019 10:25:47</t>
  </si>
  <si>
    <t>11/28/2019 10:26:39</t>
  </si>
  <si>
    <t>https://caey.fa.us2.oraclecloud.com/crmui/faces/fusewelcome?_adf.ctrl-state=428iun452_5</t>
  </si>
  <si>
    <t>TRANSACIONAIS AGR_aprovavenda214401.xlsx</t>
  </si>
  <si>
    <t>11/28/2019 10:29:27</t>
  </si>
  <si>
    <t>11/28/2019 10:31:38</t>
  </si>
  <si>
    <t>AJUSTE DE PONTO - AKASSIA NOVEMBRO.xlsx</t>
  </si>
  <si>
    <t>11/28/2019 10:27:10</t>
  </si>
  <si>
    <t>Peça Oficial 2020 - Projetos CSC - cronograma financeiro - Grupo Tech.xlsx</t>
  </si>
  <si>
    <t>11/28/2019 10:32:13</t>
  </si>
  <si>
    <t>11/28/2019 10:34:38</t>
  </si>
  <si>
    <t>C:\Users\marinasf\OneDrive - Grupo Algar\ANEXO PARA OC\</t>
  </si>
  <si>
    <t>6266 RNIA03 Thermcom.REV 1.xlsx</t>
  </si>
  <si>
    <t>11/28/2019 10:32:21</t>
  </si>
  <si>
    <t>6333 CLVG58 Thermcom.REV 1.xlsx</t>
  </si>
  <si>
    <t>11/28/2019 10:34:13</t>
  </si>
  <si>
    <t>11/28/2019 10:35:39</t>
  </si>
  <si>
    <t>Apuração Anual e Ultimo Bimestre .xlsx</t>
  </si>
  <si>
    <t>11/28/2019 10:34:14</t>
  </si>
  <si>
    <t>mail.google.com/_/upload?authuser=0&amp;dcp=asu-n&amp;upload_id=AEnB2UrchCNQb8PY7MkpkssLXGznROTdGTBXO6l0fM2tZggzRKWDiMmb6iihD_MTMemttiKIiG3OW6VjrD9njuYU99jpD2Efzw&amp;upload_protocol=resumable</t>
  </si>
  <si>
    <t>11/28/2019 10:32:18</t>
  </si>
  <si>
    <t>11/28/2019 10:36:38</t>
  </si>
  <si>
    <t>11/28/2019 10:37:21</t>
  </si>
  <si>
    <t>11/28/2019 10:39:39</t>
  </si>
  <si>
    <t>RES: Conciliação FAT B Nov 19</t>
  </si>
  <si>
    <t>Controle FatB 2019 Nov 19 (002).xlsx</t>
  </si>
  <si>
    <t>11/28/2019 10:52:14</t>
  </si>
  <si>
    <t>11/28/2019 10:54:38</t>
  </si>
  <si>
    <t>SGI Acessos Algar Tech.xlsx</t>
  </si>
  <si>
    <t>11/28/2019 10:52:47</t>
  </si>
  <si>
    <t>11/28/2019 10:56:38</t>
  </si>
  <si>
    <t>ENC: Status Pesquisa de Clima - estamos com 34% (prazo 02/12)</t>
  </si>
  <si>
    <t>Status Pesquisa de Clima 2019 - 28_11.xlsx</t>
  </si>
  <si>
    <t>11/28/2019 11:01:02</t>
  </si>
  <si>
    <t>11/28/2019 11:05:39</t>
  </si>
  <si>
    <t>/o=exchangelabs/ou=exchange administrative group (fydibohf23spdlt)/cn=recipients/cn=2b68c5c9701540eb8fd871ac41d57b98-michael vic;/o=exchangelabs/ou=exchange administrative group (fydibohf23spdlt)/cn=recipients/cn=b1d771656e5d46709d93295f07966125-pedro henri;/o=exchangelabs/ou=exchange administrative group (fydibohf23spdlt)/cn=recipients/cn=b284454839e94314a90d49e7ec00864f-antonio car;/o=exchangelabs/ou=exchange administrative group (fydibohf23spdlt)/cn=recipients/cn=b712c36eebee42428d3790abe2696417-romario gom;daniel.cabeceira@bradesco.com.br;daniel.paschoal@next.b.br;hugooc@algartech.com;lucas.c.santana@next.b.br;sizania.miranda@next.b.br;</t>
  </si>
  <si>
    <t>Régua de Cálculo SLA HIBRIDO NEXT</t>
  </si>
  <si>
    <t>Speed_of_Accept_(seconds)_Report voz.xlsx</t>
  </si>
  <si>
    <t>/o=exchangelabs/ou=exchange administrative group (fydibohf23spdlt)/cn=recipients/cn=2b68c5c9701540eb8fd871ac41d57b98-michael vic,/o=exchangelabs/ou=exchange administrative group (fydibohf23spdlt)/cn=recipients/cn=b1d771656e5d46709d93295f07966125-pedro henri,/o=exchangelabs/ou=exchange administrative group (fydibohf23spdlt)/cn=recipients/cn=b284454839e94314a90d49e7ec00864f-antonio car,/o=exchangelabs/ou=exchange administrative group (fydibohf23spdlt)/cn=recipients/cn=b712c36eebee42428d3790abe2696417-romario gom,daniel.cabeceira@bradesco.com.br,daniel.paschoal@next.b.br,hugooc@algartech.com,lucas.c.santana@next.b.br,sizania.miranda@next.b.br</t>
  </si>
  <si>
    <t>11/28/2019 11:09:04</t>
  </si>
  <si>
    <t>11/28/2019 11:12:39</t>
  </si>
  <si>
    <t>razao indiretos transitorios.xls</t>
  </si>
  <si>
    <t>indiretos transitorios.xls</t>
  </si>
  <si>
    <t>11/28/2019 11:09:49</t>
  </si>
  <si>
    <t>11/28/2019 11:14:39</t>
  </si>
  <si>
    <t>11/28/2019 11:10:22</t>
  </si>
  <si>
    <t>11/28/2019 11:10:49</t>
  </si>
  <si>
    <t>11/28/2019 11:15:08</t>
  </si>
  <si>
    <t>11/28/2019 11:16:39</t>
  </si>
  <si>
    <t>mail.google.com/_/upload?authuser=2&amp;dcp=asu-n&amp;upload_id=AEnB2UpKoTkhMPwMIB9fMEx2CjRXH31LP5juVGnLsFyqNTfyWg-tnpbq8X_2RG3quYtv96DovnkKH-MMkdmAL-SqpHTBvBhytA&amp;upload_protocol=resumable</t>
  </si>
  <si>
    <t>C:\Users\nataliamam\Downloads\Mapeamento SAOR.docx\</t>
  </si>
  <si>
    <t>11/28/2019 11:11:56</t>
  </si>
  <si>
    <t>11/28/2019 11:20:39</t>
  </si>
  <si>
    <t>11/28/2019 11:21:39</t>
  </si>
  <si>
    <t>mail.google.com/_/upload?authuser=1&amp;dcp=asu-n&amp;upload_id=AEnB2UruSW9HN6wiYLftRmD5sGf1ptj_M2E-ZKa6jkuT9FDuTOENdY6-eIM9wM07bKaliE3-bPgGmRTTvFRcN3F0hVTkEVTjyA&amp;upload_protocol=resumable</t>
  </si>
  <si>
    <t>C:\Users\marcotb\Desktop\</t>
  </si>
  <si>
    <t>Pesquisa de Clima - Status.xlsx</t>
  </si>
  <si>
    <t>11/28/2019 11:26:17</t>
  </si>
  <si>
    <t>11/28/2019 11:26:39</t>
  </si>
  <si>
    <t>guilhermedsf@algartech.com</t>
  </si>
  <si>
    <t>Cadastro Fornecedor Confirming - SANOFI.xlsx</t>
  </si>
  <si>
    <t>11/28/2019 11:26:28</t>
  </si>
  <si>
    <t>11/28/2019 11:30:39</t>
  </si>
  <si>
    <t>mail.google.com/mail/u/1/?ui=2&amp;view=btop&amp;ver=eyhxefjfd5dl&amp;search=trash&amp;th=%23thread-f%3A1651453698986540132|msg-f%3A1651453809564677203&amp;cvid=1</t>
  </si>
  <si>
    <t>11/28/2019 11:36:05</t>
  </si>
  <si>
    <t>11/28/2019 11:37:38</t>
  </si>
  <si>
    <t>mail.google.com/_/upload?authuser=1&amp;dcp=asu-n&amp;upload_id=AEnB2UoqNx22OOzpxSRuuGp_7XJmtdIC1WoNsPHpXBk8UFTZIiRSIZWVZPPgDTmDBm6Hna_ipJqtnpXyqM4MUuvK964i33UZgQ&amp;upload_protocol=resumable</t>
  </si>
  <si>
    <t>\\acsfs\DEPTOS\Operacao\PCP\3 - Corporativo\RFP´s (Request for Proposal)\2019\Estudos\CIMI\Vendas\</t>
  </si>
  <si>
    <t>Vendas 1211_1911_Fechamento.xlsx</t>
  </si>
  <si>
    <t>11/28/2019 11:40:51</t>
  </si>
  <si>
    <t>11/28/2019 11:42:39</t>
  </si>
  <si>
    <t>\\acsfs\Deptos\Controladoria\2 - Business Performance\2019\6 - Demandas Extras\01 - Metodologia de Comissão FV_2019\Apuração RV\</t>
  </si>
  <si>
    <t>11/28/2019 11:40:48</t>
  </si>
  <si>
    <t>11/28/2019 11:43:38</t>
  </si>
  <si>
    <t>mail.google.com/_/upload?authuser=0&amp;dcp=asu-n&amp;upload_id=AEnB2UqNoiKjXP01_07FjlchqSbFU1x4T-H5yfIi2XMQ0wI0kpClaajveKLOZ0pj3ZN014hI3Lbj3q0-cxOSNMh-2GedbGPX6A&amp;upload_protocol=resumable</t>
  </si>
  <si>
    <t>C:\Users\adrielefc\Desktop\TAPs\TAPs.7z\PMO - Change Youse_Vendas_Digitais.pptx\</t>
  </si>
  <si>
    <t>C:\Users\adrielefc\Desktop\TAPs\TAPs.7z\PMO Algar Tech - Agro Eficiente.pptx\</t>
  </si>
  <si>
    <t>C:\Users\adrielefc\Desktop\TAPs\TAPs.7z\PMO Algar Tech - PA Inteligente Whirlpool.pptx\</t>
  </si>
  <si>
    <t>C:\Users\adrielefc\Desktop\TAPs\TAPs.7z\TAP - GestÃ£o ManutenÃ§Ã£o Corretiva Digital.pptx\</t>
  </si>
  <si>
    <t>C:\Users\adrielefc\Desktop\TAPs\TAPs.7z\TAP - Rota Certa GST_rev_custoGP.pptx\</t>
  </si>
  <si>
    <t>11/28/2019 11:43:20</t>
  </si>
  <si>
    <t>11/28/2019 11:44:39</t>
  </si>
  <si>
    <t>11/28/2019 11:42:13</t>
  </si>
  <si>
    <t>11/28/2019 11:46:39</t>
  </si>
  <si>
    <t>mail.google.com/_/upload?authuser=0&amp;dcp=asu-n&amp;upload_id=AEnB2UrZXuYCkD0DzlBXqDv_K9XuTa7ntktCf4WAcN2sKHFIVUNGq6bU1ILPpF5B96rNPt08IcHQeBKeoqX2kUTd9857MQWWDA&amp;upload_protocol=resumable</t>
  </si>
  <si>
    <t>\\acsfs\DEPTOS\Controladoria\23.Faturamento\3.ENGESET\2019\FECHAMENTO ENGESET\11.2019\</t>
  </si>
  <si>
    <t>Conciliação ENGESET 11.2019.xlsx</t>
  </si>
  <si>
    <t>11/28/2019 11:53:42</t>
  </si>
  <si>
    <t>11/28/2019 11:55:39</t>
  </si>
  <si>
    <t>11/28/2019 12:07:08</t>
  </si>
  <si>
    <t>11/28/2019 12:07:38</t>
  </si>
  <si>
    <t>11/28/2019 12:06:45</t>
  </si>
  <si>
    <t>11/28/2019 12:10:39</t>
  </si>
  <si>
    <t>/o=exchangelabs/ou=exchange administrative group (fydibohf23spdlt)/cn=recipients/cn=010c9ad8a2ca4b90b7642d039dda856e-karolyne ca;/o=exchangelabs/ou=exchange administrative group (fydibohf23spdlt)/cn=recipients/cn=2b68c5c9701540eb8fd871ac41d57b98-michael vic;/o=exchangelabs/ou=exchange administrative group (fydibohf23spdlt)/cn=recipients/cn=56dc126fba5b4a5f8fb1cd7e4f10477d-thais olive;/o=exchangelabs/ou=exchange administrative group (fydibohf23spdlt)/cn=recipients/cn=b284454839e94314a90d49e7ec00864f-antonio car;/o=exchangelabs/ou=exchange administrative group (fydibohf23spdlt)/cn=recipients/cn=b712c36eebee42428d3790abe2696417-romario gom;/o=exchangelabs/ou=exchange administrative group (fydibohf23spdlt)/cn=recipients/cn=e4dbda4121b54299b4a719c6aa694894-algar tech;hugooc@algartech.com;karolynecj@algartech.com.br;thaisom@algartech.com.br;</t>
  </si>
  <si>
    <t>RES: Escala staff CONTROL´s NEXT Outubro - Novembro/19 - Dezembro/19</t>
  </si>
  <si>
    <t>Controle de Férias Time CPC NEXT - ALGAR TECH.xls</t>
  </si>
  <si>
    <t>/o=exchangelabs/ou=exchange administrative group (fydibohf23spdlt)/cn=recipients/cn=010c9ad8a2ca4b90b7642d039dda856e-karolyne ca,/o=exchangelabs/ou=exchange administrative group (fydibohf23spdlt)/cn=recipients/cn=2b68c5c9701540eb8fd871ac41d57b98-michael vic,/o=exchangelabs/ou=exchange administrative group (fydibohf23spdlt)/cn=recipients/cn=56dc126fba5b4a5f8fb1cd7e4f10477d-thais olive,/o=exchangelabs/ou=exchange administrative group (fydibohf23spdlt)/cn=recipients/cn=b284454839e94314a90d49e7ec00864f-antonio car,/o=exchangelabs/ou=exchange administrative group (fydibohf23spdlt)/cn=recipients/cn=b712c36eebee42428d3790abe2696417-romario gom,/o=exchangelabs/ou=exchange administrative group (fydibohf23spdlt)/cn=recipients/cn=e4dbda4121b54299b4a719c6aa694894-algar tech,hugooc@algartech.com,karolynecj@algartech.com.br,thaisom@algartech.com.br</t>
  </si>
  <si>
    <t>11/28/2019 12:09:11</t>
  </si>
  <si>
    <t>11/28/2019 12:11:40</t>
  </si>
  <si>
    <t>Inscrição NR 10 - Reciclagem</t>
  </si>
  <si>
    <t>Ficha de Inscrição -Curitiba - PR (dezembro).xlsx</t>
  </si>
  <si>
    <t>11/28/2019 12:07:44</t>
  </si>
  <si>
    <t>11/28/2019 12:12:39</t>
  </si>
  <si>
    <t>11/28/2019 12:30:32</t>
  </si>
  <si>
    <t>11/28/2019 12:33:40</t>
  </si>
  <si>
    <t>RES: FRAUDE BO - BASE FATURAMENTO - OUTUBRO/19</t>
  </si>
  <si>
    <t>10-FATURAMENTO-FRD_BO_AMEX-OUT-19 V5.xlsx</t>
  </si>
  <si>
    <t>11/28/2019 12:35:54</t>
  </si>
  <si>
    <t>11/28/2019 12:37:40</t>
  </si>
  <si>
    <t>10.200.61.50</t>
  </si>
  <si>
    <t>anapscl@algartech.com;bonfim.silva@bradesco.com.br;cristiany.caixeta@bradesco.com.br;fredericobs@algartecnologia.com.br;greiciele.alves@bradesco.com.br;jussaragp@algartech.com;leandra.cardoso@bradesco.com.br;micheless@algartech.com;patricia.amaral@temposervicos.com.br;patriciaa.lima@temposervicos.com.br;rosemery.silva@bradesco.com.br;</t>
  </si>
  <si>
    <t>anapscl@algartech.com,bonfim.silva@bradesco.com.br,cristiany.caixeta@bradesco.com.br,fredericobs@algartecnologia.com.br,greiciele.alves@bradesco.com.br,jussaragp@algartech.com,leandra.cardoso@bradesco.com.br,micheless@algartech.com,patricia.amaral@temposervicos.com.br,patriciaa.lima@temposervicos.com.br,rosemery.silva@bradesco.com.br</t>
  </si>
  <si>
    <t>11/28/2019 12:37:01</t>
  </si>
  <si>
    <t>11/28/2019 12:39:40</t>
  </si>
  <si>
    <t>217474_Proposta_Transacional_SAGE_V2.xls</t>
  </si>
  <si>
    <t>11/28/2019 12:37:17</t>
  </si>
  <si>
    <t>11/28/2019 12:59:09</t>
  </si>
  <si>
    <t>11/28/2019 13:02:41</t>
  </si>
  <si>
    <t>C:\Users\andremg\Desktop\BKO Digital\</t>
  </si>
  <si>
    <t>URA - BKO Digital - Consolidado.xls</t>
  </si>
  <si>
    <t>11/28/2019 12:59:54</t>
  </si>
  <si>
    <t>"languagecode":"pt-br";"requesttype":"background_request";"scenariotype;"timezone":"-03:00";ess"}};grazielabo@algartech.com;leonardoil@algartech.com;p";taniacs@algartech.com;wanderff@algartech.com;</t>
  </si>
  <si>
    <t>"languagecode":"pt-br","requesttype":"background_request","scenariotype,"timezone":"-03:00",ess"}},grazielabo@algartech.com,leonardoil@algartech.com,p",taniacs@algartech.com,wanderff@algartech.com</t>
  </si>
  <si>
    <t>11/28/2019 13:03:21</t>
  </si>
  <si>
    <t>11/28/2019 13:07:41</t>
  </si>
  <si>
    <t>grazielabo@algartech.com;leonardoil@algartech.com;taniacs@algartech.com;wanderff@algartech.com;</t>
  </si>
  <si>
    <t>grazielabo@algartech.com,leonardoil@algartech.com,taniacs@algartech.com,wanderff@algartech.com</t>
  </si>
  <si>
    <t>11/28/2019 13:16:23</t>
  </si>
  <si>
    <t>11/28/2019 13:19:41</t>
  </si>
  <si>
    <t>11/28/2019 13:19:48</t>
  </si>
  <si>
    <t>11/28/2019 13:24:40</t>
  </si>
  <si>
    <t>22012 - UDI - WHIRLPOOL - P. A. DIGITAL ECOHOUSE.xlsx</t>
  </si>
  <si>
    <t>11/28/2019 13:20:12</t>
  </si>
  <si>
    <t>11/28/2019 13:27:17</t>
  </si>
  <si>
    <t>11/28/2019 13:29:41</t>
  </si>
  <si>
    <t>22039 - UDI - WHIRLPOOL - SERV KITCHENAID N2 DEZEMBRO.xlsx</t>
  </si>
  <si>
    <t>11/28/2019 13:28:09</t>
  </si>
  <si>
    <t>11/28/2019 13:34:21</t>
  </si>
  <si>
    <t>11/28/2019 13:34:40</t>
  </si>
  <si>
    <t>22038 - UDI - WHIRLPOOL - SERV KITCHENAID N1 DEZEMBRO.xlsx</t>
  </si>
  <si>
    <t>11/28/2019 13:31:28</t>
  </si>
  <si>
    <t>11/28/2019 13:35:40</t>
  </si>
  <si>
    <t>Controle de monitorias</t>
  </si>
  <si>
    <t>11/28/2019 13:34:33</t>
  </si>
  <si>
    <t>11/28/2019 13:39:41</t>
  </si>
  <si>
    <t>11/28/2019 13:35:57</t>
  </si>
  <si>
    <t>22013 - WHP - PVEN - UDI - SAC KITCHENAID DEZEMBRO.xlsx</t>
  </si>
  <si>
    <t>11/28/2019 13:36:11</t>
  </si>
  <si>
    <t>11/28/2019 13:43:32</t>
  </si>
  <si>
    <t>11/28/2019 13:46:41</t>
  </si>
  <si>
    <t>Relatório Pipeline_Raul_ 2019_11_28.xlsx</t>
  </si>
  <si>
    <t>11/28/2019 13:46:25</t>
  </si>
  <si>
    <t>11/28/2019 13:47:41</t>
  </si>
  <si>
    <t>UPH - Especialistas</t>
  </si>
  <si>
    <t>MASCARA__ESPECIALISTAS_SET-NOV.xlsx</t>
  </si>
  <si>
    <t>11/28/2019 13:54:23</t>
  </si>
  <si>
    <t>11/28/2019 13:57:41</t>
  </si>
  <si>
    <t>11/28/2019 14:01:04</t>
  </si>
  <si>
    <t>11/28/2019 14:03:41</t>
  </si>
  <si>
    <t>10.208.12.69</t>
  </si>
  <si>
    <t>C:\Users\simoneesm\OneDrive - Grupo Algar\Controle\ALGAR\TH\Departamental\2019\06 - Junho\</t>
  </si>
  <si>
    <t>Amanda_RelCustos_062019.xlsx</t>
  </si>
  <si>
    <t>11/28/2019 14:02:59</t>
  </si>
  <si>
    <t>11/28/2019 14:04:40</t>
  </si>
  <si>
    <t>C:\Users\mariannacsm\OneDrive - Grupo Algar\0- PMO-POOL\COMPRAS\07 - Dash Acordos e Contratos\</t>
  </si>
  <si>
    <t>11/28/2019 14:03:00</t>
  </si>
  <si>
    <t>11/28/2019 14:09:21</t>
  </si>
  <si>
    <t>11/28/2019 14:12:41</t>
  </si>
  <si>
    <t>11/28/2019 14:14:27</t>
  </si>
  <si>
    <t>11/28/2019 14:16:41</t>
  </si>
  <si>
    <t>Painel Financeiro nov.19.xlsb</t>
  </si>
  <si>
    <t>11/28/2019 14:14:49</t>
  </si>
  <si>
    <t>mail.google.com/_/upload?authuser=1&amp;dcp=asu-n&amp;upload_id=AEnB2UoaaOYh_6ME93gGfEzJT2aYoJNwpexyeeAjnUtHnrcEqBQJP8HwSMlkcXolYfwxjF7bvol_RKkNoWvvZ6rBxwu8DJWPxg&amp;upload_protocol=resumable</t>
  </si>
  <si>
    <t>11/28/2019 14:19:28</t>
  </si>
  <si>
    <t>11/28/2019 14:22:41</t>
  </si>
  <si>
    <t>Revisão Indicadores - Banco PAN.xlsx</t>
  </si>
  <si>
    <t>11/28/2019 14:24:20</t>
  </si>
  <si>
    <t>11/28/2019 14:26:41</t>
  </si>
  <si>
    <t>mail.google.com/mail/u/0/#inbox/CllgCHrgltbTWzMBPmPLjSCrpZQSppbmtgBwMgwfZJflbpztgfCxhWsPwptMwRnbQlsqPlpfDJV</t>
  </si>
  <si>
    <t>C:\Users\ronansdm\Desktop\</t>
  </si>
  <si>
    <t>11/28/2019 14:23:52</t>
  </si>
  <si>
    <t>11/28/2019 14:27:41</t>
  </si>
  <si>
    <t>11/28/2019 14:24:15</t>
  </si>
  <si>
    <t>10.200.60.54</t>
  </si>
  <si>
    <t>D8-9C-67-01-55-63</t>
  </si>
  <si>
    <t>20191113 PESQUISA SATISFAÇÃO GERAL C17 NOVAS RAS.xls</t>
  </si>
  <si>
    <t>11/28/2019 14:25:24</t>
  </si>
  <si>
    <t>11/28/2019 14:25:49</t>
  </si>
  <si>
    <t>/o=exchangelabs/ou=exchange administrative group (fydibohf23spdlt)/cn=recipients/cn=ca5634aac17d42dc9af0f58d88acc615-simone rodr;simoners@algartech.com.br;</t>
  </si>
  <si>
    <t>/o=exchangelabs/ou=exchange administrative group (fydibohf23spdlt)/cn=recipients/cn=ca5634aac17d42dc9af0f58d88acc615-simone rodr,simoners@algartech.com.br</t>
  </si>
  <si>
    <t>11/28/2019 14:28:36</t>
  </si>
  <si>
    <t>11/28/2019 14:29:41</t>
  </si>
  <si>
    <t>mail.google.com/_/upload?authuser=0&amp;dcp=asu-n&amp;upload_id=AEnB2UpspMNTzIzvwfdaDukIPvey9iOxcbl9OmxL_1PQ40KOKSn746DNaYwRm-BsJ8mJDFDhNe25hs9v1OSIWr_pbRG7AoSMdN1Mzwt-A-LV-e9OsFKHOgc&amp;upload_protocol=resumable</t>
  </si>
  <si>
    <t>todos;</t>
  </si>
  <si>
    <t>Report Comercial Unica - Novembro (008).xlsx</t>
  </si>
  <si>
    <t>todos</t>
  </si>
  <si>
    <t>11/28/2019 14:26:47</t>
  </si>
  <si>
    <t>11/28/2019 14:30:41</t>
  </si>
  <si>
    <t>/o=exchangelabs/ou=exchange administrative group (fydibohf23spdlt)/cn=recipients/cn=06f7b28ae5fd4d08b534c77c4bd006de-thais brito;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b712c36eebee42428d3790abe2696417-romario gom;/o=exchangelabs/ou=exchange administrative group (fydibohf23spdlt)/cn=recipients/cn=fd4a47c4d251414eb48a57376a49e773-marco tulio;sabrinagc@algartech.com.br;thaisbrs@algartech.com.br;</t>
  </si>
  <si>
    <t>SQL Bases Mailings Ativo NEXT - novembro/19</t>
  </si>
  <si>
    <t>consulta tudo 01_27.11.csv</t>
  </si>
  <si>
    <t>/o=exchangelabs/ou=exchange administrative group (fydibohf23spdlt)/cn=recipients/cn=06f7b28ae5fd4d08b534c77c4bd006de-thais brito,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b712c36eebee42428d3790abe2696417-romario gom,/o=exchangelabs/ou=exchange administrative group (fydibohf23spdlt)/cn=recipients/cn=fd4a47c4d251414eb48a57376a49e773-marco tulio,sabrinagc@algartech.com.br,thaisbrs@algartech.com.br</t>
  </si>
  <si>
    <t>11/28/2019 14:28:54</t>
  </si>
  <si>
    <t>10.200.57.166</t>
  </si>
  <si>
    <t>D8-9C-67-01-51-C1</t>
  </si>
  <si>
    <t>/o=exchangelabs/ou=exchange administrative group (fydibohf23spdlt)/cn=recipients/cn=f927337e9e32468d91da72c6c6ec4935-eliamar de;eliamardo@algartech.com.br;</t>
  </si>
  <si>
    <t>ENC: SQL Bases Mailings Ativo NEXT - novembro/19</t>
  </si>
  <si>
    <t>/o=exchangelabs/ou=exchange administrative group (fydibohf23spdlt)/cn=recipients/cn=f927337e9e32468d91da72c6c6ec4935-eliamar de,eliamardo@algartech.com.br</t>
  </si>
  <si>
    <t>11/28/2019 14:33:07</t>
  </si>
  <si>
    <t>11/28/2019 14:37:41</t>
  </si>
  <si>
    <t>Consolidação Indicadores.xlsx</t>
  </si>
  <si>
    <t>11/28/2019 14:37:53</t>
  </si>
  <si>
    <t>11/28/2019 14:42:40</t>
  </si>
  <si>
    <t>C:\Users\lucianocle\Desktop\</t>
  </si>
  <si>
    <t>11/28/2019 14:37:54</t>
  </si>
  <si>
    <t>C:\Users\lucianocle\Desktop\Preço.xlsb\</t>
  </si>
  <si>
    <t>11/28/2019 14:49:34</t>
  </si>
  <si>
    <t>11/28/2019 14:54:40</t>
  </si>
  <si>
    <t>C:\Users\leandrojbe\Downloads\</t>
  </si>
  <si>
    <t>ATA Brigadistas Algar 4-5-6 (1).xlsx</t>
  </si>
  <si>
    <t>11/28/2019 14:58:30</t>
  </si>
  <si>
    <t>11/28/2019 14:59:41</t>
  </si>
  <si>
    <t>C:\Users\lucianafaa\OneDrive - Grupo Algar\2019\PROJETOS\PROGRAMA\CRM\CONTROLE\STATUS\Apresentação CRM 11-06.ppt\s2\</t>
  </si>
  <si>
    <t>11/28/2019 15:01:58</t>
  </si>
  <si>
    <t>11/28/2019 15:04:41</t>
  </si>
  <si>
    <t>mail.google.com/_/upload?authuser=0&amp;dcp=asu-n&amp;upload_id=AEnB2Uormyn5NjYPt3m2K74C8QlPfQi7H7UhNwP42jPmFRD2MDpybDcG7SeN7nS-1XKEm15C2gK8ft3en3p6D3eCE7zQ3b_b8w&amp;upload_protocol=resumable</t>
  </si>
  <si>
    <t>adrianaafss@algartech.com;adrianafsou@algartech.com;amandaacb@algartech.com;brunocss@algartech.com;douglasrsl@algartech.com;elianebarbosa.santos@bradesco.com.br;estelita.nascimento@bradesco.com.br;hannahgf@algartech.com;isauram.oliveira@bradesco.com.br;izildinha.guidote@bradesco.com.br;janaina.brito@bradesco.com.br;lucassl@algartech.com;marcosvsoa@algartech.com;milca.santos@bradesco.com.br;natalia.seretti@bradesco.com.br;paulohm@algartech.com;priscilacy@algartech.com;renata.marucci@bradesco.com.br;robertacmf@algartech.com;robertsonjs@algartech.com;sabrinavds@algartech.com;silvanaso@algartech.com;solic_gravacao@algartech.com;tatianedc@algartech.com;vanessasca@algartech.com;viniciusmlf@algartech.com;</t>
  </si>
  <si>
    <t>C:\Users\rodrigormc\Desktop\Custos Amex - TRF Priscila Campos.eml\</t>
  </si>
  <si>
    <t>Custos Amex Priscila TRF.xlsx</t>
  </si>
  <si>
    <t>adrianaafss@algartech.com,adrianafsou@algartech.com,amandaacb@algartech.com,brunocss@algartech.com,douglasrsl@algartech.com,elianebarbosa.santos@bradesco.com.br,estelita.nascimento@bradesco.com.br,hannahgf@algartech.com,isauram.oliveira@bradesco.com.br,izildinha.guidote@bradesco.com.br,janaina.brito@bradesco.com.br,lucassl@algartech.com,marcosvsoa@algartech.com,milca.santos@bradesco.com.br,natalia.seretti@bradesco.com.br,paulohm@algartech.com,priscilacy@algartech.com,renata.marucci@bradesco.com.br,robertacmf@algartech.com,robertsonjs@algartech.com,sabrinavds@algartech.com,silvanaso@algartech.com,solic_gravacao@algartech.com,tatianedc@algartech.com,vanessasca@algartech.com,viniciusmlf@algartech.com</t>
  </si>
  <si>
    <t>11/28/2019 15:12:13</t>
  </si>
  <si>
    <t>11/28/2019 15:16:40</t>
  </si>
  <si>
    <t>mail.google.com/_/upload?authuser=0&amp;dcp=asu-n&amp;upload_id=AEnB2UqupVnCLksHaMBjpq46A-DML5i1qj8njEAfEt4hNi7wgk7Jav_Loui3FpaiQi9Pf6SbF3v2DUvx_vXo3Q5vK14uUaY1gg&amp;upload_protocol=resumable</t>
  </si>
  <si>
    <t>C:\Users\lucianabo\Desktop\2019\11 - Novembro\FORECAST\</t>
  </si>
  <si>
    <t>FORECAST - ALINE SILVA - ALGAR TELECOM_ENVIO.xlsx</t>
  </si>
  <si>
    <t>11/28/2019 15:16:28</t>
  </si>
  <si>
    <t>11/28/2019 15:17:40</t>
  </si>
  <si>
    <t>daniel@algartech.com;</t>
  </si>
  <si>
    <t>\\acsfs\Deptos\Controladoria\2 - Business Performance\2019\1 - Precificacao\6 - Revisao da Metodologia\Consultoria Teros\02 - Quick Wins\Fase 1\Nova Planilha\</t>
  </si>
  <si>
    <t>Comparativo.xlsx</t>
  </si>
  <si>
    <t>daniel@algartech.com</t>
  </si>
  <si>
    <t>11/28/2019 14:30:43</t>
  </si>
  <si>
    <t>11/28/2019 15:18:40</t>
  </si>
  <si>
    <t>brunocameloss@gmail.com</t>
  </si>
  <si>
    <t>Planilhas de Qualidade URR_Versão 11-19.xls</t>
  </si>
  <si>
    <t>11/28/2019 15:18:32</t>
  </si>
  <si>
    <t>11/28/2019 15:20:40</t>
  </si>
  <si>
    <t>11/28/2019 15:22:36</t>
  </si>
  <si>
    <t>11/28/2019 15:24:40</t>
  </si>
  <si>
    <t>11/28/2019 15:25:00</t>
  </si>
  <si>
    <t>11/28/2019 15:26:41</t>
  </si>
  <si>
    <t>C:\Users\lucianabo\Desktop\2019\11 - Novembro\RETORNO AUDITORIA\RECEITAS TECNOLOGIA\TC_SAMPLE_NO_19\</t>
  </si>
  <si>
    <t>Controle Financeiro Variável - Dezembro 18.xlsb</t>
  </si>
  <si>
    <t>11/28/2019 15:22:46</t>
  </si>
  <si>
    <t>11/28/2019 15:27:40</t>
  </si>
  <si>
    <t>C:\Users\wladimirtn\OneDrive\Crud Tec\01 - Projetos\028 - Vou de Trem - 201911\</t>
  </si>
  <si>
    <t>Exemplo_voudetrem.xlsx</t>
  </si>
  <si>
    <t>11/28/2019 15:35:06</t>
  </si>
  <si>
    <t>11/28/2019 15:36:40</t>
  </si>
  <si>
    <t>FORMULARIO_DE_CADASTRO_DE_FORNECEDOR_-_R12_e_SOMAR_-_Socios 2.xlsx</t>
  </si>
  <si>
    <t>11/28/2019 15:36:25</t>
  </si>
  <si>
    <t>11/28/2019 15:37:40</t>
  </si>
  <si>
    <t>11/28/2019 15:36:39</t>
  </si>
  <si>
    <t>11/28/2019 15:39:40</t>
  </si>
  <si>
    <t>mail.google.com/_/upload?authuser=0&amp;dcp=asu-n&amp;upload_id=AEnB2UpS73l-fehdmFHNK4QQD8hGtPESgYMEL7SJLWfYSUfbctX89WcIHP39_ejMTDBYnjTiWXLhdA5JYgeJLHXrE9tvGEarQA&amp;upload_protocol=resumable</t>
  </si>
  <si>
    <t>0]l;0]ll;0]�c_x0015_h�n;1436845878;1574790529195;3;[];[]]];false;false]";null;rlvcuuogtgscwkpct6nvs-fiifoi\";</t>
  </si>
  <si>
    <t>0]l,0]ll,0]�c_x0015_h�n,1436845878,1574790529195,3,[],[]]],false,false]",null,rlvcuuogtgscwkpct6nvs-fiifoi\"</t>
  </si>
  <si>
    <t>11/28/2019 15:36:28</t>
  </si>
  <si>
    <t>11/28/2019 15:41:33</t>
  </si>
  <si>
    <t>11/28/2019 15:44:40</t>
  </si>
  <si>
    <t>C:\Users\lucianafaa\OneDrive - Grupo Algar\2019\PROJETOS\PROGRAMA\CRM\EXECUCAO\CONTRATO\PROPOSTAS ZOHO E SALESFORCE.msg\s1\</t>
  </si>
  <si>
    <t>11/28/2019 15:44:43</t>
  </si>
  <si>
    <t>11/28/2019 15:46:40</t>
  </si>
  <si>
    <t>C:\Users\lucianabo\Desktop\2019\11 - Novembro\RETORNO AUDITORIA\RECEITAS TECNOLOGIA\TC_SAMPLE_NO_86\</t>
  </si>
  <si>
    <t>Faturamento Agosto Whirlpool - Serviços.xlsx</t>
  </si>
  <si>
    <t>11/28/2019 15:42:29</t>
  </si>
  <si>
    <t>11/28/2019 15:58:40</t>
  </si>
  <si>
    <t>mail.google.com/_/upload?authuser=1&amp;dcp=asu-n&amp;upload_id=AEnB2UqdS5QVl6OLEU16gpzBdK4ajhO1qpUoZYhLODrv2h6oV1YvvuEDH2nXdf8_6_mEB1FDwb9j66WGybVtJULCa4bughHM6Q&amp;upload_protocol=resumable</t>
  </si>
  <si>
    <t>\\acsfs\DEPTOS\Operacao\PCP\3 - Corporativo\MIS\GERADOR DE BIO\CLIENTES\CORPORATIVO\ACP_RECEPTIVO\PLANEJAMENTO_PCP_POWER BI\Planejamento DW\Modelo\</t>
  </si>
  <si>
    <t>DW Algar - Planejado Intradiario OPERACAO MES ANO.xlsm</t>
  </si>
  <si>
    <t>11/28/2019 15:49:43</t>
  </si>
  <si>
    <t>UPH BO CADASTRAL</t>
  </si>
  <si>
    <t>EXPLICATIVO_BO_CADASTRAL_CONTROLES_201909.xlsx</t>
  </si>
  <si>
    <t>11/28/2019 15:43:05</t>
  </si>
  <si>
    <t>11/28/2019 15:59:41</t>
  </si>
  <si>
    <t>11/28/2019 15:55:50</t>
  </si>
  <si>
    <t>11/28/2019 16:00:40</t>
  </si>
  <si>
    <t>C:\Users\alexsandrodmju\Documents\Duda\Sub-Demandas\Categorizações\</t>
  </si>
  <si>
    <t>Extração - Classificações de Atendimento.csv</t>
  </si>
  <si>
    <t>11/28/2019 15:55:14</t>
  </si>
  <si>
    <t>RES: SQL Bases Mailings Ativo NEXT - novembro/19</t>
  </si>
  <si>
    <t>consulta tudo 01_27.11.csv.7z</t>
  </si>
  <si>
    <t>11/28/2019 15:56:47</t>
  </si>
  <si>
    <t>11/28/2019 16:01:41</t>
  </si>
  <si>
    <t>mail.google.com/_/upload?authuser=0&amp;dcp=asu-n&amp;upload_id=AEnB2UrzveaWw3M1lWpO_oXyn531BboHROARpqe0HrTgQ0ylpl3fivNPZcaH_etlDhtY4bp1uCP2izt96I93bXiE9cdc0j4ccg&amp;upload_protocol=resumable</t>
  </si>
  <si>
    <t>FORECAST - OPERAÇÕES GUILHERME &amp; MARILIA_ENVIO.xlsx</t>
  </si>
  <si>
    <t>11/28/2019 16:04:41</t>
  </si>
  <si>
    <t>11/28/2019 16:05:32</t>
  </si>
  <si>
    <t>11/28/2019 16:06:41</t>
  </si>
  <si>
    <t>C:\Users\karlosgc\Dropbox\NB-AlgarTech\ITSM\</t>
  </si>
  <si>
    <t>11/28/2019 16:05:34</t>
  </si>
  <si>
    <t>Matriz de Avaliação ITSM OFICIAL.xlsx</t>
  </si>
  <si>
    <t>11/28/2019 16:05:42</t>
  </si>
  <si>
    <t>C:\Users\karlosgc\Dropbox\NB-AlgarTech\ITSM\historico\</t>
  </si>
  <si>
    <t>11/28/2019 16:05:27</t>
  </si>
  <si>
    <t>11/28/2019 16:10:40</t>
  </si>
  <si>
    <t>mail.google.com/_/upload?authuser=0&amp;dcp=asu-n&amp;upload_id=AEnB2UqWv9ja-vApksHfiM0bYOazglqwAcC0pZdkp6GKUdA7VMHH-NdrHtlXUVduSn7WEeVctNIptHWHMiO0TLLy8p3Iib-C3A&amp;upload_protocol=resumable</t>
  </si>
  <si>
    <t>20191113 - Ganhos ERP.xlsx</t>
  </si>
  <si>
    <t>11/28/2019 16:05:52</t>
  </si>
  <si>
    <t>11/28/2019 16:11:41</t>
  </si>
  <si>
    <t>11/28/2019 16:10:07</t>
  </si>
  <si>
    <t>eversonmc@algartech.com.br;vanusaos@algartech.com.br;</t>
  </si>
  <si>
    <t>ENC: Preencher Planilha</t>
  </si>
  <si>
    <t>PAINEL CASOS ESCALADOS 28-11.xlsm</t>
  </si>
  <si>
    <t>eversonmc@algartech.com.br,vanusaos@algartech.com.br</t>
  </si>
  <si>
    <t>11/28/2019 16:11:55</t>
  </si>
  <si>
    <t>11/28/2019 16:16:40</t>
  </si>
  <si>
    <t>11/28/2019 16:12:19</t>
  </si>
  <si>
    <t>RES: Preencher Planilha</t>
  </si>
  <si>
    <t>PAINEL CASOS ESCALADOS 28-11-Leo.xlsm</t>
  </si>
  <si>
    <t>11/28/2019 16:17:31</t>
  </si>
  <si>
    <t>11/28/2019 16:21:40</t>
  </si>
  <si>
    <t>mail.google.com/_/upload?authuser=0&amp;dcp=asu-n&amp;upload_id=AEnB2UqJKENmmMN2w5rA3-46MAhpaWtpiDnGKBEQQfo1tyBQ8qazCgkYiUyFUMWCQ6vEwJOVB0D6I158A4_WTt4AytsFUpULMg&amp;upload_protocol=resumable</t>
  </si>
  <si>
    <t>C:\Users\lucianabo\Desktop\2020\COMPARAÇÃO BPS X ORÇ 2020 - ALESSANDRA\</t>
  </si>
  <si>
    <t>ALGAR TELECOM - Retenção - Aj span - Feriados - VALIDADO.xlsb</t>
  </si>
  <si>
    <t>C:\Users\lucianabo\Desktop\2020\COMPARAÇÃO BPS X ORÇ 2020 - ALESSANDRA\ALGAR TELECOM - Retenção - Aj span - Feriados - VALIDADO.xlsb\</t>
  </si>
  <si>
    <t>11/28/2019 16:23:34</t>
  </si>
  <si>
    <t>11/28/2019 16:24:40</t>
  </si>
  <si>
    <t>D:\OneDrive\AlgarTech\Pré-Vendas\Cliente\2018\Desenvolve SP\149762 - DataCenter - Consultoria Luiz Noburo\3 - Informações\RevisãoEscopo.msg\s128\</t>
  </si>
  <si>
    <t>Proposta comercial Data Center.xlsx</t>
  </si>
  <si>
    <t>11/28/2019 16:20:41</t>
  </si>
  <si>
    <t>11/28/2019 16:20:46</t>
  </si>
  <si>
    <t>mail.google.com/_/upload?authuser=0&amp;dcp=asu-n&amp;upload_id=AEnB2UreUG5mz89-qIjlDUbOUHvZgmk9mCsTvQ9OIazu-qz7HdtUqf4tiPOreB609oiEzE2mCFGoKOjgnpca022YfKOfIs15SQ&amp;upload_protocol=resumable</t>
  </si>
  <si>
    <t>11/28/2019 16:21:07</t>
  </si>
  <si>
    <t>192.168.1.111</t>
  </si>
  <si>
    <t>C:\Users\marcelof\Downloads\</t>
  </si>
  <si>
    <t>Controle Perimetro Contrato AlgarTech_3T2019_21102019_v1_Incluir_Contrat.._.xlsx</t>
  </si>
  <si>
    <t>11/28/2019 16:06:22</t>
  </si>
  <si>
    <t>11/28/2019 16:30:41</t>
  </si>
  <si>
    <t>C:\Users\ericacdosc\Desktop\CAPEX 2020 26_11 IFRS.pptx\</t>
  </si>
  <si>
    <t>11/28/2019 16:29:59</t>
  </si>
  <si>
    <t>priscilaflo@algartech.com</t>
  </si>
  <si>
    <t>Pesquisa Salarial TI UDI _ Kazuro - Enviado 28nov.xlsx</t>
  </si>
  <si>
    <t>11/28/2019 16:41:41</t>
  </si>
  <si>
    <t>11/28/2019 15:50:20</t>
  </si>
  <si>
    <t>11/28/2019 16:35:56</t>
  </si>
  <si>
    <t>11/28/2019 16:38:49</t>
  </si>
  <si>
    <t>11/28/2019 16:38:50</t>
  </si>
  <si>
    <t>ALGAR TELECOM - Televendas - 149591 - Telecom - 281k s Gen v4.xlsb</t>
  </si>
  <si>
    <t>C:\Users\lucianabo\Desktop\2020\COMPARAÇÃO BPS X ORÇ 2020 - ALESSANDRA\ALGAR TELECOM - Televendas - 149591 - Telecom - 281k s Gen v4.xlsb\</t>
  </si>
  <si>
    <t>11/28/2019 16:40:46</t>
  </si>
  <si>
    <t>11/28/2019 16:42:41</t>
  </si>
  <si>
    <t>C:\Users\matheusvs\Downloads\</t>
  </si>
  <si>
    <t>Entregas canais digitais.xlsx</t>
  </si>
  <si>
    <t>11/28/2019 16:51:20</t>
  </si>
  <si>
    <t>11/28/2019 16:56:43</t>
  </si>
  <si>
    <t>Reconhecimento Gente Servindo Gente_V3 (1).xlsx</t>
  </si>
  <si>
    <t>11/28/2019 16:58:23</t>
  </si>
  <si>
    <t>11/28/2019 17:02:42</t>
  </si>
  <si>
    <t>11/28/2019 17:05:45</t>
  </si>
  <si>
    <t>11/28/2019 17:07:42</t>
  </si>
  <si>
    <t>C:\Users\lucianafaa\OneDrive - Grupo Algar\2019\PROJETOS\WFM\EXECUCAO\FASE 01 - RECEPTIVO\QLICKVIEW\</t>
  </si>
  <si>
    <t>Maio e Junho.xls</t>
  </si>
  <si>
    <t>11/28/2019 17:06:40</t>
  </si>
  <si>
    <t>BI WFM 02-08.xls</t>
  </si>
  <si>
    <t>11/28/2019 17:04:20</t>
  </si>
  <si>
    <t>11/28/2019 17:09:42</t>
  </si>
  <si>
    <t>mail.google.com/_/upload?authuser=0&amp;dcp=asu-n&amp;upload_id=AEnB2Upn3EdWKzgOd2MI4VmWBKRVCS2L_1X0yRdVmrPTS4ejGhs3W05lwdsmPnRGedHqPB04v-3Hv22KMEcjUqaNUJbrdZNL4cnFYaQCHZf9RkeSjiE1TY0&amp;upload_protocol=resumable</t>
  </si>
  <si>
    <t>Controle de pagamentos Rejeitados 2711 - Algar.xlsx</t>
  </si>
  <si>
    <t>11/28/2019 17:06:25</t>
  </si>
  <si>
    <t>11/28/2019 17:11:42</t>
  </si>
  <si>
    <t>cesaradsg@algartech.com.br;</t>
  </si>
  <si>
    <t>cesaradsg@algartech.com.br</t>
  </si>
  <si>
    <t>11/28/2019 17:08:25</t>
  </si>
  <si>
    <t>andrelpsa@algartech.com;flora.lira@bv.com.br;gilson.santos@neobpo.com.br;jose.gomes@bv.com.br;karoline.custodio@call.neobpo.com.br;monica.apereira@call.neobpo.com.br;renata.farina@bv.com.br;supervisaobancovotorantim@algartech.com;talmaiardo@algartech.com;willian.alves@neobpo.com.br;</t>
  </si>
  <si>
    <t>Close The Loop _ Algar _ 28.11.xlsx</t>
  </si>
  <si>
    <t>andrelpsa@algartech.com,flora.lira@bv.com.br,gilson.santos@neobpo.com.br,jose.gomes@bv.com.br,karoline.custodio@call.neobpo.com.br,monica.apereira@call.neobpo.com.br,renata.farina@bv.com.br,supervisaobancovotorantim@algartech.com,talmaiardo@algartech.com,willian.alves@neobpo.com.br</t>
  </si>
  <si>
    <t>11/28/2019 17:11:23</t>
  </si>
  <si>
    <t>11/28/2019 17:13:42</t>
  </si>
  <si>
    <t>Calculadora Reclame Aqui Toyota - Gexp (003).xlsx</t>
  </si>
  <si>
    <t>containsunsubscribedchildren,displayname,domain,emailaddress,filesize,hasth,id),lastmodifyinguser(kind,lastviewedbymedate,modifiedbymedate,ontainsunsubscribedchildren,owners(kind,p performance"},permissionid,pict,picture,rpermissions,workspaceids</t>
  </si>
  <si>
    <t>11/28/2019 17:11:10</t>
  </si>
  <si>
    <t>11/28/2019 17:14:42</t>
  </si>
  <si>
    <t>10.200.99.89</t>
  </si>
  <si>
    <t>Reconhecimento Gente Servindo Gente.xlsx</t>
  </si>
  <si>
    <t>11/28/2019 17:14:30</t>
  </si>
  <si>
    <t>11/28/2019 17:17:42</t>
  </si>
  <si>
    <t>sollero@algartech.com</t>
  </si>
  <si>
    <t>C:\INFORMAÇÕES CLIENTES SOLLERO\COMFRIO SOLUÇÕES LOGISTICAS SA\FATURAMENTO\112019\ENC_ Relatório Comfrio - Ref_ Outubro.msg\s93\</t>
  </si>
  <si>
    <t>Relatorio COMFRIO - Outubro - Previa - completa_v1.xlsx</t>
  </si>
  <si>
    <t>SEGATTO E GLEICE - COMFRIO - Validado.xlsx</t>
  </si>
  <si>
    <t>11/28/2019 17:16:29</t>
  </si>
  <si>
    <t>11/28/2019 17:18:42</t>
  </si>
  <si>
    <t>Aquisições Toyota.xlsx</t>
  </si>
  <si>
    <t>11/28/2019 17:17:12</t>
  </si>
  <si>
    <t>Cartão Aniversariantes.xlsx</t>
  </si>
  <si>
    <t>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ure,quotabytesused,shareable,shared,sharedwithmedate,subscri,thumbnailversion,title,userpermission(role),workspaceids</t>
  </si>
  <si>
    <t>11/28/2019 17:17:26</t>
  </si>
  <si>
    <t>Gestão PMO.xlsx</t>
  </si>
  <si>
    <t>11/28/2019 17:17:54</t>
  </si>
  <si>
    <t>INDICADORES DE CONTRATO - TOYOTA.xlsx</t>
  </si>
  <si>
    <t>11/28/2019 17:18:05</t>
  </si>
  <si>
    <t>11/28/2019 17:23:43</t>
  </si>
  <si>
    <t>containsunsubscribedchildren,copyable,displayname,domain,emailaddress,explicitlytrashed,filesize,folderco,hasthumbnail,hasvisitorpermissions,id,id),items(kind,ken,lastmodifyinguser(kind,lastviewedbymedate,mimetype,modifiedbymedate,modifieddate,ontainsunsubscribedchildren,owners(kind,permissionid,picture,quotabytesused,shareable,shared,sharedwithmedate,subscri,subscribed,thumbnailversion,title,userpermission(role),workspaceids</t>
  </si>
  <si>
    <t>11/28/2019 17:24:36</t>
  </si>
  <si>
    <t>11/28/2019 17:25:43</t>
  </si>
  <si>
    <t>mail.google.com/_/upload?authuser=1&amp;dcp=asu-n&amp;upload_id=AEnB2Uq5Py_vZwiMVszjhSHO9tm4upeN-V3tFYFMNEBgurQ5g0njCmNEQPKYYhEAJCcj03ocUolPJsYrvnseiWp1rAvty1Iu_Sh7netv0nw6EPb3NlJDPVk&amp;upload_protocol=resumable</t>
  </si>
  <si>
    <t>\\acsfs\deptos\CAS - Coordenação de Arquitetura de Soluções\Projetos\2019\Bradesco\214369 - SD Bradesco\1. Precificação\</t>
  </si>
  <si>
    <t>214269_Bradesco_SD_Cenário_01_36_JR_(C018_B018)_v4 - bp novo.xlsb</t>
  </si>
  <si>
    <t>\\acsfs\deptos\CAS - Coordenação de Arquitetura de Soluções\Projetos\2019\Bradesco\214369 - SD Bradesco\1. Precificação\214269_Bradesco_SD_Cenário_01_36_JR_(C018_B018)_v4 - bp novo.xlsb\</t>
  </si>
  <si>
    <t>11/28/2019 17:25:15</t>
  </si>
  <si>
    <t>11/28/2019 17:27:43</t>
  </si>
  <si>
    <t>11/28/2019 17:27:25</t>
  </si>
  <si>
    <t>11/28/2019 17:32:42</t>
  </si>
  <si>
    <t>C:\Users\lucianafaa\OneDrive - Grupo Algar\2019\PROJETOS\URR\ACTION\NOVEMBRO\</t>
  </si>
  <si>
    <t>Status 02-12.xlsx</t>
  </si>
  <si>
    <t>11/28/2019 17:33:38</t>
  </si>
  <si>
    <t>11/28/2019 17:37:43</t>
  </si>
  <si>
    <t>\\acsfs\engeset\CPV_ULA\ADMINISTRATIVO\CONTROLE ADMINISTRATIVO\DOCUMENTAÇÃO PARA HABILITAÇÃO\Algar Tecnologia\2019\000000 - BANCO HONDA - RFI - 29.11.2019\</t>
  </si>
  <si>
    <t>RFI .xlsx</t>
  </si>
  <si>
    <t>11/28/2019 17:35:21</t>
  </si>
  <si>
    <t>hewersong@algartech.com;hugooc@algartech.com;marcelacpe@algartecnologia.com.br;marcospr@algartech.com;nataliamam@algartech.com;rosilenedlf@algartech.com;yuriifd@algartech.com;</t>
  </si>
  <si>
    <t>\\acsfs\deptos\CAS - Coordenação de Arquitetura de Soluções\Projetos\2019\Whirlpool\217448 - WHIRLPOOL - ECOHOUSE - Mascara SMS\Preço\</t>
  </si>
  <si>
    <t>217448 - Plan Precificacao C018 B018.xlsb</t>
  </si>
  <si>
    <t>hewersong@algartech.com,hugooc@algartech.com,marcelacpe@algartecnologia.com.br,marcospr@algartech.com,nataliamam@algartech.com,rosilenedlf@algartech.com,yuriifd@algartech.com</t>
  </si>
  <si>
    <t>\\acsfs\deptos\CAS - Coordenação de Arquitetura de Soluções\Projetos\2019\Whirlpool\217448 - WHIRLPOOL - ECOHOUSE - Mascara SMS\Preço\217448 - Plan Precificacao C018 B018.xlsb\</t>
  </si>
  <si>
    <t>11/28/2019 17:35:25</t>
  </si>
  <si>
    <t>11/28/2019 17:38:43</t>
  </si>
  <si>
    <t>\\acsfs\deptos\controladoria\25.gestão de riscos\1. apresentações\01. cagr\2019\out19\cagr_algar tech_cagr_08ago_financeiro.pptx\</t>
  </si>
  <si>
    <t>11/28/2019 17:38:57</t>
  </si>
  <si>
    <t>11/28/2019 17:39:43</t>
  </si>
  <si>
    <t>aspect@algartech.com;carlosasr@algartech.com;felipemdan@algartech.com;gessycaam@algartech.com;matheusmm@algartech.com;patriciaac@algartech.com;paulohm@algartech.com;vivianeppe@algartech.com;</t>
  </si>
  <si>
    <t>aspect@algartech.com,carlosasr@algartech.com,felipemdan@algartech.com,gessycaam@algartech.com,matheusmm@algartech.com,patriciaac@algartech.com,paulohm@algartech.com,vivianeppe@algartech.com</t>
  </si>
  <si>
    <t>11/28/2019 17:42:12</t>
  </si>
  <si>
    <t>11/28/2019 17:47:43</t>
  </si>
  <si>
    <t>C:\Users\lucianafaa\OneDrive - Grupo Algar\2019\PROJETOS\REAJUSTE DE CONTRATO\PLANILHA REAJUSTES\STATUS REPORT\STATUS SEMANAL\03-12\</t>
  </si>
  <si>
    <t>11/28/2019 17:42:45</t>
  </si>
  <si>
    <t>11/28/2019 17:46:15</t>
  </si>
  <si>
    <t>11/28/2019 17:51:43</t>
  </si>
  <si>
    <t>Transf 112019 - Copia.xls</t>
  </si>
  <si>
    <t>11/28/2019 17:47:09</t>
  </si>
  <si>
    <t>Pweb Provisão Penalidades Tim On Going 112019 .xls</t>
  </si>
  <si>
    <t>11/28/2019 17:54:20</t>
  </si>
  <si>
    <t>11/28/2019 17:57:43</t>
  </si>
  <si>
    <t>mail.google.com/_/upload?authuser=2&amp;dcp=asu-n&amp;upload_id=AEnB2Up6OYxnzwM04KUy4iBlW08bLnkZ3ypncWo8UcOm5zzzsXnieP_mPwMSVGwWkx-8QaFZLZZ_buWDA3nvjchAUMezmGaNThjjNrWvxHvfqq5o24EaFgs&amp;upload_protocol=resumable</t>
  </si>
  <si>
    <t>C:\Users\fernandorsju\Desktop\</t>
  </si>
  <si>
    <t>11/28/2019 17:56:35</t>
  </si>
  <si>
    <t>11/28/2019 18:01:43</t>
  </si>
  <si>
    <t>mail.google.com/_/upload?authuser=0&amp;dcp=asu-n&amp;upload_id=AEnB2UrCt5ovGJ6vGnVumg5B1rMmyLhzm4_4ExU_SwOxIJM_T2t07WsiXyWycoJiTmJ-GnxkKoUocfXJoIq_mLJcxZBStLvIuQ&amp;upload_protocol=resumable</t>
  </si>
  <si>
    <t>FORECAST - OPERAÇÃO AVON_ENVIO.xlsx</t>
  </si>
  <si>
    <t>11/28/2019 18:06:04</t>
  </si>
  <si>
    <t>11/28/2019 18:10:44</t>
  </si>
  <si>
    <t>10.200.58.73</t>
  </si>
  <si>
    <t>AC-D5-64-F2-A2-C9</t>
  </si>
  <si>
    <t>vilarinho@algartech.com</t>
  </si>
  <si>
    <t>C:\Users\vilarinho\OneDrive - Grupo Algar\Algar Tech\Controladoria\Comite de Auditoria\Comite Auditoria 2019\4ComiteOUT_04.12.19\LPApresentação_Modelo.pptx\</t>
  </si>
  <si>
    <t>11/28/2019 18:08:07</t>
  </si>
  <si>
    <t>11/28/2019 18:11:43</t>
  </si>
  <si>
    <t>Transf 112019.xls</t>
  </si>
  <si>
    <t>11/28/2019 18:09:55</t>
  </si>
  <si>
    <t>11/28/2019 18:12:44</t>
  </si>
  <si>
    <t>\\acsfs\Deptos\CAS - Coordenação de Arquitetura de Soluções\Projetos\2019\IBM\214400 - Onofre_Rollout\1. Precificação\</t>
  </si>
  <si>
    <t>214400_IBM_Onofre_Rollout_PDV_v6_(C017_B017).xlsb</t>
  </si>
  <si>
    <t>\\acsfs\Deptos\CAS - Coordenação de Arquitetura de Soluções\Projetos\2019\IBM\214400 - Onofre_Rollout\1. Precificação\214400_IBM_Onofre_Rollout_PDV_v6_(C017_B017).xlsb\</t>
  </si>
  <si>
    <t>11/28/2019 18:14:46</t>
  </si>
  <si>
    <t>11/28/2019 18:15:43</t>
  </si>
  <si>
    <t>C:\Users\vilarinho\OneDrive - Grupo Algar\Algar Tech\Orçamento\Orçamento2019\4Reuger_Preclosing e LP\Final 26.11.19\ComentariosPassagem.pptx\</t>
  </si>
  <si>
    <t>11/28/2019 18:14:47</t>
  </si>
  <si>
    <t>11/28/2019 18:14:48</t>
  </si>
  <si>
    <t>11/28/2019 18:14:49</t>
  </si>
  <si>
    <t>11/28/2019 18:14:50</t>
  </si>
  <si>
    <t>11/28/2019 18:14:51</t>
  </si>
  <si>
    <t>11/28/2019 18:17:50</t>
  </si>
  <si>
    <t>11/28/2019 18:19:44</t>
  </si>
  <si>
    <t>anapca@algartech.com;celmars@algartech.com;vilarinho@algartech.com;</t>
  </si>
  <si>
    <t>\\Acsfs\deptos\PMO Governança\06 - GOVERNANÇA DO CAPEX\CAPEX 2020\ORÇAMENTO\OFICIAL\01 - OFICIAL\CAPEX 2020 27_11.pptx\</t>
  </si>
  <si>
    <t>anapca@algartech.com,celmars@algartech.com,vilarinho@algartech.com</t>
  </si>
  <si>
    <t>11/28/2019 18:20:43</t>
  </si>
  <si>
    <t>11/28/2019 18:14:52</t>
  </si>
  <si>
    <t>11/28/2019 18:14:53</t>
  </si>
  <si>
    <t>11/28/2019 18:14:54</t>
  </si>
  <si>
    <t>11/28/2019 18:14:55</t>
  </si>
  <si>
    <t>oleObject122.dat</t>
  </si>
  <si>
    <t>11/28/2019 18:14:56</t>
  </si>
  <si>
    <t>oleObject126.dat</t>
  </si>
  <si>
    <t>oleObject129.dat</t>
  </si>
  <si>
    <t>oleObject133.dat</t>
  </si>
  <si>
    <t>oleObject160.dat</t>
  </si>
  <si>
    <t>oleObject161.dat</t>
  </si>
  <si>
    <t>oleObject162.dat</t>
  </si>
  <si>
    <t>oleObject165.dat</t>
  </si>
  <si>
    <t>oleObject166.dat</t>
  </si>
  <si>
    <t>11/28/2019 18:14:57</t>
  </si>
  <si>
    <t>11/28/2019 18:14:58</t>
  </si>
  <si>
    <t>11/28/2019 18:14:59</t>
  </si>
  <si>
    <t>11/28/2019 18:15:07</t>
  </si>
  <si>
    <t>11/28/2019 18:15:08</t>
  </si>
  <si>
    <t>11/28/2019 18:15:09</t>
  </si>
  <si>
    <t>11/28/2019 18:15:10</t>
  </si>
  <si>
    <t>11/28/2019 18:15:11</t>
  </si>
  <si>
    <t>11/28/2019 18:15:12</t>
  </si>
  <si>
    <t>11/28/2019 18:15:13</t>
  </si>
  <si>
    <t>11/28/2019 18:15:19</t>
  </si>
  <si>
    <t>11/28/2019 18:15:20</t>
  </si>
  <si>
    <t>11/28/2019 18:15:21</t>
  </si>
  <si>
    <t>11/28/2019 18:15:22</t>
  </si>
  <si>
    <t>11/28/2019 18:15:23</t>
  </si>
  <si>
    <t>11/28/2019 18:15:31</t>
  </si>
  <si>
    <t>11/28/2019 18:15:32</t>
  </si>
  <si>
    <t>11/28/2019 18:15:33</t>
  </si>
  <si>
    <t>11/28/2019 18:15:34</t>
  </si>
  <si>
    <t>11/28/2019 18:15:35</t>
  </si>
  <si>
    <t>11/28/2019 18:15:36</t>
  </si>
  <si>
    <t>11/28/2019 18:15:47</t>
  </si>
  <si>
    <t>11/28/2019 18:15:48</t>
  </si>
  <si>
    <t>11/28/2019 18:15:49</t>
  </si>
  <si>
    <t>11/28/2019 18:15:50</t>
  </si>
  <si>
    <t>11/28/2019 18:15:51</t>
  </si>
  <si>
    <t>11/28/2019 18:15:52</t>
  </si>
  <si>
    <t>11/28/2019 18:17:57</t>
  </si>
  <si>
    <t>11/28/2019 18:17:58</t>
  </si>
  <si>
    <t>11/28/2019 18:17:59</t>
  </si>
  <si>
    <t>11/28/2019 18:18:00</t>
  </si>
  <si>
    <t>11/28/2019 18:18:01</t>
  </si>
  <si>
    <t>11/28/2019 18:18:10</t>
  </si>
  <si>
    <t>11/28/2019 18:18:11</t>
  </si>
  <si>
    <t>11/28/2019 18:18:12</t>
  </si>
  <si>
    <t>11/28/2019 18:18:13</t>
  </si>
  <si>
    <t>11/28/2019 18:18:14</t>
  </si>
  <si>
    <t>11/28/2019 18:18:25</t>
  </si>
  <si>
    <t>11/28/2019 18:18:26</t>
  </si>
  <si>
    <t>11/28/2019 18:18:27</t>
  </si>
  <si>
    <t>11/28/2019 18:18:28</t>
  </si>
  <si>
    <t>11/28/2019 18:18:29</t>
  </si>
  <si>
    <t>11/28/2019 18:18:30</t>
  </si>
  <si>
    <t>11/28/2019 18:18:46</t>
  </si>
  <si>
    <t>11/28/2019 18:18:47</t>
  </si>
  <si>
    <t>11/28/2019 18:18:48</t>
  </si>
  <si>
    <t>11/28/2019 18:18:49</t>
  </si>
  <si>
    <t>11/28/2019 18:21:44</t>
  </si>
  <si>
    <t>11/28/2019 18:18:50</t>
  </si>
  <si>
    <t>11/28/2019 18:19:00</t>
  </si>
  <si>
    <t>11/28/2019 18:19:01</t>
  </si>
  <si>
    <t>11/28/2019 18:19:02</t>
  </si>
  <si>
    <t>11/28/2019 18:19:03</t>
  </si>
  <si>
    <t>11/28/2019 18:19:04</t>
  </si>
  <si>
    <t>11/28/2019 18:19:14</t>
  </si>
  <si>
    <t>11/28/2019 18:19:15</t>
  </si>
  <si>
    <t>11/28/2019 18:19:16</t>
  </si>
  <si>
    <t>11/28/2019 18:19:17</t>
  </si>
  <si>
    <t>11/28/2019 18:19:18</t>
  </si>
  <si>
    <t>11/28/2019 18:19:19</t>
  </si>
  <si>
    <t>11/28/2019 18:19:29</t>
  </si>
  <si>
    <t>11/28/2019 18:19:30</t>
  </si>
  <si>
    <t>11/28/2019 18:42:52</t>
  </si>
  <si>
    <t>11/28/2019 18:43:45</t>
  </si>
  <si>
    <t>C:\Users\matheusvs\Desktop\</t>
  </si>
  <si>
    <t>Finanças caóticas.xlsx</t>
  </si>
  <si>
    <t>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,display,displaynam,displayname,domain,emailaddress,emailaddress�,explicitlytrashed,file(kind,fileextension,fileid,filesize,flaggedforabuse,foldercolor,folderfeatures,hasaugmentedpermissions,haschildfolders,hasthumbnail,hasvisitorpermissions,hidden,id,id),items(deleted,items(kind,ken,kind,labels(starred,lastmodifyingus,lastmodifyinguser(kind,lastviewedbymedate,mimetype,modifiedbymedate,modifieddate,ontainsunsubscribedchildren,organizationdisplayname,owners(kind,parents(id),passivelysubscribed,permissionid,picture,primarydomainname,primarysyncparentid,quotabytesused,recency,recencyreason,restricted,rpermissions,share,shareable,shared,sharedwithmedate,sharinguser</t>
  </si>
  <si>
    <t>11/28/2019 19:12:53</t>
  </si>
  <si>
    <t>11/28/2019 19:14:44</t>
  </si>
  <si>
    <t>https://caey.fa.us2.oraclecloud.com/crmui/faces/fuseoverview?_adf.ctrl-state=xxb65eijo_5&amp;fnd=;;;;false;256;;;&amp;fndglobalitemnodeid=moo_opptymgmtopportunities_crm_card</t>
  </si>
  <si>
    <t>\\acsfs\Deptos\CAS - Coordenação de Arquitetura de Soluções\Projetos\2019\Honda\216388 - RFP SUSTENTAÇÃO OFFICE 365\1. Precificação\</t>
  </si>
  <si>
    <t>216388 - RFP Honda O365 v1.xlsb</t>
  </si>
  <si>
    <t>\\acsfs\Deptos\CAS - Coordenação de Arquitetura de Soluções\Projetos\2019\Honda\216388 - RFP SUSTENTAÇÃO OFFICE 365\1. Precificação\216388 - RFP Honda O365 v1.xlsb\</t>
  </si>
  <si>
    <t>11/28/2019 19:13:22</t>
  </si>
  <si>
    <t>11/28/2019 19:14:21</t>
  </si>
  <si>
    <t>11/28/2019 19:15:44</t>
  </si>
  <si>
    <t>cpc-controldeskavon@algartech.com;viniciussg@algartech.com;</t>
  </si>
  <si>
    <t>Incentivo Outubro.xlsx</t>
  </si>
  <si>
    <t>cpc-controldeskavon@algartech.com,viniciussg@algartech.com</t>
  </si>
  <si>
    <t>11/28/2019 21:00:08</t>
  </si>
  <si>
    <t>11/28/2019 21:03:46</t>
  </si>
  <si>
    <t>C:\Users\joaobab\OneDrive - Grupo Algar\temp\Whirpool\Discador\POC Cobrança\</t>
  </si>
  <si>
    <t>WHIRLPOOLCOB.csv</t>
  </si>
  <si>
    <t>11/29/2019 06:25:23</t>
  </si>
  <si>
    <t>11/29/2019 06:29:48</t>
  </si>
  <si>
    <t>mail.google.com/mail/u/0/?tab=wm&amp;ogbl#inbox</t>
  </si>
  <si>
    <t>C:\Users\eunice.pimenta\Desktop\</t>
  </si>
  <si>
    <t>mapa gerencial.xlsx</t>
  </si>
  <si>
    <t>11/29/2019 06:52:25</t>
  </si>
  <si>
    <t>11/29/2019 06:56:47</t>
  </si>
  <si>
    <t>mail.google.com/_/upload?authuser=2&amp;dcp=asu-n&amp;upload_id=AEnB2UpdLYSvLL_schDEF4geHAvjPjksv56dZITdr7f3-d5Y2oVRYUqkY8036MLHt_AarwHm0wPviTyKj_xjfavWzc13gZcMqQ&amp;upload_protocol=resumable</t>
  </si>
  <si>
    <t>pendencias Oracle.xlsx</t>
  </si>
  <si>
    <t>11/29/2019 06:52:34</t>
  </si>
  <si>
    <t>11/29/2019 07:31:12</t>
  </si>
  <si>
    <t>11/29/2019 07:36:47</t>
  </si>
  <si>
    <t>11/28/2019 15:20:26</t>
  </si>
  <si>
    <t>11/29/2019 07:59:48</t>
  </si>
  <si>
    <t>10.200.61.34</t>
  </si>
  <si>
    <t>5C-EA-1D-CF-BE-F9</t>
  </si>
  <si>
    <t>adrianoms@algartech.com;carla.rosa@bradesco.com.br;fabiolacc@algartech.com;fredericobs@algartech.com;jacqueline.mariano@bradesco.com.br;kamillars@algartech.com;kamillars@algartech.com.br;lucas.jose@bradesco.com.br;ricardomi@algartech.com.br;rodrigocarmo.pereira@bradesco.com.br;suciellerr@algartech.com;viviane.virgilio@bradesco.com.br;</t>
  </si>
  <si>
    <t>adrianoms@algartech.com,carla.rosa@bradesco.com.br,fabiolacc@algartech.com,fredericobs@algartech.com,jacqueline.mariano@bradesco.com.br,kamillars@algartech.com,kamillars@algartech.com.br,lucas.jose@bradesco.com.br,ricardomi@algartech.com.br,rodrigocarmo.pereira@bradesco.com.br,suciellerr@algartech.com,viviane.virgilio@bradesco.com.br</t>
  </si>
  <si>
    <t>11/28/2019 19:27:37</t>
  </si>
  <si>
    <t>11/29/2019 08:13:47</t>
  </si>
  <si>
    <t>10.200.58.32</t>
  </si>
  <si>
    <t>Transferênncias_Bloqueio V4.xlsx</t>
  </si>
  <si>
    <t>11/28/2019 19:28:57</t>
  </si>
  <si>
    <t>11/29/2019 08:13:24</t>
  </si>
  <si>
    <t>11/29/2019 08:16:47</t>
  </si>
  <si>
    <t>11/28/2019 19:35:50</t>
  </si>
  <si>
    <t>11/29/2019 08:24:47</t>
  </si>
  <si>
    <t>ORÇAMENTO VIAGEM DEZEMBRO.xls</t>
  </si>
  <si>
    <t>11/29/2019 08:23:10</t>
  </si>
  <si>
    <t>11/29/2019 08:26:47</t>
  </si>
  <si>
    <t>11/28/2019 19:46:57</t>
  </si>
  <si>
    <t>marcopaulolr@algartech.com</t>
  </si>
  <si>
    <t>mail.google.com/_/upload?authuser=0&amp;dcp=asu-n&amp;upload_id=AEnB2UonQC2ZOMCErRDktdLuWi-IZ0468_J6-7L_1FSk862yfxqxUetn3FdwU99ro7ZNRmyqjc8K9gpa2sjE_8xhI3X2wbol6w&amp;upload_protocol=resumable</t>
  </si>
  <si>
    <t>C:\Marcopaulo\Pessoal\Projeto Casa\Custos\</t>
  </si>
  <si>
    <t>ORÇAMENTO MARCIANO 2.xlsx</t>
  </si>
  <si>
    <t>11/29/2019 08:27:02</t>
  </si>
  <si>
    <t>11/29/2019 08:31:47</t>
  </si>
  <si>
    <t>CURVA NORMAL - 28/11/2019</t>
  </si>
  <si>
    <t>11/28/2019 23:30:59</t>
  </si>
  <si>
    <t>11/29/2019 08:35:47</t>
  </si>
  <si>
    <t>patricia maia -02-12.xlsx</t>
  </si>
  <si>
    <t>11/28/2019 23:58:08</t>
  </si>
  <si>
    <t>11/29/2019 00:20:43</t>
  </si>
  <si>
    <t>C:\Users\lucianafaa\OneDrive - Grupo Algar\2019\PROJETOS\URR\INTEGRACAO\</t>
  </si>
  <si>
    <t>Requisitos Integração Dynamics_v2.xlsx</t>
  </si>
  <si>
    <t>11/29/2019 08:39:30</t>
  </si>
  <si>
    <t>11/29/2019 08:41:47</t>
  </si>
  <si>
    <t>11/28/2019 19:14:58</t>
  </si>
  <si>
    <t>11/29/2019 08:49:48</t>
  </si>
  <si>
    <t>C:\Users\alessandroam\OneDrive\OneDrive - Grupo Algar\40 - Person\01 - 2019\zz_bup_Person\01 - Pgtos\</t>
  </si>
  <si>
    <t>pagamentos.xlsx</t>
  </si>
  <si>
    <t>11/29/2019 08:57:10</t>
  </si>
  <si>
    <t>11/29/2019 08:59:47</t>
  </si>
  <si>
    <t>Ferias - SI 2020.xlsx</t>
  </si>
  <si>
    <t>11/29/2019 09:00:29</t>
  </si>
  <si>
    <t>11/29/2019 09:04:48</t>
  </si>
  <si>
    <t>\\acsfs\deptos\controladoria\planejamento\reuniao gerencial\2019\4ª reuger\reuger\holding 20.11\algar tech_4a reuger 2019_financeiro_27-11.pptx\</t>
  </si>
  <si>
    <t>11/29/2019 09:01:27</t>
  </si>
  <si>
    <t>11/28/2019 18:19:31</t>
  </si>
  <si>
    <t>11/29/2019 09:15:47</t>
  </si>
  <si>
    <t>11/28/2019 18:19:32</t>
  </si>
  <si>
    <t>11/28/2019 18:19:33</t>
  </si>
  <si>
    <t>11/28/2019 18:19:45</t>
  </si>
  <si>
    <t>11/28/2019 18:19:46</t>
  </si>
  <si>
    <t>11/28/2019 18:19:47</t>
  </si>
  <si>
    <t>11/28/2019 18:19:48</t>
  </si>
  <si>
    <t>11/28/2019 18:19:49</t>
  </si>
  <si>
    <t>11/28/2019 18:19:59</t>
  </si>
  <si>
    <t>11/28/2019 18:20:00</t>
  </si>
  <si>
    <t>11/28/2019 18:20:01</t>
  </si>
  <si>
    <t>11/28/2019 18:20:02</t>
  </si>
  <si>
    <t>11/28/2019 18:20:03</t>
  </si>
  <si>
    <t>11/28/2019 18:20:18</t>
  </si>
  <si>
    <t>11/28/2019 18:20:19</t>
  </si>
  <si>
    <t>11/28/2019 18:20:20</t>
  </si>
  <si>
    <t>11/28/2019 18:20:21</t>
  </si>
  <si>
    <t>11/28/2019 18:20:22</t>
  </si>
  <si>
    <t>11/28/2019 18:20:44</t>
  </si>
  <si>
    <t>11/28/2019 18:20:45</t>
  </si>
  <si>
    <t>11/28/2019 18:20:46</t>
  </si>
  <si>
    <t>11/28/2019 18:20:47</t>
  </si>
  <si>
    <t>11/28/2019 18:21:15</t>
  </si>
  <si>
    <t>11/28/2019 18:21:16</t>
  </si>
  <si>
    <t>11/28/2019 18:21:17</t>
  </si>
  <si>
    <t>11/28/2019 18:21:18</t>
  </si>
  <si>
    <t>11/28/2019 18:21:19</t>
  </si>
  <si>
    <t>11/29/2019 09:18:28</t>
  </si>
  <si>
    <t>11/29/2019 09:20:48</t>
  </si>
  <si>
    <t>karlasdsri@algartech.com;kellysp@algartech.com;lauanedjs@algartech.com;leandrolds@algartech.com;mariliafsc@algartech.com;patriciaac@algartech.com;silvanaso@algartech.com;</t>
  </si>
  <si>
    <t>CORRENTISTA_DAILY_DeepCenter201911 (7).xlsm</t>
  </si>
  <si>
    <t>karlasdsri@algartech.com,kellysp@algartech.com,lauanedjs@algartech.com,leandrolds@algartech.com,mariliafsc@algartech.com,patriciaac@algartech.com,silvanaso@algartech.com</t>
  </si>
  <si>
    <t>11/29/2019 09:19:17</t>
  </si>
  <si>
    <t>11/29/2019 09:23:47</t>
  </si>
  <si>
    <t>C:\Users\alessandroam\OneDrive\OneDrive - Grupo Algar\zz_bup_Bradesco\01 - Pgtos\</t>
  </si>
  <si>
    <t>11/29/2019 09:19:19</t>
  </si>
  <si>
    <t>C:\Users\alessandroam\OneDrive\OneDrive - Grupo Algar\zz_bup_Bradesco\Dados Cc\</t>
  </si>
  <si>
    <t>Indicadores_Comprometimento_30_Equipe.xlsx</t>
  </si>
  <si>
    <t>11/29/2019 09:19:26</t>
  </si>
  <si>
    <t>C:\Users\alessandroam\OneDrive\OneDrive - Grupo Algar\zz_bup_Bradesco\Tirar CR EB CTU\</t>
  </si>
  <si>
    <t>AirGun.xlsx</t>
  </si>
  <si>
    <t>11/29/2019 09:22:47</t>
  </si>
  <si>
    <t>11/29/2019 09:24:48</t>
  </si>
  <si>
    <t>C:\Users\waleskamms\OneDrive - Grupo Algar\Bradesco\Bloqueios_Algar\</t>
  </si>
  <si>
    <t>11/29/2019 09:23:18</t>
  </si>
  <si>
    <t>mail.google.com/_/upload?authuser=0&amp;dcp=asu-n&amp;upload_id=AEnB2UraYC1rBivdxqMpG0jAZGOe40TQjLIOI95pw8xo9HN99A_P7xvP2Gh_s_FtyDogtkzvR3o2PqaVtpeBmd4TRfa1OcpUuarGGRQ5rSXwy8X-9XxmIyA&amp;upload_protocol=resumable</t>
  </si>
  <si>
    <t>GABRIEL JOSE STORTI.xlsx</t>
  </si>
  <si>
    <t>11/29/2019 09:26:12</t>
  </si>
  <si>
    <t>11/29/2019 09:28:48</t>
  </si>
  <si>
    <t>C:\Users\alessandroam\OneDrive\OneDrive - Grupo Algar\40 - Person\00 - Bup Desktop\</t>
  </si>
  <si>
    <t>11/29/2019 09:26:13</t>
  </si>
  <si>
    <t>OFICIAL _ Formulário - Solicitação de Material Copiadora Maldonado.xls</t>
  </si>
  <si>
    <t>MSV2016_Validação.xlsx</t>
  </si>
  <si>
    <t>LOTOFACIL ------ URGENTE ------- .xlsx</t>
  </si>
  <si>
    <t>LISTA DE TELEFONES TEMPO SERVIÇOS.xlsx</t>
  </si>
  <si>
    <t>Inventário Troca Maquinas Obsoletas 07-02-2016.xlsx</t>
  </si>
  <si>
    <t>11/29/2019 09:26:14</t>
  </si>
  <si>
    <t>Evidências para Apuração dos Objetivos Corporativos_2ºsem2015 - Cópia.xlsx</t>
  </si>
  <si>
    <t>11/29/2019 09:26:15</t>
  </si>
  <si>
    <t>Evidências para Apuração dos Objetivos 1º sem 16.xlsx</t>
  </si>
  <si>
    <t>11/29/2019 09:26:21</t>
  </si>
  <si>
    <t>C:\Users\alessandroam\OneDrive\OneDrive - Grupo Algar\40 - Person\00 - Bup Desktop\Controle Geral Troca de Rede Consolidado Lotes.zip\</t>
  </si>
  <si>
    <t>Controle Geral Troca de Rede Consolidado Lotes.xlsx</t>
  </si>
  <si>
    <t>Algar Tech - Formulário Solicitações de Férias Irregulares.xls</t>
  </si>
  <si>
    <t>11/29/2019 09:26:27</t>
  </si>
  <si>
    <t>C:\Users\alessandroam\OneDrive\OneDrive - Grupo Algar\40 - Person\00 - Bup Desktop\Jan_2018\</t>
  </si>
  <si>
    <t>Licenças Segregação Jan 2018.xlsx</t>
  </si>
  <si>
    <t>CAPEX 2017 - NFs.xlsx</t>
  </si>
  <si>
    <t>11/27/2019 09:05:15</t>
  </si>
  <si>
    <t>11/29/2019 09:33:47</t>
  </si>
  <si>
    <t>C:\Users\ricardobal\OneDrive - Grupo Algar\Algar Tecnologia\01 - CLIENTES\ALGAR TELECOM\BPO\PROJETO XPERIENCE\</t>
  </si>
  <si>
    <t>ROADMAP DE AÇÕES XPERIENCE 2019.xlsx</t>
  </si>
  <si>
    <t>11/29/2019 09:27:54</t>
  </si>
  <si>
    <t>11/29/2019 09:28:26</t>
  </si>
  <si>
    <t>\\acsfs\deptos\Operacao\Unica\6. Pastas Pessoais\Credenciadora\Aline Beatriz\</t>
  </si>
  <si>
    <t>11/29/2019 09:33:53</t>
  </si>
  <si>
    <t>11/29/2019 09:36:47</t>
  </si>
  <si>
    <t>telefonica.xls</t>
  </si>
  <si>
    <t>11/29/2019 09:42:45</t>
  </si>
  <si>
    <t>11/29/2019 09:43:48</t>
  </si>
  <si>
    <t>/o=exchangelabs/ou=exchange administrative group (fydibohf23spdlt)/cn=recipients/cn=d524c378550f4b9ab526e5938ca6655b-flavia mari;flaviamas@algartech.com.br;</t>
  </si>
  <si>
    <t>ENC: Distribuição next - Atualizada</t>
  </si>
  <si>
    <t>Quantidade de monitorias realizadas next V2.xls</t>
  </si>
  <si>
    <t>/o=exchangelabs/ou=exchange administrative group (fydibohf23spdlt)/cn=recipients/cn=d524c378550f4b9ab526e5938ca6655b-flavia mari,flaviamas@algartech.com.br</t>
  </si>
  <si>
    <t>11/29/2019 09:44:50</t>
  </si>
  <si>
    <t>11/29/2019 09:48:47</t>
  </si>
  <si>
    <t>11/29/2019 09:47:12</t>
  </si>
  <si>
    <t>zzpgt.xlsx</t>
  </si>
  <si>
    <t>11/29/2019 09:48:23</t>
  </si>
  <si>
    <t>11/29/2019 09:51:47</t>
  </si>
  <si>
    <t>10.200.61.165</t>
  </si>
  <si>
    <t>mail.google.com/_/upload?authuser=1&amp;dcp=asu-n&amp;upload_id=AEnB2UrJm85C4FiO9nTUoVACi8viGUjy7mke2RIj_biDpPsMqhIk8U-Mzxz64onaYQnS98uBXILOS8N_g9TBNrCMbiIdN9vf7w&amp;upload_protocol=resumable</t>
  </si>
  <si>
    <t>C:\Users\marcotb\Desktop\PMO.pptx\</t>
  </si>
  <si>
    <t>11/29/2019 09:57:42</t>
  </si>
  <si>
    <t>11/29/2019 09:58:48</t>
  </si>
  <si>
    <t>mail.google.com/_/upload?authuser=0&amp;dcp=asu-n&amp;upload_id=AEnB2Up4vD7GsBSMa8dqWC-GwCaz6kI5HemhDYVym4g9bgGI4ksygIHkZX-ddwhWZPeL-HjD40A2G38sFOEBNAZM7927F9aG-w&amp;upload_protocol=resumable</t>
  </si>
  <si>
    <t>\\acsfs\engeset\FINANCEIRO_ULA\FATURAMENTO\08. Relatórios Faturamento\03. 2019\</t>
  </si>
  <si>
    <t>11/29/2019 10:00:17</t>
  </si>
  <si>
    <t>11/29/2019 10:03:48</t>
  </si>
  <si>
    <t>C:\Users\brunocs\Desktop\Caixa\Treinamento Caixa\</t>
  </si>
  <si>
    <t>Registros de Plano de ação.xls</t>
  </si>
  <si>
    <t>11/29/2019 10:07:22</t>
  </si>
  <si>
    <t>11/29/2019 10:10:47</t>
  </si>
  <si>
    <t>11/29/2019 10:10:34</t>
  </si>
  <si>
    <t>11/29/2019 10:11:48</t>
  </si>
  <si>
    <t>C:\Users\rodrigombu\AppData\Local\Temp\</t>
  </si>
  <si>
    <t>0 - Mailing de Reagendamento_ 20191129.xlsx</t>
  </si>
  <si>
    <t>11/29/2019 10:13:01</t>
  </si>
  <si>
    <t>11/29/2019 10:14:48</t>
  </si>
  <si>
    <t>claudia.siqueira@bradesco.com.br;</t>
  </si>
  <si>
    <t>C:\Users\rafaelaas\Desktop\Apresentação - Vendas Dezembro 2019.pptx\</t>
  </si>
  <si>
    <t>claudia.siqueira@bradesco.com.br</t>
  </si>
  <si>
    <t>11/29/2019 10:13:40</t>
  </si>
  <si>
    <t>11/29/2019 10:15:47</t>
  </si>
  <si>
    <t>11/29/2019 10:15:04</t>
  </si>
  <si>
    <t>11/29/2019 10:16:47</t>
  </si>
  <si>
    <t>Base Reagendamento CAC_ 20191129.xlsx</t>
  </si>
  <si>
    <t>11/29/2019 10:15:28</t>
  </si>
  <si>
    <t>11/29/2019 10:17:47</t>
  </si>
  <si>
    <t>elaine.silva@cscalgar.com.br;</t>
  </si>
  <si>
    <t>ENC: Desligamento em Exceção CDI Manual Chamado TH-3452308</t>
  </si>
  <si>
    <t>CDI_MANUAL_(2) (1).xlsx</t>
  </si>
  <si>
    <t>elaine.silva@cscalgar.com.br</t>
  </si>
  <si>
    <t>11/29/2019 10:18:09</t>
  </si>
  <si>
    <t>11/29/2019 10:20:48</t>
  </si>
  <si>
    <t>celmars@algartech.com;delsoer@algartech.com;gustavohs@algartech.com;</t>
  </si>
  <si>
    <t>celmars@algartech.com,delsoer@algartech.com,gustavohs@algartech.com</t>
  </si>
  <si>
    <t>11/29/2019 10:24:41</t>
  </si>
  <si>
    <t>11/29/2019 10:25:47</t>
  </si>
  <si>
    <t>/o=exchangelabs/ou=exchange administrative group (fydibohf23spdlt)/cn=recipients/cn=eeca26dd371249b5a5b2d7ff454baf74-user;</t>
  </si>
  <si>
    <t>/o=exchangelabs/ou=exchange administrative group (fydibohf23spdlt)/cn=recipients/cn=eeca26dd371249b5a5b2d7ff454baf74-user</t>
  </si>
  <si>
    <t>11/29/2019 10:23:38</t>
  </si>
  <si>
    <t>C:\Users\vilarinho\OneDrive - Grupo Algar\Algar Tech\Controladoria\Comite de Auditoria\Comite Auditoria 2019\4ComiteOUT_04.12.19\Slides Loureiro Algar S.A. 3º Tri v. 25.11.2019_Comentado.pptx\</t>
  </si>
  <si>
    <t>11/29/2019 10:26:55</t>
  </si>
  <si>
    <t>11/29/2019 10:30:47</t>
  </si>
  <si>
    <t>11/29/2019 10:31:47</t>
  </si>
  <si>
    <t>11/29/2019 10:33:48</t>
  </si>
  <si>
    <t>11/29/2019 10:33:19</t>
  </si>
  <si>
    <t>11/29/2019 10:35:48</t>
  </si>
  <si>
    <t>11/29/2019 10:35:14</t>
  </si>
  <si>
    <t>11/29/2019 10:36:48</t>
  </si>
  <si>
    <t>0;s;</t>
  </si>
  <si>
    <t>SMS NEXT 29 11 2019.csv</t>
  </si>
  <si>
    <t>https://0,s</t>
  </si>
  <si>
    <t>11/29/2019 10:39:51</t>
  </si>
  <si>
    <t>11/29/2019 10:42:47</t>
  </si>
  <si>
    <t>mail.google.com/_/upload?authuser=0&amp;dcp=asu-n&amp;upload_id=AEnB2Uq_wfZbtve4Jz1h-xma-XtolUoTY5sCn6cY0zZrwLCSN9IM-6XTrz7AV2uCJ8P1JQ2z4N1hdbC6QEgG-E-RGxOJ-59j3A&amp;upload_protocol=resumable</t>
  </si>
  <si>
    <t>EDUARDA 29_11.xlsx</t>
  </si>
  <si>
    <t>11/29/2019 10:45:15</t>
  </si>
  <si>
    <t>11/29/2019 10:47:48</t>
  </si>
  <si>
    <t>mail.google.com/_/upload?authuser=0&amp;dcp=asu-n&amp;upload_id=AEnB2UoKXJiFVSGYwvKceoHixnK4Q9kvMB_oebLBNmNreRzSansAD-sN6t-PiI9sN1K3MTrCggjwqYCQIPn9sHKnmI0PGWKL_Q&amp;upload_protocol=resumable</t>
  </si>
  <si>
    <t>Informações - Compromissos Dell.xlsx</t>
  </si>
  <si>
    <t>11/29/2019 10:45:08</t>
  </si>
  <si>
    <t>gessycaam@algartech.com;mariliafsc@algartech.com;matheusof@algartech.com;patriciaafer@algartech.com;rodrigormc@algartech.com;tatianedc@algartech.com;valmiriandfadsf@algartech.com;victormg@algartech.com;</t>
  </si>
  <si>
    <t>C:\Users\luanasdsa\AppData\Local\Temp\</t>
  </si>
  <si>
    <t>gessycaam@algartech.com,mariliafsc@algartech.com,matheusof@algartech.com,patriciaafer@algartech.com,rodrigormc@algartech.com,tatianedc@algartech.com,valmiriandfadsf@algartech.com,victormg@algartech.com</t>
  </si>
  <si>
    <t>11/29/2019 10:52:08</t>
  </si>
  <si>
    <t>11/29/2019 10:56:48</t>
  </si>
  <si>
    <t>\\Acsfs\deptos\PMO Governança\06 - GOVERNANÇA DO CAPEX\CAPEX LONGO PRAZO\CAPEX LP - REVISÃO_A19_M10\CAPEX LP 20 a 24 - 29_11.pptx\</t>
  </si>
  <si>
    <t>11/29/2019 10:48:46</t>
  </si>
  <si>
    <t>11/29/2019 10:58:47</t>
  </si>
  <si>
    <t>mail.google.com/_/upload?authuser=0&amp;dcp=asu-n&amp;upload_id=AEnB2UqjJpBxo3j3DkEdzsBkCHYqDSH2eRxWxrXeJMxrt95eTiXLoYi8nUpbcHR5MLqc9PsGJtUsl2dorZlpa0fekg5_0riejvbWHfSi4ZYxBb_gYG7vYw8&amp;upload_protocol=resumable</t>
  </si>
  <si>
    <t>C:\Users\marcopaulolr\Desktop\</t>
  </si>
  <si>
    <t>Resultado.xls</t>
  </si>
  <si>
    <t>11/29/2019 10:53:24</t>
  </si>
  <si>
    <t>mail.google.com/_/upload?authuser=0&amp;dcp=asu-n&amp;upload_id=AEnB2UoEpCaOQIHefxLpDzApG1llfgz_tCqniLQk1ztw4uqOGMRQupORw2U70HDnnzHw10qqqdLsqAO9Fj9UcQ7yrR0fjcnMHw&amp;upload_protocol=resumable</t>
  </si>
  <si>
    <t>franciscoebf@algartecnologia.com.br;saramfg@algartech.com;</t>
  </si>
  <si>
    <t>franciscoebf@algartecnologia.com.br,saramfg@algartech.com</t>
  </si>
  <si>
    <t>11/29/2019 11:08:17</t>
  </si>
  <si>
    <t>11/29/2019 11:10:48</t>
  </si>
  <si>
    <t>C:\Users\virginiamb\Desktop\Tatiane\Tatiane\</t>
  </si>
  <si>
    <t>Cópia de Template Cadastros Aplicações Externo (002).xlsx</t>
  </si>
  <si>
    <t>11/29/2019 11:14:47</t>
  </si>
  <si>
    <t>11/29/2019 11:18:48</t>
  </si>
  <si>
    <t>C:\Users\vivianercu\Desktop\</t>
  </si>
  <si>
    <t>Jairo.xlsx</t>
  </si>
  <si>
    <t>11/29/2019 11:19:09</t>
  </si>
  <si>
    <t>11/29/2019 11:19:48</t>
  </si>
  <si>
    <t>AMEX_Coaching-Sessão diária.xlsx</t>
  </si>
  <si>
    <t>11/29/2019 11:22:24</t>
  </si>
  <si>
    <t>11/29/2019 11:25:48</t>
  </si>
  <si>
    <t>mail.google.com/_/upload?authuser=0&amp;dcp=asu-n&amp;upload_id=AEnB2Up704qdsAVoGLjwgq7cuT-IjhuUdODKei8YAXsYYWSBjv4ssUiOtRcKMnpaOeMVRKPkRAsGOPfJSWWhZ0Bip7Cd6yw6fg&amp;upload_protocol=resumable</t>
  </si>
  <si>
    <t>cintia.nunes@algartech.com;irisen@algartech.com;jairojsa@algartech.com;patriciaars@algartech.com;patriciama@algartech.com;rafaeltt@algartech.com;thaisat@algartech.com;</t>
  </si>
  <si>
    <t>C:\Users\lucianabo\Desktop\2020\BPs CAIXA CAP RFP\</t>
  </si>
  <si>
    <t>CAIXA CAP - UDI _ 283 PAs_v2 - AJUSTE SETUP.xlsb</t>
  </si>
  <si>
    <t>cintia.nunes@algartech.com,irisen@algartech.com,jairojsa@algartech.com,patriciaars@algartech.com,patriciama@algartech.com,rafaeltt@algartech.com,thaisat@algartech.com</t>
  </si>
  <si>
    <t>C:\Users\lucianabo\Desktop\2020\BPs CAIXA CAP RFP\CAIXA CAP - UDI _ 283 PAs_v2 - AJUSTE SETUP.xlsb\</t>
  </si>
  <si>
    <t>11/29/2019 11:23:56</t>
  </si>
  <si>
    <t>11/29/2019 11:26:48</t>
  </si>
  <si>
    <t>11/29/2019 11:24:23</t>
  </si>
  <si>
    <t>11/29/2019 11:28:48</t>
  </si>
  <si>
    <t>11/29/2019 11:26:12</t>
  </si>
  <si>
    <t>11/29/2019 11:31:48</t>
  </si>
  <si>
    <t>11/29/2019 11:33:51</t>
  </si>
  <si>
    <t>11/29/2019 11:34:48</t>
  </si>
  <si>
    <t>mail.google.com/_/upload?authuser=0&amp;dcp=asu-n&amp;upload_id=AEnB2UpRFgLpwoh74BLjTGsbo5SQajNVILa623R4BTMPz61YDmuE1rPaf2fh1If3bJztemtXfh1vhKL7KmcEBX38b6ivKYr_Rh2KI430lwcwKx9jq9MXPZk&amp;upload_protocol=resumable</t>
  </si>
  <si>
    <t>Saldo CR - Tech 29_11.xls</t>
  </si>
  <si>
    <t>11/29/2019 11:34:26</t>
  </si>
  <si>
    <t>danilobca@algartech.com;diogolsr@algartech.com.br;</t>
  </si>
  <si>
    <t>Apuração Anual e Ultimo Bimestre (2).xlsx</t>
  </si>
  <si>
    <t>danilobca@algartech.com,diogolsr@algartech.com.br</t>
  </si>
  <si>
    <t>11/29/2019 11:33:33</t>
  </si>
  <si>
    <t>11/29/2019 11:36:47</t>
  </si>
  <si>
    <t>Diario de Bordo _ BV Algar.xlsb</t>
  </si>
  <si>
    <t>11/29/2019 11:39:09</t>
  </si>
  <si>
    <t>11/29/2019 11:40:48</t>
  </si>
  <si>
    <t>11/29/2019 11:41:19</t>
  </si>
  <si>
    <t>11/29/2019 11:45:48</t>
  </si>
  <si>
    <t>11/29/2019 11:41:50</t>
  </si>
  <si>
    <t>11/29/2019 11:46:47</t>
  </si>
  <si>
    <t>11/29/2019 11:42:15</t>
  </si>
  <si>
    <t>11/29/2019 11:48:37</t>
  </si>
  <si>
    <t>11/29/2019 11:49:48</t>
  </si>
  <si>
    <t>11/29/2019 11:50:02</t>
  </si>
  <si>
    <t>11/29/2019 11:51:48</t>
  </si>
  <si>
    <t>11/29/2019 11:50:27</t>
  </si>
  <si>
    <t>11/29/2019 11:49:12</t>
  </si>
  <si>
    <t>11/29/2019 11:54:47</t>
  </si>
  <si>
    <t>10.211.3.43</t>
  </si>
  <si>
    <t>\\Acsfs\dsti\GAT\CIT - Coordenacao Inteligencia de TI\RELATORIOS FPW\Controle\OCORRENCIAS\OCORRÊNCIAS_NOVEMBRO2019\OCORRENCIAS 01 A 2111 EMISSAO 2911\</t>
  </si>
  <si>
    <t>OCORRÊNCIAS 01 A 21_028_029_033 EMISSÃO 2911.xlsm</t>
  </si>
  <si>
    <t>11/29/2019 11:50:11</t>
  </si>
  <si>
    <t>11/29/2019 11:55:48</t>
  </si>
  <si>
    <t>11/29/2019 11:53:13</t>
  </si>
  <si>
    <t>11/29/2019 11:56:47</t>
  </si>
  <si>
    <t>11/29/2019 11:54:13</t>
  </si>
  <si>
    <t>11/29/2019 11:59:09</t>
  </si>
  <si>
    <t>11/29/2019 12:01:48</t>
  </si>
  <si>
    <t>11/29/2019 12:00:37</t>
  </si>
  <si>
    <t>11/29/2019 12:05:48</t>
  </si>
  <si>
    <t>11/29/2019 12:10:06</t>
  </si>
  <si>
    <t>11/29/2019 12:11:48</t>
  </si>
  <si>
    <t>ENC: Volume Gerenciadas Amex e Visa - 29/11</t>
  </si>
  <si>
    <t>11/29/2019 12:28:34</t>
  </si>
  <si>
    <t>11/29/2019 12:33:49</t>
  </si>
  <si>
    <t>11/29/2019 12:51:26</t>
  </si>
  <si>
    <t>11/29/2019 12:55:49</t>
  </si>
  <si>
    <t>c:\users\marcosvsoa\downloads\</t>
  </si>
  <si>
    <t>11/29/2019 12:54:49</t>
  </si>
  <si>
    <t>11/29/2019 13:24:23</t>
  </si>
  <si>
    <t>11/29/2019 13:26:50</t>
  </si>
  <si>
    <t>RetencaoV2V3.csv</t>
  </si>
  <si>
    <t>11/29/2019 13:34:22</t>
  </si>
  <si>
    <t>11/29/2019 13:36:50</t>
  </si>
  <si>
    <t>11/29/2019 13:36:06</t>
  </si>
  <si>
    <t>11/29/2019 13:41:51</t>
  </si>
  <si>
    <t>11/29/2019 13:41:08</t>
  </si>
  <si>
    <t>11/29/2019 13:43:51</t>
  </si>
  <si>
    <t>C:\Users\renatofol\OneDrive - Grupo Algar\Doc Algar\ALGAR - GERENCIAMENTO SERVICOS TI\ESCOPO\</t>
  </si>
  <si>
    <t>Matriz de Aval de Ferramenta_Selecao_V3.xlsx</t>
  </si>
  <si>
    <t>11/29/2019 13:41:41</t>
  </si>
  <si>
    <t>mail.google.com/_/upload?authuser=2&amp;dcp=asu-n&amp;upload_id=AEnB2UpK-2RVWzish3jxnwaWsgUchOd5Fq3sENx-KOGMeKWMTHTy2tApNkrF6XOl6PYithWiaEYqn5V02sDYdhpqplxit_vylKmbKEZqz_Y4tDuX2YABDfs&amp;upload_protocol=resumable</t>
  </si>
  <si>
    <t>11/29/2019 13:41:42</t>
  </si>
  <si>
    <t>mail.google.com/_/upload?authuser=2&amp;dcp=asu-n&amp;upload_id=AEnB2UocivLvG2VoP3P3oC6sc8FhdnVmanTztPruP3aDs6BuuJ2L325_mGGJeOA4bJzwOCOuXmJ-JTZM5O31FkC1wmnBU_2ctQ&amp;upload_protocol=resumable</t>
  </si>
  <si>
    <t>Matriz de decisão - Gestão do Endpoint.xlsx</t>
  </si>
  <si>
    <t>11/29/2019 13:42:07</t>
  </si>
  <si>
    <t>11/29/2019 13:50:05</t>
  </si>
  <si>
    <t>11/29/2019 13:51:52</t>
  </si>
  <si>
    <t>11/29/2019 12:16:28</t>
  </si>
  <si>
    <t>11/29/2019 14:00:51</t>
  </si>
  <si>
    <t>mail.google.com/_/upload?authuser=1&amp;dcp=asu-n&amp;upload_id=AEnB2Ur2xbci2z_9kTA6XzbCaBf-GuIiZfIyiSZ3ZQ8w2r6MfPt0BN-w3rn6skLnIFVdcLzw_gZ_xc9UNLJHCKmODszQ68zAgg&amp;upload_protocol=resumable</t>
  </si>
  <si>
    <t>Orçamento Detalhado 2020.xlsx</t>
  </si>
  <si>
    <t>11/29/2019 13:58:35</t>
  </si>
  <si>
    <t>C:\Users\yuriifd\Desktop\Avon\</t>
  </si>
  <si>
    <t>Análise de Performance e Composição da Perda Financeira (161019).xlsb</t>
  </si>
  <si>
    <t>containsunsubscribedchildren,copyable,displayname,domain,emailaddress,explicit,explicitlytrash,explicitlytrashed,fileextens,fileextension,filesize,foldercolor,haschildfolders,hasthumbnail,hasvisitorpermissions,id,id),items(kind,ken,lastmodifyinguser(kind,lastviewedbymedate,mimetype,modifiedbymedate,modifieddate,ontainsunsubscribedchildren,owners(kind,permissionid,picture,quotabytesused,shareable,shared,sharedwithmedate,subscribed,thumbnailversion,title,userpermission(role),workspaceids</t>
  </si>
  <si>
    <t>11/29/2019 13:58:37</t>
  </si>
  <si>
    <t>11/29/2019 13:57:05</t>
  </si>
  <si>
    <t>11/29/2019 14:01:51</t>
  </si>
  <si>
    <t>mail.google.com/_/upload?authuser=2&amp;dcp=asu-n&amp;upload_id=AEnB2UrLUqAyl3QczAgdsteTTTz96j_5HgdkFcCj31ocyCp9nFk-qzvGGbP6X1fq6iFYk_z8SG2iIZ6wxY_o7R-P8OXELml5ug&amp;upload_protocol=resumable</t>
  </si>
  <si>
    <t>Fechados e pendencias Oracle.xlsx</t>
  </si>
  <si>
    <t>11/29/2019 14:02:48</t>
  </si>
  <si>
    <t>11/29/2019 14:05:51</t>
  </si>
  <si>
    <t>Ericson Santos</t>
  </si>
  <si>
    <t>/o=exchangelabs/ou=exchange administrative group (fydibohf23spdlt)/cn=recipients/cn=4fbcbdfa900b4cb195ac160568115bc2-ericson nog;contato@panificadoraoliveira.com.br;</t>
  </si>
  <si>
    <t>RES: Ajuste quantidade de pães Algar Tech</t>
  </si>
  <si>
    <t>Pão.xlsx</t>
  </si>
  <si>
    <t>/o=exchangelabs/ou=exchange administrative group (fydibohf23spdlt)/cn=recipients/cn=4fbcbdfa900b4cb195ac160568115bc2-ericson nog,contato@panificadoraoliveira.com.br</t>
  </si>
  <si>
    <t>11/29/2019 14:05:21</t>
  </si>
  <si>
    <t>C:\Users\yuriifd\Desktop\Iniciativa PCP\</t>
  </si>
  <si>
    <t>FATURAMENTO - CONSOLIDADO FEVEREIRO A MAIO.xlsx</t>
  </si>
  <si>
    <t>algar - competÊncia abril_2019 v2' and title contains 'xlsm' and trashed = false and '1b7yt2xjel85-jy0ek2fcz5ofeigdrz_y' in parents&amp;fields=kind,algar - competÊncia maio_2019' and title contains 'xlsb' and trashed = false and '1b7yt2xjel85-jy0ek2fcz5ofeigdrz_y' in parents&amp;fields=kind,copyable,displayname,domain,emailaddress,explicitlytrashed,filesize,foldercolor,hasch,haschildfol,hasthumbnail,id,id),items(kind,lastmodifyinguser(kind,lastviewedbymedate,mimetype,mod,modifiedbymedate,nextpagetoken,ontainsunsubscribedchildren,owners(kind,permissionid,picture,quotabytesused,shareable,shared,sharedwithmedate,subscribed,thumbnailversion,title,userpermission(role),workspaceids</t>
  </si>
  <si>
    <t>11/29/2019 14:07:30</t>
  </si>
  <si>
    <t>11/29/2019 14:08:52</t>
  </si>
  <si>
    <t>c:\users\lauanecca\downloads\</t>
  </si>
  <si>
    <t>registros de plano de ação.xls</t>
  </si>
  <si>
    <t>11/29/2019 14:08:04</t>
  </si>
  <si>
    <t>11/29/2019 14:10:52</t>
  </si>
  <si>
    <t>Iniciativas Transformação - Yuri.xlsx</t>
  </si>
  <si>
    <t>"mimetyp,- squad dc",containsunsubscribedchildren,copyable,displ,displayname,domain,emailaddress,explicitlytrashed,file(kind,fileid,filesize,hasthumbnail,hasvisitorpermissions,id,id),items(deleted,items(kind,ken,kind,lastmodifyinguser(kind,lastviewedbymedate,mimetype,modifiedbymedate,modifieddate,ontainsunsubscribedchildren,owners(kind,permissionid,picture,quo,quotabytesused,shareable,shareable�,shared,sharedw,sharedwithmedate,subscribed�,thumbnailversion,title,use,userpermission(role),workspaceids</t>
  </si>
  <si>
    <t>11/29/2019 14:09:41</t>
  </si>
  <si>
    <t>C:\Users\yuriifd\Desktop\BV\Modelo BP\</t>
  </si>
  <si>
    <t>BP Telefonia.xlsx</t>
  </si>
  <si>
    <t>6_ymo-pfhm74bqjhyvs8q_w1ymww"}]}</t>
  </si>
  <si>
    <t>11/29/2019 14:10:22</t>
  </si>
  <si>
    <t>C:\Users\yuriifd\Desktop\BV\Design Thinking\</t>
  </si>
  <si>
    <t>Sessão DT Vendas.xlsx</t>
  </si>
  <si>
    <t>6_ymo-pfhm74bqjhyvs8q_w1ymww' in parents&amp;fields=kind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isplayname�,domain,emailaddress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imetype,modifiedbymedate,modifieddate,nextpagetoken,ontainsunsubscribedchildren,organizationdisplayname,owners(kind,parents(id),passivelysubscribed,per,permissionid,pictu,picture,primarydomainname,primarysyncparentid,quot,quotabytesused,recency,recencyreason,restricted,rpermissions,shareable,sh</t>
  </si>
  <si>
    <t>11/29/2019 14:12:01</t>
  </si>
  <si>
    <t>11/29/2019 14:14:52</t>
  </si>
  <si>
    <t>11/29/2019 14:19:15</t>
  </si>
  <si>
    <t>11/29/2019 14:20:52</t>
  </si>
  <si>
    <t>emissaopjeavm@algartech.com.br;marina.mariano@bradesco.com.br;natalia.toma@bradesco.com.br;</t>
  </si>
  <si>
    <t>RES: Banco ABC</t>
  </si>
  <si>
    <t>emissaopjeavm@algartech.com.br,marina.mariano@bradesco.com.br,natalia.toma@bradesco.com.br</t>
  </si>
  <si>
    <t>11/29/2019 14:25:39</t>
  </si>
  <si>
    <t>11/29/2019 14:25:53</t>
  </si>
  <si>
    <t>amandacdr@algartech.com;pedrofs@algartech.com;simoneesm@algartech.com;wesleydal@algartech.com;</t>
  </si>
  <si>
    <t>RV Para apuração_Duvidas Brasilia.xlsb</t>
  </si>
  <si>
    <t>amandacdr@algartech.com,pedrofs@algartech.com,simoneesm@algartech.com,wesleydal@algartech.com</t>
  </si>
  <si>
    <t>11/29/2019 14:30:05</t>
  </si>
  <si>
    <t>11/29/2019 14:30:53</t>
  </si>
  <si>
    <t>1575047064218000]]],1egedjaxcfo/kkfiou5t/tdwnuuaphuays81bsyjjwmjykalgbcgki1o3mw/op5gikf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ess,explicitlytrashed,file(kind,fileextension,fileid,filesize,flaggedforabuse,foldercolor,folderfeatures,gw5ndczmtg5odk4mdmrlcl6a1xipekycw==",hasaugmentedpermissions,haschildfolders,hasth,hasthumbnail,hasvisitorpermissions,hidden,id,id),items(deleted,items(kind,ken,kind,labels(starred,lastmodifyinguser(kind,lastviewedbymedate,mimetype,modifiedbymedate,modifieddate,ontainsunsubscribedchildren,organizationdisplayname,owners(kind,parents(id),passivelysubscribed,per,permissionid,pict,picture,primarydomainname,primarysyncparentid,quot,quota,quotaby,quotabyte</t>
  </si>
  <si>
    <t>11/29/2019 14:30:11</t>
  </si>
  <si>
    <t>11/29/2019 14:30:17</t>
  </si>
  <si>
    <t>11/29/2019 14:30:19</t>
  </si>
  <si>
    <t>11/29/2019 14:30:33</t>
  </si>
  <si>
    <t>11/29/2019 14:30:41</t>
  </si>
  <si>
    <t>11/29/2019 14:29:38</t>
  </si>
  <si>
    <t>11/29/2019 14:31:52</t>
  </si>
  <si>
    <t>11/29/2019 14:30:32</t>
  </si>
  <si>
    <t>11/29/2019 14:31:15</t>
  </si>
  <si>
    <t>11/29/2019 14:35:53</t>
  </si>
  <si>
    <t>C:\Users\yuriifd\Desktop\Squad Competividade - Atendimento\Base de dados - Excel\Arquivos TH Zipado\</t>
  </si>
  <si>
    <t>28_Engeset_Relatório_Consolidado_Pedido_4421689 (1).xls</t>
  </si>
  <si>
    <t>11/29/2019 14:31:21</t>
  </si>
  <si>
    <t>28 Relatório Consolidado Pedido Alelo 4442610 (1).xlsx</t>
  </si>
  <si>
    <t>11/29/2019 14:31:22</t>
  </si>
  <si>
    <t>28_Engeset_Relatório_Consolidado_Pedido_4421689.xls</t>
  </si>
  <si>
    <t>11/29/2019 14:31:31</t>
  </si>
  <si>
    <t>33 TI - Relatório Consolidado Pedido Alelo 11_2019 (1).xlsx</t>
  </si>
  <si>
    <t>11/29/2019 14:31:39</t>
  </si>
  <si>
    <t>29_ALGAR TECH_Relatório_Consolidado_Pedido_44218771.xlsx</t>
  </si>
  <si>
    <t>1575047064218000]]],1egedjaxcfo/kkfiou5t/tdwnuuaphuays81bsyjjwmjykalgbcgki1o3mw/op5gikf,===== content-type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ess,explicitlytrashed,file(kind,fileextension,fileid,filesize,flaggedforabuse,foldercolor,folderfeatures,gw5ndczmtg5odk4mdmrlcl6a1xipekycw==",hasaugmentedpermissions,haschildfolders,hasth,hasthumbnail,hasvisitorpermissions,hidden,id,id),items(deleted,items(kind,ken,kind,labels(starred,lastmodifyinguser(kind,lastviewedbymedate,mimetype,modifiedbymedate,modifieddate,ontainsunsubscribedchildren,organizationdisplayname,owners(kind,parents(id),passivelysubscribed,per,permissionid,pict,picture,primarydomainname,primarysyncparentid,quot,quot</t>
  </si>
  <si>
    <t>11/29/2019 14:31:43</t>
  </si>
  <si>
    <t>33 TI Relatório_Consolidado_Pedido Alelo_4470450 (1).xlsx</t>
  </si>
  <si>
    <t>11/29/2019 14:31:46</t>
  </si>
  <si>
    <t>33 TI Relatório_Consolidado_Pedido Alelo_4470450.xlsx</t>
  </si>
  <si>
    <t>11/29/2019 14:32:00</t>
  </si>
  <si>
    <t>Relatório Consilidado TI Alelo 4442369.xlsx</t>
  </si>
  <si>
    <t>11/29/2019 14:32:03</t>
  </si>
  <si>
    <t>Relatório Consolidado Pedido 4421544 (1).xlsx</t>
  </si>
  <si>
    <t>11/29/2019 14:32:08</t>
  </si>
  <si>
    <t>Relatório Consolidado Pedido 4421544.xlsx</t>
  </si>
  <si>
    <t>11/29/2019 14:32:23</t>
  </si>
  <si>
    <t>Relatório_Consolidado_Pedido_4470432.xls</t>
  </si>
  <si>
    <t>11/29/2019 14:32:33</t>
  </si>
  <si>
    <t>Relatório_Consolidado_Pedido_4470432 (1).xls</t>
  </si>
  <si>
    <t>11/29/2019 14:32:36</t>
  </si>
  <si>
    <t>Relatório_Consolidado_Pedido_4475678_COMPLEMENTAR EMTU.xls</t>
  </si>
  <si>
    <t>11/29/2019 14:32:59</t>
  </si>
  <si>
    <t>Relatório_Consolidado_Pedido_4498673 (1).xlsx</t>
  </si>
  <si>
    <t>11/29/2019 14:33:01</t>
  </si>
  <si>
    <t>C:\Users\yuriifd\Desktop\Squad Competividade - Atendimento\Base de dados - Excel\Arquivos TH Zipado\Plano Médico\</t>
  </si>
  <si>
    <t>11/29/2019 14:45:11</t>
  </si>
  <si>
    <t>11/29/2019 14:46:53</t>
  </si>
  <si>
    <t>TEMPLATE_DEVOLUCAO_PARA_CLIENTE.xlsx</t>
  </si>
  <si>
    <t>11/29/2019 14:53:07</t>
  </si>
  <si>
    <t>11/29/2019 14:55:53</t>
  </si>
  <si>
    <t>mail.google.com/_/upload?authuser=0&amp;dcp=asu-n&amp;upload_id=AEnB2UposPNKl-le6jFdJV-NDuMOOHk-_kagzg0ZQyexsNDoRhz6BKj6eMILUMfP2gg2fvqFYARtIXPBtGQ6b-ZzdYQ9vb0qDA&amp;upload_protocol=resumable</t>
  </si>
  <si>
    <t>C:\Users\lucianabo\Desktop\2020\RECEITA\</t>
  </si>
  <si>
    <t>(Arquvivo RL)_Consolidado + Indicadores.xlsx</t>
  </si>
  <si>
    <t>11/29/2019 14:51:56</t>
  </si>
  <si>
    <t>10.200.60.141</t>
  </si>
  <si>
    <t>9C-30-5B-FC-0F-D1</t>
  </si>
  <si>
    <t>lucia.farias@algar.com.br</t>
  </si>
  <si>
    <t>\\acsfs\deptos\Ouvidoria Grupo Algar\03_Reunião\Algar Telecom\Algar Telecom - Zamia - 29112019\Algar Telecom -Zamia - 29112019.ppsx\</t>
  </si>
  <si>
    <t>11/29/2019 14:52:39</t>
  </si>
  <si>
    <t>11/29/2019 14:56:52</t>
  </si>
  <si>
    <t>11/29/2019 15:02:22</t>
  </si>
  <si>
    <t>11/29/2019 15:05:52</t>
  </si>
  <si>
    <t>mail.google.com/_/upload?authuser=0&amp;dcp=asu-n&amp;upload_id=AEnB2UrIMmUOUTNP12drzmhjlunRy7kgCau1Jxb32hKtQqVr_6gbAQGLlT2vdXUUpV50aWNAWnrXJ-fcMF698ZT0HMlrYF6S_w&amp;upload_protocol=resumable</t>
  </si>
  <si>
    <t>11/29/2019 15:04:23</t>
  </si>
  <si>
    <t>11/29/2019 15:06:53</t>
  </si>
  <si>
    <t>11/29/2019 15:04:56</t>
  </si>
  <si>
    <t>11/29/2019 15:07:53</t>
  </si>
  <si>
    <t>ATA SOL 30112019.xlsx</t>
  </si>
  <si>
    <t>11/29/2019 15:08:14</t>
  </si>
  <si>
    <t>11/29/2019 15:12:53</t>
  </si>
  <si>
    <t>10.208.12.72</t>
  </si>
  <si>
    <t>11/29/2019 15:12:49</t>
  </si>
  <si>
    <t>11/29/2019 15:16:52</t>
  </si>
  <si>
    <t>C:\Users\polati\OneDrive - Grupo Algar\algar\bradesco 2019\</t>
  </si>
  <si>
    <t>Lista_Polati prodex.xlsx</t>
  </si>
  <si>
    <t>11/29/2019 15:16:23</t>
  </si>
  <si>
    <t>11/29/2019 15:18:52</t>
  </si>
  <si>
    <t>ENC: Produtividade CRCe até 28/11</t>
  </si>
  <si>
    <t>11/29/2019 15:16:41</t>
  </si>
  <si>
    <t>Ficha do Risco - Pendencias SI 29112019.xlsx</t>
  </si>
  <si>
    <t>11/29/2019 15:16:32</t>
  </si>
  <si>
    <t>11/29/2019 15:19:52</t>
  </si>
  <si>
    <t>'premiumsupervisores@algartech.com.br';'raquelcl@algartech.com';'supervisores_rosilene@algartech.com.br';alessandracm@algartech.com;alinemds@algartech.com;anapscl@algartech.com;andressacpd@algartech.com;b2k-supervisoreseunice@algarnet.onmicrosoft.com;b2ksupervisoresrafaela@algartech.com;carolinaasil@algartech.com;contestacao_supervisores@algartech.com.br;dayarag@algartech.com;elencassiapo@algartech.com;fabianapm@algartech.com;fabiolacc@algartecnologia.com.br;fernandaccn@algartech.com;fredericobs@algartecnologia.com.br;heloisaal@algartech.com;igorars@algartech.com;jussaragp@algartech.com;katiargf@algartech.com;kelencgt@algartech.com;luanaaoli@algartech.com;mariajcb@algartech.com;michelecdc@algartech.com;micheless@algartech.com;premiumatendimento@algartech.com;primeatendimento@algartech.com;priscilalb@algartech.com;rafaelaas@algartech.com;rafaeldsa@algartech.com;sabrinagc@algartech.com;supervisorespj@algartech.com.br;tassianecv@algartech.com;tatianamac@algartech.com;thaisalves.oliveira@temposervicos.com.br;</t>
  </si>
  <si>
    <t>Microanálise - 28-11.xlsm</t>
  </si>
  <si>
    <t>'premiumsupervisores@algartech.com.br','raquelcl@algartech.com','supervisores_rosilene@algartech.com.br',alessandracm@algartech.com,alinemds@algartech.com,anapscl@algartech.com,andressacpd@algartech.com,b2k-supervisoreseunice@algarnet.onmicrosoft.com,b2ksupervisoresrafaela@algartech.com,carolinaasil@algartech.com,contestacao_supervisores@algartech.com.br,dayarag@algartech.com,elencassiapo@algartech.com,fabianapm@algartech.com,fabiolacc@algartecnologia.com.br,fernandaccn@algartech.com,fredericobs@algartecnologia.com.br,heloisaal@algartech.com,igorars@algartech.com,jussaragp@algartech.com,katiargf@algartech.com,kelencgt@algartech.com,luanaaoli@algartech.com,mariajcb@algartech.com,michelecdc@algartech.com,micheless@algartech.com,premiumatendimento@algartech.com,primeatendimento@algartech.com,priscilalb@algartech.com,rafaelaas@algartech.com,rafaeldsa@algartech.com,sabrinagc@algartech.com,supervisorespj@algartech.com.br,tassianecv@algartech.com,tatianamac@algartech.com,thaisalves.oliveira@temposervicos.com.br</t>
  </si>
  <si>
    <t>11/29/2019 15:17:31</t>
  </si>
  <si>
    <t>11/29/2019 15:17:50</t>
  </si>
  <si>
    <t>11/29/2019 15:23:20</t>
  </si>
  <si>
    <t>11/29/2019 15:25:53</t>
  </si>
  <si>
    <t>\\acsfs\Deptos\Controladoria\2 - Business Performance\2019\1 - Precificacao\6 - Revisao da Metodologia\Consultoria Teros\01 - Fase Exploratoria\01 - Informacoes Recebidas\</t>
  </si>
  <si>
    <t>11/29/2019 15:24:23</t>
  </si>
  <si>
    <t>11/29/2019 15:29:53</t>
  </si>
  <si>
    <t>\\Acsfs\dsti\GAT\CIT - Coordenacao Inteligencia de TI\RELATORIOS FPW\Controle\OCORRENCIAS\Planilhas\Recorrência\Novembro 2019\</t>
  </si>
  <si>
    <t>Ocorrência0111a28112019.xlsm</t>
  </si>
  <si>
    <t>11/29/2019 15:29:42</t>
  </si>
  <si>
    <t>11/29/2019 15:33:53</t>
  </si>
  <si>
    <t>Chat.xlsx</t>
  </si>
  <si>
    <t>11/29/2019 15:28:20</t>
  </si>
  <si>
    <t>mail.google.com/_/upload?authuser=0&amp;dcp=asu-n&amp;upload_id=AEnB2Up-k6cROz1Co6QkyoeVSbC6U_E5_RizqO1jUFyEdOvkxfduT6D_074GVjK6seZ1jDJyfMUQv6o4llObx-tZVor9y0v6pqUs9ECAuM80HjYvG3lyFCI&amp;upload_protocol=resumable</t>
  </si>
  <si>
    <t>cobranca.tech@algartech.com;edvaljdcn@algartech.com;guilhermedsf@algartech.com;</t>
  </si>
  <si>
    <t>Baixas Nov.xlsx</t>
  </si>
  <si>
    <t>cobranca.tech@algartech.com,edvaljdcn@algartech.com,guilhermedsf@algartech.com</t>
  </si>
  <si>
    <t>11/29/2019 15:41:28</t>
  </si>
  <si>
    <t>11/29/2019 15:42:53</t>
  </si>
  <si>
    <t>\\Acsfs\deptos\PMO Governança\06 - GOVERNANÇA DO CAPEX\CAPEX LONGO PRAZO\CAPEX LP - REVISÃO_A19_M10\CAPEX LP 20 a 24 - 29_11v2.pptx\</t>
  </si>
  <si>
    <t>11/29/2019 15:41:30</t>
  </si>
  <si>
    <t>mail.google.com/_/upload?authuser=0&amp;dcp=asu-n&amp;upload_id=AEnB2UrcwSQr3o_ucoZbe6BFEhLIMxcmOVzfYjm__62ARaiNlAgO_6jQ2L3nYRvxZ04O_iIRehUThGnnx9SWFCBeDF6tnsFcIMv6VHabOrjpwZgm13Al_IQ&amp;upload_protocol=resumable</t>
  </si>
  <si>
    <t>\\Acsfs\deptos\PMO Governança\06 - GOVERNANÇA DO CAPEX\CAPEX LONGO PRAZO\CAPEX LP - REVISÃO_A19_M10\CAPEX LP 20 a 24 - 29_11 IFRS DESTACADOv2.pptx\</t>
  </si>
  <si>
    <t>11/29/2019 15:42:15</t>
  </si>
  <si>
    <t>mail.google.com/_/upload?authuser=1&amp;dcp=asu-n&amp;upload_id=AEnB2UqwVUkoqu-qBY2Pm1CPLEvUhQSVhYHUO9L6WojV4zS_RX2-h3pXuh2u5RVwu0a8NQKFL6j3KqGARhn_UGN_Xh10GETBTBPnSJqLGCqCyQSennhbxuU&amp;upload_protocol=resumable</t>
  </si>
  <si>
    <t>C:\Users\suelenmm\Downloads\</t>
  </si>
  <si>
    <t>207401_IBM_VLI_Field_v6_C2_(C017_B017).xlsb</t>
  </si>
  <si>
    <t>C:\Users\suelenmm\Downloads\207401_IBM_VLI_Field_v6_C2_(C017_B017).xlsb\</t>
  </si>
  <si>
    <t>11/29/2019 15:43:47</t>
  </si>
  <si>
    <t>11/29/2019 15:45:53</t>
  </si>
  <si>
    <t>/o=exchangelabs/ou=exchange administrative group (fydibohf23spdlt)/cn=recipients/cn=8ffcdd39b62f4308b2f876f9624fa69a-wasley luiz;joysi.pereira.k2@youse.com.br;joysi.pereira@youse.com.br;</t>
  </si>
  <si>
    <t>ENC: Forecast Youse SAC - Dezembro</t>
  </si>
  <si>
    <t>Planejamento SAC IN-OUT-OUV.xlsx</t>
  </si>
  <si>
    <t>/o=exchangelabs/ou=exchange administrative group (fydibohf23spdlt)/cn=recipients/cn=8ffcdd39b62f4308b2f876f9624fa69a-wasley luiz,joysi.pereira.k2@youse.com.br,joysi.pereira@youse.com.br</t>
  </si>
  <si>
    <t>11/29/2019 15:46:20</t>
  </si>
  <si>
    <t>11/29/2019 15:51:53</t>
  </si>
  <si>
    <t>11/29/2019 15:59:21</t>
  </si>
  <si>
    <t>11/29/2019 16:04:53</t>
  </si>
  <si>
    <t>C:\Users\leonoraat\Downloads\</t>
  </si>
  <si>
    <t>11/29/2019 16:04:05</t>
  </si>
  <si>
    <t>11/29/2019 16:07:52</t>
  </si>
  <si>
    <t>mail.google.com/mail/u/0/?hl=pt-BR#inbox?compose=new</t>
  </si>
  <si>
    <t>Y:\ASA_ULA\NUCLEO_SUPRIMENTOS\PAC\1. Engeset\2019\11 - Novembro\Previa\</t>
  </si>
  <si>
    <t>ALGAR___Relatorio_Movimentacao_INV_112019.xlsx</t>
  </si>
  <si>
    <t>11/29/2019 16:06:44</t>
  </si>
  <si>
    <t>11/29/2019 16:08:53</t>
  </si>
  <si>
    <t>wayneroa@algartech.com;</t>
  </si>
  <si>
    <t>Atualização Baixas (Ago-Nov).xlsx</t>
  </si>
  <si>
    <t>wayneroa@algartech.com</t>
  </si>
  <si>
    <t>11/29/2019 16:14:48</t>
  </si>
  <si>
    <t>11/29/2019 16:16:52</t>
  </si>
  <si>
    <t>mail.google.com/_/upload?authuser=2&amp;dcp=asu-n&amp;upload_id=AEnB2UptL3qtKs00DL4lEBYh0vxzQCOC15ZCk1FQPkRgpy71CtXVcRcQT8geO6H6OX8zjLUHrfg90tEkGa-yZsB4te3t4HDVcw&amp;upload_protocol=resumable</t>
  </si>
  <si>
    <t>\\acsfs\ACS\Consultoria de Qualidade\Uberlândia\1. Analistas\Fernando Rodrigues\4. Distribuição de Meta\2019\1. Whirlpool\1. Dezembro\</t>
  </si>
  <si>
    <t>1ª Semana - Dezembro.xlsx</t>
  </si>
  <si>
    <t>11/29/2019 16:17:19</t>
  </si>
  <si>
    <t>11/29/2019 16:21:53</t>
  </si>
  <si>
    <t>Produtividade RAF - NOV-2019 - Parcial - 29-11-19.xlsm</t>
  </si>
  <si>
    <t>11/29/2019 16:17:05</t>
  </si>
  <si>
    <t>mail.google.com/_/upload?authuser=2&amp;dcp=asu-n&amp;upload_id=AEnB2Urtwzh7fxfP0JZrKXEDkLufgW7Xy_RIqcij2ZZGYc8ATi7cr8DmW-y7l781M6CfRpoBmvOIhVgzD36-HSP5fsQKkiT9yg&amp;upload_protocol=resumable</t>
  </si>
  <si>
    <t>\\acsfs\ACS\Consultoria de Qualidade\Uberlândia\1. Analistas\Fernando Rodrigues\4. Distribuição de Meta\2019\0. Caixa\</t>
  </si>
  <si>
    <t>Acompanhamento Produtividade.xlsx</t>
  </si>
  <si>
    <t>11/29/2019 16:20:57</t>
  </si>
  <si>
    <t>11/29/2019 16:24:53</t>
  </si>
  <si>
    <t>11/29/2019 16:22:48</t>
  </si>
  <si>
    <t>11/29/2019 16:26:53</t>
  </si>
  <si>
    <t>11/29/2019 16:32:10</t>
  </si>
  <si>
    <t>11/29/2019 16:33:52</t>
  </si>
  <si>
    <t>telefonia.xls</t>
  </si>
  <si>
    <t>11/29/2019 16:38:00</t>
  </si>
  <si>
    <t>11/29/2019 16:39:52</t>
  </si>
  <si>
    <t>RES: Férias</t>
  </si>
  <si>
    <t>11/29/2019 16:41:15</t>
  </si>
  <si>
    <t>11/29/2019 16:45:52</t>
  </si>
  <si>
    <t>mail.google.com/_/upload?authuser=0&amp;dcp=asu-n&amp;upload_id=AEnB2UpFUDm6m-sk8RR6W6wmoj1Yn8cd4es-v7qnRAqcEmJxg18sWliY0FnSz5hhXCj_7N_eAb2GVD6F1vQYpZfwCwDvN2sBcPOr3lGPepjK5dGvA644MHM&amp;upload_protocol=resumable</t>
  </si>
  <si>
    <t>122019_Forecast de Receita Oficial_2019_MARISSA.xlsx</t>
  </si>
  <si>
    <t>11/29/2019 17:09:19</t>
  </si>
  <si>
    <t>11/29/2019 17:10:53</t>
  </si>
  <si>
    <t>11/29/2019 15:23:21</t>
  </si>
  <si>
    <t>11/29/2019 17:11:53</t>
  </si>
  <si>
    <t>c:\users\polati\onedrive\</t>
  </si>
  <si>
    <t>financas oficial dez18.xlsx</t>
  </si>
  <si>
    <t>11/29/2019 17:11:21</t>
  </si>
  <si>
    <t>11/29/2019 17:15:54</t>
  </si>
  <si>
    <t>delsoer@algartech.com;gustavohs@algartech.com;juliocedo@algartech.com;mara.pereira@cscalgar.com.br;olivar@algar.com.br;</t>
  </si>
  <si>
    <t>Macro Calendário_2020.xlsx</t>
  </si>
  <si>
    <t>delsoer@algartech.com,gustavohs@algartech.com,juliocedo@algartech.com,mara.pereira@cscalgar.com.br,olivar@algar.com.br</t>
  </si>
  <si>
    <t>11/29/2019 17:11:22</t>
  </si>
  <si>
    <t>Prioridades Diretores - Entregas DG 2020.xlsx</t>
  </si>
  <si>
    <t>11/29/2019 17:18:45</t>
  </si>
  <si>
    <t>11/29/2019 17:20:53</t>
  </si>
  <si>
    <t>C:\Users\alinerg\Documents\ASC\Planilhas de configuração - SETUP\</t>
  </si>
  <si>
    <t>SETUP_Categorizações.xlsx</t>
  </si>
  <si>
    <t>11/29/2019 17:23:05</t>
  </si>
  <si>
    <t>11/29/2019 17:23:53</t>
  </si>
  <si>
    <t>11/29/2019 17:23:09</t>
  </si>
  <si>
    <t>11/29/2019 17:25:53</t>
  </si>
  <si>
    <t>RES: Posições de educação</t>
  </si>
  <si>
    <t>Mapa de Salas_Consolidado MARCO.xlsx</t>
  </si>
  <si>
    <t>11/29/2019 17:30:09</t>
  </si>
  <si>
    <t>11/29/2019 17:32:54</t>
  </si>
  <si>
    <t>mail.google.com/_/upload?authuser=1&amp;dcp=asu-n&amp;upload_id=AEnB2Uqw-QobW_2kUfs_QeUH0Vb0AsX3d_DlQjTECfRBqHTull0UN4r1aRd45TQsdDQnrlkKLPzsiIxBh8jZBZNqKCN7Bkkmbi7kwK5jF2liiDawkpCVBrA&amp;upload_protocol=resumable</t>
  </si>
  <si>
    <t>11/29/2019 17:28:20</t>
  </si>
  <si>
    <t>11/29/2019 17:33:53</t>
  </si>
  <si>
    <t>mail.google.com/mail/u/1/?ui=2&amp;view=btop&amp;ver=eyhxefjfd5dl&amp;search=inbox&amp;th=%23thread-f%3A1651467301923416213|msg-f%3A1651467301923416213&amp;cvid=9</t>
  </si>
  <si>
    <t>11/29/2019 17:38:51</t>
  </si>
  <si>
    <t>11/29/2019 17:42:54</t>
  </si>
  <si>
    <t>\\acsfs\dsti\CMV - Coordenação de Mkt e Vendas\Comercial\Relatórios_Reunião Comercial\2019\Raul\</t>
  </si>
  <si>
    <t>11/29/2019 17:39:19</t>
  </si>
  <si>
    <t>11/29/2019 17:43:53</t>
  </si>
  <si>
    <t>mail.google.com/_/upload?authuser=1&amp;dcp=asu-n&amp;upload_id=AEnB2Upl5DWx1xUw9W4qrc-5QBaSmXEzJpPT1nnk5E7oB-k2NlsONrIQcNZUMkMqkXZiKiRbnSUTvxkFyA0amQAW8Qgr5rA3btBYNlXLYJhZ_qmWfsRJE60&amp;upload_protocol=resumable</t>
  </si>
  <si>
    <t>C:\Users\alexsandrodmju\Desktop\</t>
  </si>
  <si>
    <t>chassiPendente.csv</t>
  </si>
  <si>
    <t>11/29/2019 17:41:35</t>
  </si>
  <si>
    <t>C:\Users\simoneesm\Desktop\</t>
  </si>
  <si>
    <t>RV Para apuração_Duvidas Brasilia_Verificar.xlsb</t>
  </si>
  <si>
    <t>11/29/2019 17:45:20</t>
  </si>
  <si>
    <t>11/29/2019 17:48:54</t>
  </si>
  <si>
    <t>waleskamms@algartech.com</t>
  </si>
  <si>
    <t>C:\Users\waleskamms\OneDrive - Grupo Algar\Apresentações\Visão Argentina 19.11.2019 (002).pptx\</t>
  </si>
  <si>
    <t>11/29/2019 17:46:41</t>
  </si>
  <si>
    <t>11/29/2019 17:51:54</t>
  </si>
  <si>
    <t>mail.google.com/_/upload?authuser=2&amp;dcp=asu-n&amp;upload_id=AEnB2Uq6aeAnt9mfwnaXXDDPWu36VvDPRSbhenMmbQRHJkMzPvvehlZe_B3NG8bzdecinIWT6RfoDUXe9G7Zd_wRxMQgiihpn8saZM7rh-avehCx5iNAxog&amp;upload_protocol=resumable</t>
  </si>
  <si>
    <t>\\acsfs\ACS\Consultoria de Qualidade\Uberlândia\1. Analistas\Fernando Rodrigues\4. Distribuição de Meta\2019\0. Caixa\1. Dezembro\</t>
  </si>
  <si>
    <t>Distribuição - 1ª Dezena.xls</t>
  </si>
  <si>
    <t>11/29/2019 17:48:58</t>
  </si>
  <si>
    <t>10.200.57.225</t>
  </si>
  <si>
    <t>/o=exchangelabs/ou=exchange administrative group (fydibohf23spdlt)/cn=recipients/cn=01dd947fa5e64c6cb9bbbb6c6ff21082-amanda silv;/o=exchangelabs/ou=exchange administrative group (fydibohf23spdlt)/cn=recipients/cn=11caa171ca6b4748baa4e51f96be0f34-lucas vinic;/o=exchangelabs/ou=exchange administrative group (fydibohf23spdlt)/cn=recipients/cn=210abf7d16694040807a431d92f85430-erikabfs_al;/o=exchangelabs/ou=exchange administrative group (fydibohf23spdlt)/cn=recipients/cn=2a933c0b80df4f499b51d2e80289c02f-priscila le;/o=exchangelabs/ou=exchange administrative group (fydibohf23spdlt)/cn=recipients/cn=2fd40d5105804de1a0e7ae1dc8497af5-kelly arauj;/o=exchangelabs/ou=exchange administrative group (fydibohf23spdlt)/cn=recipients/cn=3c7d42ed9f564e2f8855085002941e81-aline soare;/o=exchangelabs/ou=exchange administrative group (fydibohf23spdlt)/cn=recipients/cn=3f81420aa09a45308e82efb501d64cad-rafaela alv;/o=exchangelabs/ou=exchange administrative group (fydibohf23spdlt)/cn=recipients/cn=42003965c773486991517108e51c3776-paul</t>
  </si>
  <si>
    <t>**Acesso ao Manual do Assistente - URGENTE**</t>
  </si>
  <si>
    <t>Liberação Manual do Assistente.xlsx</t>
  </si>
  <si>
    <t>/o=exchangelabs/ou=exchange administrative group (fydibohf23spdlt)/cn=recipients/cn=01dd947fa5e64c6cb9bbbb6c6ff21082-amanda silv,/o=exchangelabs/ou=exchange administrative group (fydibohf23spdlt)/cn=recipients/cn=11caa171ca6b4748baa4e51f96be0f34-lucas vinic,/o=exchangelabs/ou=exchange administrative group (fydibohf23spdlt)/cn=recipients/cn=210abf7d16694040807a431d92f85430-erikabfs_al,/o=exchangelabs/ou=exchange administrative group (fydibohf23spdlt)/cn=recipients/cn=2a933c0b80df4f499b51d2e80289c02f-priscila le,/o=exchangelabs/ou=exchange administrative group (fydibohf23spdlt)/cn=recipients/cn=2fd40d5105804de1a0e7ae1dc8497af5-kelly arauj,/o=exchangelabs/ou=exchange administrative group (fydibohf23spdlt)/cn=recipients/cn=3c7d42ed9f564e2f8855085002941e81-aline soare,/o=exchangelabs/ou=exchange administrative group (fydibohf23spdlt)/cn=recipients/cn=3f81420aa09a45308e82efb501d64cad-rafaela alv,/o=exchangelabs/ou=exchange administrative group (fydibohf23spdlt)/cn=recipients/cn=42003965c773486991517108e51c3776-paul</t>
  </si>
  <si>
    <t>11/29/2019 17:49:10</t>
  </si>
  <si>
    <t>11/29/2019 17:52:54</t>
  </si>
  <si>
    <t>mail.google.com/_/upload?authuser=1&amp;dcp=asu-n&amp;upload_id=AEnB2UqlaaX8MDYNppzJdFgzkPdl5K2FhhJazD7gvXtcLl-T16NQ9MntPU5mPamjRNoUT3RDMQFGigM25LmjBC7pZPOaZkvCbg&amp;upload_protocol=resumable</t>
  </si>
  <si>
    <t>207401_IBM_VLI_Field_v6_C1_(C017_B017).xlsb</t>
  </si>
  <si>
    <t>C:\Users\suelenmm\Downloads\207401_IBM_VLI_Field_v6_C1_(C017_B017).xlsb\</t>
  </si>
  <si>
    <t>11/29/2019 17:53:18</t>
  </si>
  <si>
    <t>11/29/2019 17:53:55</t>
  </si>
  <si>
    <t>/o=exchangelabs/ou=exchange administrative group (fydibohf23spdlt)/cn=recipients/cn=3a5a57fc01354a128619146c836d1ba7-camila de p;/o=exchangelabs/ou=exchange administrative group (fydibohf23spdlt)/cn=recipients/cn=4fbcbdfa900b4cb195ac160568115bc2-ericson nog;camiladps@algartech.com.br;ericsonns@algartech.com.br;fredericobs@algartecnologia.com.br;</t>
  </si>
  <si>
    <t>ENC: Previa candidatos Atendente Pleno e Sênior</t>
  </si>
  <si>
    <t>ATENDENTE SR E PL- FINAL EMPRESA.xlsx</t>
  </si>
  <si>
    <t>/o=exchangelabs/ou=exchange administrative group (fydibohf23spdlt)/cn=recipients/cn=3a5a57fc01354a128619146c836d1ba7-camila de p,/o=exchangelabs/ou=exchange administrative group (fydibohf23spdlt)/cn=recipients/cn=4fbcbdfa900b4cb195ac160568115bc2-ericson nog,camiladps@algartech.com.br,ericsonns@algartech.com.br,fredericobs@algartecnologia.com.br</t>
  </si>
  <si>
    <t>11/29/2019 17:52:32</t>
  </si>
  <si>
    <t>11/29/2019 17:58:07</t>
  </si>
  <si>
    <t>11/29/2019 17:58:54</t>
  </si>
  <si>
    <t>ENC: Filas de Retorno - Correção Urgente - Backlog 5mil - VMC e Amex</t>
  </si>
  <si>
    <t>FILA DE RETORNO - VMC - COMUNICAR ASSOCIADO.xlsb</t>
  </si>
  <si>
    <t>11/29/2019 18:00:42</t>
  </si>
  <si>
    <t>11/29/2019 18:03:54</t>
  </si>
  <si>
    <t>anapca@algartech.com;celmars@algartech.com;janecsa@algartech.com;matheusmpm@algartech.com;vilarinho@algartech.com;</t>
  </si>
  <si>
    <t>\\acsfs\Deptos\PMO Governança\06 - GOVERNANÇA DO CAPEX\CAPEX 2020\ORÇAMENTO\OFICIAL\01 - OFICIAL\CAPEX 2020 29_11.pptx\</t>
  </si>
  <si>
    <t>anapca@algartech.com,celmars@algartech.com,janecsa@algartech.com,matheusmpm@algartech.com,vilarinho@algartech.com</t>
  </si>
  <si>
    <t>11/29/2019 18:00:44</t>
  </si>
  <si>
    <t>mail.google.com/_/upload?authuser=0&amp;dcp=asu-n&amp;upload_id=AEnB2Uq1KNokJNfwrrds8QH141c1HirdmjV2m5_akZQGnHYlMT7cTFYCtFK2v_fbjE0izNb4PmfGMOwMKdooFCdYrBPiY2VwgmY6CTNWKWCQBbk1moQySH4&amp;upload_protocol=resumable</t>
  </si>
  <si>
    <t>11/29/2019 17:59:17</t>
  </si>
  <si>
    <t>mail.google.com/_/upload?authuser=0&amp;dcp=asu-n&amp;upload_id=AEnB2UoLQPfzlxFn7EdDaM8nOdWolwt4T3XstoRBVangnvwwwGnOojIm5zK9RdMQvtPPmjTj1vTOwFndMwVY_fJVcW4uDiy9axS0D5ZGTpH8i6fek5R7Mo4&amp;upload_protocol=resumable</t>
  </si>
  <si>
    <t>\\acsfs\DEPTOS\Operacao\CAIXA\Gerencia\IRIS LOPES\2019\Dezembro\</t>
  </si>
  <si>
    <t>METAS Novas Ações Dezembro.xlsx</t>
  </si>
  <si>
    <t>11/29/2019 18:25:23</t>
  </si>
  <si>
    <t>11/29/2019 18:28:54</t>
  </si>
  <si>
    <t>/o=exchangelabs/ou=exchange administrative group (fydibohf23spdlt)/cn=recipients/cn=4fbcbdfa900b4cb195ac160568115bc2-ericson nog;camiladps@algartech.com;camiladps@algartech.com.br;ericsonns@algartech.com.br;</t>
  </si>
  <si>
    <t>ENC: Lista de Treinamento - Atendente Sr - Migração</t>
  </si>
  <si>
    <t>Atendente SR- Migração.xlsx</t>
  </si>
  <si>
    <t>/o=exchangelabs/ou=exchange administrative group (fydibohf23spdlt)/cn=recipients/cn=4fbcbdfa900b4cb195ac160568115bc2-ericson nog,camiladps@algartech.com,camiladps@algartech.com.br,ericsonns@algartech.com.br</t>
  </si>
  <si>
    <t>11/29/2019 18:30:01</t>
  </si>
  <si>
    <t>11/29/2019 18:34:53</t>
  </si>
  <si>
    <t>mail.google.com/_/upload?authuser=0&amp;dcp=asu-n&amp;upload_id=AEnB2UqV0tYzS6ypw7VQjSymQMMl6M6gxm7QcTBRR8ZRNzptZi4P51aiaTMhOF3oS5JLjN7petoS03LiRUwFsRjDe9zdXidaKw&amp;upload_protocol=resumable</t>
  </si>
  <si>
    <t>4080.celulah@bradesco.com.br;brunowp@algartech.com;jullian.faria@algartech.com;</t>
  </si>
  <si>
    <t>C:\Comercial\CONTRATOS\TEMPO SERVIÇOS S.A\SERVICE DESK\Renovação 2020 - 214369 - RFP SD DITI - Bradesco SP\3ª Rodada de Negociação - 29_11_19\</t>
  </si>
  <si>
    <t>Planilha comercial de cotação (CENÁRIO 1 RFP) - Processo 40143349H Algar Tech_v4.xlsx</t>
  </si>
  <si>
    <t>4080.celulah@bradesco.com.br,brunowp@algartech.com,jullian.faria@algartech.com</t>
  </si>
  <si>
    <t>11/29/2019 18:55:22</t>
  </si>
  <si>
    <t>11/29/2019 18:55:53</t>
  </si>
  <si>
    <t>mail.google.com/_/upload?authuser=0&amp;dcp=asu-n&amp;upload_id=AEnB2UpwcM2vjDYJpRba-8lM-LVwX9SKHN_8p2nYSureKptc9p7xUAQvj_5CUdZN72jt3lIyrB70L6SnaAJNpkcIXsBhnKAUZw&amp;upload_protocol=resumable</t>
  </si>
  <si>
    <t>luizavs@algartech.com;rodrigombu@algartech.com;viniciusgt@algartech.com;viniciussg@algartech.com;</t>
  </si>
  <si>
    <t>\\acsfs\DEPTOS\Operacao\PCP\5 - Comum\PLANEJAMENTO WHIRLPOOL\17 - PLANEJAMENTO REVISADO\ticket_526283\17 - PLANEJAMENTO REVISADO\PLANO WHIRLPOOL 2020\SS\</t>
  </si>
  <si>
    <t>luizavs@algartech.com,rodrigombu@algartech.com,viniciusgt@algartech.com,viniciussg@algartech.com</t>
  </si>
  <si>
    <t>11/29/2019 19:26:02</t>
  </si>
  <si>
    <t>11/29/2019 19:27:54</t>
  </si>
  <si>
    <t>mail.google.com/_/upload?authuser=0&amp;dcp=asu-n&amp;upload_id=AEnB2Up68sf2RD_47CYFuXF7pLFtAewjUtGK8OnuRMkJ23edYTkzUupj97qyjLL6VT4TID8KAaGvOS-n4TgvJgehB7ULtKClLQ&amp;upload_protocol=resumable</t>
  </si>
  <si>
    <t>adrianacro@algartech.com;cpc-controldeskavon@algartech.com;emanuellagr@algartech.com;senildapdo@algartech.com;viniciussg@algartech.com;</t>
  </si>
  <si>
    <t>adrianacro@algartech.com,cpc-controldeskavon@algartech.com,emanuellagr@algartech.com,senildapdo@algartech.com,viniciussg@algartech.com</t>
  </si>
  <si>
    <t>11/29/2019 19:58:08</t>
  </si>
  <si>
    <t>11/29/2019 19:59:54</t>
  </si>
  <si>
    <t>11/27/2019 17:44:26</t>
  </si>
  <si>
    <t>11/29/2019 21:39:55</t>
  </si>
  <si>
    <t>\\acsfs\dsti\CPE - ITO\05 - TCO\5.1 - Plataforma\2019\Backup\</t>
  </si>
  <si>
    <t>TCO_BACKUP_SIMPANA-11_2019-OPEX-AGENT-NEW.xlsx</t>
  </si>
  <si>
    <t>11/29/2019 21:55:39</t>
  </si>
  <si>
    <t>11/29/2019 22:00:55</t>
  </si>
  <si>
    <t>mail.google.com/_/upload?authuser=0&amp;dcp=asu-n&amp;upload_id=AEnB2UpTfyxvhOq4MOrw-4tnaQfJkTIQrDdnU1gBRVrtnBusZoz-ed8CHbuu73dC6IH2zFzG8hjM2VCHs07nGj8EDdiuJOVLCQ&amp;upload_protocol=resumable</t>
  </si>
  <si>
    <t>ericacdosc@algartech.com;jairdpof@algartech.com;janecsa@algartech.com;</t>
  </si>
  <si>
    <t>\\acsfs\DEPTOS\Controladoria\Planejamento\Reuniao Gerencial\2020\PROJETO CNPJ\OFICIAL\OFICIAL_SEM_IFRS\</t>
  </si>
  <si>
    <t>ericacdosc@algartech.com,jairdpof@algartech.com,janecsa@algartech.com</t>
  </si>
  <si>
    <t>11/29/2019 21:55:52</t>
  </si>
  <si>
    <t>mail.google.com/_/upload?authuser=0&amp;dcp=asu-n&amp;upload_id=AEnB2UoHzB8CfBakYm7P4hphgxcYk6nAaV3w2WfNzh8luQzi19oqtt_bUm92IXTZp4XeI6uM9UpkEiAYUQVwQCJGQFojRbL-sASyRXsAj9Nzl-vXH605hA4&amp;upload_protocol=resumable</t>
  </si>
  <si>
    <t>\\acsfs\DEPTOS\Controladoria\Planejamento\Reuniao Gerencial\2020\PROJETO CNPJ\OFICIAL\OFICIAL\</t>
  </si>
  <si>
    <t>DF_2020_OFICIAL_CONSOLIDADO.xlsx</t>
  </si>
  <si>
    <t>11/30/2019 09:45:46</t>
  </si>
  <si>
    <t>11/30/2019 09:48:02</t>
  </si>
  <si>
    <t>Mailing Abandonadas.xlsx</t>
  </si>
  <si>
    <t>11/30/2019 10:52:04</t>
  </si>
  <si>
    <t>11/30/2019 10:53:04</t>
  </si>
  <si>
    <t>\\acsfs\DEPTOS\Operacao\PCP\5 - Comum\LUIZ ALFREDO\00 - WHIRLPOOL\01 - TLV COMPRA CERTA\2019\11 - NOVEMBRO\</t>
  </si>
  <si>
    <t>Mailing Abandonadas BF.xlsx</t>
  </si>
  <si>
    <t>11/30/2019 15:13:35</t>
  </si>
  <si>
    <t>11/30/2019 15:15:05</t>
  </si>
  <si>
    <t>10.250.254.59</t>
  </si>
  <si>
    <t>C:\Users\vilarinho\OneDrive - Grupo Algar\Algar Tech\Controladoria\Comite de Auditoria\Comite Auditoria 2019\4ComiteOUT_04.12.19\Comitê de Auditoria_3T19_AlgarTech_Final_V1.pptx\</t>
  </si>
  <si>
    <t>11/30/2019 15:13:36</t>
  </si>
  <si>
    <t>11/30/2019 15:15:00</t>
  </si>
  <si>
    <t>11/30/2019 15:20:05</t>
  </si>
  <si>
    <t>11/30/2019 15:15:01</t>
  </si>
  <si>
    <t>11/30/2019 15:15:02</t>
  </si>
  <si>
    <t>11/30/2019 15:15:03</t>
  </si>
  <si>
    <t>11/30/2019 15:15:13</t>
  </si>
  <si>
    <t>11/30/2019 15:15:14</t>
  </si>
  <si>
    <t>11/30/2019 15:15:15</t>
  </si>
  <si>
    <t>11/30/2019 15:15:16</t>
  </si>
  <si>
    <t>11/30/2019 15:15:28</t>
  </si>
  <si>
    <t>11/30/2019 15:15:29</t>
  </si>
  <si>
    <t>11/30/2019 15:15:30</t>
  </si>
  <si>
    <t>11/30/2019 15:15:31</t>
  </si>
  <si>
    <t>11/30/2019 15:15:43</t>
  </si>
  <si>
    <t>11/30/2019 15:15:44</t>
  </si>
  <si>
    <t>11/30/2019 15:15:45</t>
  </si>
  <si>
    <t>11/30/2019 15:15:46</t>
  </si>
  <si>
    <t>11/30/2019 15:15:56</t>
  </si>
  <si>
    <t>11/30/2019 15:15:57</t>
  </si>
  <si>
    <t>11/30/2019 15:15:58</t>
  </si>
  <si>
    <t>11/30/2019 15:15:59</t>
  </si>
  <si>
    <t>11/30/2019 15:16:11</t>
  </si>
  <si>
    <t>11/30/2019 15:16:12</t>
  </si>
  <si>
    <t>11/30/2019 15:16:13</t>
  </si>
  <si>
    <t>11/30/2019 15:16:14</t>
  </si>
  <si>
    <t>11/30/2019 15:16:15</t>
  </si>
  <si>
    <t>11/30/2019 15:17:47</t>
  </si>
  <si>
    <t>11/30/2019 15:17:48</t>
  </si>
  <si>
    <t>11/30/2019 15:17:49</t>
  </si>
  <si>
    <t>11/30/2019 15:17:50</t>
  </si>
  <si>
    <t>11/30/2019 15:18:03</t>
  </si>
  <si>
    <t>11/30/2019 15:18:04</t>
  </si>
  <si>
    <t>11/30/2019 15:18:05</t>
  </si>
  <si>
    <t>11/30/2019 15:18:06</t>
  </si>
  <si>
    <t>11/30/2019 15:18:15</t>
  </si>
  <si>
    <t>11/30/2019 15:18:16</t>
  </si>
  <si>
    <t>11/30/2019 15:18:17</t>
  </si>
  <si>
    <t>11/30/2019 15:18:18</t>
  </si>
  <si>
    <t>11/30/2019 15:18:19</t>
  </si>
  <si>
    <t>11/30/2019 15:21:05</t>
  </si>
  <si>
    <t>11/30/2019 15:18:42</t>
  </si>
  <si>
    <t>11/30/2019 15:18:43</t>
  </si>
  <si>
    <t>11/30/2019 15:18:44</t>
  </si>
  <si>
    <t>11/30/2019 15:18:45</t>
  </si>
  <si>
    <t>11/30/2019 23:51:05</t>
  </si>
  <si>
    <t>C:\Users\lucianafaa\OneDrive - Grupo Algar\2019\PROJETOS\WFM\CONTROLE\STATUS REPORT\2019\DEZEMBRO\Status Projetos-02-12.pptx\</t>
  </si>
  <si>
    <t>11/30/2019 23:51:06</t>
  </si>
  <si>
    <t>11/29/2019 16:38:37</t>
  </si>
  <si>
    <t>mail.google.com/_/upload?authuser=1&amp;dcp=asu-n&amp;upload_id=AEnB2Ur8FZZDOzPspKXEYTv65jMAwaK9aLoLIZ3C8q4vKlgaBZBBnLPta8MaVwVS7bS5gb_FJEsoqIiiFHnV-Mvwue3eVqUubQ&amp;upload_protocol=resumable</t>
  </si>
  <si>
    <t>New_CONTROLE DE CLIENTES_PAGSEGURO (4) (1).xlsx</t>
  </si>
  <si>
    <t>11/29/2019 08:56:34</t>
  </si>
  <si>
    <t>11/29/2019 08:58:10</t>
  </si>
  <si>
    <t>mail.google.com/_/upload?authuser=1&amp;dcp=asu-n&amp;upload_id=AEnB2UpV7KpGA20hsSrIJxjPD8CtG85G6G0SovOUKM4FGUeQALtodBXborEih3WS6TvERZBI0xXPK2B5RfasFOq8KeFKMkbv8Q&amp;upload_protocol=resumable</t>
  </si>
  <si>
    <t>11/29/2019 14:28:24</t>
  </si>
  <si>
    <t>D:\OneDrive\AlgarTech\Pré-Vendas\Cliente\2019\SAGE\217474 - Servidores Internos\DR\</t>
  </si>
  <si>
    <t>11/29/2019 14:28:37</t>
  </si>
  <si>
    <t>DR - Servidores Hosting.xlsx</t>
  </si>
  <si>
    <t>11/29/2019 15:33:23</t>
  </si>
  <si>
    <t>D:\OneDrive\AlgarTech\Pré-Vendas\Cliente\2019\CSC Algar\185266 - Migração e Sustentação AWS\3 - Informações\DefiniçãoEC2\</t>
  </si>
  <si>
    <t>Agressivo_120345_08132019output_2019-08-13-12-04-05.xlsx</t>
  </si>
  <si>
    <t>11/29/2019 15:42:28</t>
  </si>
  <si>
    <t>D:\OneDrive\AlgarTech\Pré-Vendas\Cliente\2019\SAGE\217474 - Servidores Internos\DR\Definição_EC2\</t>
  </si>
  <si>
    <t>Calculadora AWS_v.1.3.xlsx</t>
  </si>
  <si>
    <t>11/29/2019 15:55:26</t>
  </si>
  <si>
    <t>11/29/2019 15:56:01</t>
  </si>
  <si>
    <t>Preco_217474_DR_Replicacao_V1.xlsb</t>
  </si>
  <si>
    <t>11/29/2019 16:11:37</t>
  </si>
  <si>
    <t>11/29/2019 16:11:45</t>
  </si>
  <si>
    <t>11/29/2019 16:25:31</t>
  </si>
  <si>
    <t>C:\$Recycle.Bin\S-1-5-21-602162358-764733703-839522115-344664\</t>
  </si>
  <si>
    <t>$I0YZ3RR.csv</t>
  </si>
  <si>
    <t>$I1R5Q8T.csv</t>
  </si>
  <si>
    <t>11/29/2019 16:25:33</t>
  </si>
  <si>
    <t>$I67NLMF.csv</t>
  </si>
  <si>
    <t>11/29/2019 16:25:34</t>
  </si>
  <si>
    <t>$I7J7RR8.csv</t>
  </si>
  <si>
    <t>11/29/2019 16:25:36</t>
  </si>
  <si>
    <t>$I9TIK95.csv</t>
  </si>
  <si>
    <t>$I9YTP0E.csv</t>
  </si>
  <si>
    <t>11/29/2019 16:25:37</t>
  </si>
  <si>
    <t>$IA786HZ.csv</t>
  </si>
  <si>
    <t>11/29/2019 16:25:38</t>
  </si>
  <si>
    <t>$IB4RQBZ.csv</t>
  </si>
  <si>
    <t>$ICJCZ9K.csv</t>
  </si>
  <si>
    <t>11/29/2019 16:25:39</t>
  </si>
  <si>
    <t>$IDVVL24.csv</t>
  </si>
  <si>
    <t>11/29/2019 16:25:41</t>
  </si>
  <si>
    <t>$IH1Z73J.csv</t>
  </si>
  <si>
    <t>11/29/2019 16:25:43</t>
  </si>
  <si>
    <t>$IJ7UPPU.csv</t>
  </si>
  <si>
    <t>11/29/2019 16:25:44</t>
  </si>
  <si>
    <t>$IKXV2PQ.csv</t>
  </si>
  <si>
    <t>11/29/2019 16:25:45</t>
  </si>
  <si>
    <t>$IMNYVI1.csv</t>
  </si>
  <si>
    <t>11/29/2019 16:25:46</t>
  </si>
  <si>
    <t>$IMR6DZ9.csv</t>
  </si>
  <si>
    <t>11/29/2019 16:25:48</t>
  </si>
  <si>
    <t>$IPWAYQ2.csv</t>
  </si>
  <si>
    <t>$IQUKS7Y.csv</t>
  </si>
  <si>
    <t>11/29/2019 16:25:50</t>
  </si>
  <si>
    <t>$IU6HZU2.csv</t>
  </si>
  <si>
    <t>11/29/2019 16:25:52</t>
  </si>
  <si>
    <t>$IXBJOL7.csv</t>
  </si>
  <si>
    <t>11/29/2019 16:25:53</t>
  </si>
  <si>
    <t>$IZI76MJ.csv</t>
  </si>
  <si>
    <t>11/29/2019 16:28:13</t>
  </si>
  <si>
    <t>$IX6JYJ2.csv</t>
  </si>
  <si>
    <t>11/29/2019 16:48:31</t>
  </si>
  <si>
    <t>$INQRFIY.csv</t>
  </si>
  <si>
    <t>11/29/2019 16:53:40</t>
  </si>
  <si>
    <t>$ITX0R1A.csv</t>
  </si>
  <si>
    <t>11/30/2019 07:25:34</t>
  </si>
  <si>
    <t>eliamardo@algartech.com.br;</t>
  </si>
  <si>
    <t>Cadastro de novo usuário</t>
  </si>
  <si>
    <t>Dados para qld 00.xlsx</t>
  </si>
  <si>
    <t>eliamardo@algartech.com.br</t>
  </si>
  <si>
    <t>11/30/2019 07:27:16</t>
  </si>
  <si>
    <t>/o=exchangelabs/ou=exchange administrative group (fydibohf23spdlt)/cn=recipients/cn=f927337e9e32468d91da72c6c6ec4935-eliamar de;</t>
  </si>
  <si>
    <t>/o=exchangelabs/ou=exchange administrative group (fydibohf23spdlt)/cn=recipients/cn=f927337e9e32468d91da72c6c6ec4935-eliamar de</t>
  </si>
  <si>
    <t>11/30/2019 08:47:35</t>
  </si>
  <si>
    <t>/o=exchangelabs/ou=exchange administrative group (fydibohf23spdlt)/cn=recipients/cn=f31dd7b1edc2498f8b5d2185b5dae493-jessyca rez;/o=exchangelabs/ou=exchange administrative group (fydibohf23spdlt)/cn=recipients/cn=f927337e9e32468d91da72c6c6ec4935-eliamar de;</t>
  </si>
  <si>
    <t>Monitorias lançadas na planilha incorreta</t>
  </si>
  <si>
    <t>Lançamento incorreto_ next monitorias.xls</t>
  </si>
  <si>
    <t>/o=exchangelabs/ou=exchange administrative group (fydibohf23spdlt)/cn=recipients/cn=f31dd7b1edc2498f8b5d2185b5dae493-jessyca rez,/o=exchangelabs/ou=exchange administrative group (fydibohf23spdlt)/cn=recipients/cn=f927337e9e32468d91da72c6c6ec4935-eliamar de</t>
  </si>
  <si>
    <t>11/29/2019 20:37:47</t>
  </si>
  <si>
    <t>Farol NR-17 - 36ª Parcial 2019.xlsb</t>
  </si>
  <si>
    <t>11/30/2019 00:44:26</t>
  </si>
  <si>
    <t>mail.google.com/_/upload?authuser=1&amp;dcp=asu-n&amp;upload_id=AEnB2UrKEOxrGkUxSFZOJW_DxKTAJ8FCaAmBJDyGwQQofhhdrg6zoAwZ_xqhRf4dZPKjPjJwTuhUNgSL-hg1P89zZTDPmuUYXQ&amp;upload_protocol=resumable</t>
  </si>
  <si>
    <t>\\acsfs\deptos\Controladoria\25.Gestão de Riscos\1. Apresentações\01. CAGR\2019\Out19\Comitê de Auditoria_3T19_AlgarTech.pptx\</t>
  </si>
  <si>
    <t>11/30/2019 00:44:27</t>
  </si>
  <si>
    <t>11/29/2019 11:51:23</t>
  </si>
  <si>
    <t>Cópia de FORMULÁRIO CADASTRO DE FORNECEDOR ALGAR FRANCISCO.xlsx</t>
  </si>
  <si>
    <t>10.200.57.198</t>
  </si>
  <si>
    <t>54-BF-64-F5-84-62</t>
  </si>
  <si>
    <t>NB-RONDINELESA</t>
  </si>
  <si>
    <t>rondinelesa</t>
  </si>
  <si>
    <t>Modelo Pareto.xls</t>
  </si>
  <si>
    <t>Modelo Ishikawa avançado.xls</t>
  </si>
  <si>
    <t>anapscl@algartech.com;micheless@algartech.com;thaisaol@algartech.com.br;</t>
  </si>
  <si>
    <t>anapscl@algartech.com,micheless@algartech.com,thaisaol@algartech.com.br</t>
  </si>
  <si>
    <t>10.200.60.173</t>
  </si>
  <si>
    <t>FC-01-7C-B3-BA-4D</t>
  </si>
  <si>
    <t>11/28/2019 11:38:06</t>
  </si>
  <si>
    <t>11/28/2019 17:42:24</t>
  </si>
  <si>
    <t>11/28/2019 17:48:15</t>
  </si>
  <si>
    <t>11/28/2019 18:00:46</t>
  </si>
  <si>
    <t>11/28/2019 18:37:27</t>
  </si>
  <si>
    <t>11/29/2019 15:19:29</t>
  </si>
  <si>
    <t>11/30/2019 07:36:31</t>
  </si>
  <si>
    <t>mail.google.com/_/upload?authuser=0&amp;dcp=asu-n&amp;upload_id=AEnB2Uo6278B18c_vJ5qdwX735CKwvmiAICyQni5Dsg1OEBPYH13CJdmZ7sOddUFaYevFiaIt_kan5ep261VPacWV4BPOHi2Dw&amp;upload_protocol=resumable</t>
  </si>
  <si>
    <t>Reconhecimento Gente Servindo Gente_V3_Eunice.xlsx</t>
  </si>
  <si>
    <t>10.200.32.33</t>
  </si>
  <si>
    <t>C:\Users\marciols\Downloads\</t>
  </si>
  <si>
    <t>10.200.67.60</t>
  </si>
  <si>
    <t>11/19/2019 14:39:00</t>
  </si>
  <si>
    <t>10.200.57.153</t>
  </si>
  <si>
    <t>mail.google.com/_/upload?authuser=0&amp;dcp=asu-n&amp;upload_id=AEnB2UpgVT8VJl6uElByXKfQv3OkGm25w2evmHtUmd-UDq37JLcRGc0nwSYVYw6xwcBZ6FFjU5QcNcutfNF7MqXpVkA2AtL9PA&amp;upload_protocol=resumable</t>
  </si>
  <si>
    <t>BP - Automação da Monitoria de Qualidade_v2.xlsx</t>
  </si>
  <si>
    <t>Planejamento SAC IN-OUT-OUV - QUEBRADO.xlsx</t>
  </si>
  <si>
    <t>10.200.61.36</t>
  </si>
  <si>
    <t>C:\Users\ericacdosc\Desktop\</t>
  </si>
  <si>
    <t>11/29/2019 19:51:57</t>
  </si>
  <si>
    <t>Provisões.xls</t>
  </si>
  <si>
    <t>11/29/2019 19:52:41</t>
  </si>
  <si>
    <t>Transf 112019 02.xls</t>
  </si>
  <si>
    <t>11/30/2019 10:07:41</t>
  </si>
  <si>
    <t>11/30/2019 10:14:23</t>
  </si>
  <si>
    <t>11/30/2019 10:17:05</t>
  </si>
  <si>
    <t>C:\Users\rondinelesa\Desktop\</t>
  </si>
  <si>
    <t>Reclame Aqui- Atualizado</t>
  </si>
  <si>
    <t>BASE RA OFICIAL 1.xlsb</t>
  </si>
  <si>
    <t>Distribuição - 1ª Semana.xls</t>
  </si>
  <si>
    <t>10.200.61.4</t>
  </si>
  <si>
    <t>C:\Users\lucianabo\Desktop\2019\11 - Novembro\FECHAMENTO CONTÁBIL\RELATÓRIOS\</t>
  </si>
  <si>
    <t>C:\Users\eunice.pimenta\Downloads\</t>
  </si>
  <si>
    <t>Departamental Whirlpool - Nov.19.xlsb</t>
  </si>
  <si>
    <t>Relatório RA - Bradescard</t>
  </si>
  <si>
    <t>BASE RA - Bradescard1.xlsb</t>
  </si>
  <si>
    <t>C:\Users\douglassp\Downloads\</t>
  </si>
  <si>
    <t>RES: NS</t>
  </si>
  <si>
    <t>10.200.61.101</t>
  </si>
  <si>
    <t>68-A3-C4-61-60-57</t>
  </si>
  <si>
    <t>mail.google.com/_/upload?authuser=0&amp;dcp=asu-52</t>
  </si>
  <si>
    <t>Produto Hibrido VISA.xlsx</t>
  </si>
  <si>
    <t>C:\Users\viniciussg\Downloads\</t>
  </si>
  <si>
    <t>10.200.67.179</t>
  </si>
  <si>
    <t>C:\Users\gabrieljst\Desktop\</t>
  </si>
  <si>
    <t>helieldfs@algartech.com</t>
  </si>
  <si>
    <t>C:\Users\helieldfs\Desktop\</t>
  </si>
  <si>
    <t>caique.silva@cscalgar.com.br;janecsa@algartech.com;sueleide.silva@cscalgar.com.br;</t>
  </si>
  <si>
    <t>caique.silva@cscalgar.com.br,janecsa@algartech.com,sueleide.silva@cscalgar.com.br</t>
  </si>
  <si>
    <t>Lista de presença NR17.xlsx</t>
  </si>
  <si>
    <t>11/18/2019 12:27:55</t>
  </si>
  <si>
    <t>rosanapccb@hotmail.com;</t>
  </si>
  <si>
    <t>ENC: Faturamento Pendente INFRA TI Novembro.</t>
  </si>
  <si>
    <t>rosanapccb@hotmail.com</t>
  </si>
  <si>
    <t>\\acsfs\Engeset\FINANCEIRO_ULA\CONTROLA\Viviane_Ecitania\Desktop\</t>
  </si>
  <si>
    <t>Prestacao_De_Contas_Residencial_Luiza_112019.xls</t>
  </si>
  <si>
    <t>C:\Users\alinerg\Downloads\</t>
  </si>
  <si>
    <t>\\acsfs\DEPTOS\DME\CME - Coordenacao de Marketing e Estrategia\Gestão de Vendas\Metas\2020\</t>
  </si>
  <si>
    <t>taysdss@algartech.com;</t>
  </si>
  <si>
    <t>taysdss@algartech.com</t>
  </si>
  <si>
    <t>11/29/2019 17:00:08</t>
  </si>
  <si>
    <t>FORMULARIO_DE_CADASTRO_DE_FORNECEDOR_PROJETA 1.xlsx</t>
  </si>
  <si>
    <t>11/30/2019 16:33:28</t>
  </si>
  <si>
    <t>antes x depois.xlsx</t>
  </si>
  <si>
    <t>C:\Users\luanasdsa\Desktop\</t>
  </si>
  <si>
    <t>Planejador de projetos EAVM.xlsx</t>
  </si>
  <si>
    <t>C:\Users\vanessasara\Downloads\</t>
  </si>
  <si>
    <t>10.208.12.73</t>
  </si>
  <si>
    <t>FC-01-7C-B3-58-A3</t>
  </si>
  <si>
    <t>NB-DIEGOALS1</t>
  </si>
  <si>
    <t>diegoals</t>
  </si>
  <si>
    <t>C:\Users\diegoals.ACS\Downloads\</t>
  </si>
  <si>
    <t>angicleiamen@algartech.com;caiocsc@algartech.com;felipeaferr@algartech.com;</t>
  </si>
  <si>
    <t>angicleiamen@algartech.com,caiocsc@algartech.com,felipeaferr@algartech.com</t>
  </si>
  <si>
    <t>edilson@algartech.com</t>
  </si>
  <si>
    <t>C:\Users\edilsonrb\Downloads\</t>
  </si>
  <si>
    <t>C:\Users\joseasn\Desktop\</t>
  </si>
  <si>
    <t>C:\Users\luanaaoli\Desktop\INICIATIVAS\1. Consumidor\</t>
  </si>
  <si>
    <t>diegoals@algartech.com</t>
  </si>
  <si>
    <t>Anexo F - LPU Ticket Percall Field.xls</t>
  </si>
  <si>
    <t>10.200.67.22</t>
  </si>
  <si>
    <t>10.200.58.45</t>
  </si>
  <si>
    <t>10.200.60.182</t>
  </si>
  <si>
    <t>C:\Users\rodrigombu\Downloads\</t>
  </si>
  <si>
    <t>Daily Unificado Correntista_201912.xlsx</t>
  </si>
  <si>
    <t>C:\Users\elainemdlp\OD\_Projetos\Em andamento\Relacionamento Cartoes BV\03 - Execucao\MIS\</t>
  </si>
  <si>
    <t>C:\Users\andrelpsa\Desktop\Bloqueio Consciente\</t>
  </si>
  <si>
    <t>C:\Users\simoneesm\OneDrive - Grupo Algar\Controle\ALGAR\TH\Departamental\2019\11 - novembro\</t>
  </si>
  <si>
    <t>Relatório de Custos_112019_BSB.xlsx</t>
  </si>
  <si>
    <t>Análise - Vanessa.xlsb</t>
  </si>
  <si>
    <t>C:\Users\polati\Downloads\</t>
  </si>
  <si>
    <t>Book Indicadores_BV.xlsx</t>
  </si>
  <si>
    <t>nubiafrsp@algartech.com</t>
  </si>
  <si>
    <t>C:\Users\nubiafrsp\Desktop\</t>
  </si>
  <si>
    <t>C:\Users\filemoncmj\OneDrive - Grupo Algar\01. Algar Tech\01. Projetos de Clientes\47. Prudential\12. Mapeamento de Processos\GIAT\</t>
  </si>
  <si>
    <t>Relaçao_Servidores_BD_Algar_Detalhado.xlsx</t>
  </si>
  <si>
    <t>old_ALPHAVILLE - SCOM - DEVICES_V6.1_Tecnologias (004).xlsx</t>
  </si>
  <si>
    <t>\\udpavonfs01\AVON\06. PCP\JOSÉ AFONSO DA SILVA NETO\DESKTOP\NOTEBOOK\Volumetria\</t>
  </si>
  <si>
    <t>\\acsfs\Deptos\Operacao\Unica\1. Gestão da Área\1.1 Administrativo\1.1.3 Reports\Daily Report\Dezembro\</t>
  </si>
  <si>
    <t>Daily Report - Dezembro - 2019 v3-1.xlsx</t>
  </si>
  <si>
    <t>Report Comercial Unica - Dezembro (008).xlsx</t>
  </si>
  <si>
    <t>Microgestão Whirlpool.xlsx</t>
  </si>
  <si>
    <t>triagemrescisao@cscalgar.com.br;</t>
  </si>
  <si>
    <t>C:\Users\patriciaars\Desktop\Check List BP\</t>
  </si>
  <si>
    <t>triagemrescisao@cscalgar.com.br</t>
  </si>
  <si>
    <t>C:\Users\diegobg\OneDrive - Grupo Algar\01 - Toyota\1 - Diego Bardauil\1.1 - Implantação\Recall\</t>
  </si>
  <si>
    <t>Classificação de Itens.xlsx</t>
  </si>
  <si>
    <t>MASCARA__ESPECIALISTAS_SET-NOV_BO.xlsx</t>
  </si>
  <si>
    <t>Plan x Real - Black Friday.xlsx</t>
  </si>
  <si>
    <t>Consolidado Não Faturado Novembro - Operações.xlsx</t>
  </si>
  <si>
    <t>10.16.72.51</t>
  </si>
  <si>
    <t>robertaib@algartech.com;</t>
  </si>
  <si>
    <t>robertaib@algartech.com</t>
  </si>
  <si>
    <t>C:\Users\alinerg\Documents\Projetos\Algar Telecom\</t>
  </si>
  <si>
    <t>priscila.pedreira@avon.com;rosana.scalabrin@avon.com;samanta.buaes@avon.com;senildapdo@algartech.com;suporteadministrativo@avon.com;vivian.furtuoso@avon.com;</t>
  </si>
  <si>
    <t>\\acsfs\deptos\Operacao\PCP\5 - Comum\ACOMPANHAMENTO AVON\15. RELATORIO MENSAL\2019\</t>
  </si>
  <si>
    <t>11.Relatório Mensal Novembro19.xlsx</t>
  </si>
  <si>
    <t>priscila.pedreira@avon.com,rosana.scalabrin@avon.com,samanta.buaes@avon.com,senildapdo@algartech.com,suporteadministrativo@avon.com,vivian.furtuoso@avon.com</t>
  </si>
  <si>
    <t>C:\Users\rodrigombu\OneDrive - Grupo Algar\Whirlpool\2019\11 - Novembro\Arquivo\N3\</t>
  </si>
  <si>
    <t>Acompanhamento - Segurança do Produto - 201911 - Fechamento.xlsx</t>
  </si>
  <si>
    <t>adrianoms@algartech.com;anapscl@algartech.com;andressacpd@algartech.com;elton.costa@quilleconsultoria.com.br;fabio.ribeiro@algarnet.onmicrosoft.com;fabiolacc@algartecnologia.com.br;fredericobs@algartecnologia.com.br;julianatem@algartech.com;juliogp@algartech.com.br;katiargf@algartech.com;luanaaoli@algartech.com;marcela.cunha@temposervicos.com.br;micheless@algartech.com;polati@algartech.com;rafaelaas@algartech.com;</t>
  </si>
  <si>
    <t>Painel Bacen Procedente</t>
  </si>
  <si>
    <t>adrianoms@algartech.com,anapscl@algartech.com,andressacpd@algartech.com,elton.costa@quilleconsultoria.com.br,fabio.ribeiro@algarnet.onmicrosoft.com,fabiolacc@algartecnologia.com.br,fredericobs@algartecnologia.com.br,julianatem@algartech.com,juliogp@algartech.com.br,katiargf@algartech.com,luanaaoli@algartech.com,marcela.cunha@temposervicos.com.br,micheless@algartech.com,polati@algartech.com,rafaelaas@algartech.com</t>
  </si>
  <si>
    <t>ana.palazzo@bradesco.com.br;anapscl@algartech.com;andressacpd@algartech.com;ariana.ribeiro@bradesco.com.br;filipe.s.carvalho@bradesco.com.br;helen.alves@bradesco.com.br;juliana.rocha@temposervicos.com.br;kenia.oliveira@bradesco.com.br;patriciabezerra.silva@bradesco.com.br;rafael.a.silva@bradesco.com.br;reginaldo.cardozo@bradesco.com.br;renata.gouveia@temposervicos.com.br;rodrigo.cunha@temposervicos.com.br;solange.contriciani@bradesco.com.br;thais.nunes@temposervicos.com.br;</t>
  </si>
  <si>
    <t>Bacen Procedente - Governança</t>
  </si>
  <si>
    <t>ana.palazzo@bradesco.com.br,anapscl@algartech.com,andressacpd@algartech.com,ariana.ribeiro@bradesco.com.br,filipe.s.carvalho@bradesco.com.br,helen.alves@bradesco.com.br,juliana.rocha@temposervicos.com.br,kenia.oliveira@bradesco.com.br,patriciabezerra.silva@bradesco.com.br,rafael.a.silva@bradesco.com.br,reginaldo.cardozo@bradesco.com.br,renata.gouveia@temposervicos.com.br,rodrigo.cunha@temposervicos.com.br,solange.contriciani@bradesco.com.br,thais.nunes@temposervicos.com.br</t>
  </si>
  <si>
    <t>adrianoms@algartech.com;anapscl@algartech.com;andressacpd@algartech.com;elton.costa@quilleconsultoria.com.br;fabio.ribeiro@algarnet.onmicrosoft.com;fabiolacc@algartecnologia.com.br;fredericobs@algartecnologia.com.br;julianatem@algartech.com;katiargf@algartech.com;luanaaoli@algartech.com;lucieneili@algartech.com;micheless@algartech.com;polati@algartech.com;rafaelaas@algartech.com;</t>
  </si>
  <si>
    <t>adrianoms@algartech.com,anapscl@algartech.com,andressacpd@algartech.com,elton.costa@quilleconsultoria.com.br,fabio.ribeiro@algarnet.onmicrosoft.com,fabiolacc@algartecnologia.com.br,fredericobs@algartecnologia.com.br,julianatem@algartech.com,katiargf@algartech.com,luanaaoli@algartech.com,lucieneili@algartech.com,micheless@algartech.com,polati@algartech.com,rafaelaas@algartech.com</t>
  </si>
  <si>
    <t>claudiofm@algartech.com.br;</t>
  </si>
  <si>
    <t>Dezembro _ UNE.xlsm</t>
  </si>
  <si>
    <t>claudiofm@algartech.com.br</t>
  </si>
  <si>
    <t>micheless@algartech.com.br;</t>
  </si>
  <si>
    <t>micheless@algartech.com.br</t>
  </si>
  <si>
    <t>C:\Users\Flavia\Documents\1608\Solicitação férias irregulares\</t>
  </si>
  <si>
    <t>10.200.32.95</t>
  </si>
  <si>
    <t>C:\Users\marcospr\Desktop\</t>
  </si>
  <si>
    <t>C:\Users\brunocs\Downloads\</t>
  </si>
  <si>
    <t>C:\Users\lucianabo\Desktop\2019\12 - Dezembro\</t>
  </si>
  <si>
    <t>rudneylc@algartech.com</t>
  </si>
  <si>
    <t>OfficeScan agent listing.csv</t>
  </si>
  <si>
    <t>C:\Users\rodrigodcp\AppData\Local\Temp\</t>
  </si>
  <si>
    <t>10.200.60.63</t>
  </si>
  <si>
    <t>10.200.60.240</t>
  </si>
  <si>
    <t>arthurjs@algartech.com;carlosadcj@algartech.com;cfonseca@tripag.com.br;claudia@tripag.com.br;cynthiaf@tripag.com.br;dbrandao@tripag.com.br;fdsantos@tripag.com.br;ganunes@tripag.com.br;leonardoao@algartech.com;lucasfs@tribanco.com.br;lucianarba@algartech.com;lucianarba@algartecnologia.com.br;oscilang@tripag.com.br;pauloslj@algartech.com;qualidade_cartaotricard@tribanco.com.br;robertaib@algartech.com;samias@tribanco.com.br;tarcisio.morais@4mm.com.br;taysdss@algartech.com;</t>
  </si>
  <si>
    <t>arthurjs@algartech.com,carlosadcj@algartech.com,cfonseca@tripag.com.br,claudia@tripag.com.br,cynthiaf@tripag.com.br,dbrandao@tripag.com.br,fdsantos@tripag.com.br,ganunes@tripag.com.br,leonardoao@algartech.com,lucasfs@tribanco.com.br,lucianarba@algartech.com,lucianarba@algartecnologia.com.br,oscilang@tripag.com.br,pauloslj@algartech.com,qualidade_cartaotricard@tribanco.com.br,robertaib@algartech.com,samias@tribanco.com.br,tarcisio.morais@4mm.com.br,taysdss@algartech.com</t>
  </si>
  <si>
    <t>11/30/2019 13:25:25</t>
  </si>
  <si>
    <t>10.200.60.64</t>
  </si>
  <si>
    <t>C:\IT\Formatura 2019\</t>
  </si>
  <si>
    <t>Lista de Alunos - Formatura 2019.xlsx</t>
  </si>
  <si>
    <t>D:\Nova pasta (2)\Formatura 2019\Lista de Alunos - Formatura 2019.xlsx</t>
  </si>
  <si>
    <t>Lista de Alunos - Formatura 2019_Luiz.xlsx</t>
  </si>
  <si>
    <t>D:\Nova pasta (2)\Formatura 2019\Lista de Alunos - Formatura 2019_Luiz.xlsx</t>
  </si>
  <si>
    <t>\\ACSFS\Engeset\FINANCEIRO_ULA\CONTROLA\SG\00 - Aplicações\02- Não Faturado\112019\</t>
  </si>
  <si>
    <t>Prudential - UDI.xlsx</t>
  </si>
  <si>
    <t>Prudential - UDI (Complementada).xlsx</t>
  </si>
  <si>
    <t>Filas e Grupos Solucionadores.xlsx</t>
  </si>
  <si>
    <t>Melhorias BOT - Ana.xlsx</t>
  </si>
  <si>
    <t>fernandorsju@algartech.com;</t>
  </si>
  <si>
    <t>fernandorsju@algartech.com</t>
  </si>
  <si>
    <t>/o=exchangelabs/ou=exchange administrative group (fydibohf23spdlt)/cn=recipients/cn=8b5b63d67af648d081a40c45cc800804-fabiana per;marciellasn@algartech.com.br;vanusaos@algartech.com.br;</t>
  </si>
  <si>
    <t>/o=exchangelabs/ou=exchange administrative group (fydibohf23spdlt)/cn=recipients/cn=8b5b63d67af648d081a40c45cc800804-fabiana per,marciellasn@algartech.com.br,vanusaos@algartech.com.br</t>
  </si>
  <si>
    <t>rosanapccb@algartech.com</t>
  </si>
  <si>
    <t>eunice.pimenta@algartech.com;fabianacscg@algartech.com;marianagso@algartech.com;</t>
  </si>
  <si>
    <t>eunice.pimenta@algartech.com,fabianacscg@algartech.com,marianagso@algartech.com</t>
  </si>
  <si>
    <t>\\acsfs\dsti\CMV - Coordenação de Mkt e Vendas\Comercial\Relatórios_Reunião Comercial\2019\Raul - Latam\</t>
  </si>
  <si>
    <t>\\acsfs\DEPTOS\Controladoria\Planejamento\Reuniões Mensais\2019\Acompanhamento DAF\</t>
  </si>
  <si>
    <t>10.200.57.221</t>
  </si>
  <si>
    <t>C:\Users\alefl\OneDrive - Grupo Algar\Analise de Risco\</t>
  </si>
  <si>
    <t>Alef @ Grupo Algar.url</t>
  </si>
  <si>
    <t>Alyne Cecilia da Costa.xlsx</t>
  </si>
  <si>
    <t>10.200.32.214</t>
  </si>
  <si>
    <t>D0-94-66-DB-2D-F7</t>
  </si>
  <si>
    <t>SEDE-D12O</t>
  </si>
  <si>
    <t>walissonrs</t>
  </si>
  <si>
    <t>walissonrs@algartech.com</t>
  </si>
  <si>
    <t>C:\Users\walissonrs\Desktop\Controle de demandas\Atividades\SSD\</t>
  </si>
  <si>
    <t>IMP.xls</t>
  </si>
  <si>
    <t>C:\Users\pablocb\Downloads\</t>
  </si>
  <si>
    <t>pauliniaacs@algartech.com.br;</t>
  </si>
  <si>
    <t>pauliniaacs@algartech.com.br</t>
  </si>
  <si>
    <t>/o=exchangelabs/ou=exchange administrative group (fydibohf23spdlt)/cn=recipients/cn=04e3841f08484fc58ec6c1e78af9be57-andrey bucc;/o=exchangelabs/ou=exchange administrative group (fydibohf23spdlt)/cn=recipients/cn=092327d7955f47e78ad4a60dc2ac8d69-joaquim eli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1698f5af44b14116ad2d0b751d584c7d-danilo rafa;/o=exchangelabs/ou=exchange administrative group (fydibohf23spdlt)/cn=recipients/cn=1d548783c10f4c62bcdf5de7a0f55a3e-lucas marqu;/o=exchangelabs/ou=exchange administrative group (fydibohf23spdlt)/cn=recipients/cn=2144abc9537143519f505fcb8550b74c-juliana emi;/o=exchangelabs/ou=exchange administrative group (fydibohf23spdlt)/cn=recipients/cn=240fafdb21074ab9a87c95d3265e411c-rodr</t>
  </si>
  <si>
    <t>/o=exchangelabs/ou=exchange administrative group (fydibohf23spdlt)/cn=recipients/cn=04e3841f08484fc58ec6c1e78af9be57-andrey bucc,/o=exchangelabs/ou=exchange administrative group (fydibohf23spdlt)/cn=recipients/cn=092327d7955f47e78ad4a60dc2ac8d69-joaquim eli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1698f5af44b14116ad2d0b751d584c7d-danilo rafa,/o=exchangelabs/ou=exchange administrative group (fydibohf23spdlt)/cn=recipients/cn=1d548783c10f4c62bcdf5de7a0f55a3e-lucas marqu,/o=exchangelabs/ou=exchange administrative group (fydibohf23spdlt)/cn=recipients/cn=2144abc9537143519f505fcb8550b74c-juliana emi,/o=exchangelabs/ou=exchange administrative group (fydibohf23spdlt)/cn=recipients/cn=240fafdb21074ab9a87c95d3265e411c-rodr</t>
  </si>
  <si>
    <t>Dezembro_ UCB e VALE.xlsm</t>
  </si>
  <si>
    <t>C:\Users\lauanecca\Desktop\BD Caixa\</t>
  </si>
  <si>
    <t>C:\Users\lauanecca\Downloads\</t>
  </si>
  <si>
    <t>FORECAST 11-2019 GRC ROBERTA.xlsx</t>
  </si>
  <si>
    <t>\\acsfs\deptos\Operacao\PCP\5 - Comum\JOSÉ AFONSO NETO\JOB\2019\</t>
  </si>
  <si>
    <t>\\acsfs\DEPTOS\Operacao\PCP\5 - Comum\LUIZ ALFREDO\00 - WHIRLPOOL\02 - COMPRA CERTA\2019\12 - DEZEMBRO\</t>
  </si>
  <si>
    <t>juliogp@algartech.com.br;</t>
  </si>
  <si>
    <t>juliogp@algartech.com.br</t>
  </si>
  <si>
    <t>10.250.254.99</t>
  </si>
  <si>
    <t>\\acsfs\deptos\CAS - Coordenação de Arquitetura de Soluções\Projetos\2019\NetFlix\207414 - NETFLIX - SAC\Preço\</t>
  </si>
  <si>
    <t>\\acsfs\ACS\Suporte à Operações\02 - Faturamento\2019\12 - Dezembro\BRADESCO\Termos de aceite\</t>
  </si>
  <si>
    <t>matheusmpm@algartech.com</t>
  </si>
  <si>
    <t>\\acsfs\DEPTOS\Controladoria\Planejamento\Reuniao Gerencial\2019\4ª Reuger\REUGER\</t>
  </si>
  <si>
    <t>4ª Reuger 2019 - IFRS16_Holding.xlsx</t>
  </si>
  <si>
    <t>Custos.xlsx</t>
  </si>
  <si>
    <t>Metas Incrementais 2020 Latam 06-12.xlsx</t>
  </si>
  <si>
    <t>10.200.66.162</t>
  </si>
  <si>
    <t>64-1C-67-9D-1E-2F</t>
  </si>
  <si>
    <t>VOTORANT-LB040</t>
  </si>
  <si>
    <t>alexandrapp</t>
  </si>
  <si>
    <t>\\acsfs\profiles$\alexandrapp\Downloads\</t>
  </si>
  <si>
    <t>DLP_BV</t>
  </si>
  <si>
    <t>CPF BRASIL</t>
  </si>
  <si>
    <t>SMB</t>
  </si>
  <si>
    <t>10.200.66.168</t>
  </si>
  <si>
    <t>64-1C-67-9C-84-A3</t>
  </si>
  <si>
    <t>VOTORANT-JB015</t>
  </si>
  <si>
    <t>BANCO VOTORANTIM</t>
  </si>
  <si>
    <t>10.200.66.24</t>
  </si>
  <si>
    <t>64-1C-67-9D-1E-C3</t>
  </si>
  <si>
    <t>VOTORANT-JB019</t>
  </si>
  <si>
    <t>izabellaco</t>
  </si>
  <si>
    <t>10.200.66.180</t>
  </si>
  <si>
    <t>D0-67-E5-FF-14-4B</t>
  </si>
  <si>
    <t>VOTORANT-ACB004</t>
  </si>
  <si>
    <t>10.200.66.140</t>
  </si>
  <si>
    <t>74-86-7A-FB-16-EA</t>
  </si>
  <si>
    <t>VOTORANT-YB011</t>
  </si>
  <si>
    <t>DanielTA</t>
  </si>
  <si>
    <t>10.200.67.150</t>
  </si>
  <si>
    <t>74-86-7A-FC-CE-99</t>
  </si>
  <si>
    <t>VOTORANT-PB008</t>
  </si>
  <si>
    <t>sarahbal</t>
  </si>
  <si>
    <t>\\acsfs\profiles$\sarahbal\Downloads\</t>
  </si>
  <si>
    <t>10.200.66.129</t>
  </si>
  <si>
    <t>74-86-7A-FB-16-FB</t>
  </si>
  <si>
    <t>VOTORANT-IB019</t>
  </si>
  <si>
    <t>matheushds</t>
  </si>
  <si>
    <t>10.200.67.66</t>
  </si>
  <si>
    <t>74-86-7A-FB-17-24</t>
  </si>
  <si>
    <t>VOTORANT-IB010</t>
  </si>
  <si>
    <t>leydianeamd</t>
  </si>
  <si>
    <t>Brazil: CPF - Cadastro de Pessoas Físicas (Natural Persons Register)</t>
  </si>
  <si>
    <t>10.200.66.22</t>
  </si>
  <si>
    <t>74-86-7A-FB-17-B1</t>
  </si>
  <si>
    <t>VOTORANT-YB005</t>
  </si>
  <si>
    <t>vitoriaams</t>
  </si>
  <si>
    <t>10.200.67.154</t>
  </si>
  <si>
    <t>78-2B-CB-C1-07-1B</t>
  </si>
  <si>
    <t>VOTORANT-RB009</t>
  </si>
  <si>
    <t>deborahsi</t>
  </si>
  <si>
    <t>\\acsfs\profiles$\deborahsi\Downloads\</t>
  </si>
  <si>
    <t>10.200.67.38</t>
  </si>
  <si>
    <t>74-86-7A-FB-1B-51</t>
  </si>
  <si>
    <t>VOTORANT-PB010</t>
  </si>
  <si>
    <t>joaopnbg</t>
  </si>
  <si>
    <t>10.200.66.141</t>
  </si>
  <si>
    <t>D0-67-E5-FF-1A-BC</t>
  </si>
  <si>
    <t>paulacris</t>
  </si>
  <si>
    <t>https://outlook.office365.com/mapi/emsmdb/?mailboxid=62fbec23-6abc-4188-9ff8-31c473fb057b@algartech.com</t>
  </si>
  <si>
    <t>body</t>
  </si>
  <si>
    <t>BRADESCO LEGADO CIELO</t>
  </si>
  <si>
    <t>10.200.66.212</t>
  </si>
  <si>
    <t>D0-94-66-B5-70-B8</t>
  </si>
  <si>
    <t>VOTORANT-ABB018</t>
  </si>
  <si>
    <t>fabianafv</t>
  </si>
  <si>
    <t>\\acsfs\profiles$\fabianafv\Downloads\</t>
  </si>
  <si>
    <t>10.200.67.167</t>
  </si>
  <si>
    <t>74-86-7A-FB-17-AC</t>
  </si>
  <si>
    <t>VOTORANT-PB009</t>
  </si>
  <si>
    <t>geovannasm</t>
  </si>
  <si>
    <t>\\acsfs\profiles$\geovannasm\Downloads\</t>
  </si>
  <si>
    <t>10.200.32.172</t>
  </si>
  <si>
    <t>MIS Ilha Especialistas - Visão Supervisão</t>
  </si>
  <si>
    <t>MIS ILHA ESPECIALISTA - Atualização.xlsm</t>
  </si>
  <si>
    <t>MIS Ilha Especialistas</t>
  </si>
  <si>
    <t>10.200.66.59</t>
  </si>
  <si>
    <t>74-86-7A-FB-17-BA</t>
  </si>
  <si>
    <t>VOTORANT-YB003</t>
  </si>
  <si>
    <t>josejds</t>
  </si>
  <si>
    <t>10.200.67.176</t>
  </si>
  <si>
    <t>78-2B-CB-C1-05-43</t>
  </si>
  <si>
    <t>VOTORANT-RB010</t>
  </si>
  <si>
    <t>leticiala</t>
  </si>
  <si>
    <t>\\acsfs\profiles$\leticiala\Downloads\</t>
  </si>
  <si>
    <t>D:\OneDrive\AlgarTech\Pré-Vendas\Cliente\2019\Marista\199252 - NOC + WIT\1. Precificação\</t>
  </si>
  <si>
    <t>78-2B-CB-C1-07-45</t>
  </si>
  <si>
    <t>VOTORANT-PB007</t>
  </si>
  <si>
    <t>10.200.67.79</t>
  </si>
  <si>
    <t>78-2B-CB-C1-07-6B</t>
  </si>
  <si>
    <t>VOTORANT-JB009</t>
  </si>
  <si>
    <t>marcelacdss</t>
  </si>
  <si>
    <t>C:\Users\paulacris\Downloads\</t>
  </si>
  <si>
    <t>claudia.siqueira@temposervicos.com.br;coordenadorespf@algartech.com;demetrio.joaquim@bradesco.com.br;fabiolacc@algartecnologia.com.br;fernanda.sperandio@bradesco.com.br;fernanda.sperandio@fisglobal.com;fredericobs@algartecnologia.com.br;jacqueline.mariano@temposervicos.com.br;juliana.azevedo@fisglobal.com.;michelecdc@algartech.com;micheless@algartech.com;rodrigo.cunha@temposervicos.com.br;viviane.virgilio@temposervicos.com.br;</t>
  </si>
  <si>
    <t>Mis Pesquisa de Satisfação - URA - FECHAMENTO NOVEMBRO</t>
  </si>
  <si>
    <t>claudia.siqueira@temposervicos.com.br,coordenadorespf@algartech.com,demetrio.joaquim@bradesco.com.br,fabiolacc@algartecnologia.com.br,fernanda.sperandio@bradesco.com.br,fernanda.sperandio@fisglobal.com,fredericobs@algartecnologia.com.br,jacqueline.mariano@temposervicos.com.br,juliana.azevedo@fisglobal.com.,michelecdc@algartech.com,micheless@algartech.com,rodrigo.cunha@temposervicos.com.br,viviane.virgilio@temposervicos.com.br</t>
  </si>
  <si>
    <t>C:\Users\adrielefc\Downloads\</t>
  </si>
  <si>
    <t>BP - NESPRESSO_2 (1).xlsx</t>
  </si>
  <si>
    <t>\\acsfs\profiles$\sarahbal\My Documents\</t>
  </si>
  <si>
    <t>Rascunho.txt</t>
  </si>
  <si>
    <t>\\acsfs\profiles$\sarahbal\My Documents\Rascunho.txt</t>
  </si>
  <si>
    <t>10.200.67.180</t>
  </si>
  <si>
    <t>74-86-7A-FC-CF-5C</t>
  </si>
  <si>
    <t>VOTORANT-RB008</t>
  </si>
  <si>
    <t>leonardobb</t>
  </si>
  <si>
    <t>C:\Users\marcotb\Downloads\</t>
  </si>
  <si>
    <t>paulohaf</t>
  </si>
  <si>
    <t>\\acsfs\profiles$\paulohaf\Downloads\</t>
  </si>
  <si>
    <t>\\acsfs\profiles$\geovannasm\My Documents\</t>
  </si>
  <si>
    <t>\\acsfs\deptos\Operacao\PCP\5 - Comum\JOSÉ AFONSO NETO\AVON\Escalas\</t>
  </si>
  <si>
    <t>c:\users\walissonrs\desktop\controle de demandas\atividades\ssd\</t>
  </si>
  <si>
    <t>C:\Users\edsonbc\Desktop\</t>
  </si>
  <si>
    <t>10.200.66.181</t>
  </si>
  <si>
    <t>64-1C-67-9D-1E-33</t>
  </si>
  <si>
    <t>VOTORANT-LB015</t>
  </si>
  <si>
    <t>davimvs</t>
  </si>
  <si>
    <t>davimvs@bv.algartech.com</t>
  </si>
  <si>
    <t>\\acsfs\profiles$\marcelacdss\My Documents\ATENDIMENTOS\DEZEMBRO\</t>
  </si>
  <si>
    <t>Projetos_2019.xlsb</t>
  </si>
  <si>
    <t>Fornecedores TI_CAPEX.xlsx</t>
  </si>
  <si>
    <t>10.200.66.123</t>
  </si>
  <si>
    <t>78-2B-CB-C1-05-44</t>
  </si>
  <si>
    <t>VOTORANT-IB017</t>
  </si>
  <si>
    <t>milenaas</t>
  </si>
  <si>
    <t>\\acsfs\profiles$\milenaas\Downloads\</t>
  </si>
  <si>
    <t>alicecpbc</t>
  </si>
  <si>
    <t>10.200.67.214</t>
  </si>
  <si>
    <t>D0-94-66-B5-5F-36</t>
  </si>
  <si>
    <t>VOTORANT-ABB016</t>
  </si>
  <si>
    <t>luanarda</t>
  </si>
  <si>
    <t>\\acsfs\profiles$\luanarda\Downloads\</t>
  </si>
  <si>
    <t>10.200.66.219</t>
  </si>
  <si>
    <t>D0-94-66-B5-70-B9</t>
  </si>
  <si>
    <t>VOTORANT-ABB017</t>
  </si>
  <si>
    <t>paulovadc</t>
  </si>
  <si>
    <t>\\acsfs\profiles$\paulovadc\Downloads\</t>
  </si>
  <si>
    <t>10.200.66.101</t>
  </si>
  <si>
    <t>D0-94-66-B5-7F-8F</t>
  </si>
  <si>
    <t>VOTORANT-AFB019</t>
  </si>
  <si>
    <t>isabellegtds</t>
  </si>
  <si>
    <t>\\acsfs\profiles$\isabellegtds\Downloads\</t>
  </si>
  <si>
    <t>10.200.66.200</t>
  </si>
  <si>
    <t>D0-94-66-B5-4C-A0</t>
  </si>
  <si>
    <t>VOTORANT-AFB020</t>
  </si>
  <si>
    <t>alexandremm</t>
  </si>
  <si>
    <t>\\acsfs\profiles$\alexandremm\Searches\</t>
  </si>
  <si>
    <t>winrt--{S-1-5-21-602162358-764733703-839522115-352958}-.searchconnector-ms</t>
  </si>
  <si>
    <t>\\acsfs\profiles$\alexandremm\Searches\winrt--{S-1-5-21-602162358-764733703-839522115-352958}-.searchconnector-ms</t>
  </si>
  <si>
    <t>10.200.32.142</t>
  </si>
  <si>
    <t>henriquerfr@algartech.com</t>
  </si>
  <si>
    <t>10.200.67.11</t>
  </si>
  <si>
    <t>74-86-7A-FB-17-CC</t>
  </si>
  <si>
    <t>VOTORANT-FB016</t>
  </si>
  <si>
    <t>talitassc</t>
  </si>
  <si>
    <t>\\acsfs\profiles$\talitassc\Contacts\</t>
  </si>
  <si>
    <t>\\acsfs\profiles$\talitassc\Favorites\Links for Brasil\</t>
  </si>
  <si>
    <t>Microsoft Brasil.url</t>
  </si>
  <si>
    <t>\\acsfs\profiles$\talitassc\Favorites\Links for Brasil\Microsoft Brasil.url</t>
  </si>
  <si>
    <t>Windows Brasil.url</t>
  </si>
  <si>
    <t>\\acsfs\profiles$\talitassc\Favorites\Links for Brasil\Windows Brasil.url</t>
  </si>
  <si>
    <t>MSN Brasil.url</t>
  </si>
  <si>
    <t>\\acsfs\profiles$\talitassc\Favorites\Links for Brasil\MSN Brasil.url</t>
  </si>
  <si>
    <t>10.200.67.171</t>
  </si>
  <si>
    <t>64-1C-67-9D-1B-F4</t>
  </si>
  <si>
    <t>VOTORANT-FB011</t>
  </si>
  <si>
    <t>SISTEMA</t>
  </si>
  <si>
    <t>https://collectit.softwatch.com/collectit/windows/uninstall_reg.php</t>
  </si>
  <si>
    <t>C:\temp\CollectIT\uninstall.zip\</t>
  </si>
  <si>
    <t>uninstall-utf8.reg</t>
  </si>
  <si>
    <t>\\acsfs\profiles$\alicecpbc\My Documents\</t>
  </si>
  <si>
    <t>anotações.txt</t>
  </si>
  <si>
    <t>\\acsfs\profiles$\alicecpbc\My Documents\anotações.txt</t>
  </si>
  <si>
    <t>10.200.66.221</t>
  </si>
  <si>
    <t>D0-94-66-B5-48-21</t>
  </si>
  <si>
    <t>VOTORANT-ABB020</t>
  </si>
  <si>
    <t>fabianobmf</t>
  </si>
  <si>
    <t>\\acsfs\profiles$\fabianobmf\Downloads\</t>
  </si>
  <si>
    <t>10.200.66.201</t>
  </si>
  <si>
    <t>D0-94-66-B5-5C-AF</t>
  </si>
  <si>
    <t>VOTORANT-ACB017</t>
  </si>
  <si>
    <t>rosileiam</t>
  </si>
  <si>
    <t>\\acsfs\profiles$\rosileiam\Downloads\</t>
  </si>
  <si>
    <t>10.200.66.215</t>
  </si>
  <si>
    <t>D0-94-66-B5-70-18</t>
  </si>
  <si>
    <t>VOTORANT-AFB017</t>
  </si>
  <si>
    <t>juceliaoda</t>
  </si>
  <si>
    <t>\\acsfs\profiles$\juceliaoda\Searches\</t>
  </si>
  <si>
    <t>winrt--{S-1-5-21-602162358-764733703-839522115-358585}-.searchconnector-ms</t>
  </si>
  <si>
    <t>\\acsfs\profiles$\juceliaoda\Searches\winrt--{S-1-5-21-602162358-764733703-839522115-358585}-.searchconnector-ms</t>
  </si>
  <si>
    <t>10.200.66.95</t>
  </si>
  <si>
    <t>D0-94-66-B5-4D-B2</t>
  </si>
  <si>
    <t>VOTORANT-AFB013</t>
  </si>
  <si>
    <t>pedrohab</t>
  </si>
  <si>
    <t>\\acsfs\profiles$\PEDROHAB\Downloads\</t>
  </si>
  <si>
    <t>laurandos</t>
  </si>
  <si>
    <t>\\acsfs\profiles$\laurandos\Downloads\</t>
  </si>
  <si>
    <t>10.200.66.214</t>
  </si>
  <si>
    <t>D0-94-66-B5-7F-BE</t>
  </si>
  <si>
    <t>VOTORANT-ACB018</t>
  </si>
  <si>
    <t>brunalas</t>
  </si>
  <si>
    <t>\\acsfs\profiles$\brunalas\Downloads\</t>
  </si>
  <si>
    <t>10.200.66.92</t>
  </si>
  <si>
    <t>D0-94-66-B5-5C-BF</t>
  </si>
  <si>
    <t>VOTORANT-AFB015</t>
  </si>
  <si>
    <t>kamillacr</t>
  </si>
  <si>
    <t>\\acsfs\profiles$\kamillacr\My Documents\</t>
  </si>
  <si>
    <t>atendimento.txt</t>
  </si>
  <si>
    <t>\\acsfs\profiles$\kamillacr\My Documents\atendimento.txt</t>
  </si>
  <si>
    <t>10.200.66.207</t>
  </si>
  <si>
    <t>D0-94-66-B5-4E-11</t>
  </si>
  <si>
    <t>VOTORANT-AFB018</t>
  </si>
  <si>
    <t>vivianalds</t>
  </si>
  <si>
    <t>\\acsfs\profiles$\vivianalds\Searches\</t>
  </si>
  <si>
    <t>winrt--{S-1-5-21-602162358-764733703-839522115-330444}-.searchconnector-ms</t>
  </si>
  <si>
    <t>\\acsfs\profiles$\vivianalds\Searches\winrt--{S-1-5-21-602162358-764733703-839522115-330444}-.searchconnector-ms</t>
  </si>
  <si>
    <t>\\acsfs\profiles$\vivianalds\Downloads\</t>
  </si>
  <si>
    <t>10.200.66.105</t>
  </si>
  <si>
    <t>D0-94-66-B5-70-B6</t>
  </si>
  <si>
    <t>VOTORANT-ACB015</t>
  </si>
  <si>
    <t>Flaviojmm</t>
  </si>
  <si>
    <t>\\acsfs\profiles$\Flaviojmm\Searches\</t>
  </si>
  <si>
    <t>winrt--{S-1-5-21-602162358-764733703-839522115-334917}-.searchconnector-ms</t>
  </si>
  <si>
    <t>\\acsfs\profiles$\Flaviojmm\Searches\winrt--{S-1-5-21-602162358-764733703-839522115-334917}-.searchconnector-ms</t>
  </si>
  <si>
    <t>\\acsfs\profiles$\Flaviojmm\Downloads\</t>
  </si>
  <si>
    <t>yasminsc</t>
  </si>
  <si>
    <t>\\acsfs\profiles$\YASMINSC\Searches\</t>
  </si>
  <si>
    <t>winrt--{S-1-5-21-602162358-764733703-839522115-345805}-.searchconnector-ms</t>
  </si>
  <si>
    <t>\\acsfs\profiles$\YASMINSC\Searches\winrt--{S-1-5-21-602162358-764733703-839522115-345805}-.searchconnector-ms</t>
  </si>
  <si>
    <t>\\acsfs\profiles$\YASMINSC\Downloads\</t>
  </si>
  <si>
    <t>ericalsr</t>
  </si>
  <si>
    <t>\\acsfs\profiles$\ERICALSR\Searches\</t>
  </si>
  <si>
    <t>winrt--{S-1-5-21-602162358-764733703-839522115-330518}-.searchconnector-ms</t>
  </si>
  <si>
    <t>\\acsfs\profiles$\ERICALSR\Searches\winrt--{S-1-5-21-602162358-764733703-839522115-330518}-.searchconnector-ms</t>
  </si>
  <si>
    <t>uninstall.zip\</t>
  </si>
  <si>
    <t>Consolidado Chamados N3.xlsx</t>
  </si>
  <si>
    <t>74-86-7A-FB-17-A5</t>
  </si>
  <si>
    <t>VOTORANT-IB014</t>
  </si>
  <si>
    <t>vivianibfs</t>
  </si>
  <si>
    <t>\\acsfs\profiles$\vivianibfs\Downloads\</t>
  </si>
  <si>
    <t>kellzylenneasr</t>
  </si>
  <si>
    <t>\\acsfs\profiles$\kellzylenneasr\Downloads\</t>
  </si>
  <si>
    <t>\\acsfs\profiles$\matheushds\Downloads\</t>
  </si>
  <si>
    <t>\\acsfs\profiles$\kellzylenneasr\Searches\</t>
  </si>
  <si>
    <t>winrt--{S-1-5-21-602162358-764733703-839522115-342472}-.searchconnector-ms</t>
  </si>
  <si>
    <t>\\acsfs\profiles$\kellzylenneasr\Searches\winrt--{S-1-5-21-602162358-764733703-839522115-342472}-.searchconnector-ms</t>
  </si>
  <si>
    <t>2.2_CONTROLE DE CLIENTES_PAGSEGURO_com bkt.xlsx</t>
  </si>
  <si>
    <t>10.200.66.139</t>
  </si>
  <si>
    <t>10.200.67.47</t>
  </si>
  <si>
    <t>74-86-7A-FB-17-4F</t>
  </si>
  <si>
    <t>VOTORANT-OB004</t>
  </si>
  <si>
    <t>gabrielarb</t>
  </si>
  <si>
    <t>\\acsfs\profiles$\gabrielarb\Downloads\</t>
  </si>
  <si>
    <t>wenderbnm</t>
  </si>
  <si>
    <t>\\acsfs\profiles$\wenderbnm\Downloads\</t>
  </si>
  <si>
    <t>mariliafplb</t>
  </si>
  <si>
    <t>\\acsfs\profiles$\mariliafplb\Downloads\</t>
  </si>
  <si>
    <t>felipetds</t>
  </si>
  <si>
    <t>\\acsfs\profiles$\felipetds\Searches\</t>
  </si>
  <si>
    <t>winrt--{S-1-5-21-602162358-764733703-839522115-352980}-.searchconnector-ms</t>
  </si>
  <si>
    <t>\\acsfs\profiles$\felipetds\Searches\winrt--{S-1-5-21-602162358-764733703-839522115-352980}-.searchconnector-ms</t>
  </si>
  <si>
    <t>\\acsfs\profiles$\felipetds\Downloads\</t>
  </si>
  <si>
    <t>10.200.66.206</t>
  </si>
  <si>
    <t>D0-94-66-B5-7F-B9</t>
  </si>
  <si>
    <t>VOTORANT-ACB014</t>
  </si>
  <si>
    <t>lucasns</t>
  </si>
  <si>
    <t>\\acsfs\profiles$\LUCASNS\Searches\</t>
  </si>
  <si>
    <t>winrt--{S-1-5-21-602162358-764733703-839522115-340716}-.searchconnector-ms</t>
  </si>
  <si>
    <t>\\acsfs\profiles$\LUCASNS\Searches\winrt--{S-1-5-21-602162358-764733703-839522115-340716}-.searchconnector-ms</t>
  </si>
  <si>
    <t>\\acsfs\profiles$\ERICALSR\Downloads\</t>
  </si>
  <si>
    <t>10.200.66.209</t>
  </si>
  <si>
    <t>D0-94-66-B5-71-07</t>
  </si>
  <si>
    <t>VOTORANT-ACB016</t>
  </si>
  <si>
    <t>geovanaasa</t>
  </si>
  <si>
    <t>\\acsfs\profiles$\geovanaasa\Searches\</t>
  </si>
  <si>
    <t>winrt--{S-1-5-21-602162358-764733703-839522115-321445}-.searchconnector-ms</t>
  </si>
  <si>
    <t>\\acsfs\profiles$\geovanaasa\Searches\winrt--{S-1-5-21-602162358-764733703-839522115-321445}-.searchconnector-ms</t>
  </si>
  <si>
    <t>\\acsfs\profiles$\LUCASNS\Downloads\</t>
  </si>
  <si>
    <t>\\acsfs\profiles$\geovanaasa\Downloads\</t>
  </si>
  <si>
    <t>10.200.200.72</t>
  </si>
  <si>
    <t>10.200.67.137</t>
  </si>
  <si>
    <t>74-86-7A-FC-CF-23</t>
  </si>
  <si>
    <t>VOTORANT-OB010</t>
  </si>
  <si>
    <t>10.200.67.39</t>
  </si>
  <si>
    <t>74-86-7A-FC-CD-FD</t>
  </si>
  <si>
    <t>VOTORANT-RB004</t>
  </si>
  <si>
    <t>ayalabfi</t>
  </si>
  <si>
    <t>\\acsfs\profiles$\ayalabfi\Downloads\</t>
  </si>
  <si>
    <t>gabrielhca</t>
  </si>
  <si>
    <t>10.200.66.78</t>
  </si>
  <si>
    <t>64-1C-67-9C-83-A0</t>
  </si>
  <si>
    <t>VOTORANT-LB014</t>
  </si>
  <si>
    <t>karendsr</t>
  </si>
  <si>
    <t>\\acsfs\profiles$\KARENDSR\Favorites\Links for Brasil\</t>
  </si>
  <si>
    <t>\\acsfs\profiles$\KARENDSR\Favorites\Links for Brasil\Microsoft Brasil.url</t>
  </si>
  <si>
    <t>\\acsfs\profiles$\KARENDSR\Favorites\Links for Brasil\Windows Brasil.url</t>
  </si>
  <si>
    <t>\\acsfs\profiles$\KARENDSR\Favorites\Links for Brasil\MSN Brasil.url</t>
  </si>
  <si>
    <t>C:\Users\walissonrs\Desktop\</t>
  </si>
  <si>
    <t>10.200.67.166</t>
  </si>
  <si>
    <t>74-86-7A-FB-16-85</t>
  </si>
  <si>
    <t>VOTORANT-IB008</t>
  </si>
  <si>
    <t>YuriCS</t>
  </si>
  <si>
    <t>\\acsfs\profiles$\yurics\Downloads\</t>
  </si>
  <si>
    <t>78-2B-CB-C1-06-C7</t>
  </si>
  <si>
    <t>VOTORANT-ACB076</t>
  </si>
  <si>
    <t>C:\Users\leonardo.caetano\Desktop\Repasse Renata x Leonardo\Banco Pan\</t>
  </si>
  <si>
    <t>HUGO_ORÇAMENTO_2020.xlsm</t>
  </si>
  <si>
    <t>EXTRATO CARTÃO 12.xlsx</t>
  </si>
  <si>
    <t>\\acsfs\profiles$\alexandrapp\</t>
  </si>
  <si>
    <t>CPF's.txt</t>
  </si>
  <si>
    <t>\\acsfs\profiles$\alexandrapp\CPF's.txt</t>
  </si>
  <si>
    <t>Retidos Compra Certa - Dezembro.xlsm</t>
  </si>
  <si>
    <t>BV-Z020</t>
  </si>
  <si>
    <t>josiascdsj</t>
  </si>
  <si>
    <t>\\acsfs\DEPTOS\Operacao\Banco_Votorantim\Qualidade\</t>
  </si>
  <si>
    <t>C:\Users\almirsn\Desktop\</t>
  </si>
  <si>
    <t>10.200.67.144</t>
  </si>
  <si>
    <t>74-86-7A-FB-19-41</t>
  </si>
  <si>
    <t>VOTORANT-JB003</t>
  </si>
  <si>
    <t>luanaldsi</t>
  </si>
  <si>
    <t>\\acsfs\profiles$\luanaldsi\Downloads\</t>
  </si>
  <si>
    <t>REPORT ACOMPANHAMENTO - BV - DEZEMBRO.xlsb</t>
  </si>
  <si>
    <t>EL-LM-DE-001_R01.xls</t>
  </si>
  <si>
    <t>amandafdcs@algartech.com.br;</t>
  </si>
  <si>
    <t>amandafdcs@algartech.com.br</t>
  </si>
  <si>
    <t>robsonams</t>
  </si>
  <si>
    <t>10.200.66.25</t>
  </si>
  <si>
    <t>78-2B-CB-C1-07-70</t>
  </si>
  <si>
    <t>VOTORANT-SB004</t>
  </si>
  <si>
    <t>alessandraan</t>
  </si>
  <si>
    <t>\\acsfs\profiles$\alessandraan\Downloads\</t>
  </si>
  <si>
    <t>\\acsfs\profiles$\alessandraan\My Documents\</t>
  </si>
  <si>
    <t>HOJE SEGUNDA.txt</t>
  </si>
  <si>
    <t>\\acsfs\profiles$\alessandraan\My Documents\HOJE SEGUNDA.txt</t>
  </si>
  <si>
    <t>DADOS.txt</t>
  </si>
  <si>
    <t>\\acsfs\profiles$\alessandraan\My Documents\DADOS.txt</t>
  </si>
  <si>
    <t>10.200.32.22</t>
  </si>
  <si>
    <t>78-2B-CB-C1-07-68</t>
  </si>
  <si>
    <t>VOTORANT-CA071</t>
  </si>
  <si>
    <t>elianegr</t>
  </si>
  <si>
    <t>\\acsfs\DEPTOS\Operacao\Banco_Votorantim\Qualidade\Eliane\Tréplica NOVEMBRO\</t>
  </si>
  <si>
    <t>marcellewdl</t>
  </si>
  <si>
    <t>\\acsfs\profiles$\marcellewdl\Downloads\</t>
  </si>
  <si>
    <t>10.200.67.215</t>
  </si>
  <si>
    <t>D0-94-66-B5-5D-F2</t>
  </si>
  <si>
    <t>VOTORANT-ABB015</t>
  </si>
  <si>
    <t>dhiulliananads</t>
  </si>
  <si>
    <t>\\acsfs\profiles$\dhiulliananads\Downloads\</t>
  </si>
  <si>
    <t>10.200.32.12</t>
  </si>
  <si>
    <t>5C-F9-DD-EB-0C-3F</t>
  </si>
  <si>
    <t>VOTORANT-AB013</t>
  </si>
  <si>
    <t>C:\Temp\CollectIT\uninstall.zip\</t>
  </si>
  <si>
    <t>10.200.67.183</t>
  </si>
  <si>
    <t>74-86-7A-FB-1B-3B</t>
  </si>
  <si>
    <t>VOTORANT-FB017</t>
  </si>
  <si>
    <t>laranmg</t>
  </si>
  <si>
    <t>\\acsfs\profiles$\laranmg\Contacts\</t>
  </si>
  <si>
    <t>74-86-7A-FB-17-88</t>
  </si>
  <si>
    <t>VOTORANT-FB015</t>
  </si>
  <si>
    <t>katiahmdj</t>
  </si>
  <si>
    <t>\\acsfs\profiles$\katiahmdj\My Documents\</t>
  </si>
  <si>
    <t>bloco sac.txt</t>
  </si>
  <si>
    <t>\\acsfs\profiles$\katiahmdj\My Documents\bloco sac.txt</t>
  </si>
  <si>
    <t>\\acsfs\profiles$\laranmg\Favorites\Links for Brasil\</t>
  </si>
  <si>
    <t>\\acsfs\profiles$\laranmg\Favorites\Links for Brasil\Microsoft Brasil.url</t>
  </si>
  <si>
    <t>\\acsfs\profiles$\laranmg\Favorites\Links for Brasil\Windows Brasil.url</t>
  </si>
  <si>
    <t>\\acsfs\profiles$\laranmg\Favorites\Links for Brasil\MSN Brasil.url</t>
  </si>
  <si>
    <t>C:\Users\ericacdosc\Desktop\LATAM\Revisão_LP_LATAM.pptx\</t>
  </si>
  <si>
    <t>content.xml</t>
  </si>
  <si>
    <t>C:\Users\elainemdlp\OD\_Projetos\Em andamento\Lei do Bem\</t>
  </si>
  <si>
    <t>Template horas.xlsx</t>
  </si>
  <si>
    <t>C:\Users\alefl\OneDrive - Grupo Algar\Bra\Antivirus\</t>
  </si>
  <si>
    <t>\\acsfs\profiles$\gabrielarb\</t>
  </si>
  <si>
    <t>GRB.txt</t>
  </si>
  <si>
    <t>\\acsfs\profiles$\gabrielarb\GRB.txt</t>
  </si>
  <si>
    <t>eduardo.s.amaral@gmail.com</t>
  </si>
  <si>
    <t>C:\Users\eduardost\Downloads\Pessoal\</t>
  </si>
  <si>
    <t>despesas_familiaTheo.xlsx</t>
  </si>
  <si>
    <t>10.200.66.52</t>
  </si>
  <si>
    <t>74-86-7A-FB-17-35</t>
  </si>
  <si>
    <t>VOTORANT-GB018</t>
  </si>
  <si>
    <t>vanessavn</t>
  </si>
  <si>
    <t>\\acsfs\profiles$\vanessavn\Documents\</t>
  </si>
  <si>
    <t>nota 2.txt</t>
  </si>
  <si>
    <t>\\acsfs\profiles$\vanessavn\Documents\nota 2.txt</t>
  </si>
  <si>
    <t>Produtividade CRC Amex e CRC VMC - Dezembro.xlsb</t>
  </si>
  <si>
    <t>\\acsfs\DEPTOS\Operacao\PCP\5 - Comum\LUIZ ALFREDO\00 - WHIRLPOOL\01 - TLV COMPRA CERTA\2019\12 - DEZEMBRO\</t>
  </si>
  <si>
    <t>Hora-Hora - TLV D2C DEZ 19.xlsx</t>
  </si>
  <si>
    <t>henriqueco</t>
  </si>
  <si>
    <t>\\acsfs\profiles$\henriqueco\Downloads\</t>
  </si>
  <si>
    <t>C:\Users\gabrielbc\Desktop\</t>
  </si>
  <si>
    <t>10.200.67.45</t>
  </si>
  <si>
    <t>74-86-7A-FB-17-99</t>
  </si>
  <si>
    <t>VOTORANT-LB009</t>
  </si>
  <si>
    <t>gabrielamdp</t>
  </si>
  <si>
    <t>\\acsfs\profiles$\gabrielamdp\Downloads\</t>
  </si>
  <si>
    <t>fernandaab</t>
  </si>
  <si>
    <t>\\acsfs\Deptos\Operacao\Banco_Votorantim\Qualidade\Fernanda\RECLAMAÇÃO E OUVIDORIA\</t>
  </si>
  <si>
    <t>CPF 320.699.918-90 Noemia da Conceição freitas.docx</t>
  </si>
  <si>
    <t>CPF 320.699.918-90 Noemia da Conceição freitas.pdf</t>
  </si>
  <si>
    <t>\\acsfs\profiles$\gabrielhca\Downloads\</t>
  </si>
  <si>
    <t>bernardopcm</t>
  </si>
  <si>
    <t>\\acsfs\profiles$\BERNARDOPCM\Favorites\Links for Brasil\</t>
  </si>
  <si>
    <t>\\acsfs\profiles$\BERNARDOPCM\Favorites\Links for Brasil\Microsoft Brasil.url</t>
  </si>
  <si>
    <t>\\acsfs\profiles$\BERNARDOPCM\Favorites\Links for Brasil\Windows Brasil.url</t>
  </si>
  <si>
    <t>\\acsfs\profiles$\BERNARDOPCM\Favorites\Links for Brasil\MSN Brasil.url</t>
  </si>
  <si>
    <t>\\acsfs\profiles$\bernardopcm\Downloads\</t>
  </si>
  <si>
    <t>\\acsfs\profiles$\joaopnbg\Desktop\</t>
  </si>
  <si>
    <t>dados e script.txt</t>
  </si>
  <si>
    <t>\\acsfs\profiles$\joaopnbg\Desktop\dados e script.txt</t>
  </si>
  <si>
    <t>\\acsfs\profiles$\KARENDSR\Downloads\</t>
  </si>
  <si>
    <t>reclamação 09-12-19.docx</t>
  </si>
  <si>
    <t>dalvadfb</t>
  </si>
  <si>
    <t>\\acsfs\profiles$\DALVADFB\Downloads\</t>
  </si>
  <si>
    <t>\\acsfs\DEPTOS\Operacao\Banco_Votorantim\Qualidade\Eliane\Monitorias DEZEMBRO\</t>
  </si>
  <si>
    <t>1° CICLO DEZEMBRO.txt</t>
  </si>
  <si>
    <t>\\acsfs\DEPTOS\Operacao\Banco_Votorantim\Qualidade\Eliane\Monitorias DEZEMBRO\1° CICLO DEZEMBRO.txt</t>
  </si>
  <si>
    <t>\\acsfs\Deptos\Operacao\Banco_Votorantim\Qualidade\Fernanda\MONITORIAS DEZEMBRO\</t>
  </si>
  <si>
    <t>MONITORIA DEZEMBRO.docx</t>
  </si>
  <si>
    <t>marcotulio@algartech.com</t>
  </si>
  <si>
    <t>carlosrcos@algartech.com</t>
  </si>
  <si>
    <t>10.200.67.169</t>
  </si>
  <si>
    <t>78-2B-CB-C1-06-22</t>
  </si>
  <si>
    <t>VOTORANT-GB009</t>
  </si>
  <si>
    <t>marcosvnds</t>
  </si>
  <si>
    <t>\\acsfs\profiles$\marcosvnds\Downloads\</t>
  </si>
  <si>
    <t>10.200.66.8</t>
  </si>
  <si>
    <t>78-2B-CB-C1-07-3E</t>
  </si>
  <si>
    <t>VOTORANT-GB017</t>
  </si>
  <si>
    <t>\\acsfs\profiles$\laranmg\My Documents\</t>
  </si>
  <si>
    <t>TREINAMENTO LARA.txt</t>
  </si>
  <si>
    <t>\\acsfs\profiles$\laranmg\My Documents\TREINAMENTO LARA.txt</t>
  </si>
  <si>
    <t>erichds</t>
  </si>
  <si>
    <t>\\acsfs\profiles$\erichds\Downloads\</t>
  </si>
  <si>
    <t>\\acsfs\DEPTOS\Governança da Estratégia\Governança\Calendário\2020\</t>
  </si>
  <si>
    <t>Calendário de Governança_2020.xlsx</t>
  </si>
  <si>
    <t>10.200.67.53</t>
  </si>
  <si>
    <t>74-86-7A-FC-CF-A9</t>
  </si>
  <si>
    <t>VOTORANT-RB003</t>
  </si>
  <si>
    <t>\\acsfs\profiles$\leticiala\Favorites\Links for Brasil\</t>
  </si>
  <si>
    <t>\\acsfs\profiles$\leticiala\Favorites\Links for Brasil\Microsoft Brasil.url</t>
  </si>
  <si>
    <t>\\acsfs\profiles$\leticiala\Favorites\Links for Brasil\Windows Brasil.url</t>
  </si>
  <si>
    <t>\\acsfs\profiles$\leticiala\Favorites\Links for Brasil\MSN Brasil.url</t>
  </si>
  <si>
    <t>10.200.66.187</t>
  </si>
  <si>
    <t>jessicafdq@algartech.com.br;poliane.amaral@bradesco.com.br;</t>
  </si>
  <si>
    <t>RES: Painel BO Contas Novas AEB - Fechamento Novembro/19.</t>
  </si>
  <si>
    <t>BO Contas Novas AEB - Novembro 2019.zip\</t>
  </si>
  <si>
    <t>BO Contas Novas AEB - Novembro 2019.xlsx</t>
  </si>
  <si>
    <t>jessicafdq@algartech.com.br,poliane.amaral@bradesco.com.br</t>
  </si>
  <si>
    <t>LINK VERIFICACAO LINK VERIFICACAO LINK VERIFICACAO.txt</t>
  </si>
  <si>
    <t>\\acsfs\profiles$\alessandraan\My Documents\LINK VERIFICACAO LINK VERIFICACAO LINK VERIFICACAO.txt</t>
  </si>
  <si>
    <t>franciscoeag@algartech.com.br;vanusaos@algartech.com.br;</t>
  </si>
  <si>
    <t>franciscoeag@algartech.com.br,vanusaos@algartech.com.br</t>
  </si>
  <si>
    <t>10.200.66.122</t>
  </si>
  <si>
    <t>64-1C-67-9D-1E-2D</t>
  </si>
  <si>
    <t>VOTORANT-JB014</t>
  </si>
  <si>
    <t>\\acsfs\DEPTOS\TH\05. Cargos e Remuneração\09.Controles\CSC\2020\</t>
  </si>
  <si>
    <t>c:\users\virginiamb\downloads\</t>
  </si>
  <si>
    <t>\\acsfs\profiles$\gabrielamdp\My Documents\</t>
  </si>
  <si>
    <t>IMPORTANTE.txt</t>
  </si>
  <si>
    <t>\\acsfs\profiles$\gabrielamdp\My Documents\IMPORTANTE.txt</t>
  </si>
  <si>
    <t>alessandraan@bv.algartech.com</t>
  </si>
  <si>
    <t>C:\Users\robsonams\Desktop\</t>
  </si>
  <si>
    <t>10.200.66.183</t>
  </si>
  <si>
    <t>64-1C-67-9C-83-9F</t>
  </si>
  <si>
    <t>VOTORANT-JB017</t>
  </si>
  <si>
    <t>10.200.67.34</t>
  </si>
  <si>
    <t>78-2B-CB-C1-07-55</t>
  </si>
  <si>
    <t>VOTORANT-JB010</t>
  </si>
  <si>
    <t>maxmillianosv</t>
  </si>
  <si>
    <t>\\acsfs\profiles$\maxmillianosv\Favorites\Links for Brasil\</t>
  </si>
  <si>
    <t>\\acsfs\profiles$\maxmillianosv\Favorites\Links for Brasil\Microsoft Brasil.url</t>
  </si>
  <si>
    <t>\\acsfs\profiles$\maxmillianosv\Favorites\Links for Brasil\Windows Brasil.url</t>
  </si>
  <si>
    <t>\\acsfs\profiles$\maxmillianosv\Favorites\Links for Brasil\MSN Brasil.url</t>
  </si>
  <si>
    <t>\\acsfs\profiles$\maxmillianosv\Favorites\</t>
  </si>
  <si>
    <t>NetScaler Gateway.url</t>
  </si>
  <si>
    <t>\\acsfs\profiles$\maxmillianosv\Favorites\NetScaler Gateway.url</t>
  </si>
  <si>
    <t>Entrar no cliente Zimbra para Web.url</t>
  </si>
  <si>
    <t>\\acsfs\profiles$\maxmillianosv\Favorites\Entrar no cliente Zimbra para Web.url</t>
  </si>
  <si>
    <t>10.200.66.190</t>
  </si>
  <si>
    <t>karenjss</t>
  </si>
  <si>
    <t>\\acsfs\profiles$\KARENJSS\Favorites\Links for Brasil\</t>
  </si>
  <si>
    <t>\\acsfs\profiles$\KARENJSS\Favorites\Links for Brasil\Microsoft Brasil.url</t>
  </si>
  <si>
    <t>\\acsfs\profiles$\KARENJSS\Favorites\Links for Brasil\Windows Brasil.url</t>
  </si>
  <si>
    <t>\\acsfs\profiles$\KARENJSS\Favorites\Links for Brasil\MSN Brasil.url</t>
  </si>
  <si>
    <t>\\acsfs\profiles$\KARENJSS\Downloads\</t>
  </si>
  <si>
    <t>Welcome - 1.url</t>
  </si>
  <si>
    <t>\\acsfs\profiles$\maxmillianosv\Favorites\Welcome - 1.url</t>
  </si>
  <si>
    <t>Lista de Profissionais (detalhada) 031219.xlsx</t>
  </si>
  <si>
    <t>\\acsfs\profiles$\maxmillianosv\My Documents\</t>
  </si>
  <si>
    <t>scripts.txt</t>
  </si>
  <si>
    <t>\\acsfs\profiles$\maxmillianosv\My Documents\scripts.txt</t>
  </si>
  <si>
    <t>\\acsfs\profiles$\marcosvnds\My Documents\xworkcenter\logs\</t>
  </si>
  <si>
    <t>deboractr</t>
  </si>
  <si>
    <t>\\acsfs\profiles$\deboractr\Downloads\</t>
  </si>
  <si>
    <t>\\acsfs\profiles$\matheushds\Contacts\</t>
  </si>
  <si>
    <t>\\acsfs\profiles$\matheushds\Favorites\Links for Brasil\</t>
  </si>
  <si>
    <t>\\acsfs\profiles$\matheushds\Favorites\Links for Brasil\Microsoft Brasil.url</t>
  </si>
  <si>
    <t>\\acsfs\profiles$\matheushds\Favorites\Links for Brasil\Windows Brasil.url</t>
  </si>
  <si>
    <t>\\acsfs\profiles$\matheushds\Favorites\Links for Brasil\MSN Brasil.url</t>
  </si>
  <si>
    <t>10.200.66.143</t>
  </si>
  <si>
    <t>78-2B-CB-C1-06-EA</t>
  </si>
  <si>
    <t>VOTORANT-GB020</t>
  </si>
  <si>
    <t>C:\Users\heliorg\OneDrive - Grupo Algar\Squad\URAs\6 - Whirlpool\URA To be\Excel\</t>
  </si>
  <si>
    <t>C:\Users\thaisbrs\OneDrive - Grupo Algar\1.1 Operações\1.2 next\1.1 Next\1.1. Fórum de Qualidade\09. Novembro\</t>
  </si>
  <si>
    <t>Diagnostico next Novembro.xls</t>
  </si>
  <si>
    <t>Itens pontuados - Next novembro.xlsx</t>
  </si>
  <si>
    <t>Apresentação next novembro.xls</t>
  </si>
  <si>
    <t>C:\Users\lucashdsi\Desktop\</t>
  </si>
  <si>
    <t>C:\Users\vilarinho\OneDrive - Grupo Algar\Algar Tech\Gestão Equipe\Méritos e Gratificações\Meritocracia Politica _Dez19\</t>
  </si>
  <si>
    <t>C:\Users\vilarinho\OneDrive - Grupo Algar\Algar Tech\Gestão Equipe\Objetivos Especificos\Objetivos1Semestre2020\</t>
  </si>
  <si>
    <t>\\acsfs\profiles$\LUCASNS\</t>
  </si>
  <si>
    <t>VENDAS.txt</t>
  </si>
  <si>
    <t>\\acsfs\profiles$\LUCASNS\VENDAS.txt</t>
  </si>
  <si>
    <t>Lista_Associados_TI.xlsx</t>
  </si>
  <si>
    <t>10.200.66.47</t>
  </si>
  <si>
    <t>74-86-7A-FB-1A-73</t>
  </si>
  <si>
    <t>VOTORANT-IB021</t>
  </si>
  <si>
    <t>joaoval</t>
  </si>
  <si>
    <t>\\acsfs\profiles$\JOAOVAL\Favorites\Links for Brasil\</t>
  </si>
  <si>
    <t>\\acsfs\profiles$\JOAOVAL\Favorites\Links for Brasil\Microsoft Brasil.url</t>
  </si>
  <si>
    <t>\\acsfs\profiles$\JOAOVAL\Favorites\Links for Brasil\Windows Brasil.url</t>
  </si>
  <si>
    <t>\\acsfs\profiles$\JOAOVAL\Favorites\Links for Brasil\MSN Brasil.url</t>
  </si>
  <si>
    <t>\\acsfs\profiles$\JOAOVAL\Downloads\</t>
  </si>
  <si>
    <t>10.200.57.27</t>
  </si>
  <si>
    <t>10.200.67.18</t>
  </si>
  <si>
    <t>74-86-7A-FB-17-21</t>
  </si>
  <si>
    <t>VOTORANT-PB006</t>
  </si>
  <si>
    <t>raicabog</t>
  </si>
  <si>
    <t>\\acsfs\profiles$\raicabog\Downloads\</t>
  </si>
  <si>
    <t>\\acsfs\DEPTOS\TH\05. Cargos e Remuneração\05.Pesquisas Salariais\2019\</t>
  </si>
  <si>
    <t>C:\A2\PAULAO\TIM\ORÇAMENTOS\REUNIÃO\DEZEMBRO\DEZEMBRO\</t>
  </si>
  <si>
    <t>10.200.67.9</t>
  </si>
  <si>
    <t>10.200.66.171</t>
  </si>
  <si>
    <t>74-86-7A-FB-17-9E</t>
  </si>
  <si>
    <t>VOTORANT-SB008</t>
  </si>
  <si>
    <t>anafaes</t>
  </si>
  <si>
    <t>\\acsfs\profiles$\anafaes\Downloads\</t>
  </si>
  <si>
    <t>Painel Consumidor.Gov</t>
  </si>
  <si>
    <t>Avaliações Consumidor.Gov oficial - 2019.xlsb</t>
  </si>
  <si>
    <t>Avaliações Consumidor.Gov 2019 - Governança.xlsb</t>
  </si>
  <si>
    <t>\\acsfs\profiles$\KARENDSR\My Documents\</t>
  </si>
  <si>
    <t>fernandaab@algartech.com</t>
  </si>
  <si>
    <t>mail.google.com/sync/u/0/i/s?hl=pt-BR&amp;c=542</t>
  </si>
  <si>
    <t>mail.google.com/sync/u/0/i/s?hl=pt-BR&amp;c=544</t>
  </si>
  <si>
    <t>mail.google.com/sync/u/0/i/s?hl=pt-BR&amp;c=546</t>
  </si>
  <si>
    <t>mail.google.com/sync/u/0/i/s?hl=pt-BR&amp;c=548</t>
  </si>
  <si>
    <t>mail.google.com/sync/u/0/i/s?hl=pt-BR&amp;c=550</t>
  </si>
  <si>
    <t>Marista Dimensionamento do Serviço GIAT_v6 - PILOTO COMAND CENTER LDC_v6 com WIT_Pacote256Ativos.xlsm</t>
  </si>
  <si>
    <t>mail.google.com/sync/u/0/i/s?hl=pt-BR&amp;c=552</t>
  </si>
  <si>
    <t>mail.google.com/sync/u/0/i/s?hl=pt-BR&amp;c=554</t>
  </si>
  <si>
    <t>mail.google.com/sync/u/0/i/s?hl=pt-BR&amp;c=557</t>
  </si>
  <si>
    <t>mail.google.com/sync/u/0/i/s?hl=pt-BR&amp;c=560</t>
  </si>
  <si>
    <t>mail.google.com/sync/u/0/i/s?hl=pt-BR&amp;c=562</t>
  </si>
  <si>
    <t>mail.google.com/sync/u/0/i/s?hl=pt-BR&amp;c=565</t>
  </si>
  <si>
    <t>mail.google.com/sync/u/0/i/s?hl=pt-BR&amp;c=567</t>
  </si>
  <si>
    <t>mail.google.com/sync/u/0/i/s?hl=pt-BR&amp;c=569</t>
  </si>
  <si>
    <t>mail.google.com/sync/u/0/i/s?hl=pt-BR&amp;c=573</t>
  </si>
  <si>
    <t>mail.google.com/sync/u/0/i/s?hl=pt-BR&amp;c=575</t>
  </si>
  <si>
    <t>mail.google.com/sync/u/0/i/s?hl=pt-BR&amp;c=578</t>
  </si>
  <si>
    <t>mail.google.com/sync/u/0/i/s?hl=pt-BR&amp;c=580</t>
  </si>
  <si>
    <t>mail.google.com/sync/u/0/i/s?hl=pt-BR&amp;c=582</t>
  </si>
  <si>
    <t>mail.google.com/sync/u/0/i/s?hl=pt-BR&amp;c=584</t>
  </si>
  <si>
    <t>mail.google.com/sync/u/0/i/s?hl=pt-BR&amp;c=586</t>
  </si>
  <si>
    <t>mail.google.com/sync/u/0/i/s?hl=pt-BR&amp;c=588</t>
  </si>
  <si>
    <t>C:\Users\marcoab\Desktop\</t>
  </si>
  <si>
    <t>188270_v3 - PAN FINAL - 09_12_2019.xlsb</t>
  </si>
  <si>
    <t>C:\Users\marcoab\Desktop\188270_v3 - PAN FINAL - 09_12_2019.xlsb\</t>
  </si>
  <si>
    <t>E:\INVESTIMENTOS\AÇÕES\</t>
  </si>
  <si>
    <t>10.207.12.62</t>
  </si>
  <si>
    <t>gustavodsil@algartech.com;</t>
  </si>
  <si>
    <t>https://gustavodsil@algartech.com</t>
  </si>
  <si>
    <t>10.200.67.162</t>
  </si>
  <si>
    <t>78-2B-CB-C1-06-18</t>
  </si>
  <si>
    <t>VOTORANT-FB018</t>
  </si>
  <si>
    <t>gisellyador</t>
  </si>
  <si>
    <t>\\acsfs\profiles$\gisellyador\Downloads\</t>
  </si>
  <si>
    <t>C:\temp\escala\</t>
  </si>
  <si>
    <t>'premiumsupervisores@algartech.com.br';'raquelcl@algartech.com';alessandracm@algartech.com;alinemds@algartech.com;anapscl@algartech.com;andressacpd@algartech.com;b2ksupervisoresrafaela@algartech.com;carolinaasil@algartech.com;contestacao_supervisores@algartech.com.br;dayarag@algartech.com;elencassiapo@algartech.com;fabianapm@algartech.com;fabiolacc@algartecnologia.com.br;fernandaccn@algartech.com;fredericobs@algartecnologia.com.br;heloisaal@algartech.com;igorars@algartech.com;jussaragp@algartech.com;katiargf@algartech.com;kelencgt@algartech.com;luanaaoli@algartech.com;mariajcb@algartech.com;michelecdc@algartech.com;micheless@algartech.com;premiumatendimento@algartech.com;primeatendimento@algartech.com;priscilalb@algartech.com;rafaelaas@algartech.com;rafaeldsa@algartech.com;sabrinagc@algartech.com;supervisorespj@algartech.com.br;tassianecv@algartech.com;tatianamac@algartech.com;thaisalves.oliveira@temposervicos.com.br;</t>
  </si>
  <si>
    <t>'premiumsupervisores@algartech.com.br','raquelcl@algartech.com',alessandracm@algartech.com,alinemds@algartech.com,anapscl@algartech.com,andressacpd@algartech.com,b2ksupervisoresrafaela@algartech.com,carolinaasil@algartech.com,contestacao_supervisores@algartech.com.br,dayarag@algartech.com,elencassiapo@algartech.com,fabianapm@algartech.com,fabiolacc@algartecnologia.com.br,fernandaccn@algartech.com,fredericobs@algartecnologia.com.br,heloisaal@algartech.com,igorars@algartech.com,jussaragp@algartech.com,katiargf@algartech.com,kelencgt@algartech.com,luanaaoli@algartech.com,mariajcb@algartech.com,michelecdc@algartech.com,micheless@algartech.com,premiumatendimento@algartech.com,primeatendimento@algartech.com,priscilalb@algartech.com,rafaelaas@algartech.com,rafaeldsa@algartech.com,sabrinagc@algartech.com,supervisorespj@algartech.com.br,tassianecv@algartech.com,tatianamac@algartech.com,thaisalves.oliveira@temposervicos.com.br</t>
  </si>
  <si>
    <t>Dezembro_ Casos Especiais.xlsm</t>
  </si>
  <si>
    <t>10.200.66.132</t>
  </si>
  <si>
    <t>78-2B-CB-C1-07-10</t>
  </si>
  <si>
    <t>VOTORANT-FB041</t>
  </si>
  <si>
    <t>Projeto LGPD - Levantamento Dados Estruturados.xls</t>
  </si>
  <si>
    <t>C:\Users\rodrigombu\OneDrive - Grupo Algar\Whirlpool\2019\12 - Dezembro\Arquivos\NPS\5 Star\</t>
  </si>
  <si>
    <t>Painel de Auditoria - Ligações Transferidas Ilha de Especialistas</t>
  </si>
  <si>
    <t>albertofn</t>
  </si>
  <si>
    <t>\\acsfs\profiles$\albertofn\Favorites\Links\</t>
  </si>
  <si>
    <t>Citrix Receiver.url</t>
  </si>
  <si>
    <t>\\acsfs\profiles$\albertofn\Favorites\Links\Citrix Receiver.url</t>
  </si>
  <si>
    <t>10.200.67.7</t>
  </si>
  <si>
    <t>10.200.66.36</t>
  </si>
  <si>
    <t>78-2B-CB-C1-05-A0</t>
  </si>
  <si>
    <t>VOTORANT-IB016</t>
  </si>
  <si>
    <t>10.200.67.29</t>
  </si>
  <si>
    <t>74-86-7A-FC-CF-37</t>
  </si>
  <si>
    <t>VOTORANT-IB005</t>
  </si>
  <si>
    <t>veronicalsr</t>
  </si>
  <si>
    <t>\\acsfs\profiles$\veronicalsr\My Documents\</t>
  </si>
  <si>
    <t>Colinha.txt</t>
  </si>
  <si>
    <t>\\acsfs\profiles$\veronicalsr\My Documents\Colinha.txt</t>
  </si>
  <si>
    <t>victorgl</t>
  </si>
  <si>
    <t>\\acsfs\profiles$\victorgl\Downloads\</t>
  </si>
  <si>
    <t>mail.google.com/sync/u/0/i/s?hl=pt-BR&amp;c=700</t>
  </si>
  <si>
    <t>mail.google.com/sync/u/0/i/s?hl=pt-BR&amp;c=703</t>
  </si>
  <si>
    <t>mail.google.com/sync/u/0/i/s?hl=pt-BR&amp;c=707</t>
  </si>
  <si>
    <t>mail.google.com/sync/u/0/i/s?hl=pt-BR&amp;c=709</t>
  </si>
  <si>
    <t>mail.google.com/sync/u/0/i/s?hl=pt-BR&amp;c=711</t>
  </si>
  <si>
    <t>\\acsfs\profiles$\marcellewdl\My Documents\</t>
  </si>
  <si>
    <t>vendas.txt</t>
  </si>
  <si>
    <t>\\acsfs\profiles$\marcellewdl\My Documents\vendas.txt</t>
  </si>
  <si>
    <t>74-86-7A-FB-1B-31</t>
  </si>
  <si>
    <t>VOTORANT-VB011</t>
  </si>
  <si>
    <t>layonmof</t>
  </si>
  <si>
    <t>\\acsfs\profiles$\layonmof\Downloads\</t>
  </si>
  <si>
    <t>\\ACSFS\Engeset\FINANCEIRO_ULA\CONTROLA\SG\00 - Aplicações\08- Contratos\</t>
  </si>
  <si>
    <t>10.200.67.15</t>
  </si>
  <si>
    <t>64-1C-67-9D-1E-3A</t>
  </si>
  <si>
    <t>VOTORANT-FB010</t>
  </si>
  <si>
    <t>mail.google.com/sync/u/0/i/s?hl=pt-BR&amp;c=168</t>
  </si>
  <si>
    <t>mail.google.com/sync/u/0/i/s?hl=pt-BR&amp;c=171</t>
  </si>
  <si>
    <t>C:\Users\fernandorsju\Documents\</t>
  </si>
  <si>
    <t>12 - SPEAK DEZ.19.xlsx</t>
  </si>
  <si>
    <t>10.200.66.18</t>
  </si>
  <si>
    <t>74-86-7A-FB-18-D0</t>
  </si>
  <si>
    <t>VOTORANT-GB013</t>
  </si>
  <si>
    <t>cristianodab</t>
  </si>
  <si>
    <t>\\acsfs\profiles$\cristianodab\Desktop\</t>
  </si>
  <si>
    <t>BLOCO DE NOTAS.txt</t>
  </si>
  <si>
    <t>\\acsfs\profiles$\cristianodab\Desktop\BLOCO DE NOTAS.txt</t>
  </si>
  <si>
    <t>pedrohsx</t>
  </si>
  <si>
    <t>https://outlook.office365.com/mapi/emsmdb/?mailboxid=b90d7cca-9028-489e-a3e4-db9a15970578@algartech.com</t>
  </si>
  <si>
    <t>10.200.66.138</t>
  </si>
  <si>
    <t>74-86-7A-FB-1B-8E</t>
  </si>
  <si>
    <t>VOTORANT-YB009</t>
  </si>
  <si>
    <t>regisadsa</t>
  </si>
  <si>
    <t>\\acsfs\profiles$\regisadsa\Downloads\</t>
  </si>
  <si>
    <t>NB-JOSERAS</t>
  </si>
  <si>
    <t>Modelo Pendencias.xlsx</t>
  </si>
  <si>
    <t>10.200.67.138</t>
  </si>
  <si>
    <t>https://vpnams.nespresso.com/en/request/attachement/create/layout/,danainfo=.abpbfsszhk2jyq536u9-7tx-9,ssl ajax</t>
  </si>
  <si>
    <t>DLP_Nespresso</t>
  </si>
  <si>
    <t>All: Credit Card Number</t>
  </si>
  <si>
    <t>mail.google.com/sync/u/0/i/s?hl=pt-BR&amp;c=759</t>
  </si>
  <si>
    <t>bvs-centralcartoes@bv.com.br;cintia.souza-domingues@dxc.com;eduardo.santana@bv.com.br;fernandorsju@algartech.com;marianeps@algartech.com;talmaiardo@algartech.com;thiagordu@algartech.com;</t>
  </si>
  <si>
    <t>subject content</t>
  </si>
  <si>
    <t>bvs-centralcartoes@bv.com.br,cintia.souza-domingues@dxc.com,eduardo.santana@bv.com.br,fernandorsju@algartech.com,marianeps@algartech.com,talmaiardo@algartech.com,thiagordu@algartech.com</t>
  </si>
  <si>
    <t>10.200.66.26</t>
  </si>
  <si>
    <t>74-86-7A-FB-17-53</t>
  </si>
  <si>
    <t>VOTORANTS-JB031</t>
  </si>
  <si>
    <t>CPF 03159456056 Luiza Santos.pdf</t>
  </si>
  <si>
    <t>CPF 031.594.560-56 Luiza Santos .pdf</t>
  </si>
  <si>
    <t>mail.google.com/sync/u/0/i/s?hl=pt-BR&amp;c=768</t>
  </si>
  <si>
    <t>raicdf</t>
  </si>
  <si>
    <t>raicdf@algartech.com</t>
  </si>
  <si>
    <t>mail.google.com/sync/u/0/i/s?hl=pt-BR&amp;c=45</t>
  </si>
  <si>
    <t>mail.google.com/sync/u/0/i/s?hl=pt-BR&amp;c=47</t>
  </si>
  <si>
    <t>mail.google.com/sync/u/0/i/s?hl=pt-BR&amp;c=49</t>
  </si>
  <si>
    <t>mail.google.com/sync/u/0/i/s?hl=pt-BR&amp;c=52</t>
  </si>
  <si>
    <t>mail.google.com/sync/u/0/i/s?hl=pt-BR&amp;c=54</t>
  </si>
  <si>
    <t>mail.google.com/sync/u/0/i/s?hl=pt-BR&amp;c=57</t>
  </si>
  <si>
    <t>mail.google.com/sync/u/0/i/s?hl=pt-BR&amp;c=59</t>
  </si>
  <si>
    <t>mail.google.com/sync/u/0/i/s?hl=pt-BR&amp;c=62</t>
  </si>
  <si>
    <t>mail.google.com/sync/u/0/i/s?hl=pt-BR&amp;c=64</t>
  </si>
  <si>
    <t>/o=exchangelabs/ou=exchange administrative group (fydibohf23spdlt)/cn=recipients/cn=5fc1879e1f014f199391214849626ab4-ana paula c;/o=exchangelabs/ou=exchange administrative group (fydibohf23spdlt)/cn=recipients/cn=6123ad995eff4f77aafea5ab16f18aa3-renata beze;/o=exchangelabs/ou=exchange administrative group (fydibohf23spdlt)/cn=recipients/cn=edc736cbd2a041a6acd73cfd7a4435bd-leticia sou;/o=exchangelabs/ou=exchange administrative group (fydibohf23spdlt)/cn=recipients/cn=edson santos de oliveira;wasleylc@algartech.com;</t>
  </si>
  <si>
    <t>/o=exchangelabs/ou=exchange administrative group (fydibohf23spdlt)/cn=recipients/cn=5fc1879e1f014f199391214849626ab4-ana paula c,/o=exchangelabs/ou=exchange administrative group (fydibohf23spdlt)/cn=recipients/cn=6123ad995eff4f77aafea5ab16f18aa3-renata beze,/o=exchangelabs/ou=exchange administrative group (fydibohf23spdlt)/cn=recipients/cn=edc736cbd2a041a6acd73cfd7a4435bd-leticia sou,/o=exchangelabs/ou=exchange administrative group (fydibohf23spdlt)/cn=recipients/cn=edson santos de oliveira,wasleylc@algartech.com</t>
  </si>
  <si>
    <t>\\acsfs\profiles$\danielta\Downloads\</t>
  </si>
  <si>
    <t>10-12.xlsx</t>
  </si>
  <si>
    <t>mail.google.com/sync/u/0/i/s?hl=pt-BR&amp;c=819</t>
  </si>
  <si>
    <t>CPF 03159456056Luiza Santos .pdf</t>
  </si>
  <si>
    <t>mail.google.com/sync/u/0/i/s?hl=pt-BR&amp;c=21</t>
  </si>
  <si>
    <t>mail.google.com/sync/u/0/i/s?hl=pt-BR&amp;c=28</t>
  </si>
  <si>
    <t>10.211.2.77</t>
  </si>
  <si>
    <t>https://outlook.office365.com/mapi/emsmdb/?mailboxid=c0ee8db0-fe79-4571-8f76-cc2840da1aaf@algartech.com</t>
  </si>
  <si>
    <t>Algar_any</t>
  </si>
  <si>
    <t>https://outlook.office365.com/mapi/emsmdb/?mailboxid=72ff94cc-38be-4102-b180-a6ad5c6232a9@algartech.com</t>
  </si>
  <si>
    <t>C:\Windows\System32\config\</t>
  </si>
  <si>
    <t>DRIVERS{fd9a35cb-49fe-11e9-aa2c-248a07783950}.TM.blf</t>
  </si>
  <si>
    <t>mail.google.com/sync/u/0/i/s?hl=pt-BR&amp;c=30</t>
  </si>
  <si>
    <t>mail.google.com/sync/u/0/i/s?hl=pt-BR&amp;c=33</t>
  </si>
  <si>
    <t>Levantamento horas V2_Elaine.xlsx</t>
  </si>
  <si>
    <t>mail.google.com/sync/u/0/i/s?hl=pt-BR&amp;c=38</t>
  </si>
  <si>
    <t>10.200.67.185</t>
  </si>
  <si>
    <t>D0-94-66-B5-5D-08</t>
  </si>
  <si>
    <t>VOTORANT-ABB013</t>
  </si>
  <si>
    <t>mail.google.com/sync/u/0/i/s?hl=pt-BR&amp;c=41</t>
  </si>
  <si>
    <t>mail.google.com/sync/u/0/i/s?hl=pt-BR&amp;c=44</t>
  </si>
  <si>
    <t>\\acsfs\profiles$\fabianafv\My Documents\</t>
  </si>
  <si>
    <t>registro.txt</t>
  </si>
  <si>
    <t>\\acsfs\profiles$\alexandrapp\registro.txt</t>
  </si>
  <si>
    <t>https://hn.inspectlet.com/ginit/549012128</t>
  </si>
  <si>
    <t>uninstall.zip</t>
  </si>
  <si>
    <t>Algar_Compressed Files</t>
  </si>
  <si>
    <t>PowerPoint.MetroBlob.pptx</t>
  </si>
  <si>
    <t>Algar_Presentation</t>
  </si>
  <si>
    <t>PowerPoint.MetroBlob1.pptx</t>
  </si>
  <si>
    <t>PowerPoint.MetroBlob2.pptx</t>
  </si>
  <si>
    <t>PowerPoint.MetroBlob3.pptx</t>
  </si>
  <si>
    <t>Algar_Spreadsheets</t>
  </si>
  <si>
    <t>robsonams@algartech.com</t>
  </si>
  <si>
    <t>mail.google.com/sync/u/0/i/s?hl=pt-BR&amp;c=13</t>
  </si>
  <si>
    <t>mail.google.com/sync/u/0/i/s?hl=pt-BR&amp;c=15</t>
  </si>
  <si>
    <t>mail.google.com/sync/u/0/i/s?hl=pt-BR&amp;c=17</t>
  </si>
  <si>
    <t>Regras DLP.xlsx</t>
  </si>
  <si>
    <t>10.200.66.31</t>
  </si>
  <si>
    <t>78-2B-CB-C1-07-72</t>
  </si>
  <si>
    <t>VOTORANT-IB020</t>
  </si>
  <si>
    <t>cassianogc</t>
  </si>
  <si>
    <t>\\acsfs\profiles$\cassianogc\My Documents\</t>
  </si>
  <si>
    <t>higorss</t>
  </si>
  <si>
    <t>\\acsfs\profiles$\higorss\Downloads\</t>
  </si>
  <si>
    <t>98b2125f-f193-4cef-b1ea-693857281635;</t>
  </si>
  <si>
    <t>https://lurker.olx.com.br/track?defaultevent=true</t>
  </si>
  <si>
    <t>https://lurker.olx.com.br/track</t>
  </si>
  <si>
    <t>\\acsfs\profiles$\regisadsa\My Documents\</t>
  </si>
  <si>
    <t>usuarios.txt</t>
  </si>
  <si>
    <t>\\acsfs\profiles$\regisadsa\My Documents\usuarios.txt</t>
  </si>
  <si>
    <t>\\acsfs\DEPTOS\Operacao\Banco_Votorantim\Qualidade\Eliane\Contestação MUTANT\</t>
  </si>
  <si>
    <t>paulotdsf</t>
  </si>
  <si>
    <t>https://browser.pipe.aria.microsoft.com/collector/3.0/?qsp=true&amp;content-type=application/bond-compact-binary&amp;client-id=no_auth&amp;sdk-version=awt-web-cjs-1.2.2&amp;x-apikey=3b1ea01450be48f29759d868931e225d-7167685b-f6ff-421c-aa64-8ae16fe92128-7283</t>
  </si>
  <si>
    <t>http://api.viglink.com/api/domains</t>
  </si>
  <si>
    <t>10.200.66.156</t>
  </si>
  <si>
    <t>sorayadsr</t>
  </si>
  <si>
    <t>\\acsfs\profiles$\sorayadsr\My Documents\</t>
  </si>
  <si>
    <t>CONSIGNADO.txt</t>
  </si>
  <si>
    <t>\\acsfs\profiles$\sorayadsr\My Documents\CONSIGNADO.txt</t>
  </si>
  <si>
    <t>:favicon:$DATA</t>
  </si>
  <si>
    <t>11/30/2019 15:16:10</t>
  </si>
  <si>
    <t>C:\Users\fellypcsj\OneDrive - Grupo Algar\Engeset\ADMINISTRATIVO FINANCEIRO\GEO GOVERNANÇA\LOGISTÍCA\ESTOQUE TERCEIRO\MOVIMENTAÇÕES PENDENTES\2019\REUNIÃO OPERACIONAL\Estoque de Serial\</t>
  </si>
  <si>
    <t>11/30/2019 15:16:35</t>
  </si>
  <si>
    <t>C:\Users\fellypcsj\OneDrive - Grupo Algar\Engeset\ADMINISTRATIVO FINANCEIRO\GEO GOVERNANÇA\LOGISTÍCA\ESTOQUE TERCEIRO\MOVIMENTAÇÕES PENDENTES\2019\08\</t>
  </si>
  <si>
    <t>082019 - INSERVIVEIS.xlsx</t>
  </si>
  <si>
    <t>11/30/2019 15:16:40</t>
  </si>
  <si>
    <t>C:\Users\fellypcsj\OneDrive - Grupo Algar\Engeset\ADMINISTRATIVO FINANCEIRO\GEO GOVERNANÇA\LOGISTÍCA\ESTOQUE TERCEIRO\MOVIMENTAÇÕES PENDENTES\2019\REUNIÃO OPERACIONAL\Transferências recebidas\</t>
  </si>
  <si>
    <t>RptTransferenciaMaterial.csv</t>
  </si>
  <si>
    <t>11/30/2019 15:16:47</t>
  </si>
  <si>
    <t>C:\Users\fellypcsj\OneDrive - Grupo Algar\Engeset\ADMINISTRATIVO FINANCEIRO\GEO GOVERNANÇA\LOGISTÍCA\ESTOQUE TERCEIRO\MOVIMENTAÇÕES PENDENTES\2019\REUNIÃO OPERACIONAL\Transferência destino\</t>
  </si>
  <si>
    <t>11/30/2019 15:16:49</t>
  </si>
  <si>
    <t>C:\Users\fellypcsj\OneDrive - Grupo Algar\Engeset\ADMINISTRATIVO FINANCEIRO\GEO GOVERNANÇA\LOGISTÍCA\ESTOQUE TERCEIRO\MOVIMENTAÇÕES PENDENTES\2019\REUNIÃO OPERACIONAL\Estoque de Tecnico\</t>
  </si>
  <si>
    <t>RptEstoqueTecnicoSerial.csv</t>
  </si>
  <si>
    <t>11/30/2019 15:16:50</t>
  </si>
  <si>
    <t>C:\Users\fellypcsj\OneDrive - Grupo Algar\Engeset\ADMINISTRATIVO FINANCEIRO\GEO GOVERNANÇA\LOGISTÍCA\ESTOQUE TERCEIRO\MOVIMENTAÇÕES PENDENTES\2019\REUNIÃO OPERACIONAL\Requisição\</t>
  </si>
  <si>
    <t>11/30/2019 15:16:55</t>
  </si>
  <si>
    <t>C:\Users\fellypcsj\OneDrive - Grupo Algar\Engeset\ADMINISTRATIVO FINANCEIRO\GEO GOVERNANÇA\LOGISTÍCA\ESTOQUE TERCEIRO\APRESENTAÇÃO\Atual\Estoque de serial\</t>
  </si>
  <si>
    <t>11/30/2019 15:16:57</t>
  </si>
  <si>
    <t>C:\Users\fellypcsj\OneDrive - Grupo Algar\Engeset\ADMINISTRATIVO FINANCEIRO\GEO GOVERNANÇA\LOGISTÍCA\ESTOQUE TERCEIRO\APRESENTAÇÃO\Atual\Requisição\</t>
  </si>
  <si>
    <t>11/30/2019 15:16:58</t>
  </si>
  <si>
    <t>C:\Users\fellypcsj\OneDrive - Grupo Algar\Engeset\ADMINISTRATIVO FINANCEIRO\GEO GOVERNANÇA\LOGISTÍCA\ESTOQUE TERCEIRO\APRESENTAÇÃO\Atual\Transferencias recebidas\</t>
  </si>
  <si>
    <t>11/30/2019 15:17:11</t>
  </si>
  <si>
    <t>C:\Users\fellypcsj\OneDrive - Grupo Algar\Engeset\ADMINISTRATIVO FINANCEIRO\GEO GOVERNANÇA\LOGISTÍCA\ESTOQUE TERCEIRO\APRESENTAÇÃO\Atual\Estoque de tecnico\</t>
  </si>
  <si>
    <t>11/30/2019 15:17:12</t>
  </si>
  <si>
    <t>C:\Users\fellypcsj\OneDrive - Grupo Algar\Engeset\ADMINISTRATIVO FINANCEIRO\GEO GOVERNANÇA\LOGISTÍCA\ESTOQUE TERCEIRO\APRESENTAÇÃO\Atual\Transferencia destino\</t>
  </si>
  <si>
    <t>11/30/2019 15:29:33</t>
  </si>
  <si>
    <t>11/26/2019 08:18:49</t>
  </si>
  <si>
    <t>10.200.60.114</t>
  </si>
  <si>
    <t>D:\PÓS UFU\TCC\</t>
  </si>
  <si>
    <t>Tabela 1 dos autores referenciados.xlsx</t>
  </si>
  <si>
    <t>D:\PÓS UFU\TCC\Tabela 1 dos autores referenciados.xlsx</t>
  </si>
  <si>
    <t>11/26/2019 08:25:13</t>
  </si>
  <si>
    <t>11/26/2019 08:40:51</t>
  </si>
  <si>
    <t>11/26/2019 13:53:10</t>
  </si>
  <si>
    <t>11/26/2019 17:33:47</t>
  </si>
  <si>
    <t>11/30/2019 09:27:43</t>
  </si>
  <si>
    <t>11/30/2019 09:38:13</t>
  </si>
  <si>
    <t>11/30/2019 09:46:04</t>
  </si>
  <si>
    <t>11/30/2019 09:46:36</t>
  </si>
  <si>
    <t>11/30/2019 09:47:21</t>
  </si>
  <si>
    <t>11/30/2019 09:47:51</t>
  </si>
  <si>
    <t>11/30/2019 16:18:12</t>
  </si>
  <si>
    <t>11/30/2019 16:18:34</t>
  </si>
  <si>
    <t>11/30/2019 16:21:43</t>
  </si>
  <si>
    <t>11/30/2019 16:21:55</t>
  </si>
  <si>
    <t>11/30/2019 16:58:03</t>
  </si>
  <si>
    <t>D:\PÓS UFU\TCC\TCC- SERVIÇO PÚBLICO\</t>
  </si>
  <si>
    <t>Tabela de contextualização das referencias.xlsx</t>
  </si>
  <si>
    <t>D:\PÓS UFU\TCC\TCC- SERVIÇO PÚBLICO\Tabela de contextualização das referencias.xlsx</t>
  </si>
  <si>
    <t>11/30/2019 17:18:07</t>
  </si>
  <si>
    <t>11/30/2019 17:30:33</t>
  </si>
  <si>
    <t>11/30/2019 17:33:56</t>
  </si>
  <si>
    <t>11/30/2019 17:53:16</t>
  </si>
  <si>
    <t>\\acsfs\profiles$\dhiulliananads\My Documents\</t>
  </si>
  <si>
    <t>.~lock.Dhiulliana.ods#</t>
  </si>
  <si>
    <t>\\acsfs\profiles$\dhiulliananads\My Documents\.~lock.Dhiulliana.ods#</t>
  </si>
  <si>
    <t>https://algar.workplace.com/messaging/send/</t>
  </si>
  <si>
    <t>\\acsfs\profiles$\luanarda\</t>
  </si>
  <si>
    <t>.~lock.VENDAS 12-2019.ods#</t>
  </si>
  <si>
    <t>\\acsfs\profiles$\luanarda\.~lock.VENDAS 12-2019.ods#</t>
  </si>
  <si>
    <t>2° CICLO DEZEMBRO.txt</t>
  </si>
  <si>
    <t>\\acsfs\DEPTOS\Operacao\Banco_Votorantim\Qualidade\Eliane\Monitorias DEZEMBRO\2° CICLO DEZEMBRO.txt</t>
  </si>
  <si>
    <t>10.200.67.49</t>
  </si>
  <si>
    <t>78-2B-CB-C1-05-F7</t>
  </si>
  <si>
    <t>VOTORANT-FB019</t>
  </si>
  <si>
    <t>\\acsfs\profiles$\milenaas\Contacts\</t>
  </si>
  <si>
    <t>\\acsfs\profiles$\milenaas\My Documents\My Videos\</t>
  </si>
  <si>
    <t>desktop.ini</t>
  </si>
  <si>
    <t>\\acsfs\profiles$\milenaas\My Documents\My Videos\desktop.ini</t>
  </si>
  <si>
    <t>\\acsfs\profiles$\milenaas\My Documents\My Pictures\</t>
  </si>
  <si>
    <t>\\acsfs\profiles$\milenaas\My Documents\My Pictures\desktop.ini</t>
  </si>
  <si>
    <t>\\acsfs\profiles$\milenaas\Contacts\desktop.ini</t>
  </si>
  <si>
    <t>\\acsfs\profiles$\milenaas\Favorites\</t>
  </si>
  <si>
    <t>\\acsfs\profiles$\milenaas\Favorites\desktop.ini</t>
  </si>
  <si>
    <t>\\acsfs\profiles$\milenaas\My Documents\My Music\</t>
  </si>
  <si>
    <t>\\acsfs\profiles$\milenaas\My Documents\My Music\desktop.ini</t>
  </si>
  <si>
    <t>\\acsfs\profiles$\milenaas\Searches\</t>
  </si>
  <si>
    <t>\\acsfs\profiles$\milenaas\Searches\desktop.ini</t>
  </si>
  <si>
    <t>\\acsfs\profiles$\milenaas\Downloads\desktop.ini</t>
  </si>
  <si>
    <t>\\acsfs\profiles$\milenaas\My Documents\</t>
  </si>
  <si>
    <t>\\acsfs\profiles$\milenaas\My Documents\desktop.ini</t>
  </si>
  <si>
    <t>\\acsfs\profiles$\milenaas\Saved Games\</t>
  </si>
  <si>
    <t>\\acsfs\profiles$\milenaas\Saved Games\desktop.ini</t>
  </si>
  <si>
    <t>\\acsfs\profiles$\milenaas\Favorites\Links for Brasil\</t>
  </si>
  <si>
    <t>\\acsfs\profiles$\milenaas\Favorites\Links for Brasil\desktop.ini</t>
  </si>
  <si>
    <t>\\acsfs\profiles$\milenaas\Favorites\Links for Brasil\Microsoft Brasil.url</t>
  </si>
  <si>
    <t>\\acsfs\profiles$\milenaas\Favorites\Links for Brasil\Windows Brasil.url</t>
  </si>
  <si>
    <t>\\acsfs\profiles$\milenaas\Favorites\Links for Brasil\MSN Brasil.url</t>
  </si>
  <si>
    <t>.~lock.Planilha Vendas.ods#</t>
  </si>
  <si>
    <t>\\acsfs\profiles$\dhiulliananads\My Documents\.~lock.Planilha Vendas.ods#</t>
  </si>
  <si>
    <t>manifest.rdf</t>
  </si>
  <si>
    <t>manifest.xml</t>
  </si>
  <si>
    <t>meta.xml</t>
  </si>
  <si>
    <t>mimetype</t>
  </si>
  <si>
    <t>settings.xml</t>
  </si>
  <si>
    <t>styles.xml</t>
  </si>
  <si>
    <t>thumbnail.png</t>
  </si>
  <si>
    <t>D:\ALGAR TECH\001 - Cloud MSP\Parcerias\Cloud Provider\AWS\Oportunidades\</t>
  </si>
  <si>
    <t>PoC_-_Investimento-v1-Bradesco.xlsx</t>
  </si>
  <si>
    <t>D:\ALGAR TECH\004 - Projetos Cloud\03 - CCoE\documentation\01-Projetos\AlgarTech-BradescoAntiFraude\04 - Arquivos\</t>
  </si>
  <si>
    <t>.~lock.vendas 112019.ods#</t>
  </si>
  <si>
    <t>\\acsfs\profiles$\kamillacr\My Documents\.~lock.vendas 112019.ods#</t>
  </si>
  <si>
    <t>10.200.57.58</t>
  </si>
  <si>
    <t>COMISSÃO FORÇA VENDAS - 3º Tri - 2019_V7_SF_SUELEN (1).xlsb</t>
  </si>
  <si>
    <t>10.200.67.28</t>
  </si>
  <si>
    <t>74-86-7A-FB-17-C3</t>
  </si>
  <si>
    <t>VOTORANT-MB006</t>
  </si>
  <si>
    <t>milennyss</t>
  </si>
  <si>
    <t>\\acsfs\profiles$\milennyss\Favorites\</t>
  </si>
  <si>
    <t>citrix.url:favicon</t>
  </si>
  <si>
    <t>\\acsfs\profiles$\milennyss\Favorites\citrix.url:favicon</t>
  </si>
  <si>
    <t>\\acsfs\profiles$\milennyss\Favorites\citrix.url\</t>
  </si>
  <si>
    <t>\\acsfs\profiles$\milennyss\Favorites\citrix.url\:favicon:$DATA</t>
  </si>
  <si>
    <t>citrix.url</t>
  </si>
  <si>
    <t>\\acsfs\profiles$\milennyss\Favorites\citrix.url</t>
  </si>
  <si>
    <t>tiagorpf@algartech.com.br;</t>
  </si>
  <si>
    <t>tiagorpf@algartech.com.br</t>
  </si>
  <si>
    <t>Monitorias Oficiais.xls</t>
  </si>
  <si>
    <t>mail.google.com/sync/u/0/i/s?hl=pt-BR&amp;c=55</t>
  </si>
  <si>
    <t>mail.google.com/sync/u/0/i/s?hl=pt-BR&amp;c=60</t>
  </si>
  <si>
    <t>mail.google.com/sync/u/0/i/s?hl=pt-BR&amp;c=71</t>
  </si>
  <si>
    <t>mail.google.com/sync/u/0/i/s?hl=pt-BR&amp;c=73</t>
  </si>
  <si>
    <t>mail.google.com/sync/u/0/i/s?hl=pt-BR&amp;c=75</t>
  </si>
  <si>
    <t>mail.google.com/sync/u/0/i/s?hl=pt-BR&amp;c=77</t>
  </si>
  <si>
    <t>mail.google.com/sync/u/0/i/s?hl=pt-BR&amp;c=80</t>
  </si>
  <si>
    <t>mail.google.com/sync/u/0/i/s?hl=pt-BR&amp;c=82</t>
  </si>
  <si>
    <t>adrielyas</t>
  </si>
  <si>
    <t>\\acsfs\profiles$\adrielyas\Downloads\</t>
  </si>
  <si>
    <t>11/28/2019 15:36:05</t>
  </si>
  <si>
    <t>C:\temp\CollectIT\</t>
  </si>
  <si>
    <t>10.200.66.177</t>
  </si>
  <si>
    <t>MATHEUS HENRIQUE DOS SANTOS (17428).contact</t>
  </si>
  <si>
    <t>\\acsfs\profiles$\matheushds\Contacts\MATHEUS HENRIQUE DOS SANTOS (17428).contact</t>
  </si>
  <si>
    <t>\\acsfs\profiles$\matheushds\My Documents\My Videos\</t>
  </si>
  <si>
    <t>\\acsfs\profiles$\matheushds\My Documents\My Videos\desktop.ini</t>
  </si>
  <si>
    <t>\\acsfs\profiles$\matheushds\My Documents\My Pictures\</t>
  </si>
  <si>
    <t>\\acsfs\profiles$\matheushds\My Documents\My Pictures\desktop.ini</t>
  </si>
  <si>
    <t>\\acsfs\profiles$\matheushds\Contacts\desktop.ini</t>
  </si>
  <si>
    <t>\\acsfs\profiles$\matheushds\Favorites\</t>
  </si>
  <si>
    <t>\\acsfs\profiles$\matheushds\Favorites\desktop.ini</t>
  </si>
  <si>
    <t>\\acsfs\profiles$\matheushds\My Documents\My Music\</t>
  </si>
  <si>
    <t>\\acsfs\profiles$\matheushds\My Documents\My Music\desktop.ini</t>
  </si>
  <si>
    <t>\\acsfs\profiles$\matheushds\Searches\</t>
  </si>
  <si>
    <t>\\acsfs\profiles$\matheushds\Searches\desktop.ini</t>
  </si>
  <si>
    <t>\\acsfs\profiles$\matheushds\Downloads\desktop.ini</t>
  </si>
  <si>
    <t>\\acsfs\profiles$\matheushds\My Documents\</t>
  </si>
  <si>
    <t>\\acsfs\profiles$\matheushds\My Documents\desktop.ini</t>
  </si>
  <si>
    <t>\\acsfs\profiles$\matheushds\Saved Games\</t>
  </si>
  <si>
    <t>\\acsfs\profiles$\matheushds\Saved Games\desktop.ini</t>
  </si>
  <si>
    <t>\\acsfs\profiles$\matheushds\Favorites\Links for Brasil\desktop.ini</t>
  </si>
  <si>
    <t>https://www.portalsinergyrh.com.br/operador/quadrocolaboradores/subirexcelgestorescomvalidacao</t>
  </si>
  <si>
    <t>/o=exchangelabs/ou=exchange administrative group (fydibohf23spdlt)/cn=recipients/cn=0bafe1ed27024338be4e911e19871cd1-william rob;/o=exchangelabs/ou=exchange administrative group (fydibohf23spdlt)/cn=recipients/cn=2144abc9537143519f505fcb8550b74c-juliana emi;/o=exchangelabs/ou=exchange administrative group (fydibohf23spdlt)/cn=recipients/cn=287c26b08a0f48578479a15a452f025d-edilson rod;/o=exchangelabs/ou=exchange administrative group (fydibohf23spdlt)/cn=recipients/cn=372a4aee70df4061aed129651510b96b-raul montei;/o=exchangelabs/ou=exchange administrative group (fydibohf23spdlt)/cn=recipients/cn=3b76b3dd02a14d289cc323d3c8d12b81-waleska mar;/o=exchangelabs/ou=exchange administrative group (fydibohf23spdlt)/cn=recipients/cn=44f0a666541444e787f23979b24aa3bd-reginaldo r;/o=exchangelabs/ou=exchange administrative group (fydibohf23spdlt)/cn=recipients/cn=55f846c335d7437f892f0b0d49c89e92-celma ribei;/o=exchangelabs/ou=exchange administrative group (fydibohf23spdlt)/cn=recipients/cn=56c2af2d07fd48c0aebfc00ddc006494-ales</t>
  </si>
  <si>
    <t>/o=exchangelabs/ou=exchange administrative group (fydibohf23spdlt)/cn=recipients/cn=0bafe1ed27024338be4e911e19871cd1-william rob,/o=exchangelabs/ou=exchange administrative group (fydibohf23spdlt)/cn=recipients/cn=2144abc9537143519f505fcb8550b74c-juliana emi,/o=exchangelabs/ou=exchange administrative group (fydibohf23spdlt)/cn=recipients/cn=287c26b08a0f48578479a15a452f025d-edilson rod,/o=exchangelabs/ou=exchange administrative group (fydibohf23spdlt)/cn=recipients/cn=372a4aee70df4061aed129651510b96b-raul montei,/o=exchangelabs/ou=exchange administrative group (fydibohf23spdlt)/cn=recipients/cn=3b76b3dd02a14d289cc323d3c8d12b81-waleska mar,/o=exchangelabs/ou=exchange administrative group (fydibohf23spdlt)/cn=recipients/cn=44f0a666541444e787f23979b24aa3bd-reginaldo r,/o=exchangelabs/ou=exchange administrative group (fydibohf23spdlt)/cn=recipients/cn=55f846c335d7437f892f0b0d49c89e92-celma ribei,/o=exchangelabs/ou=exchange administrative group (fydibohf23spdlt)/cn=recipients/cn=56c2af2d07fd48c0aebfc00ddc006494-ales</t>
  </si>
  <si>
    <t>/o=exchangelabs/ou=exchange administrative group (fydibohf23spdlt)/cn=recipients/cn=010c9ad8a2ca4b90b7642d039dda856e-karolyne ca;/o=exchangelabs/ou=exchange administrative group (fydibohf23spdlt)/cn=recipients/cn=01aeb64eff0d4de086089df15fb8ab85-lidiana fer;/o=exchangelabs/ou=exchange administrative group (fydibohf23spdlt)/cn=recipients/cn=022f9be39d034221ac81aa3656cce40a-ana paula s;/o=exchangelabs/ou=exchange administrative group (fydibohf23spdlt)/cn=recipients/cn=026b94ca382e4c53b6edc028cfd1185a-alvaro brun;/o=exchangelabs/ou=exchange administrative group (fydibohf23spdlt)/cn=recipients/cn=0397d0473d5f42a78f4b9ffd0e537f3a-paula garci;/o=exchangelabs/ou=exchange administrative group (fydibohf23spdlt)/cn=recipients/cn=04ff9975af994627902477cd10e5d09d-fabricio vi;/o=exchangelabs/ou=exchange administrative group (fydibohf23spdlt)/cn=recipients/cn=0673cd34d1b2417c834ebe2a895edd43-maicon mora;/o=exchangelabs/ou=exchange administrative group (fydibohf23spdlt)/cn=recipients/cn=06c212ca7d9b400c9209ba4b0d93851d-ziln</t>
  </si>
  <si>
    <t>/o=exchangelabs/ou=exchange administrative group (fydibohf23spdlt)/cn=recipients/cn=010c9ad8a2ca4b90b7642d039dda856e-karolyne ca,/o=exchangelabs/ou=exchange administrative group (fydibohf23spdlt)/cn=recipients/cn=01aeb64eff0d4de086089df15fb8ab85-lidiana fer,/o=exchangelabs/ou=exchange administrative group (fydibohf23spdlt)/cn=recipients/cn=022f9be39d034221ac81aa3656cce40a-ana paula s,/o=exchangelabs/ou=exchange administrative group (fydibohf23spdlt)/cn=recipients/cn=026b94ca382e4c53b6edc028cfd1185a-alvaro brun,/o=exchangelabs/ou=exchange administrative group (fydibohf23spdlt)/cn=recipients/cn=0397d0473d5f42a78f4b9ffd0e537f3a-paula garci,/o=exchangelabs/ou=exchange administrative group (fydibohf23spdlt)/cn=recipients/cn=04ff9975af994627902477cd10e5d09d-fabricio vi,/o=exchangelabs/ou=exchange administrative group (fydibohf23spdlt)/cn=recipients/cn=0673cd34d1b2417c834ebe2a895edd43-maicon mora,/o=exchangelabs/ou=exchange administrative group (fydibohf23spdlt)/cn=recipients/cn=06c212ca7d9b400c9209ba4b0d93851d-ziln</t>
  </si>
  <si>
    <t>mar;</t>
  </si>
  <si>
    <t>https://mar</t>
  </si>
  <si>
    <t>D:\OneDrive\AlgarTech\Pré-Vendas\Cliente\2019\A100\215436 - A100 - SPOF - Option 1\</t>
  </si>
  <si>
    <t>215436_Dimensionamento_GP.xlsx</t>
  </si>
  <si>
    <t>\\acsfs\profiles$\talitassc\My Documents\My Videos\</t>
  </si>
  <si>
    <t>\\acsfs\profiles$\talitassc\My Documents\My Videos\desktop.ini</t>
  </si>
  <si>
    <t>\\acsfs\profiles$\talitassc\My Documents\My Pictures\</t>
  </si>
  <si>
    <t>\\acsfs\profiles$\talitassc\My Documents\My Pictures\desktop.ini</t>
  </si>
  <si>
    <t>\\acsfs\profiles$\talitassc\Contacts\desktop.ini</t>
  </si>
  <si>
    <t>\\acsfs\profiles$\talitassc\Favorites\</t>
  </si>
  <si>
    <t>\\acsfs\profiles$\talitassc\Favorites\desktop.ini</t>
  </si>
  <si>
    <t>\\acsfs\profiles$\talitassc\My Documents\My Music\</t>
  </si>
  <si>
    <t>\\acsfs\profiles$\talitassc\My Documents\My Music\desktop.ini</t>
  </si>
  <si>
    <t>\\acsfs\profiles$\talitassc\Searches\</t>
  </si>
  <si>
    <t>\\acsfs\profiles$\talitassc\Searches\desktop.ini</t>
  </si>
  <si>
    <t>\\acsfs\profiles$\talitassc\Downloads\</t>
  </si>
  <si>
    <t>\\acsfs\profiles$\talitassc\Downloads\desktop.ini</t>
  </si>
  <si>
    <t>\\acsfs\profiles$\talitassc\My Documents\</t>
  </si>
  <si>
    <t>\\acsfs\profiles$\talitassc\My Documents\desktop.ini</t>
  </si>
  <si>
    <t>\\acsfs\profiles$\talitassc\Saved Games\</t>
  </si>
  <si>
    <t>\\acsfs\profiles$\talitassc\Saved Games\desktop.ini</t>
  </si>
  <si>
    <t>\\acsfs\profiles$\talitassc\Favorites\Links for Brasil\desktop.ini</t>
  </si>
  <si>
    <t>C:\Users\lucianabo\Desktop\2019\12 - Dezembro\PRÉVIA\</t>
  </si>
  <si>
    <t>\\acsfs\profiles$\milennyss\Favorites\Minha Escala - 1.url\</t>
  </si>
  <si>
    <t>\\acsfs\profiles$\milennyss\Favorites\Minha Escala - 1.url\:favicon:$DATA</t>
  </si>
  <si>
    <t>Minha Escala - 1.url</t>
  </si>
  <si>
    <t>\\acsfs\profiles$\milennyss\Favorites\Minha Escala - 1.url</t>
  </si>
  <si>
    <t>C:\Users\rodrigombu\OneDrive - Grupo Algar\Whirlpool\2019\12 - Dezembro\Arquivos\RAF\</t>
  </si>
  <si>
    <t>Produtividade RAF -DEZ-2019 - 09 -12- 2019.xlsm</t>
  </si>
  <si>
    <t>C:\Users\ythiakgm\Downloads\</t>
  </si>
  <si>
    <t>C:\Users\edilsonrb\Documents\02.Trabalho\85.ANO.2019\04.CLIENTES\02.AMAZON\</t>
  </si>
  <si>
    <t>2019_12_06_QA_ODATA respostas BV (1).xlsx</t>
  </si>
  <si>
    <t>C:\Users\wanessabds\Downloads\</t>
  </si>
  <si>
    <t>mail.google.com/sync/u/0/i/s?hl=pt-BR&amp;c=29</t>
  </si>
  <si>
    <t>mail.google.com/sync/u/0/i/s?hl=pt-BR&amp;c=31</t>
  </si>
  <si>
    <t>mail.google.com/sync/u/0/i/s?hl=pt-BR&amp;c=36</t>
  </si>
  <si>
    <t>mail.google.com/sync/u/0/i/s?hl=pt-BR&amp;c=39</t>
  </si>
  <si>
    <t>mail.google.com/sync/u/0/i/s?hl=pt-BR&amp;c=43</t>
  </si>
  <si>
    <t>mail.google.com/sync/u/0/i/s?hl=pt-BR&amp;c=48</t>
  </si>
  <si>
    <t>mail.google.com/sync/u/0/i/s?hl=pt-BR&amp;c=50</t>
  </si>
  <si>
    <t>mail.google.com/sync/u/0/i/s?hl=pt-BR&amp;c=58</t>
  </si>
  <si>
    <t>mail.google.com/sync/u/0/i/s?hl=pt-BR&amp;c=109</t>
  </si>
  <si>
    <t>Thumbs.db</t>
  </si>
  <si>
    <t>Faturamento.Sage.Dezembro.v1.xlsx</t>
  </si>
  <si>
    <t>gabrielafs</t>
  </si>
  <si>
    <t>\\acsfs\profiles$\gabrielafs\Downloads\</t>
  </si>
  <si>
    <t>10.200.66.160</t>
  </si>
  <si>
    <t>74-86-7A-FC-CE-DF</t>
  </si>
  <si>
    <t>VOTORANT-SB006</t>
  </si>
  <si>
    <t>marianerdo</t>
  </si>
  <si>
    <t>\\acsfs\DEPTOS\EDUCACAO EMPRESARIAL\2 - Operações\0.01 BV CARTÕES\Mariane\</t>
  </si>
  <si>
    <t>mail.google.com/sync/u/0/i/s?hl=pt-BR&amp;c=67</t>
  </si>
  <si>
    <t>10.200.67.182</t>
  </si>
  <si>
    <t>78-2B-CB-C1-07-56</t>
  </si>
  <si>
    <t>VOTORANT-IB003</t>
  </si>
  <si>
    <t>C:\Users\rodrigombu\OneDrive - Grupo Algar\Whirlpool\2019\12 - Dezembro\Arquivos\FAROL CHURN\</t>
  </si>
  <si>
    <t>Base BW % Conversão - Dez -2019 - Parcial - 09 -12-19.xlsm</t>
  </si>
  <si>
    <t>mail.google.com/sync/u/0/i/s?hl=pt-BR&amp;c=371</t>
  </si>
  <si>
    <t>mail.google.com/sync/u/0/i/s?hl=pt-BR&amp;c=373</t>
  </si>
  <si>
    <t>mail.google.com/sync/u/0/i/s?hl=pt-BR&amp;c=375</t>
  </si>
  <si>
    <t>mail.google.com/sync/u/0/i/s?hl=pt-BR&amp;c=377</t>
  </si>
  <si>
    <t>mail.google.com/sync/u/0/i/s?hl=pt-BR&amp;c=382</t>
  </si>
  <si>
    <t>mail.google.com/sync/u/0/i/s?hl=pt-BR&amp;c=384</t>
  </si>
  <si>
    <t>mail.google.com/sync/u/0/i/s?hl=pt-BR&amp;c=387</t>
  </si>
  <si>
    <t>mail.google.com/sync/u/0/i/s?hl=pt-BR&amp;c=389</t>
  </si>
  <si>
    <t>mail.google.com/sync/u/0/i/s?hl=pt-BR&amp;c=392</t>
  </si>
  <si>
    <t>mail.google.com/sync/u/0/i/s?hl=pt-BR&amp;c=98</t>
  </si>
  <si>
    <t>mail.google.com/sync/u/0/i/s?hl=pt-BR&amp;c=101</t>
  </si>
  <si>
    <t>mail.google.com/sync/u/0/i/s?hl=pt-BR&amp;c=103</t>
  </si>
  <si>
    <t>mail.google.com/sync/u/0/i/s?hl=pt-BR&amp;c=105</t>
  </si>
  <si>
    <t>mail.google.com/sync/u/0/i/s?hl=pt-BR&amp;c=107</t>
  </si>
  <si>
    <t>mail.google.com/sync/u/0/i/s?hl=pt-BR&amp;c=110</t>
  </si>
  <si>
    <t>mail.google.com/sync/u/0/i/s?hl=pt-BR&amp;c=394</t>
  </si>
  <si>
    <t>mail.google.com/sync/u/0/i/s?hl=pt-BR&amp;c=397</t>
  </si>
  <si>
    <t>mail.google.com/sync/u/0/i/s?hl=pt-BR&amp;c=163</t>
  </si>
  <si>
    <t>mail.google.com/sync/u/0/i/s?hl=pt-BR&amp;c=166</t>
  </si>
  <si>
    <t>mail.google.com/sync/u/0/i/s?hl=pt-BR&amp;c=169</t>
  </si>
  <si>
    <t>mail.google.com/sync/u/0/i/s?hl=pt-BR&amp;c=173</t>
  </si>
  <si>
    <t>mail.google.com/sync/u/0/i/s?hl=pt-BR&amp;c=175</t>
  </si>
  <si>
    <t>mail.google.com/sync/u/0/i/s?hl=pt-BR&amp;c=177</t>
  </si>
  <si>
    <t>mail.google.com/sync/u/0/i/s?hl=pt-BR&amp;c=179</t>
  </si>
  <si>
    <t>panetones.xlsx</t>
  </si>
  <si>
    <t>10.200.60.13</t>
  </si>
  <si>
    <t>64-1C-67-9C-55-32</t>
  </si>
  <si>
    <t>gustavoas@algartech.com</t>
  </si>
  <si>
    <t>\\acsfs\profiles$\gabrielafs\</t>
  </si>
  <si>
    <t>Abordagem do cliente + vendas.txt</t>
  </si>
  <si>
    <t>\\acsfs\profiles$\gabrielafs\Abordagem do cliente + vendas.txt</t>
  </si>
  <si>
    <t>10.200.67.17</t>
  </si>
  <si>
    <t>78-2B-CB-C1-05-35</t>
  </si>
  <si>
    <t>VOTORANT-GB008</t>
  </si>
  <si>
    <t>danielpdl</t>
  </si>
  <si>
    <t>\\acsfs\profiles$\danielpdl\Downloads\</t>
  </si>
  <si>
    <t>elianegr@algartech.com</t>
  </si>
  <si>
    <t>mail.google.com/sync/u/0/i/s?hl=pt-BR&amp;c=35</t>
  </si>
  <si>
    <t>mail.google.com/sync/u/0/i/s?hl=pt-BR&amp;c=37</t>
  </si>
  <si>
    <t>rodolfogv@algartech.com</t>
  </si>
  <si>
    <t>10.200.66.145</t>
  </si>
  <si>
    <t>78-2B-CB-C1-07-D7</t>
  </si>
  <si>
    <t>VOTORANT-IB015</t>
  </si>
  <si>
    <t>\\acsfs\Deptos\Operacao\Banco_Votorantim\Qualidade\Fernanda\RECLAMAÇÃO E OUVIDORIA\MODELO DE LAUDO EM BRANCO (4) - Cópia - Cópia - Cópia.docx\</t>
  </si>
  <si>
    <t>image1.wmf</t>
  </si>
  <si>
    <t>image10.wmf</t>
  </si>
  <si>
    <t>image2.wmf</t>
  </si>
  <si>
    <t>image20.wmf</t>
  </si>
  <si>
    <t>MODELO DE LAUDO EM BRANCO (4) - Cópia - Cópia - Cópia.docx</t>
  </si>
  <si>
    <t>\\acsfs\profiles$\alicecpbc\Downloads\</t>
  </si>
  <si>
    <t>CPF 09936554833 Adnilton Nascimento.pdf</t>
  </si>
  <si>
    <t>mail.google.com/sync/u/0/i/s?hl=pt-BR&amp;c=95</t>
  </si>
  <si>
    <t>mail.google.com/sync/u/0/i/s?hl=pt-BR&amp;c=97</t>
  </si>
  <si>
    <t>mail.google.com/sync/u/0/i/s?hl=pt-BR&amp;c=99</t>
  </si>
  <si>
    <t>\\acsfs\profiles$\danielpdl\My Documents\xworkcenter\logs\</t>
  </si>
  <si>
    <t>mail.google.com/sync/u/0/i/s?hl=pt-BR&amp;c=104</t>
  </si>
  <si>
    <t>mail.google.com/sync/u/0/i/s?hl=pt-BR&amp;c=108</t>
  </si>
  <si>
    <t>mail.google.com/sync/u/0/i/s?hl=pt-BR&amp;c=113</t>
  </si>
  <si>
    <t>\\acsfs\profiles$\danielpdl\My Documents\xworkcenter\lex\</t>
  </si>
  <si>
    <t>temp.tlx</t>
  </si>
  <si>
    <t>\\acsfs\profiles$\danielpdl\My Documents\xworkcenter\lex\temp.tlx</t>
  </si>
  <si>
    <t>mail.google.com/sync/u/0/i/s?hl=pt-BR&amp;c=116</t>
  </si>
  <si>
    <t>mail.google.com/sync/u/0/i/s?hl=pt-BR&amp;c=119</t>
  </si>
  <si>
    <t>\\acsfs\profiles$\adrielyas\My Documents\</t>
  </si>
  <si>
    <t>\\acsfs\profiles$\paulovadc\</t>
  </si>
  <si>
    <t>Pausas.txt</t>
  </si>
  <si>
    <t>\\acsfs\profiles$\paulovadc\Pausas.txt</t>
  </si>
  <si>
    <t>C:\Program Files\</t>
  </si>
  <si>
    <t>C:\Users\</t>
  </si>
  <si>
    <t>C:\Users\Public\</t>
  </si>
  <si>
    <t>mail.google.com/sync/u/0/i/s?hl=pt-BR&amp;c=32</t>
  </si>
  <si>
    <t>andrelpsa@algartech.com;supervisaobancovotorantim@algartech.com;</t>
  </si>
  <si>
    <t>andrelpsa@algartech.com,supervisaobancovotorantim@algartech.com</t>
  </si>
  <si>
    <t>marcileiasdm</t>
  </si>
  <si>
    <t>\\acsfs\profiles$\marcileiasdm\Downloads\</t>
  </si>
  <si>
    <t>\\acsfs\profiles$\matheushds\My Documents\xworkcenter\logs\</t>
  </si>
  <si>
    <t>10.200.66.124</t>
  </si>
  <si>
    <t>10.200.66.64</t>
  </si>
  <si>
    <t>74-86-7A-FB-17-DD</t>
  </si>
  <si>
    <t>VOTORANT-VB007</t>
  </si>
  <si>
    <t>alinepp</t>
  </si>
  <si>
    <t>\\acsfs\profiles$\alinepp\Downloads\</t>
  </si>
  <si>
    <t>\\acsfs\profiles$\JOAOVAL\My Documents\</t>
  </si>
  <si>
    <t>Trabalho Gzus.txt</t>
  </si>
  <si>
    <t>\\acsfs\profiles$\JOAOVAL\My Documents\Trabalho Gzus.txt</t>
  </si>
  <si>
    <t>10.200.67.158</t>
  </si>
  <si>
    <t>64-1C-67-9D-1E-37</t>
  </si>
  <si>
    <t>VOTORANT-FB006</t>
  </si>
  <si>
    <t>ellencds</t>
  </si>
  <si>
    <t>\\acsfs\profiles$\ellencds\My Documents\xworkcenter\lex\</t>
  </si>
  <si>
    <t>\\acsfs\profiles$\ellencds\My Documents\xworkcenter\lex\temp.tlx</t>
  </si>
  <si>
    <t>.~lock.Controle de vendas.ods#</t>
  </si>
  <si>
    <t>mail.google.com/sync/u/0/i/s?hl=pt-BR&amp;c=92</t>
  </si>
  <si>
    <t>mail.google.com/sync/u/0/i/s?hl=pt-BR&amp;c=114</t>
  </si>
  <si>
    <t>10.200.66.37</t>
  </si>
  <si>
    <t>78-2B-CB-C1-07-6E</t>
  </si>
  <si>
    <t>VOTORANT-JB005</t>
  </si>
  <si>
    <t>thaisdss</t>
  </si>
  <si>
    <t>\\acsfs\profiles$\thaisdss\My Documents\xworkcenter\lex\</t>
  </si>
  <si>
    <t>\\acsfs\profiles$\thaisdss\My Documents\xworkcenter\lex\temp.tlx</t>
  </si>
  <si>
    <t>10.200.67.170</t>
  </si>
  <si>
    <t>\\acsfs\profiles$\thaisdss\My Documents\dbxwc\</t>
  </si>
  <si>
    <t>dbxwc.xwc</t>
  </si>
  <si>
    <t>\\acsfs\profiles$\thaisdss\My Documents\dbxwc\dbxwc.xwc</t>
  </si>
  <si>
    <t>mail.google.com/sync/u/0/i/s?hl=pt-BR&amp;c=14</t>
  </si>
  <si>
    <t>mail.google.com/sync/u/0/i/s?hl=pt-BR&amp;c=16</t>
  </si>
  <si>
    <t>mail.google.com/sync/u/0/i/s?hl=pt-BR&amp;c=20</t>
  </si>
  <si>
    <t>mail.google.com/sync/u/0/i/s?hl=pt-BR&amp;c=26</t>
  </si>
  <si>
    <t>mail.google.com/sync/u/0/i/s?hl=pt-BR&amp;c=34</t>
  </si>
  <si>
    <t>0;</t>
  </si>
  <si>
    <t>https://0</t>
  </si>
  <si>
    <t>nataliafsi</t>
  </si>
  <si>
    <t>\\acsfs\profiles$\nataliafsi\My Documents\</t>
  </si>
  <si>
    <t>natalia.txt</t>
  </si>
  <si>
    <t>\\acsfs\profiles$\nataliafsi\My Documents\natalia.txt</t>
  </si>
  <si>
    <t>Necessidade Pessoas D2C - JAN20.xlsx</t>
  </si>
  <si>
    <t>10.211.2.78</t>
  </si>
  <si>
    <t>.~lock.Fabiana.xlsx#</t>
  </si>
  <si>
    <t>\\acsfs\profiles$\fabianafv\My Documents\.~lock.Fabiana.xlsx#</t>
  </si>
  <si>
    <t>10.200.67.82</t>
  </si>
  <si>
    <t>74-86-7A-FC-D0-0E</t>
  </si>
  <si>
    <t>VOTORANT-JB011</t>
  </si>
  <si>
    <t>gabrielbmdl</t>
  </si>
  <si>
    <t>mail.google.com/sync/u/0/i/s?hl=pt-BR&amp;c=181</t>
  </si>
  <si>
    <t>mail.google.com/sync/u/0/i/s?hl=pt-BR&amp;c=183</t>
  </si>
  <si>
    <t>mail.google.com/sync/u/0/i/s?hl=pt-BR&amp;c=188</t>
  </si>
  <si>
    <t>mail.google.com/sync/u/0/i/s?hl=pt-BR&amp;c=190</t>
  </si>
  <si>
    <t>mail.google.com/sync/u/0/i/s?hl=pt-BR&amp;c=192</t>
  </si>
  <si>
    <t>mail.google.com/sync/u/0/i/s?hl=pt-BR&amp;c=194</t>
  </si>
  <si>
    <t>mail.google.com/sync/u/0/i/s?hl=pt-BR&amp;c=197</t>
  </si>
  <si>
    <t>mail.google.com/sync/u/0/i/s?hl=pt-BR&amp;c=199</t>
  </si>
  <si>
    <t>mail.google.com/sync/u/0/i/s?hl=pt-BR&amp;c=202</t>
  </si>
  <si>
    <t>mail.google.com/sync/u/0/i/s?hl=pt-BR&amp;c=207</t>
  </si>
  <si>
    <t>mail.google.com/sync/u/0/i/s?hl=pt-BR&amp;c=209</t>
  </si>
  <si>
    <t>\\acsfs\profiles$\sorayadsr\My Documents\xworkcenter\logs\</t>
  </si>
  <si>
    <t>ENC: Treinamentos 16 a 20/12</t>
  </si>
  <si>
    <t>mail.google.com/sync/u/0/i/s?hl=pt-BR&amp;c=170</t>
  </si>
  <si>
    <t>Escala backup restore Dezembro 2019.xlsx</t>
  </si>
  <si>
    <t>mail.google.com/sync/u/0/i/s?hl=pt-BR&amp;c=84</t>
  </si>
  <si>
    <t>mail.google.com/sync/u/0/i/s?hl=pt-BR&amp;c=87</t>
  </si>
  <si>
    <t>Racional Custos Horas Extras Bradesco.xlsx</t>
  </si>
  <si>
    <t>\\acsfs\profiles$\ellencds\My Documents\xworkcenter\logs\</t>
  </si>
  <si>
    <t>Helder.xlsx</t>
  </si>
  <si>
    <t>adrianimv@algartech.com.br;alandsfj@algartech.com.br;anafsm@algartech.com.br;anapaps@algartech.com.br;cesaradsg@algartech.com.br;daianedso@algartech.com.br;denisems@algartech.com.br;erikasl@algartech.com.br;fernandass@algartech.com.br;franciellemn@algartech.com.br;gabrielaog@algartech.com.br;grizanibda@algartech.com.br;ideniraa@algartech.com.br;jacquelinece@algartech.com.br;janainapa@algartech.com.br;leticiaado@algartech.com.br;lorrainepmdf@algartech.com.br;ludimilafd@algartech.com.br;mariaads@algartech.com.br;marinalsc@algartech.com.br;marinesos@algartech.com.br;naianefo@algartech.com.br;quelencf@algartech.com.br;rayannerd@algartech.com.br;rosaliamfv@algartech.com.br;sauloss@algartech.com.br;talouanecsr@algartech.com.br;vivianeas@algartech.com.br;whelingtoncg@algartech.com.br;</t>
  </si>
  <si>
    <t>Resultado parcial **Dezembro**</t>
  </si>
  <si>
    <t>adrianimv@algartech.com.br,alandsfj@algartech.com.br,anafsm@algartech.com.br,anapaps@algartech.com.br,cesaradsg@algartech.com.br,daianedso@algartech.com.br,denisems@algartech.com.br,erikasl@algartech.com.br,fernandass@algartech.com.br,franciellemn@algartech.com.br,gabrielaog@algartech.com.br,grizanibda@algartech.com.br,ideniraa@algartech.com.br,jacquelinece@algartech.com.br,janainapa@algartech.com.br,leticiaado@algartech.com.br,lorrainepmdf@algartech.com.br,ludimilafd@algartech.com.br,mariaads@algartech.com.br,marinalsc@algartech.com.br,marinesos@algartech.com.br,naianefo@algartech.com.br,quelencf@algartech.com.br,rayannerd@algartech.com.br,rosaliamfv@algartech.com.br,sauloss@algartech.com.br,talouanecsr@algartech.com.br,vivianeas@algartech.com.br,whelingtoncg@algartech.com.br</t>
  </si>
  <si>
    <t>mail.google.com/sync/u/0/i/s?hl=pt-BR&amp;c=290</t>
  </si>
  <si>
    <t>10.200.67.188</t>
  </si>
  <si>
    <t>78-2B-CB-C2-BF-46</t>
  </si>
  <si>
    <t>VOTORANT-FB005</t>
  </si>
  <si>
    <t>Angelicacldr</t>
  </si>
  <si>
    <t>\\acsfs\profiles$\angelicacldr\Usuários\</t>
  </si>
  <si>
    <t>Usuários.txt</t>
  </si>
  <si>
    <t>\\acsfs\profiles$\angelicacldr\Usuários\Usuários.txt</t>
  </si>
  <si>
    <t>C:\Users\lucashdsi\Downloads\</t>
  </si>
  <si>
    <t>\\acsfs\Deptos\Operacao\Banco_Votorantim\Qualidade\Fernanda\RECLAMAÇÃO E OUVIDORIA\MODELO DE LAUDO EM BRANCO (5) - Cópia - Cópia - Cópia.docx\</t>
  </si>
  <si>
    <t>MODELO DE LAUDO EM BRANCO (5) - Cópia - Cópia - Cópia.docx</t>
  </si>
  <si>
    <t>mail.google.com/sync/u/0/i/s?hl=pt-BR&amp;c=11</t>
  </si>
  <si>
    <t>10.200.66.149</t>
  </si>
  <si>
    <t>78-2B-CB-C1-06-C0</t>
  </si>
  <si>
    <t>VOTORANT-SB007</t>
  </si>
  <si>
    <t>https://unagi-na.amazon.com/1/events/com.amazon.csm.nexusclient.prod</t>
  </si>
  <si>
    <t>\\acsfs\deptos\PMO Governança\03 - ACOMPANHAMENTO DE PROJETOS\00 - STATUS GERAL\HOLDING\</t>
  </si>
  <si>
    <t>10.200.66.38</t>
  </si>
  <si>
    <t>Jordanarb</t>
  </si>
  <si>
    <t>https://hl2rcv.adobe.com/headlights/uploadfile/</t>
  </si>
  <si>
    <t>C:\Users\Jordanarb\AppData\Roaming\Adobe\LogTransport2\Logs\</t>
  </si>
  <si>
    <t>NONAMEFL</t>
  </si>
  <si>
    <t>\\acsfs\ACS\Consultoria de Qualidade\Uberlândia\1. Analistas\Fernando Rodrigues\4. Distribuição de Meta\2019\2. next\1. Dezembro\</t>
  </si>
  <si>
    <t>10.200.67.37</t>
  </si>
  <si>
    <t>78-2B-CB-C1-07-04</t>
  </si>
  <si>
    <t>VOTORANT-LB010</t>
  </si>
  <si>
    <t>brendadsl</t>
  </si>
  <si>
    <t>\\acsfs\profiles$\brendadsl\Downloads\</t>
  </si>
  <si>
    <t>\\acsfs\profiles$\brendadsl\My Documents\Blocos\Blocos Dezembro 2019\</t>
  </si>
  <si>
    <t>Bloco 11122019.txt</t>
  </si>
  <si>
    <t>\\acsfs\profiles$\brendadsl\My Documents\Blocos\Blocos Dezembro 2019\Bloco 11122019.txt</t>
  </si>
  <si>
    <t>ciceraads</t>
  </si>
  <si>
    <t>\\acsfs\profiles$\ciceraads\</t>
  </si>
  <si>
    <t>link de acesso.txt</t>
  </si>
  <si>
    <t>\\acsfs\profiles$\ciceraads\link de acesso.txt</t>
  </si>
  <si>
    <t>\\acsfs\profiles$\brendadsl\My Documents\Blocos\</t>
  </si>
  <si>
    <t>Bloco Reneg.txt</t>
  </si>
  <si>
    <t>\\acsfs\profiles$\brendadsl\My Documents\Blocos\Bloco Reneg.txt</t>
  </si>
  <si>
    <t>https://www.bing.com/orgid/idtoken/nosignin</t>
  </si>
  <si>
    <t>análise desligamento.xlsx</t>
  </si>
  <si>
    <t>11.txt</t>
  </si>
  <si>
    <t>\\acsfs\profiles$\marcelacdss\My Documents\ATENDIMENTOS\DEZEMBRO\11.txt</t>
  </si>
  <si>
    <t>\\acsfs\DEPTOS\Governança da Estratégia\M&amp;A e Parcerias\Buy Side\Avaliações estruturadas\Orquestrador de Cognição e Omnichannel\ASC Brazil\Due dilligence\</t>
  </si>
  <si>
    <t>mail.google.com/_/upload?authuser=1&amp;dcp=asu-n&amp;upload_id=AEnB2UqvwtYOW4SiaV5WR0tEpU5Fl8FqKS_ka3GHKy6eSBQOoYSvZiaIsSOGZpDc1Yp03NQEplxod--FSNJ0pvHWOnwRugJdWCH9iro2NEFz27KeB-EV5tk&amp;upload_protocol=resumable</t>
  </si>
  <si>
    <t>Extração Discador.xlsx</t>
  </si>
  <si>
    <t>3° Ciclo NOVEMBRO.txt</t>
  </si>
  <si>
    <t>\\acsfs\DEPTOS\Operacao\Banco_Votorantim\Qualidade\Eliane\Contestação MUTANT\3° Ciclo NOVEMBRO.txt</t>
  </si>
  <si>
    <t>ef2baf34-ca7c-4f6f-89bd-eabdc0b34dba.tmp</t>
  </si>
  <si>
    <t>\\acsfs\profiles$\sarahbal\Downloads\ef2baf34-ca7c-4f6f-89bd-eabdc0b34dba.tmp</t>
  </si>
  <si>
    <t>cf20d8ba-09b6-428b-99d6-9fd174be33c9.tmp</t>
  </si>
  <si>
    <t>\\acsfs\profiles$\sarahbal\Downloads\cf20d8ba-09b6-428b-99d6-9fd174be33c9.tmp</t>
  </si>
  <si>
    <t>374b2944-4fd6-467e-a119-047e05732a50.tmp</t>
  </si>
  <si>
    <t>\\acsfs\profiles$\sarahbal\Downloads\374b2944-4fd6-467e-a119-047e05732a50.tmp</t>
  </si>
  <si>
    <t>eb5179e7-c594-4055-9f04-f4b2837d1ad1.tmp</t>
  </si>
  <si>
    <t>\\acsfs\profiles$\sarahbal\Downloads\eb5179e7-c594-4055-9f04-f4b2837d1ad1.tmp</t>
  </si>
  <si>
    <t>cintiadcf</t>
  </si>
  <si>
    <t>\\acsfs\profiles$\cintiadcf\My Documents\My Pictures\</t>
  </si>
  <si>
    <t>\\acsfs\profiles$\cintiadcf\My Documents\My Videos\desktop.ini</t>
  </si>
  <si>
    <t>\\acsfs\profiles$\cintiadcf\My Documents\My Videos\</t>
  </si>
  <si>
    <t>\\acsfs\profiles$\cintiadcf\My Documents\My Music\</t>
  </si>
  <si>
    <t>\\acsfs\profiles$\cintiadcf\My Documents\My Pictures\desktop.ini</t>
  </si>
  <si>
    <t>\\acsfs\profiles$\cintiadcf\Contacts\</t>
  </si>
  <si>
    <t>\\acsfs\profiles$\cintiadcf\Contacts\desktop.ini</t>
  </si>
  <si>
    <t>\\acsfs\profiles$\cintiadcf\My Documents\</t>
  </si>
  <si>
    <t>\\acsfs\profiles$\cintiadcf\Favorites\desktop.ini</t>
  </si>
  <si>
    <t>\\acsfs\profiles$\cintiadcf\My Documents\My Music\desktop.ini</t>
  </si>
  <si>
    <t>\\acsfs\profiles$\cintiadcf\Searches\</t>
  </si>
  <si>
    <t>\\acsfs\profiles$\cintiadcf\Searches\desktop.ini</t>
  </si>
  <si>
    <t>\\acsfs\profiles$\cintiadcf\Downloads\</t>
  </si>
  <si>
    <t>\\acsfs\profiles$\cintiadcf\Downloads\desktop.ini</t>
  </si>
  <si>
    <t>\\acsfs\profiles$\cintiadcf\Favorites\</t>
  </si>
  <si>
    <t>\\acsfs\profiles$\cintiadcf\My Documents\desktop.ini</t>
  </si>
  <si>
    <t>\\acsfs\profiles$\cintiadcf\Saved Games\desktop.ini</t>
  </si>
  <si>
    <t>winrt--{S-1-5-21-602162358-764733703-839522115-352721}-.searchconnector-ms</t>
  </si>
  <si>
    <t>\\acsfs\profiles$\cintiadcf\Searches\winrt--{S-1-5-21-602162358-764733703-839522115-352721}-.searchconnector-ms</t>
  </si>
  <si>
    <t>9dc04c2a-ce66-4b36-b03b-347b7051c1fd.tmp</t>
  </si>
  <si>
    <t>\\acsfs\profiles$\cintiadcf\Downloads\9dc04c2a-ce66-4b36-b03b-347b7051c1fd.tmp</t>
  </si>
  <si>
    <t>be82a8d3-26b2-497b-901e-8f4a124b7700.tmp</t>
  </si>
  <si>
    <t>\\acsfs\profiles$\cintiadcf\Downloads\be82a8d3-26b2-497b-901e-8f4a124b7700.tmp</t>
  </si>
  <si>
    <t>2f0d5064-3a95-44b5-b4ee-c78a74737d8c.tmp</t>
  </si>
  <si>
    <t>\\acsfs\profiles$\cintiadcf\Downloads\2f0d5064-3a95-44b5-b4ee-c78a74737d8c.tmp</t>
  </si>
  <si>
    <t>86eed1d5-347a-4c1d-b1ea-aaae6c830069.tmp</t>
  </si>
  <si>
    <t>\\acsfs\profiles$\sarahbal\Downloads\86eed1d5-347a-4c1d-b1ea-aaae6c830069.tmp</t>
  </si>
  <si>
    <t>2b4b8c05-aac8-474b-9309-8e8bde67a6b6.tmp</t>
  </si>
  <si>
    <t>\\acsfs\profiles$\marcellewdl\Downloads\2b4b8c05-aac8-474b-9309-8e8bde67a6b6.tmp</t>
  </si>
  <si>
    <t>8902e84d-7edf-46b6-be7b-ababa7622026.tmp</t>
  </si>
  <si>
    <t>\\acsfs\profiles$\marcellewdl\Downloads\8902e84d-7edf-46b6-be7b-ababa7622026.tmp</t>
  </si>
  <si>
    <t>97e8abbb-0270-4824-91b3-3fcc2ac02989.tmp</t>
  </si>
  <si>
    <t>\\acsfs\profiles$\alicecpbc\Downloads\97e8abbb-0270-4824-91b3-3fcc2ac02989.tmp</t>
  </si>
  <si>
    <t>18b6b6d6-7713-4317-b490-7093148f9c6b.tmp</t>
  </si>
  <si>
    <t>\\acsfs\profiles$\alicecpbc\Downloads\18b6b6d6-7713-4317-b490-7093148f9c6b.tmp</t>
  </si>
  <si>
    <t>98f37914-69b3-4c04-a4e2-ec30065d743f.tmp</t>
  </si>
  <si>
    <t>\\acsfs\profiles$\alicecpbc\Downloads\98f37914-69b3-4c04-a4e2-ec30065d743f.tmp</t>
  </si>
  <si>
    <t>b84f05af-99c4-4fd6-bd92-83fe87904a46.tmp</t>
  </si>
  <si>
    <t>\\acsfs\profiles$\luanarda\Downloads\b84f05af-99c4-4fd6-bd92-83fe87904a46.tmp</t>
  </si>
  <si>
    <t>a2c68740-edb2-46c8-8c8d-72cb3bb007d1.tmp</t>
  </si>
  <si>
    <t>\\acsfs\profiles$\sarahbal\Downloads\a2c68740-edb2-46c8-8c8d-72cb3bb007d1.tmp</t>
  </si>
  <si>
    <t>bab344d8-e2b0-4c0c-9be2-df73477e12b6.tmp</t>
  </si>
  <si>
    <t>\\acsfs\profiles$\deborahsi\Downloads\bab344d8-e2b0-4c0c-9be2-df73477e12b6.tmp</t>
  </si>
  <si>
    <t>bcf83e83-9937-4fb8-ac88-7bda1192d4dc.tmp</t>
  </si>
  <si>
    <t>\\acsfs\profiles$\deborahsi\Downloads\bcf83e83-9937-4fb8-ac88-7bda1192d4dc.tmp</t>
  </si>
  <si>
    <t>67737b80-e92d-4962-93aa-3beb859cd1fd.tmp</t>
  </si>
  <si>
    <t>\\acsfs\profiles$\deborahsi\Downloads\67737b80-e92d-4962-93aa-3beb859cd1fd.tmp</t>
  </si>
  <si>
    <t>KESIADOF</t>
  </si>
  <si>
    <t>\\acsfs\profiles$\KESIADOF\Contacts\</t>
  </si>
  <si>
    <t>KESIA DE OLIVEIRA FERNANDES (17).contact</t>
  </si>
  <si>
    <t>\\acsfs\profiles$\KESIADOF\Contacts\KESIA DE OLIVEIRA FERNANDES (17).contact</t>
  </si>
  <si>
    <t>\\acsfs\profiles$\KESIADOF\My Documents\My Videos\</t>
  </si>
  <si>
    <t>\\acsfs\profiles$\KESIADOF\My Documents\My Videos\desktop.ini</t>
  </si>
  <si>
    <t>\\acsfs\profiles$\KESIADOF\My Documents\My Pictures\</t>
  </si>
  <si>
    <t>\\acsfs\profiles$\KESIADOF\My Documents\My Pictures\desktop.ini</t>
  </si>
  <si>
    <t>\\acsfs\profiles$\KESIADOF\Contacts\desktop.ini</t>
  </si>
  <si>
    <t>\\acsfs\profiles$\KESIADOF\Favorites\</t>
  </si>
  <si>
    <t>\\acsfs\profiles$\KESIADOF\Favorites\desktop.ini</t>
  </si>
  <si>
    <t>\\acsfs\profiles$\KESIADOF\My Documents\My Music\</t>
  </si>
  <si>
    <t>\\acsfs\profiles$\KESIADOF\My Documents\My Music\desktop.ini</t>
  </si>
  <si>
    <t>\\acsfs\profiles$\KESIADOF\Searches\</t>
  </si>
  <si>
    <t>\\acsfs\profiles$\KESIADOF\Searches\desktop.ini</t>
  </si>
  <si>
    <t>\\acsfs\profiles$\KESIADOF\Downloads\</t>
  </si>
  <si>
    <t>\\acsfs\profiles$\KESIADOF\Downloads\desktop.ini</t>
  </si>
  <si>
    <t>\\acsfs\profiles$\KESIADOF\My Documents\</t>
  </si>
  <si>
    <t>\\acsfs\profiles$\KESIADOF\My Documents\desktop.ini</t>
  </si>
  <si>
    <t>\\acsfs\profiles$\KESIADOF\Saved Games\</t>
  </si>
  <si>
    <t>\\acsfs\profiles$\KESIADOF\Saved Games\desktop.ini</t>
  </si>
  <si>
    <t>\\acsfs\profiles$\KESIADOF\Favorites\Links for Brasil\</t>
  </si>
  <si>
    <t>\\acsfs\profiles$\KESIADOF\Favorites\Links for Brasil\desktop.ini</t>
  </si>
  <si>
    <t>\\acsfs\profiles$\KESIADOF\Favorites\Links for Brasil\Microsoft Brasil.url</t>
  </si>
  <si>
    <t>\\acsfs\profiles$\KESIADOF\Favorites\Links for Brasil\Windows Brasil.url</t>
  </si>
  <si>
    <t>\\acsfs\profiles$\KESIADOF\Favorites\Links for Brasil\MSN Brasil.url</t>
  </si>
  <si>
    <t>b53fddb8-b060-4618-adf7-2672f751b9fe.tmp</t>
  </si>
  <si>
    <t>\\acsfs\profiles$\luanarda\Downloads\b53fddb8-b060-4618-adf7-2672f751b9fe.tmp</t>
  </si>
  <si>
    <t>9b4dd05d-2172-43ac-b61e-4749cb33ec30.tmp</t>
  </si>
  <si>
    <t>\\acsfs\profiles$\gabrielarb\Downloads\9b4dd05d-2172-43ac-b61e-4749cb33ec30.tmp</t>
  </si>
  <si>
    <t>4e89ed27-aac5-4f62-9cfc-a0515eee22fc.tmp</t>
  </si>
  <si>
    <t>\\acsfs\profiles$\gabrielarb\Downloads\4e89ed27-aac5-4f62-9cfc-a0515eee22fc.tmp</t>
  </si>
  <si>
    <t>152faaa2-d990-490c-9071-4866c33712c1.tmp</t>
  </si>
  <si>
    <t>\\acsfs\profiles$\gabrielarb\Downloads\152faaa2-d990-490c-9071-4866c33712c1.tmp</t>
  </si>
  <si>
    <t>d7b9daf0-2b18-4ef7-89a9-6a07bdec68db.tmp</t>
  </si>
  <si>
    <t>\\acsfs\profiles$\gabrielarb\Downloads\d7b9daf0-2b18-4ef7-89a9-6a07bdec68db.tmp</t>
  </si>
  <si>
    <t>b9f639a3-7491-4ee0-bd84-a61b8e1f3b15.tmp</t>
  </si>
  <si>
    <t>\\acsfs\profiles$\gabrielarb\Downloads\b9f639a3-7491-4ee0-bd84-a61b8e1f3b15.tmp</t>
  </si>
  <si>
    <t>331ecdff-83a2-4f04-9dc7-2ba953217b0a.tmp</t>
  </si>
  <si>
    <t>\\acsfs\profiles$\gabrielarb\Downloads\331ecdff-83a2-4f04-9dc7-2ba953217b0a.tmp</t>
  </si>
  <si>
    <t>bcae2a98-454d-4356-ba86-423c4e54b00b.tmp</t>
  </si>
  <si>
    <t>\\acsfs\profiles$\paulovadc\Downloads\bcae2a98-454d-4356-ba86-423c4e54b00b.tmp</t>
  </si>
  <si>
    <t>14bdb7c2-8035-46f7-9e7b-7353fba5a46e.tmp</t>
  </si>
  <si>
    <t>\\acsfs\profiles$\paulovadc\Downloads\14bdb7c2-8035-46f7-9e7b-7353fba5a46e.tmp</t>
  </si>
  <si>
    <t>518e2aee-0947-463c-962f-246137930ba0.tmp</t>
  </si>
  <si>
    <t>\\acsfs\profiles$\milenaas\Downloads\518e2aee-0947-463c-962f-246137930ba0.tmp</t>
  </si>
  <si>
    <t>e7286918-b411-44a4-8def-fcb828d1457c.tmp</t>
  </si>
  <si>
    <t>\\acsfs\profiles$\milenaas\Downloads\e7286918-b411-44a4-8def-fcb828d1457c.tmp</t>
  </si>
  <si>
    <t>3140d72f-c725-43e1-8d9e-63152874f2bf.tmp</t>
  </si>
  <si>
    <t>\\acsfs\profiles$\milenaas\Downloads\3140d72f-c725-43e1-8d9e-63152874f2bf.tmp</t>
  </si>
  <si>
    <t>852b8aca-9ca2-467c-abe8-df0db08cc173.tmp</t>
  </si>
  <si>
    <t>\\acsfs\profiles$\milenaas\Downloads\852b8aca-9ca2-467c-abe8-df0db08cc173.tmp</t>
  </si>
  <si>
    <t>b8b259b8-163a-4a97-a313-8be68673b5b5.tmp</t>
  </si>
  <si>
    <t>\\acsfs\profiles$\milenaas\Downloads\b8b259b8-163a-4a97-a313-8be68673b5b5.tmp</t>
  </si>
  <si>
    <t>cee8daf0-9dc6-4d95-9f5a-684445601d04.tmp</t>
  </si>
  <si>
    <t>\\acsfs\profiles$\sarahbal\Downloads\cee8daf0-9dc6-4d95-9f5a-684445601d04.tmp</t>
  </si>
  <si>
    <t>efcbc167-7880-47ce-a3a4-48c1fc635ba4.tmp</t>
  </si>
  <si>
    <t>\\acsfs\profiles$\cintiadcf\Downloads\efcbc167-7880-47ce-a3a4-48c1fc635ba4.tmp</t>
  </si>
  <si>
    <t>\\acsfs\Deptos\Operacao\Banco_Votorantim\Comum\</t>
  </si>
  <si>
    <t>Algar_Linked and Embe</t>
  </si>
  <si>
    <t>\\acsfs\Deptos\Operacao\Banco_Votorantim\Comum\00 - COMUM - BV CARTÕES\Thumbs.db</t>
  </si>
  <si>
    <t>\\acsfs\DEPTOS\Operacao\Banco_Votorantim\Qualidade\Eliane\</t>
  </si>
  <si>
    <t>ALERTA DAVI CONSIG.PNG</t>
  </si>
  <si>
    <t>\\acsfs\DEPTOS\Operacao\Banco_Votorantim\Qualidade\Eliane\ALERTA DAVI CONSIG.PNG</t>
  </si>
  <si>
    <t>\\acsfs\DEPTOS\Operacao\Banco_Votorantim\Qualidade\Eliane\Thumbs.db</t>
  </si>
  <si>
    <t>mail.google.com/sync/u/0/i/s?hl=pt-BR&amp;c=201</t>
  </si>
  <si>
    <t>mail.google.com/sync/u/0/i/s?hl=pt-BR&amp;c=204</t>
  </si>
  <si>
    <t>mail.google.com/sync/u/0/i/s?hl=pt-BR&amp;c=210</t>
  </si>
  <si>
    <t>mail.google.com/sync/u/0/i/s?hl=pt-BR&amp;c=213</t>
  </si>
  <si>
    <t>bc19645a-b473-4310-8fa7-0b49b69407c7.tmp</t>
  </si>
  <si>
    <t>\\acsfs\profiles$\wenderbnm\Downloads\bc19645a-b473-4310-8fa7-0b49b69407c7.tmp</t>
  </si>
  <si>
    <t>5908be92-907f-4366-bcb5-9bc7eaef4417.tmp</t>
  </si>
  <si>
    <t>\\acsfs\profiles$\paulovadc\Downloads\5908be92-907f-4366-bcb5-9bc7eaef4417.tmp</t>
  </si>
  <si>
    <t>57e60e8b-371c-42e7-9691-e18a58d3a901.tmp</t>
  </si>
  <si>
    <t>\\acsfs\profiles$\sarahbal\Downloads\57e60e8b-371c-42e7-9691-e18a58d3a901.tmp</t>
  </si>
  <si>
    <t>824c0b4c-8426-4ade-86bb-607663adebb4.tmp</t>
  </si>
  <si>
    <t>\\acsfs\profiles$\raicabog\Downloads\824c0b4c-8426-4ade-86bb-607663adebb4.tmp</t>
  </si>
  <si>
    <t>a496470e-440f-4108-8153-48188353a97a.tmp</t>
  </si>
  <si>
    <t>\\acsfs\profiles$\raicabog\Downloads\a496470e-440f-4108-8153-48188353a97a.tmp</t>
  </si>
  <si>
    <t>4b741e4a-bbac-42ad-b82b-cfa2a5d6a37d.tmp</t>
  </si>
  <si>
    <t>\\acsfs\profiles$\LUCASNS\Downloads\4b741e4a-bbac-42ad-b82b-cfa2a5d6a37d.tmp</t>
  </si>
  <si>
    <t>aa6e7e99-e9dc-4acf-a930-73e9cedcbce5.tmp</t>
  </si>
  <si>
    <t>\\acsfs\profiles$\LUCASNS\Downloads\aa6e7e99-e9dc-4acf-a930-73e9cedcbce5.tmp</t>
  </si>
  <si>
    <t>cd3588cc-6fb8-4c92-9ab0-c87d991872d7.tmp</t>
  </si>
  <si>
    <t>\\acsfs\profiles$\LUCASNS\Downloads\cd3588cc-6fb8-4c92-9ab0-c87d991872d7.tmp</t>
  </si>
  <si>
    <t>6bc0f74e-f2d0-4737-8128-11fbaf8567f9.tmp</t>
  </si>
  <si>
    <t>\\acsfs\profiles$\gabrielarb\Downloads\6bc0f74e-f2d0-4737-8128-11fbaf8567f9.tmp</t>
  </si>
  <si>
    <t>c5d6ffd0-9cb3-4fb0-a1ec-9fe900300a66.tmp</t>
  </si>
  <si>
    <t>\\acsfs\profiles$\wenderbnm\Downloads\c5d6ffd0-9cb3-4fb0-a1ec-9fe900300a66.tmp</t>
  </si>
  <si>
    <t>b7543b65-4869-4909-bb5a-9eaef45f20af.tmp</t>
  </si>
  <si>
    <t>\\acsfs\profiles$\DALVADFB\Downloads\b7543b65-4869-4909-bb5a-9eaef45f20af.tmp</t>
  </si>
  <si>
    <t>3176612c-4cf5-4714-93e6-9e3add32b29c.tmp</t>
  </si>
  <si>
    <t>\\acsfs\profiles$\DALVADFB\Downloads\3176612c-4cf5-4714-93e6-9e3add32b29c.tmp</t>
  </si>
  <si>
    <t>e93975a5-1009-4918-952d-90412b020a40.tmp</t>
  </si>
  <si>
    <t>\\acsfs\profiles$\deborahsi\Downloads\e93975a5-1009-4918-952d-90412b020a40.tmp</t>
  </si>
  <si>
    <t>10.200.67.62</t>
  </si>
  <si>
    <t>74-86-7A-FE-0D-C8</t>
  </si>
  <si>
    <t>VOTORANT-ACB021</t>
  </si>
  <si>
    <t>it.cpau.script</t>
  </si>
  <si>
    <t>\\acsfs\Maquinas$\</t>
  </si>
  <si>
    <t>syncOffCrtlLog.txt</t>
  </si>
  <si>
    <t>\\acsfs\Maquinas$\syncOffCrtlLog.txt</t>
  </si>
  <si>
    <t>f374abc7-b68d-4afb-965f-37cc8d0cf92a.tmp</t>
  </si>
  <si>
    <t>\\acsfs\profiles$\kellzylenneasr\Downloads\f374abc7-b68d-4afb-965f-37cc8d0cf92a.tmp</t>
  </si>
  <si>
    <t>086e2acf-8baf-44d1-8df2-07a2891a66db.tmp</t>
  </si>
  <si>
    <t>\\acsfs\profiles$\kellzylenneasr\Downloads\086e2acf-8baf-44d1-8df2-07a2891a66db.tmp</t>
  </si>
  <si>
    <t>982ab906-d182-47fa-95d1-007cfcb5f12f.tmp</t>
  </si>
  <si>
    <t>\\acsfs\profiles$\raicabog\Downloads\982ab906-d182-47fa-95d1-007cfcb5f12f.tmp</t>
  </si>
  <si>
    <t>b2255ca7-4072-4fee-ab52-0f91cf828e92.tmp</t>
  </si>
  <si>
    <t>\\acsfs\profiles$\DALVADFB\Downloads\b2255ca7-4072-4fee-ab52-0f91cf828e92.tmp</t>
  </si>
  <si>
    <t>626aa57f-a271-42e8-9afb-477441758c6f.tmp</t>
  </si>
  <si>
    <t>\\acsfs\profiles$\ERICALSR\Downloads\626aa57f-a271-42e8-9afb-477441758c6f.tmp</t>
  </si>
  <si>
    <t>f39119d2-d38f-4e2f-9ef3-d59dda3a2413.tmp</t>
  </si>
  <si>
    <t>\\acsfs\profiles$\milenaas\Downloads\f39119d2-d38f-4e2f-9ef3-d59dda3a2413.tmp</t>
  </si>
  <si>
    <t>10.211.3.78</t>
  </si>
  <si>
    <t>C:\Users\Flavia\Desktop\Ocorrencias Agosto\</t>
  </si>
  <si>
    <t>Ocorrência01a051219 - Flávia (2).xlsm</t>
  </si>
  <si>
    <t>ba681fa5-c7e3-42da-9d18-e46d37dbee74.tmp</t>
  </si>
  <si>
    <t>\\acsfs\profiles$\paulovadc\Downloads\ba681fa5-c7e3-42da-9d18-e46d37dbee74.tmp</t>
  </si>
  <si>
    <t>2a172e15-1d4c-4512-a9c4-cf37526a8f93.tmp</t>
  </si>
  <si>
    <t>\\acsfs\profiles$\felipetds\Downloads\2a172e15-1d4c-4512-a9c4-cf37526a8f93.tmp</t>
  </si>
  <si>
    <t>64418cfd-d2e5-4b3c-838c-fd4f86272381.tmp</t>
  </si>
  <si>
    <t>\\acsfs\profiles$\felipetds\Downloads\64418cfd-d2e5-4b3c-838c-fd4f86272381.tmp</t>
  </si>
  <si>
    <t>764e9b31-2166-4e74-a162-d124752e3414.tmp</t>
  </si>
  <si>
    <t>\\acsfs\profiles$\marcellewdl\Downloads\764e9b31-2166-4e74-a162-d124752e3414.tmp</t>
  </si>
  <si>
    <t>02cade96-56da-490c-9df9-300fc73c6671.tmp</t>
  </si>
  <si>
    <t>\\acsfs\profiles$\ERICALSR\Downloads\02cade96-56da-490c-9df9-300fc73c6671.tmp</t>
  </si>
  <si>
    <t>10.200.67.23</t>
  </si>
  <si>
    <t>74-86-7A-FB-18-CF</t>
  </si>
  <si>
    <t>VOTORANT-MB005</t>
  </si>
  <si>
    <t>deboraaa</t>
  </si>
  <si>
    <t>\\acsfs\profiles$\deboraaa\Contacts\</t>
  </si>
  <si>
    <t>DEBORA ALESSANDRA ANDRE (8217).contact</t>
  </si>
  <si>
    <t>\\acsfs\profiles$\deboraaa\Contacts\DEBORA ALESSANDRA ANDRE (8217).contact</t>
  </si>
  <si>
    <t>\\acsfs\profiles$\deboraaa\My Documents\My Videos\</t>
  </si>
  <si>
    <t>\\acsfs\profiles$\deboraaa\My Documents\My Videos\desktop.ini</t>
  </si>
  <si>
    <t>\\acsfs\profiles$\deboraaa\My Documents\My Pictures\</t>
  </si>
  <si>
    <t>\\acsfs\profiles$\deboraaa\My Documents\My Pictures\desktop.ini</t>
  </si>
  <si>
    <t>\\acsfs\profiles$\deboraaa\Contacts\desktop.ini</t>
  </si>
  <si>
    <t>\\acsfs\profiles$\deboraaa\Favorites\</t>
  </si>
  <si>
    <t>\\acsfs\profiles$\deboraaa\Favorites\desktop.ini</t>
  </si>
  <si>
    <t>\\acsfs\profiles$\deboraaa\My Documents\My Music\</t>
  </si>
  <si>
    <t>\\acsfs\profiles$\deboraaa\My Documents\My Music\desktop.ini</t>
  </si>
  <si>
    <t>\\acsfs\profiles$\deboraaa\Searches\</t>
  </si>
  <si>
    <t>\\acsfs\profiles$\deboraaa\Searches\desktop.ini</t>
  </si>
  <si>
    <t>\\acsfs\profiles$\deboraaa\Downloads\</t>
  </si>
  <si>
    <t>\\acsfs\profiles$\deboraaa\Downloads\desktop.ini</t>
  </si>
  <si>
    <t>\\acsfs\profiles$\deboraaa\My Documents\</t>
  </si>
  <si>
    <t>\\acsfs\profiles$\deboraaa\My Documents\desktop.ini</t>
  </si>
  <si>
    <t>\\acsfs\profiles$\deboraaa\Saved Games\</t>
  </si>
  <si>
    <t>\\acsfs\profiles$\deboraaa\Saved Games\desktop.ini</t>
  </si>
  <si>
    <t>\\acsfs\profiles$\deboraaa\Favorites\Links for Brasil\</t>
  </si>
  <si>
    <t>\\acsfs\profiles$\deboraaa\Favorites\Links for Brasil\desktop.ini</t>
  </si>
  <si>
    <t>\\acsfs\profiles$\deboraaa\Favorites\Links for Brasil\Microsoft Brasil.url</t>
  </si>
  <si>
    <t>\\acsfs\profiles$\deboraaa\Favorites\Links for Brasil\Windows Brasil.url</t>
  </si>
  <si>
    <t>\\acsfs\profiles$\deboraaa\Favorites\Links for Brasil\MSN Brasil.url</t>
  </si>
  <si>
    <t>tv.url:favicon</t>
  </si>
  <si>
    <t>\\acsfs\profiles$\deboraaa\Favorites\tv.url:favicon</t>
  </si>
  <si>
    <t>\\acsfs\profiles$\deboraaa\Favorites\tv.url\</t>
  </si>
  <si>
    <t>\\acsfs\profiles$\deboraaa\Favorites\tv.url\:favicon:$DATA</t>
  </si>
  <si>
    <t>tv.url</t>
  </si>
  <si>
    <t>\\acsfs\profiles$\deboraaa\Favorites\tv.url</t>
  </si>
  <si>
    <t>\\acsfs\profiles$\deboraaa\Favorites\Entrar no cliente Zimbra para Web.url\</t>
  </si>
  <si>
    <t>\\acsfs\profiles$\deboraaa\Favorites\Entrar no cliente Zimbra para Web.url\:favicon:$DATA</t>
  </si>
  <si>
    <t>\\acsfs\profiles$\deboraaa\Favorites\Entrar no cliente Zimbra para Web.url</t>
  </si>
  <si>
    <t>8658cf17-08f6-4d2f-8637-f285ac827daa.tmp</t>
  </si>
  <si>
    <t>\\acsfs\profiles$\deboraaa\Downloads\8658cf17-08f6-4d2f-8637-f285ac827daa.tmp</t>
  </si>
  <si>
    <t>4441f0bc-a52a-480f-9f28-c9b736c0e785.tmp</t>
  </si>
  <si>
    <t>\\acsfs\profiles$\geovanaasa\Downloads\4441f0bc-a52a-480f-9f28-c9b736c0e785.tmp</t>
  </si>
  <si>
    <t>https://udpwfmniceap02/web/guest/home?p_auth=slvob7lj&amp;p_p_id=58&amp;p_p_lifecycle=1&amp;p_p_state=maximized&amp;p_p_mode=view&amp;savelastpath=0&amp;_58_struts_action=/login/forgot_password</t>
  </si>
  <si>
    <t>https://udpmailboxap01.acs.com.br:8443/h/search?si=2&amp;so=0&amp;sc=41591&amp;st=conversation&amp;action=compose&amp;paction=paneview</t>
  </si>
  <si>
    <t>10.200.57.67</t>
  </si>
  <si>
    <t>C:\Users\brunocs\Desktop\Estrutura\Material Buzato\</t>
  </si>
  <si>
    <t>Reporte Buzato.xlsx</t>
  </si>
  <si>
    <t>60bc2522-a12e-4f28-ae77-9918267c1881.tmp</t>
  </si>
  <si>
    <t>\\acsfs\profiles$\deboraaa\Downloads\60bc2522-a12e-4f28-ae77-9918267c1881.tmp</t>
  </si>
  <si>
    <t>02329914-e008-4bb8-8d73-4547646c8c7e.tmp</t>
  </si>
  <si>
    <t>\\acsfs\profiles$\geovanaasa\Downloads\02329914-e008-4bb8-8d73-4547646c8c7e.tmp</t>
  </si>
  <si>
    <t>ec3a2d66-deab-4cff-a449-f5661c870aad.tmp</t>
  </si>
  <si>
    <t>\\acsfs\profiles$\PEDROHAB\Downloads\ec3a2d66-deab-4cff-a449-f5661c870aad.tmp</t>
  </si>
  <si>
    <t>953d5312-eeab-4911-9f23-0b6f0d500e50.tmp</t>
  </si>
  <si>
    <t>\\acsfs\profiles$\PEDROHAB\Downloads\953d5312-eeab-4911-9f23-0b6f0d500e50.tmp</t>
  </si>
  <si>
    <t>d8c92f40-67eb-4442-a588-ef3392815cd6.tmp</t>
  </si>
  <si>
    <t>\\acsfs\profiles$\raicabog\Downloads\d8c92f40-67eb-4442-a588-ef3392815cd6.tmp</t>
  </si>
  <si>
    <t>b7317c5c-2a27-437d-8b30-7721063ce240.tmp</t>
  </si>
  <si>
    <t>\\acsfs\profiles$\geovannasm\Downloads\b7317c5c-2a27-437d-8b30-7721063ce240.tmp</t>
  </si>
  <si>
    <t>72cbda9b-0ab6-4d58-a9ad-c6b947fe3eb4.tmp</t>
  </si>
  <si>
    <t>\\acsfs\profiles$\geovannasm\Downloads\72cbda9b-0ab6-4d58-a9ad-c6b947fe3eb4.tmp</t>
  </si>
  <si>
    <t>eb08735c-f04d-46a9-9123-58bb60a822de.tmp</t>
  </si>
  <si>
    <t>\\acsfs\profiles$\geovannasm\Downloads\eb08735c-f04d-46a9-9123-58bb60a822de.tmp</t>
  </si>
  <si>
    <t>abea0b01-42df-437e-b8fd-0e1a9bd80020.tmp</t>
  </si>
  <si>
    <t>\\acsfs\profiles$\geovannasm\Downloads\abea0b01-42df-437e-b8fd-0e1a9bd80020.tmp</t>
  </si>
  <si>
    <t>10.200.67.64</t>
  </si>
  <si>
    <t>78-2B-CB-C1-06-D3</t>
  </si>
  <si>
    <t>VOTORANT-MB008</t>
  </si>
  <si>
    <t>larissaad</t>
  </si>
  <si>
    <t>\\acsfs\profiles$\larissaad\Downloads\</t>
  </si>
  <si>
    <t>5e535820-8d4b-4d32-b97e-fd803aecf2fc.tmp</t>
  </si>
  <si>
    <t>\\acsfs\profiles$\larissaad\Downloads\5e535820-8d4b-4d32-b97e-fd803aecf2fc.tmp</t>
  </si>
  <si>
    <t>Não confirmado 795375.crdownload</t>
  </si>
  <si>
    <t>\\acsfs\profiles$\larissaad\Downloads\Não confirmado 795375.crdownload</t>
  </si>
  <si>
    <t>d326e18e-0ce1-4328-8588-31a915849984.tmp</t>
  </si>
  <si>
    <t>\\acsfs\profiles$\larissaad\Downloads\d326e18e-0ce1-4328-8588-31a915849984.tmp</t>
  </si>
  <si>
    <t>ea0159fe-c6ac-4117-84b5-4e5399812205.tmp</t>
  </si>
  <si>
    <t>\\acsfs\profiles$\larissaad\Downloads\ea0159fe-c6ac-4117-84b5-4e5399812205.tmp</t>
  </si>
  <si>
    <t>16cc70f1-1b70-48cb-933e-16519aff7050.tmp</t>
  </si>
  <si>
    <t>\\acsfs\profiles$\larissaad\Downloads\16cc70f1-1b70-48cb-933e-16519aff7050.tmp</t>
  </si>
  <si>
    <t>f00597a7-aecc-47f7-914c-773c1543df0f.tmp</t>
  </si>
  <si>
    <t>\\acsfs\profiles$\larissaad\Downloads\f00597a7-aecc-47f7-914c-773c1543df0f.tmp</t>
  </si>
  <si>
    <t>cd3d0c3e-c582-442c-9e37-d95418d2e8f1.tmp</t>
  </si>
  <si>
    <t>\\acsfs\profiles$\PEDROHAB\Downloads\cd3d0c3e-c582-442c-9e37-d95418d2e8f1.tmp</t>
  </si>
  <si>
    <t>6c99dafd-a331-41b5-8d3b-ef06cbe6aa94.tmp</t>
  </si>
  <si>
    <t>\\acsfs\profiles$\larissaad\Downloads\6c99dafd-a331-41b5-8d3b-ef06cbe6aa94.tmp</t>
  </si>
  <si>
    <t>99d83529-c6b9-4c08-b99a-0bc6f012f5c7.tmp</t>
  </si>
  <si>
    <t>\\acsfs\profiles$\isabellegtds\Downloads\99d83529-c6b9-4c08-b99a-0bc6f012f5c7.tmp</t>
  </si>
  <si>
    <t>b5cd13dd-25ea-4d8a-85ac-53f863ca173a.tmp</t>
  </si>
  <si>
    <t>\\acsfs\profiles$\isabellegtds\Downloads\b5cd13dd-25ea-4d8a-85ac-53f863ca173a.tmp</t>
  </si>
  <si>
    <t>38e1d9cf-4d76-49bf-91ae-1e2ee4804fbc.tmp</t>
  </si>
  <si>
    <t>\\acsfs\profiles$\isabellegtds\Downloads\38e1d9cf-4d76-49bf-91ae-1e2ee4804fbc.tmp</t>
  </si>
  <si>
    <t>angelicatm@algartech.com;</t>
  </si>
  <si>
    <t>C:\Users\leonardoefo\Grupo Algar\Passivo - Supervisores Engeset\</t>
  </si>
  <si>
    <t>Cópia de Desligados 2017 2018 2019.xlsx 2.xlsx</t>
  </si>
  <si>
    <t>angelicatm@algartech.com</t>
  </si>
  <si>
    <t>3f172e68-aa7a-4d7b-9e94-2c073a5bcc11.tmp</t>
  </si>
  <si>
    <t>\\acsfs\profiles$\deborahsi\Downloads\3f172e68-aa7a-4d7b-9e94-2c073a5bcc11.tmp</t>
  </si>
  <si>
    <t>a2a15fc0-505d-4859-b369-b0c999e8b201.tmp</t>
  </si>
  <si>
    <t>\\acsfs\profiles$\isabellegtds\Downloads\a2a15fc0-505d-4859-b369-b0c999e8b201.tmp</t>
  </si>
  <si>
    <t>\\acsfs\DEPTOS\Operacao\Banco_Votorantim\Supervisao\Rai Carlos\</t>
  </si>
  <si>
    <t>BD Equipe Skill Especifico.xlsx</t>
  </si>
  <si>
    <t>\\acsfs\DEPTOS\Operacao\Banco_Votorantim\Supervisao\Rai Carlos\BD Equipe Skill Especifico.xlsx</t>
  </si>
  <si>
    <t>92a26d46-0364-4bac-b0f7-5c9a465f571d.tmp</t>
  </si>
  <si>
    <t>\\acsfs\profiles$\larissaad\Downloads\92a26d46-0364-4bac-b0f7-5c9a465f571d.tmp</t>
  </si>
  <si>
    <t>10.200.66.131</t>
  </si>
  <si>
    <t>78-2B-CB-C1-05-33</t>
  </si>
  <si>
    <t>VOTORANT-IB038</t>
  </si>
  <si>
    <t>6a06ac2b-1570-4e8b-828a-336d86c1de64.tmp</t>
  </si>
  <si>
    <t>\\acsfs\profiles$\gabrielhca\Downloads\6a06ac2b-1570-4e8b-828a-336d86c1de64.tmp</t>
  </si>
  <si>
    <t>527b9718-dfd1-44ea-a199-cbd3dd6d4ab1.tmp</t>
  </si>
  <si>
    <t>\\acsfs\profiles$\gabrielhca\Downloads\527b9718-dfd1-44ea-a199-cbd3dd6d4ab1.tmp</t>
  </si>
  <si>
    <t>4981ecb5-37d3-413f-8aca-3e0a7f551b46.tmp</t>
  </si>
  <si>
    <t>\\acsfs\profiles$\gabrielhca\Downloads\4981ecb5-37d3-413f-8aca-3e0a7f551b46.tmp</t>
  </si>
  <si>
    <t>1fadbf0b-ba21-422c-8fd5-e7c8b61f644d.tmp</t>
  </si>
  <si>
    <t>\\acsfs\profiles$\gabrielhca\Downloads\1fadbf0b-ba21-422c-8fd5-e7c8b61f644d.tmp</t>
  </si>
  <si>
    <t>778443ba-f634-4914-b21a-6f8ca22636dd.tmp</t>
  </si>
  <si>
    <t>\\acsfs\profiles$\adrielyas\Downloads\778443ba-f634-4914-b21a-6f8ca22636dd.tmp</t>
  </si>
  <si>
    <t>f53531aa-5955-4de3-889f-0fbdeec31261.tmp</t>
  </si>
  <si>
    <t>\\acsfs\profiles$\adrielyas\Downloads\f53531aa-5955-4de3-889f-0fbdeec31261.tmp</t>
  </si>
  <si>
    <t>16a35318-1b86-4917-837e-87f2a1cb1049.tmp</t>
  </si>
  <si>
    <t>\\acsfs\profiles$\yurics\Downloads\16a35318-1b86-4917-837e-87f2a1cb1049.tmp</t>
  </si>
  <si>
    <t>mail.google.com/_/upload?authuser=0&amp;dcp=asu-n&amp;upload_id=AEnB2Uo_lXCWAeGABOI34Jz-r6bpHkQM6nxD5VxeKmlAqDKfs343q3NaNkZAL5-Uw7jkzipSUTbo6VSYFMcaZLABqx5tk7oCfA&amp;upload_protocol=resumable</t>
  </si>
  <si>
    <t>229a638d-3041-48db-8a7a-7e5db8c15245.tmp</t>
  </si>
  <si>
    <t>\\acsfs\profiles$\KARENDSR\Downloads\229a638d-3041-48db-8a7a-7e5db8c15245.tmp</t>
  </si>
  <si>
    <t>e52ae027-4b5f-4374-b531-a3cc1b86b50c.tmp</t>
  </si>
  <si>
    <t>\\acsfs\profiles$\KARENDSR\Downloads\e52ae027-4b5f-4374-b531-a3cc1b86b50c.tmp</t>
  </si>
  <si>
    <t>9470ea35-4281-468f-a712-842f5e87b743.tmp</t>
  </si>
  <si>
    <t>\\acsfs\profiles$\KARENDSR\Downloads\9470ea35-4281-468f-a712-842f5e87b743.tmp</t>
  </si>
  <si>
    <t>bd25a2fe-d68f-41b0-9b65-bb0da77c2569.tmp</t>
  </si>
  <si>
    <t>\\acsfs\profiles$\KARENDSR\Downloads\bd25a2fe-d68f-41b0-9b65-bb0da77c2569.tmp</t>
  </si>
  <si>
    <t>3cdbaf3e-28bc-4d16-9555-0f043dfee850.tmp</t>
  </si>
  <si>
    <t>\\acsfs\profiles$\KARENDSR\Downloads\3cdbaf3e-28bc-4d16-9555-0f043dfee850.tmp</t>
  </si>
  <si>
    <t>961d06e6-77e8-44c8-b185-2ce975cf64cc.tmp</t>
  </si>
  <si>
    <t>\\acsfs\profiles$\KARENDSR\Downloads\961d06e6-77e8-44c8-b185-2ce975cf64cc.tmp</t>
  </si>
  <si>
    <t>10.201.30.16</t>
  </si>
  <si>
    <t>andersonrm</t>
  </si>
  <si>
    <t>\\acsfs\DEPTOS\Operacao\Banco_Votorantim\Qualidade\Anderson\Jose\</t>
  </si>
  <si>
    <t>Novo Documento de Texto.txt</t>
  </si>
  <si>
    <t>\\acsfs\DEPTOS\Operacao\Banco_Votorantim\Qualidade\Anderson\Jose\Novo Documento de Texto.txt</t>
  </si>
  <si>
    <t>a885336e-c335-490d-822f-2042170e32e5.tmp</t>
  </si>
  <si>
    <t>\\acsfs\profiles$\gabrielhca\Downloads\a885336e-c335-490d-822f-2042170e32e5.tmp</t>
  </si>
  <si>
    <t>ALERTA ERRO FATAL JORDANA.PNG</t>
  </si>
  <si>
    <t>\\acsfs\DEPTOS\Operacao\Banco_Votorantim\Qualidade\Eliane\ALERTA ERRO FATAL JORDANA.PNG</t>
  </si>
  <si>
    <t>\\acsfs\profiles$\leydianeamd\My Documents\</t>
  </si>
  <si>
    <t>Leydiane Aparecida.txt</t>
  </si>
  <si>
    <t>\\acsfs\profiles$\leydianeamd\My Documents\Leydiane Aparecida.txt</t>
  </si>
  <si>
    <t>\\acsfs\dsti\CGP - Coordenacao de Gestao de Portfolio\Serviços Gerenciados\1 - Estratégia de Produto\_PPE_\02 - Produtos\ISD\(OK) Processo de Implantação\</t>
  </si>
  <si>
    <t>Mapa_Responsabilidades_Mesa_Digital_V3.xlsx</t>
  </si>
  <si>
    <t>277c01f5-a1d4-4f5e-83b6-0d0414bca61e.tmp</t>
  </si>
  <si>
    <t>\\acsfs\profiles$\JOAOVAL\Downloads\277c01f5-a1d4-4f5e-83b6-0d0414bca61e.tmp</t>
  </si>
  <si>
    <t>eeb5d364-986a-4aa3-8e90-f300304f2827.tmp</t>
  </si>
  <si>
    <t>\\acsfs\profiles$\JOAOVAL\Downloads\eeb5d364-986a-4aa3-8e90-f300304f2827.tmp</t>
  </si>
  <si>
    <t>b4dd510c-74d7-45c6-b196-c6e328483791.tmp</t>
  </si>
  <si>
    <t>\\acsfs\profiles$\JOAOVAL\Downloads\b4dd510c-74d7-45c6-b196-c6e328483791.tmp</t>
  </si>
  <si>
    <t>4cc8b7e2-fed6-4311-9d55-3b1be0755836.tmp</t>
  </si>
  <si>
    <t>\\acsfs\profiles$\JOAOVAL\Downloads\4cc8b7e2-fed6-4311-9d55-3b1be0755836.tmp</t>
  </si>
  <si>
    <t>Produto Hibrido VISA.XLSX</t>
  </si>
  <si>
    <t>adilsonloj</t>
  </si>
  <si>
    <t>http://qlikview/qvajaxzfc/accesspoint.aspx?mark=&amp;platform=browser.chrome&amp;dpi=96</t>
  </si>
  <si>
    <t>\\acsfs\profiles$\CINTIADCF\</t>
  </si>
  <si>
    <t>.~lock.RETENCAO SEGUROS CINTIA.ods#</t>
  </si>
  <si>
    <t>\\acsfs\profiles$\CINTIADCF\.~lock.RETENCAO SEGUROS CINTIA.ods#</t>
  </si>
  <si>
    <t>CURVA NORMAL - 12/12/2019</t>
  </si>
  <si>
    <t>e49a9714-6282-45de-8036-e927204aa423.tmp</t>
  </si>
  <si>
    <t>\\acsfs\profiles$\yurics\Downloads\e49a9714-6282-45de-8036-e927204aa423.tmp</t>
  </si>
  <si>
    <t>3526cb61-1f27-4e74-bf5e-b91db03f52ae.tmp</t>
  </si>
  <si>
    <t>\\acsfs\profiles$\yurics\Downloads\3526cb61-1f27-4e74-bf5e-b91db03f52ae.tmp</t>
  </si>
  <si>
    <t>f583dc88-2084-4684-8cdf-4d04e9b28a7f.tmp</t>
  </si>
  <si>
    <t>\\acsfs\profiles$\yurics\Downloads\f583dc88-2084-4684-8cdf-4d04e9b28a7f.tmp</t>
  </si>
  <si>
    <t>d156f065-c851-4b69-89d8-44e46ab6ea31.tmp</t>
  </si>
  <si>
    <t>\\acsfs\profiles$\yurics\Downloads\d156f065-c851-4b69-89d8-44e46ab6ea31.tmp</t>
  </si>
  <si>
    <t>\\acsfs\profiles$\yurics\My Documents\xworkcenter\lex\</t>
  </si>
  <si>
    <t>\\acsfs\profiles$\yurics\My Documents\xworkcenter\lex\temp.tlx</t>
  </si>
  <si>
    <t>d7f59dd4-0625-4be1-a467-53b3afc1910f.tmp</t>
  </si>
  <si>
    <t>\\acsfs\profiles$\kellzylenneasr\Downloads\d7f59dd4-0625-4be1-a467-53b3afc1910f.tmp</t>
  </si>
  <si>
    <t>3033127e-5aa5-4889-9d66-a10fb620f0de.tmp</t>
  </si>
  <si>
    <t>\\acsfs\profiles$\kellzylenneasr\Downloads\3033127e-5aa5-4889-9d66-a10fb620f0de.tmp</t>
  </si>
  <si>
    <t>2d9faa37-89fa-4348-a9cf-7c8d5db0c584.tmp</t>
  </si>
  <si>
    <t>\\acsfs\profiles$\yurics\Downloads\2d9faa37-89fa-4348-a9cf-7c8d5db0c584.tmp</t>
  </si>
  <si>
    <t>be088ac0-4400-4354-bb52-7f00a8ee264f.tmp</t>
  </si>
  <si>
    <t>\\acsfs\profiles$\sarahbal\Downloads\be088ac0-4400-4354-bb52-7f00a8ee264f.tmp</t>
  </si>
  <si>
    <t>017c838b-87f8-4a67-8925-84604a64fa07.tmp</t>
  </si>
  <si>
    <t>\\acsfs\profiles$\ERICALSR\Downloads\017c838b-87f8-4a67-8925-84604a64fa07.tmp</t>
  </si>
  <si>
    <t>69ced5fc-fc93-4be3-8aeb-1ecabaee6b84.tmp</t>
  </si>
  <si>
    <t>\\acsfs\profiles$\leticiala\Downloads\69ced5fc-fc93-4be3-8aeb-1ecabaee6b84.tmp</t>
  </si>
  <si>
    <t>f9d512b8-16ba-479c-a6c8-70a93d7bc7c4.tmp</t>
  </si>
  <si>
    <t>\\acsfs\profiles$\leticiala\Downloads\f9d512b8-16ba-479c-a6c8-70a93d7bc7c4.tmp</t>
  </si>
  <si>
    <t>073e457c-7eea-4f69-a7f6-ef9a666f30e5.tmp</t>
  </si>
  <si>
    <t>\\acsfs\profiles$\leticiala\Downloads\073e457c-7eea-4f69-a7f6-ef9a666f30e5.tmp</t>
  </si>
  <si>
    <t>38c29176-af4d-4a91-80b2-5631d5008096.tmp</t>
  </si>
  <si>
    <t>\\acsfs\profiles$\leticiala\Downloads\38c29176-af4d-4a91-80b2-5631d5008096.tmp</t>
  </si>
  <si>
    <t>\\acsfs\profiles$\Angelicacldr\My Documents\xworkcenter\logs\</t>
  </si>
  <si>
    <t>XLOG_Angelicacldr_11122019_140947.log</t>
  </si>
  <si>
    <t>\\acsfs\profiles$\Angelicacldr\My Documents\xworkcenter\logs\XLOG_Angelicacldr_11122019_140947.log</t>
  </si>
  <si>
    <t>714142c6-b6bf-48ef-9ef4-067307d096aa.tmp</t>
  </si>
  <si>
    <t>\\acsfs\profiles$\alessandraan\Downloads\714142c6-b6bf-48ef-9ef4-067307d096aa.tmp</t>
  </si>
  <si>
    <t>56a2b2ee-92bf-40a1-bcfe-57a2ff6e00a0.tmp</t>
  </si>
  <si>
    <t>\\acsfs\profiles$\alessandraan\Downloads\56a2b2ee-92bf-40a1-bcfe-57a2ff6e00a0.tmp</t>
  </si>
  <si>
    <t>995ef1ec-7227-4501-a1c1-b844d8407ba3.tmp</t>
  </si>
  <si>
    <t>\\acsfs\profiles$\alessandraan\Downloads\995ef1ec-7227-4501-a1c1-b844d8407ba3.tmp</t>
  </si>
  <si>
    <t>07bbaf12-ada7-4193-ab9a-dccbbc0f4398.tmp</t>
  </si>
  <si>
    <t>\\acsfs\profiles$\alessandraan\Downloads\07bbaf12-ada7-4193-ab9a-dccbbc0f4398.tmp</t>
  </si>
  <si>
    <t>71fdc618-75bd-48c5-84f4-054eaa80207e.tmp</t>
  </si>
  <si>
    <t>\\acsfs\profiles$\alessandraan\Downloads\71fdc618-75bd-48c5-84f4-054eaa80207e.tmp</t>
  </si>
  <si>
    <t>\\acsfs\deptos\Engenharia\8 - Service Desk Data Center\</t>
  </si>
  <si>
    <t>\\acsfs\deptos\Engenharia\8 - Service Desk Data Center\Thumbs.db</t>
  </si>
  <si>
    <t>C:\Users\robsonams\Downloads\</t>
  </si>
  <si>
    <t>v5191111.zip</t>
  </si>
  <si>
    <t>\\acsfs\deptos\Engenharia\8 - Service Desk Data Center\8.3 - Documentos Pessoais\Luis Alberto Ferrreira\#SFT\XGen BV\v5191111.zip</t>
  </si>
  <si>
    <t>C:\Users\robsonams\Downloads\v5191111.zip\CHANGELOG\</t>
  </si>
  <si>
    <t>.changelog-tags.txt</t>
  </si>
  <si>
    <t>APP_CHANGELOG.js</t>
  </si>
  <si>
    <t>CHANGELOG.js</t>
  </si>
  <si>
    <t>CHANGELOG.json</t>
  </si>
  <si>
    <t>CHANGELOG[Conflict].json</t>
  </si>
  <si>
    <t>CHANGELOG_GUIDELINE.txt</t>
  </si>
  <si>
    <t>C:\Users\robsonams\Downloads\v5191111.zip\CHANGELOG\css\</t>
  </si>
  <si>
    <t>CHANGELOG.css</t>
  </si>
  <si>
    <t>C:\Users\robsonams\Downloads\v5191111.zip\CHANGELOG\font\</t>
  </si>
  <si>
    <t>OpenSans-Bold.eot</t>
  </si>
  <si>
    <t>OpenSans-Bold.svg</t>
  </si>
  <si>
    <t>OpenSans-Bold.ttf</t>
  </si>
  <si>
    <t>OpenSans-Bold.woff</t>
  </si>
  <si>
    <t>OpenSans-Light-webfont.eot</t>
  </si>
  <si>
    <t>OpenSans-Light-webfont.svg</t>
  </si>
  <si>
    <t>OpenSans-Light-webfont.ttf</t>
  </si>
  <si>
    <t>OpenSans-Light-webfont.woff</t>
  </si>
  <si>
    <t>C:\Users\robsonams\Downloads\v5191111.zip\CHANGELOG\img\</t>
  </si>
  <si>
    <t>body.png</t>
  </si>
  <si>
    <t>favicon.png</t>
  </si>
  <si>
    <t>favicon_big.png</t>
  </si>
  <si>
    <t>login-bg.png</t>
  </si>
  <si>
    <t>login-light.png</t>
  </si>
  <si>
    <t>logo_xgen.svg</t>
  </si>
  <si>
    <t>index.html</t>
  </si>
  <si>
    <t>C:\Users\robsonams\Downloads\v5191111.zip\CHANGELOG\lib\</t>
  </si>
  <si>
    <t>angular-animate.min.js</t>
  </si>
  <si>
    <t>angular-route.min.js</t>
  </si>
  <si>
    <t>angular-sanitize.min.js</t>
  </si>
  <si>
    <t>angular.min.js</t>
  </si>
  <si>
    <t>jquery-1.9.1.min.js</t>
  </si>
  <si>
    <t>C:\Users\robsonams\Downloads\v5191111.zip\lex\</t>
  </si>
  <si>
    <t>sscepb.tlx</t>
  </si>
  <si>
    <t>sscepb2.clx</t>
  </si>
  <si>
    <t>userdic.tlx</t>
  </si>
  <si>
    <t>C:\Users\robsonams\Downloads\v5191111.zip\lib\assets\</t>
  </si>
  <si>
    <t>C:\Users\robsonams\Downloads\v5191111.zip\lib\assets\dictionary\</t>
  </si>
  <si>
    <t>pt-br.json</t>
  </si>
  <si>
    <t>C:\Users\robsonams\Downloads\v5191111.zip\lib\assets\js\</t>
  </si>
  <si>
    <t>cms_conn.tis</t>
  </si>
  <si>
    <t>customer.tis</t>
  </si>
  <si>
    <t>forms.tis</t>
  </si>
  <si>
    <t>translate.tis</t>
  </si>
  <si>
    <t>ui_activity.tis</t>
  </si>
  <si>
    <t>ui_activity_layout.tis</t>
  </si>
  <si>
    <t>C:\Users\robsonams\Downloads\v5191111.zip\lib\behaviors\.svn\</t>
  </si>
  <si>
    <t>entries</t>
  </si>
  <si>
    <t>entries.bkp</t>
  </si>
  <si>
    <t>entries.bkp.bkp</t>
  </si>
  <si>
    <t>entries.bkp.bkp.bkp</t>
  </si>
  <si>
    <t>C:\Users\robsonams\Downloads\v5191111.zip\lib\behaviors\.svn\prop-base\</t>
  </si>
  <si>
    <t>C:\Users\robsonams\Downloads\v5191111.zip\lib\behaviors\.svn\props\</t>
  </si>
  <si>
    <t>C:\Users\robsonams\Downloads\v5191111.zip\lib\behaviors\.svn\text-base\</t>
  </si>
  <si>
    <t>color-chooser.css.svn-base</t>
  </si>
  <si>
    <t>color-chooser.css.svn-base.bkp</t>
  </si>
  <si>
    <t>color-chooser.css.svn-base.bkp.bkp</t>
  </si>
  <si>
    <t>color-chooser.css.svn-base.bkp.bkp.bkp</t>
  </si>
  <si>
    <t>color-chooser.tis.svn-base</t>
  </si>
  <si>
    <t>color-chooser.tis.svn-base.bkp</t>
  </si>
  <si>
    <t>color-chooser.tis.svn-base.bkp.bkp</t>
  </si>
  <si>
    <t>color-chooser.tis.svn-base.bkp.bkp.bkp</t>
  </si>
  <si>
    <t>grid.tis.svn-base</t>
  </si>
  <si>
    <t>grid.tis.svn-base.bkp</t>
  </si>
  <si>
    <t>grid.tis.svn-base.bkp.bkp</t>
  </si>
  <si>
    <t>grid.tis.svn-base.bkp.bkp.bkp</t>
  </si>
  <si>
    <t>tree.tis.svn-base</t>
  </si>
  <si>
    <t>tree.tis.svn-base.bkp</t>
  </si>
  <si>
    <t>tree.tis.svn-base.bkp.bkp</t>
  </si>
  <si>
    <t>tree.tis.svn-base.bkp.bkp.bkp</t>
  </si>
  <si>
    <t>C:\Users\robsonams\Downloads\v5191111.zip\lib\behaviors\.svn\tmp\</t>
  </si>
  <si>
    <t>C:\Users\robsonams\Downloads\v5191111.zip\lib\behaviors\.svn\tmp\prop-base\</t>
  </si>
  <si>
    <t>C:\Users\robsonams\Downloads\v5191111.zip\lib\behaviors\.svn\tmp\props\</t>
  </si>
  <si>
    <t>C:\Users\robsonams\Downloads\v5191111.zip\lib\behaviors\.svn\tmp\text-base\</t>
  </si>
  <si>
    <t>C:\Users\robsonams\Downloads\v5191111.zip\lib\behaviors\</t>
  </si>
  <si>
    <t>color-chooser.css</t>
  </si>
  <si>
    <t>color-chooser.tis</t>
  </si>
  <si>
    <t>confirmation.tis</t>
  </si>
  <si>
    <t>grid.tis</t>
  </si>
  <si>
    <t>init.tis</t>
  </si>
  <si>
    <t>tasks.tis</t>
  </si>
  <si>
    <t>tree.tis</t>
  </si>
  <si>
    <t>C:\Users\robsonams\Downloads\v5191111.zip\lib\</t>
  </si>
  <si>
    <t>content.htm</t>
  </si>
  <si>
    <t>root-extender.tis</t>
  </si>
  <si>
    <t>social.htm</t>
  </si>
  <si>
    <t>C:\Users\robsonams\Downloads\v5191111.zip\lib\styles\</t>
  </si>
  <si>
    <t>toolbar.css</t>
  </si>
  <si>
    <t>teste.html</t>
  </si>
  <si>
    <t>teste_chat.htm</t>
  </si>
  <si>
    <t>teste_preview.htm</t>
  </si>
  <si>
    <t>C:\Users\robsonams\Downloads\v5191111.zip\lib\uicss\</t>
  </si>
  <si>
    <t>estilos.css</t>
  </si>
  <si>
    <t>print.css</t>
  </si>
  <si>
    <t>uih_chat_layout.htm</t>
  </si>
  <si>
    <t>uih_email_layout.htm</t>
  </si>
  <si>
    <t>C:\Users\robsonams\Downloads\v5191111.zip\lib\uiimg\</t>
  </si>
  <si>
    <t>add-bt.png</t>
  </si>
  <si>
    <t>avatar.png</t>
  </si>
  <si>
    <t>balao_dir.png</t>
  </si>
  <si>
    <t>balao_esq.png</t>
  </si>
  <si>
    <t>bg-modal.png</t>
  </si>
  <si>
    <t>bg_body.jpg</t>
  </si>
  <si>
    <t>bg_body.png</t>
  </si>
  <si>
    <t>bg_body2.jpg</t>
  </si>
  <si>
    <t>dialog3.png</t>
  </si>
  <si>
    <t>fb.png</t>
  </si>
  <si>
    <t>humor-bar.png</t>
  </si>
  <si>
    <t>ico-chat.png</t>
  </si>
  <si>
    <t>ico-close.png</t>
  </si>
  <si>
    <t>ico-del.png</t>
  </si>
  <si>
    <t>ico-edit-2.png</t>
  </si>
  <si>
    <t>ico-edit-3.png</t>
  </si>
  <si>
    <t>ico-edit.png</t>
  </si>
  <si>
    <t>ico-email.png</t>
  </si>
  <si>
    <t>ico-erro.png</t>
  </si>
  <si>
    <t>ico-ferramentas.png</t>
  </si>
  <si>
    <t>ico-file-txt.png</t>
  </si>
  <si>
    <t>ico-indiferente.png</t>
  </si>
  <si>
    <t>ico-info-2.png</t>
  </si>
  <si>
    <t>ico-info.png</t>
  </si>
  <si>
    <t>ico-insatisfeito.png</t>
  </si>
  <si>
    <t>ico-meio-insatisfeito.png</t>
  </si>
  <si>
    <t>ico-meio-satisfeito.png</t>
  </si>
  <si>
    <t>ico-mobile.png</t>
  </si>
  <si>
    <t>ico-sair.png</t>
  </si>
  <si>
    <t>ico-satisfeito.png</t>
  </si>
  <si>
    <t>ico-sms.png</t>
  </si>
  <si>
    <t>ico-sucesso.png</t>
  </si>
  <si>
    <t>ico-warning.png</t>
  </si>
  <si>
    <t>icon-file-default.png</t>
  </si>
  <si>
    <t>icon-file-excel.png</t>
  </si>
  <si>
    <t>icon-file-img.png</t>
  </si>
  <si>
    <t>icon-file-pdf.png</t>
  </si>
  <si>
    <t>icon-file-ppt.png</t>
  </si>
  <si>
    <t>icon-file-word.png</t>
  </si>
  <si>
    <t>icon-file-zip.png</t>
  </si>
  <si>
    <t>ico_buscar.png</t>
  </si>
  <si>
    <t>loader.gif</t>
  </si>
  <si>
    <t>pencil-edit-button.png</t>
  </si>
  <si>
    <t>remove-bt.png</t>
  </si>
  <si>
    <t>seta_branca.png</t>
  </si>
  <si>
    <t>seta_default.png</t>
  </si>
  <si>
    <t>seta_faq.png</t>
  </si>
  <si>
    <t>seta_guest.png</t>
  </si>
  <si>
    <t>whatsapp.png</t>
  </si>
  <si>
    <t>ui_activity.htm</t>
  </si>
  <si>
    <t>ui_activity_layout.htm</t>
  </si>
  <si>
    <t>ui_agent_notes.htm</t>
  </si>
  <si>
    <t>ui_callback.htm</t>
  </si>
  <si>
    <t>ui_chat_history.htm</t>
  </si>
  <si>
    <t>ui_chat_layout.htm</t>
  </si>
  <si>
    <t>ui_chat_qualify.htm</t>
  </si>
  <si>
    <t>ui_customer.htm</t>
  </si>
  <si>
    <t>ui_email_history.htm</t>
  </si>
  <si>
    <t>ui_email_layout.htm</t>
  </si>
  <si>
    <t>ui_email_qualify.htm</t>
  </si>
  <si>
    <t>ui_fabiano.htm</t>
  </si>
  <si>
    <t>ui_fts_search.htm</t>
  </si>
  <si>
    <t>ui_page_preview.htm</t>
  </si>
  <si>
    <t>ui_phone_qualify.htm</t>
  </si>
  <si>
    <t>ui_popup_spell.htm</t>
  </si>
  <si>
    <t>ui_print_preview.htm</t>
  </si>
  <si>
    <t>ui_products.htm</t>
  </si>
  <si>
    <t>ui_social_history.htm</t>
  </si>
  <si>
    <t>ui_social_layout.htm</t>
  </si>
  <si>
    <t>ui_social_qualify.htm</t>
  </si>
  <si>
    <t>ui_wnd_workflow.htm</t>
  </si>
  <si>
    <t>xui.dll</t>
  </si>
  <si>
    <t>xwc.tis</t>
  </si>
  <si>
    <t>C:\Users\robsonams\Downloads\v5191111.zip\</t>
  </si>
  <si>
    <t>Updater.exe</t>
  </si>
  <si>
    <t>XGEN_Client_x64.exe</t>
  </si>
  <si>
    <t>XGEN_Client_x86.exe</t>
  </si>
  <si>
    <t>xsc_x64.dll</t>
  </si>
  <si>
    <t>xsc_x86.dll</t>
  </si>
  <si>
    <t>xui_x64.dll</t>
  </si>
  <si>
    <t>xui_x86.dll</t>
  </si>
  <si>
    <t>XWC30.exe</t>
  </si>
  <si>
    <t>XWC30h.exe</t>
  </si>
  <si>
    <t>\\acsfs\deptos\Engenharia\8 - Service Desk Data Center\8.3 - Documentos Pessoais\Luis Alberto Ferrreira\#SFT\XGen BV\v5191111.zip\</t>
  </si>
  <si>
    <t>:Zone.Identifier:$DATA</t>
  </si>
  <si>
    <t>\\acsfs\deptos\Engenharia\8 - Service Desk Data Center\8.3 - Documentos Pessoais\Luis Alberto Ferrreira\#SFT\XGen BV\v5191111.zip\:Zone.Identifier:$DATA</t>
  </si>
  <si>
    <t>\\acsfs\deptos\Engenharia\8 - Service Desk Data Center\8.3 - Documentos Pessoais\Luis Alberto Ferrreira\#SFT\XGen BV\v5191111\CHANGELOG\</t>
  </si>
  <si>
    <t>\\acsfs\deptos\Engenharia\8 - Service Desk Data Center\8.3 - Documentos Pessoais\Luis Alberto Ferrreira\#SFT\XGen BV\v5191111\CHANGELOG\.changelog-tags.txt</t>
  </si>
  <si>
    <t>.changelog-tags.txt:Zone.Identifier</t>
  </si>
  <si>
    <t>\\acsfs\deptos\Engenharia\8 - Service Desk Data Center\8.3 - Documentos Pessoais\Luis Alberto Ferrreira\#SFT\XGen BV\v5191111\CHANGELOG\.changelog-tags.txt:Zone.Identifier</t>
  </si>
  <si>
    <t>\\acsfs\deptos\Engenharia\8 - Service Desk Data Center\8.3 - Documentos Pessoais\Luis Alberto Ferrreira\#SFT\XGen BV\v5191111\CHANGELOG\APP_CHANGELOG.js</t>
  </si>
  <si>
    <t>APP_CHANGELOG.js:Zone.Identifier</t>
  </si>
  <si>
    <t>\\acsfs\deptos\Engenharia\8 - Service Desk Data Center\8.3 - Documentos Pessoais\Luis Alberto Ferrreira\#SFT\XGen BV\v5191111\CHANGELOG\APP_CHANGELOG.js:Zone.Identifier</t>
  </si>
  <si>
    <t>\\acsfs\deptos\Engenharia\8 - Service Desk Data Center\8.3 - Documentos Pessoais\Luis Alberto Ferrreira\#SFT\XGen BV\v5191111\CHANGELOG\CHANGELOG.js</t>
  </si>
  <si>
    <t>CHANGELOG.js:Zone.Identifier</t>
  </si>
  <si>
    <t>\\acsfs\deptos\Engenharia\8 - Service Desk Data Center\8.3 - Documentos Pessoais\Luis Alberto Ferrreira\#SFT\XGen BV\v5191111\CHANGELOG\CHANGELOG.js:Zone.Identifier</t>
  </si>
  <si>
    <t>\\acsfs\deptos\Engenharia\8 - Service Desk Data Center\8.3 - Documentos Pessoais\Luis Alberto Ferrreira\#SFT\XGen BV\v5191111\CHANGELOG\CHANGELOG.json</t>
  </si>
  <si>
    <t>CHANGELOG.json:Zone.Identifier</t>
  </si>
  <si>
    <t>\\acsfs\deptos\Engenharia\8 - Service Desk Data Center\8.3 - Documentos Pessoais\Luis Alberto Ferrreira\#SFT\XGen BV\v5191111\CHANGELOG\CHANGELOG.json:Zone.Identifier</t>
  </si>
  <si>
    <t>\\acsfs\deptos\Engenharia\8 - Service Desk Data Center\8.3 - Documentos Pessoais\Luis Alberto Ferrreira\#SFT\XGen BV\v5191111\CHANGELOG\CHANGELOG[Conflict].json</t>
  </si>
  <si>
    <t>CHANGELOG[Conflict].json:Zone.Identifier</t>
  </si>
  <si>
    <t>\\acsfs\deptos\Engenharia\8 - Service Desk Data Center\8.3 - Documentos Pessoais\Luis Alberto Ferrreira\#SFT\XGen BV\v5191111\CHANGELOG\CHANGELOG[Conflict].json:Zone.Identifier</t>
  </si>
  <si>
    <t>\\acsfs\deptos\Engenharia\8 - Service Desk Data Center\8.3 - Documentos Pessoais\Luis Alberto Ferrreira\#SFT\XGen BV\v5191111\CHANGELOG\CHANGELOG_GUIDELINE.txt</t>
  </si>
  <si>
    <t>CHANGELOG_GUIDELINE.txt:Zone.Identifier</t>
  </si>
  <si>
    <t>\\acsfs\deptos\Engenharia\8 - Service Desk Data Center\8.3 - Documentos Pessoais\Luis Alberto Ferrreira\#SFT\XGen BV\v5191111\CHANGELOG\CHANGELOG_GUIDELINE.txt:Zone.Identifier</t>
  </si>
  <si>
    <t>\\acsfs\deptos\Engenharia\8 - Service Desk Data Center\8.3 - Documentos Pessoais\Kelson\</t>
  </si>
  <si>
    <t>\\acsfs\deptos\Engenharia\8 - Service Desk Data Center\8.3 - Documentos Pessoais\Luis Alberto Ferrreira\#SFT\XGen BV\v5191111\CHANGELOG\desktop.ini</t>
  </si>
  <si>
    <t>desktop.ini:Zone.Identifier</t>
  </si>
  <si>
    <t>\\acsfs\deptos\Engenharia\8 - Service Desk Data Center\8.3 - Documentos Pessoais\Luis Alberto Ferrreira\#SFT\XGen BV\v5191111\CHANGELOG\desktop.ini:Zone.Identifier</t>
  </si>
  <si>
    <t>\\acsfs\deptos\Engenharia\8 - Service Desk Data Center\8.3 - Documentos Pessoais\Luis Alberto Ferrreira\#SFT\XGen BV\v5191111\CHANGELOG\index.html</t>
  </si>
  <si>
    <t>index.html:Zone.Identifier</t>
  </si>
  <si>
    <t>\\acsfs\deptos\Engenharia\8 - Service Desk Data Center\8.3 - Documentos Pessoais\Luis Alberto Ferrreira\#SFT\XGen BV\v5191111\CHANGELOG\index.html:Zone.Identifier</t>
  </si>
  <si>
    <t>\\acsfs\deptos\Engenharia\8 - Service Desk Data Center\8.3 - Documentos Pessoais\Luis Alberto Ferrreira\#SFT\XGen BV\v5191111\CHANGELOG\css\</t>
  </si>
  <si>
    <t>\\acsfs\deptos\Engenharia\8 - Service Desk Data Center\8.3 - Documentos Pessoais\Luis Alberto Ferrreira\#SFT\XGen BV\v5191111\CHANGELOG\css\CHANGELOG.css</t>
  </si>
  <si>
    <t>CHANGELOG.css:Zone.Identifier</t>
  </si>
  <si>
    <t>\\acsfs\deptos\Engenharia\8 - Service Desk Data Center\8.3 - Documentos Pessoais\Luis Alberto Ferrreira\#SFT\XGen BV\v5191111\CHANGELOG\css\CHANGELOG.css:Zone.Identifier</t>
  </si>
  <si>
    <t>\\acsfs\deptos\Engenharia\8 - Service Desk Data Center\8.3 - Documentos Pessoais\Luis Alberto Ferrreira\#SFT\XGen BV\v5191111\CHANGELOG\css\desktop.ini</t>
  </si>
  <si>
    <t>\\acsfs\deptos\Engenharia\8 - Service Desk Data Center\8.3 - Documentos Pessoais\Luis Alberto Ferrreira\#SFT\XGen BV\v5191111\CHANGELOG\css\desktop.ini:Zone.Identifier</t>
  </si>
  <si>
    <t>\\acsfs\deptos\Engenharia\8 - Service Desk Data Center\8.3 - Documentos Pessoais\Luis Alberto Ferrreira\#SFT\XGen BV\v5191111\CHANGELOG\font\desktop.ini</t>
  </si>
  <si>
    <t>\\acsfs\deptos\Engenharia\8 - Service Desk Data Center\8.3 - Documentos Pessoais\Luis Alberto Ferrreira\#SFT\XGen BV\v5191111\CHANGELOG\font\desktop.ini:Zone.Identifier</t>
  </si>
  <si>
    <t>\\acsfs\deptos\Engenharia\8 - Service Desk Data Center\8.3 - Documentos Pessoais\Luis Alberto Ferrreira\#SFT\XGen BV\v5191111\CHANGELOG\font\</t>
  </si>
  <si>
    <t>\\acsfs\deptos\Engenharia\8 - Service Desk Data Center\8.3 - Documentos Pessoais\Luis Alberto Ferrreira\#SFT\XGen BV\v5191111\CHANGELOG\font\OpenSans-Bold.eot</t>
  </si>
  <si>
    <t>OpenSans-Bold.eot:Zone.Identifier</t>
  </si>
  <si>
    <t>\\acsfs\deptos\Engenharia\8 - Service Desk Data Center\8.3 - Documentos Pessoais\Luis Alberto Ferrreira\#SFT\XGen BV\v5191111\CHANGELOG\font\OpenSans-Bold.eot:Zone.Identifier</t>
  </si>
  <si>
    <t>\\acsfs\deptos\Engenharia\8 - Service Desk Data Center\8.3 - Documentos Pessoais\Luis Alberto Ferrreira\#SFT\XGen BV\v5191111\CHANGELOG\font\OpenSans-Bold.svg</t>
  </si>
  <si>
    <t>OpenSans-Bold.svg:Zone.Identifier</t>
  </si>
  <si>
    <t>\\acsfs\deptos\Engenharia\8 - Service Desk Data Center\8.3 - Documentos Pessoais\Luis Alberto Ferrreira\#SFT\XGen BV\v5191111\CHANGELOG\font\OpenSans-Bold.svg:Zone.Identifier</t>
  </si>
  <si>
    <t>\\acsfs\deptos\Engenharia\8 - Service Desk Data Center\8.3 - Documentos Pessoais\Luis Alberto Ferrreira\#SFT\XGen BV\v5191111\CHANGELOG\font\OpenSans-Bold.ttf</t>
  </si>
  <si>
    <t>OpenSans-Bold.ttf:Zone.Identifier</t>
  </si>
  <si>
    <t>\\acsfs\deptos\Engenharia\8 - Service Desk Data Center\8.3 - Documentos Pessoais\Luis Alberto Ferrreira\#SFT\XGen BV\v5191111\CHANGELOG\font\OpenSans-Bold.ttf:Zone.Identifier</t>
  </si>
  <si>
    <t>\\acsfs\deptos\Engenharia\8 - Service Desk Data Center\8.3 - Documentos Pessoais\Luis Alberto Ferrreira\#SFT\XGen BV\v5191111\CHANGELOG\font\OpenSans-Bold.woff</t>
  </si>
  <si>
    <t>OpenSans-Bold.woff:Zone.Identifier</t>
  </si>
  <si>
    <t>\\acsfs\deptos\Engenharia\8 - Service Desk Data Center\8.3 - Documentos Pessoais\Luis Alberto Ferrreira\#SFT\XGen BV\v5191111\CHANGELOG\font\OpenSans-Bold.woff:Zone.Identifier</t>
  </si>
  <si>
    <t>\\acsfs\deptos\Engenharia\8 - Service Desk Data Center\8.3 - Documentos Pessoais\Luis Alberto Ferrreira\#SFT\XGen BV\v5191111\CHANGELOG\font\OpenSans-Light-webfont.eot</t>
  </si>
  <si>
    <t>OpenSans-Light-webfont.eot:Zone.Identifier</t>
  </si>
  <si>
    <t>\\acsfs\deptos\Engenharia\8 - Service Desk Data Center\8.3 - Documentos Pessoais\Luis Alberto Ferrreira\#SFT\XGen BV\v5191111\CHANGELOG\font\OpenSans-Light-webfont.eot:Zone.Identifier</t>
  </si>
  <si>
    <t>\\acsfs\deptos\Engenharia\8 - Service Desk Data Center\8.3 - Documentos Pessoais\Luis Alberto Ferrreira\#SFT\XGen BV\v5191111\CHANGELOG\font\OpenSans-Light-webfont.svg</t>
  </si>
  <si>
    <t>OpenSans-Light-webfont.svg:Zone.Identifier</t>
  </si>
  <si>
    <t>\\acsfs\deptos\Engenharia\8 - Service Desk Data Center\8.3 - Documentos Pessoais\Luis Alberto Ferrreira\#SFT\XGen BV\v5191111\CHANGELOG\font\OpenSans-Light-webfont.svg:Zone.Identifier</t>
  </si>
  <si>
    <t>\\acsfs\deptos\Engenharia\8 - Service Desk Data Center\8.3 - Documentos Pessoais\Luis Alberto Ferrreira\#SFT\XGen BV\v5191111\CHANGELOG\font\OpenSans-Light-webfont.ttf</t>
  </si>
  <si>
    <t>OpenSans-Light-webfont.ttf:Zone.Identifier</t>
  </si>
  <si>
    <t>\\acsfs\deptos\Engenharia\8 - Service Desk Data Center\8.3 - Documentos Pessoais\Luis Alberto Ferrreira\#SFT\XGen BV\v5191111\CHANGELOG\font\OpenSans-Light-webfont.ttf:Zone.Identifier</t>
  </si>
  <si>
    <t>\\acsfs\deptos\Engenharia\8 - Service Desk Data Center\8.3 - Documentos Pessoais\Luis Alberto Ferrreira\#SFT\XGen BV\v5191111\CHANGELOG\font\OpenSans-Light-webfont.woff</t>
  </si>
  <si>
    <t>OpenSans-Light-webfont.woff:Zone.Identifier</t>
  </si>
  <si>
    <t>\\acsfs\deptos\Engenharia\8 - Service Desk Data Center\8.3 - Documentos Pessoais\Luis Alberto Ferrreira\#SFT\XGen BV\v5191111\CHANGELOG\font\OpenSans-Light-webfont.woff:Zone.Identifier</t>
  </si>
  <si>
    <t>\\acsfs\deptos\Engenharia\8 - Service Desk Data Center\8.3 - Documentos Pessoais\Luis Alberto Ferrreira\#SFT\XGen BV\v5191111\CHANGELOG\img\</t>
  </si>
  <si>
    <t>\\acsfs\deptos\Engenharia\8 - Service Desk Data Center\8.3 - Documentos Pessoais\Luis Alberto Ferrreira\#SFT\XGen BV\v5191111\CHANGELOG\img\body.png</t>
  </si>
  <si>
    <t>body.png:Zone.Identifier</t>
  </si>
  <si>
    <t>\\acsfs\deptos\Engenharia\8 - Service Desk Data Center\8.3 - Documentos Pessoais\Luis Alberto Ferrreira\#SFT\XGen BV\v5191111\CHANGELOG\img\body.png:Zone.Identifier</t>
  </si>
  <si>
    <t>\\acsfs\deptos\Engenharia\8 - Service Desk Data Center\8.3 - Documentos Pessoais\Luis Alberto Ferrreira\#SFT\XGen BV\v5191111\CHANGELOG\img\desktop.ini</t>
  </si>
  <si>
    <t>\\acsfs\deptos\Engenharia\8 - Service Desk Data Center\8.3 - Documentos Pessoais\Luis Alberto Ferrreira\#SFT\XGen BV\v5191111\CHANGELOG\img\desktop.ini:Zone.Identifier</t>
  </si>
  <si>
    <t>\\acsfs\deptos\Engenharia\8 - Service Desk Data Center\8.3 - Documentos Pessoais\Luis Alberto Ferrreira\#SFT\XGen BV\v5191111\CHANGELOG\img\favicon.png</t>
  </si>
  <si>
    <t>favicon.png:Zone.Identifier</t>
  </si>
  <si>
    <t>\\acsfs\deptos\Engenharia\8 - Service Desk Data Center\8.3 - Documentos Pessoais\Luis Alberto Ferrreira\#SFT\XGen BV\v5191111\CHANGELOG\img\favicon.png:Zone.Identifier</t>
  </si>
  <si>
    <t>\\acsfs\deptos\Engenharia\8 - Service Desk Data Center\8.3 - Documentos Pessoais\Luis Alberto Ferrreira\#SFT\XGen BV\v5191111\CHANGELOG\img\favicon_big.png</t>
  </si>
  <si>
    <t>favicon_big.png:Zone.Identifier</t>
  </si>
  <si>
    <t>\\acsfs\deptos\Engenharia\8 - Service Desk Data Center\8.3 - Documentos Pessoais\Luis Alberto Ferrreira\#SFT\XGen BV\v5191111\CHANGELOG\img\favicon_big.png:Zone.Identifier</t>
  </si>
  <si>
    <t>\\acsfs\deptos\Engenharia\8 - Service Desk Data Center\8.3 - Documentos Pessoais\Luis Alberto Ferrreira\#SFT\XGen BV\v5191111\CHANGELOG\img\login-bg.png</t>
  </si>
  <si>
    <t>login-bg.png:Zone.Identifier</t>
  </si>
  <si>
    <t>\\acsfs\deptos\Engenharia\8 - Service Desk Data Center\8.3 - Documentos Pessoais\Luis Alberto Ferrreira\#SFT\XGen BV\v5191111\CHANGELOG\img\login-bg.png:Zone.Identifier</t>
  </si>
  <si>
    <t>\\acsfs\deptos\Engenharia\8 - Service Desk Data Center\8.3 - Documentos Pessoais\Luis Alberto Ferrreira\#SFT\XGen BV\v5191111\CHANGELOG\img\login-light.png</t>
  </si>
  <si>
    <t>login-light.png:Zone.Identifier</t>
  </si>
  <si>
    <t>\\acsfs\deptos\Engenharia\8 - Service Desk Data Center\8.3 - Documentos Pessoais\Luis Alberto Ferrreira\#SFT\XGen BV\v5191111\CHANGELOG\img\login-light.png:Zone.Identifier</t>
  </si>
  <si>
    <t>\\acsfs\deptos\Engenharia\8 - Service Desk Data Center\8.3 - Documentos Pessoais\Luis Alberto Ferrreira\#SFT\XGen BV\v5191111\CHANGELOG\img\logo_xgen.svg</t>
  </si>
  <si>
    <t>logo_xgen.svg:Zone.Identifier</t>
  </si>
  <si>
    <t>\\acsfs\deptos\Engenharia\8 - Service Desk Data Center\8.3 - Documentos Pessoais\Luis Alberto Ferrreira\#SFT\XGen BV\v5191111\CHANGELOG\img\logo_xgen.svg:Zone.Identifier</t>
  </si>
  <si>
    <t>\\acsfs\deptos\Engenharia\8 - Service Desk Data Center\8.3 - Documentos Pessoais\Luis Alberto Ferrreira\#SFT\XGen BV\v5191111\CHANGELOG\lib\</t>
  </si>
  <si>
    <t>\\acsfs\deptos\Engenharia\8 - Service Desk Data Center\8.3 - Documentos Pessoais\Luis Alberto Ferrreira\#SFT\XGen BV\v5191111\CHANGELOG\lib\angular.min.js</t>
  </si>
  <si>
    <t>angular.min.js:Zone.Identifier</t>
  </si>
  <si>
    <t>\\acsfs\deptos\Engenharia\8 - Service Desk Data Center\8.3 - Documentos Pessoais\Luis Alberto Ferrreira\#SFT\XGen BV\v5191111\CHANGELOG\lib\angular.min.js:Zone.Identifier</t>
  </si>
  <si>
    <t>\\acsfs\deptos\Engenharia\8 - Service Desk Data Center\8.3 - Documentos Pessoais\Luis Alberto Ferrreira\#SFT\XGen BV\v5191111\CHANGELOG\lib\angular-animate.min.js</t>
  </si>
  <si>
    <t>angular-animate.min.js:Zone.Identifier</t>
  </si>
  <si>
    <t>\\acsfs\deptos\Engenharia\8 - Service Desk Data Center\8.3 - Documentos Pessoais\Luis Alberto Ferrreira\#SFT\XGen BV\v5191111\CHANGELOG\lib\angular-animate.min.js:Zone.Identifier</t>
  </si>
  <si>
    <t>\\acsfs\deptos\Engenharia\8 - Service Desk Data Center\8.3 - Documentos Pessoais\Luis Alberto Ferrreira\#SFT\XGen BV\v5191111\CHANGELOG\lib\angular-route.min.js</t>
  </si>
  <si>
    <t>angular-route.min.js:Zone.Identifier</t>
  </si>
  <si>
    <t>\\acsfs\deptos\Engenharia\8 - Service Desk Data Center\8.3 - Documentos Pessoais\Luis Alberto Ferrreira\#SFT\XGen BV\v5191111\CHANGELOG\lib\angular-route.min.js:Zone.Identifier</t>
  </si>
  <si>
    <t>\\acsfs\deptos\Engenharia\8 - Service Desk Data Center\8.3 - Documentos Pessoais\Luis Alberto Ferrreira\#SFT\XGen BV\v5191111\CHANGELOG\lib\angular-sanitize.min.js</t>
  </si>
  <si>
    <t>angular-sanitize.min.js:Zone.Identifier</t>
  </si>
  <si>
    <t>\\acsfs\deptos\Engenharia\8 - Service Desk Data Center\8.3 - Documentos Pessoais\Luis Alberto Ferrreira\#SFT\XGen BV\v5191111\CHANGELOG\lib\angular-sanitize.min.js:Zone.Identifier</t>
  </si>
  <si>
    <t>\\acsfs\deptos\Engenharia\8 - Service Desk Data Center\8.3 - Documentos Pessoais\Luis Alberto Ferrreira\#SFT\XGen BV\v5191111\CHANGELOG\lib\desktop.ini</t>
  </si>
  <si>
    <t>\\acsfs\deptos\Engenharia\8 - Service Desk Data Center\8.3 - Documentos Pessoais\Luis Alberto Ferrreira\#SFT\XGen BV\v5191111\CHANGELOG\lib\desktop.ini:Zone.Identifier</t>
  </si>
  <si>
    <t>\\acsfs\deptos\Engenharia\8 - Service Desk Data Center\8.3 - Documentos Pessoais\Luis Alberto Ferrreira\#SFT\XGen BV\v5191111\CHANGELOG\lib\jquery-1.9.1.min.js</t>
  </si>
  <si>
    <t>jquery-1.9.1.min.js:Zone.Identifier</t>
  </si>
  <si>
    <t>\\acsfs\deptos\Engenharia\8 - Service Desk Data Center\8.3 - Documentos Pessoais\Luis Alberto Ferrreira\#SFT\XGen BV\v5191111\CHANGELOG\lib\jquery-1.9.1.min.js:Zone.Identifier</t>
  </si>
  <si>
    <t>\\acsfs\deptos\Engenharia\8 - Service Desk Data Center\8.3 - Documentos Pessoais\Luis Alberto Ferrreira\#SFT\XGen BV\v5191111\lex\desktop.ini</t>
  </si>
  <si>
    <t>\\acsfs\deptos\Engenharia\8 - Service Desk Data Center\8.3 - Documentos Pessoais\Luis Alberto Ferrreira\#SFT\XGen BV\v5191111\lex\desktop.ini:Zone.Identifier</t>
  </si>
  <si>
    <t>\\acsfs\deptos\Engenharia\8 - Service Desk Data Center\8.3 - Documentos Pessoais\Luis Alberto Ferrreira\#SFT\XGen BV\v5191111\lex\</t>
  </si>
  <si>
    <t>\\acsfs\deptos\Engenharia\8 - Service Desk Data Center\8.3 - Documentos Pessoais\Luis Alberto Ferrreira\#SFT\XGen BV\v5191111\lex\sscepb.tlx</t>
  </si>
  <si>
    <t>sscepb.tlx:Zone.Identifier</t>
  </si>
  <si>
    <t>\\acsfs\deptos\Engenharia\8 - Service Desk Data Center\8.3 - Documentos Pessoais\Luis Alberto Ferrreira\#SFT\XGen BV\v5191111\lex\sscepb.tlx:Zone.Identifier</t>
  </si>
  <si>
    <t>\\acsfs\deptos\Engenharia\8 - Service Desk Data Center\8.3 - Documentos Pessoais\Luis Alberto Ferrreira\#SFT\XGen BV\v5191111\lex\sscepb2.clx</t>
  </si>
  <si>
    <t>sscepb2.clx:Zone.Identifier</t>
  </si>
  <si>
    <t>\\acsfs\deptos\Engenharia\8 - Service Desk Data Center\8.3 - Documentos Pessoais\Luis Alberto Ferrreira\#SFT\XGen BV\v5191111\lex\sscepb2.clx:Zone.Identifier</t>
  </si>
  <si>
    <t>\\acsfs\deptos\Engenharia\8 - Service Desk Data Center\8.3 - Documentos Pessoais\Luis Alberto Ferrreira\#SFT\XGen BV\v5191111\lex\userdic.tlx</t>
  </si>
  <si>
    <t>userdic.tlx:Zone.Identifier</t>
  </si>
  <si>
    <t>\\acsfs\deptos\Engenharia\8 - Service Desk Data Center\8.3 - Documentos Pessoais\Luis Alberto Ferrreira\#SFT\XGen BV\v5191111\lex\userdic.tlx:Zone.Identifier</t>
  </si>
  <si>
    <t>\\acsfs\deptos\Engenharia\8 - Service Desk Data Center\8.3 - Documentos Pessoais\Luis Alberto Ferrreira\#SFT\XGen BV\v5191111\lib\</t>
  </si>
  <si>
    <t>\\acsfs\deptos\Engenharia\8 - Service Desk Data Center\8.3 - Documentos Pessoais\Luis Alberto Ferrreira\#SFT\XGen BV\v5191111\lib\content.htm</t>
  </si>
  <si>
    <t>content.htm:Zone.Identifier</t>
  </si>
  <si>
    <t>\\acsfs\deptos\Engenharia\8 - Service Desk Data Center\8.3 - Documentos Pessoais\Luis Alberto Ferrreira\#SFT\XGen BV\v5191111\lib\content.htm:Zone.Identifier</t>
  </si>
  <si>
    <t>\\acsfs\deptos\Engenharia\8 - Service Desk Data Center\8.3 - Documentos Pessoais\Luis Alberto Ferrreira\#SFT\XGen BV\v5191111\lib\desktop.ini</t>
  </si>
  <si>
    <t>\\acsfs\deptos\Engenharia\8 - Service Desk Data Center\8.3 - Documentos Pessoais\Luis Alberto Ferrreira\#SFT\XGen BV\v5191111\lib\desktop.ini:Zone.Identifier</t>
  </si>
  <si>
    <t>\\acsfs\deptos\Engenharia\8 - Service Desk Data Center\8.3 - Documentos Pessoais\Luis Alberto Ferrreira\#SFT\XGen BV\v5191111\lib\root-extender.tis</t>
  </si>
  <si>
    <t>root-extender.tis:Zone.Identifier</t>
  </si>
  <si>
    <t>\\acsfs\deptos\Engenharia\8 - Service Desk Data Center\8.3 - Documentos Pessoais\Luis Alberto Ferrreira\#SFT\XGen BV\v5191111\lib\root-extender.tis:Zone.Identifier</t>
  </si>
  <si>
    <t>\\acsfs\deptos\Engenharia\8 - Service Desk Data Center\8.3 - Documentos Pessoais\Luis Alberto Ferrreira\#SFT\XGen BV\v5191111\lib\social.htm</t>
  </si>
  <si>
    <t>social.htm:Zone.Identifier</t>
  </si>
  <si>
    <t>\\acsfs\deptos\Engenharia\8 - Service Desk Data Center\8.3 - Documentos Pessoais\Luis Alberto Ferrreira\#SFT\XGen BV\v5191111\lib\social.htm:Zone.Identifier</t>
  </si>
  <si>
    <t>\\acsfs\deptos\Engenharia\8 - Service Desk Data Center\8.3 - Documentos Pessoais\Luis Alberto Ferrreira\#SFT\XGen BV\v5191111\lib\teste.html</t>
  </si>
  <si>
    <t>teste.html:Zone.Identifier</t>
  </si>
  <si>
    <t>\\acsfs\deptos\Engenharia\8 - Service Desk Data Center\8.3 - Documentos Pessoais\Luis Alberto Ferrreira\#SFT\XGen BV\v5191111\lib\teste.html:Zone.Identifier</t>
  </si>
  <si>
    <t>\\acsfs\deptos\Engenharia\8 - Service Desk Data Center\8.3 - Documentos Pessoais\Luis Alberto Ferrreira\#SFT\XGen BV\v5191111\lib\teste_chat.htm</t>
  </si>
  <si>
    <t>teste_chat.htm:Zone.Identifier</t>
  </si>
  <si>
    <t>\\acsfs\deptos\Engenharia\8 - Service Desk Data Center\8.3 - Documentos Pessoais\Luis Alberto Ferrreira\#SFT\XGen BV\v5191111\lib\teste_chat.htm:Zone.Identifier</t>
  </si>
  <si>
    <t>\\acsfs\deptos\Engenharia\8 - Service Desk Data Center\8.3 - Documentos Pessoais\Luis Alberto Ferrreira\#SFT\XGen BV\v5191111\lib\teste_preview.htm</t>
  </si>
  <si>
    <t>teste_preview.htm:Zone.Identifier</t>
  </si>
  <si>
    <t>\\acsfs\deptos\Engenharia\8 - Service Desk Data Center\8.3 - Documentos Pessoais\Luis Alberto Ferrreira\#SFT\XGen BV\v5191111\lib\teste_preview.htm:Zone.Identifier</t>
  </si>
  <si>
    <t>\\acsfs\deptos\Engenharia\8 - Service Desk Data Center\8.3 - Documentos Pessoais\Luis Alberto Ferrreira\#SFT\XGen BV\v5191111\lib\ui_activity.htm</t>
  </si>
  <si>
    <t>ui_activity.htm:Zone.Identifier</t>
  </si>
  <si>
    <t>\\acsfs\deptos\Engenharia\8 - Service Desk Data Center\8.3 - Documentos Pessoais\Luis Alberto Ferrreira\#SFT\XGen BV\v5191111\lib\ui_activity.htm:Zone.Identifier</t>
  </si>
  <si>
    <t>\\acsfs\deptos\Engenharia\8 - Service Desk Data Center\8.3 - Documentos Pessoais\Luis Alberto Ferrreira\#SFT\XGen BV\v5191111\lib\ui_activity_layout.htm</t>
  </si>
  <si>
    <t>ui_activity_layout.htm:Zone.Identifier</t>
  </si>
  <si>
    <t>\\acsfs\deptos\Engenharia\8 - Service Desk Data Center\8.3 - Documentos Pessoais\Luis Alberto Ferrreira\#SFT\XGen BV\v5191111\lib\ui_activity_layout.htm:Zone.Identifier</t>
  </si>
  <si>
    <t>\\acsfs\deptos\Engenharia\8 - Service Desk Data Center\8.3 - Documentos Pessoais\Luis Alberto Ferrreira\#SFT\XGen BV\v5191111\lib\ui_agent_notes.htm</t>
  </si>
  <si>
    <t>ui_agent_notes.htm:Zone.Identifier</t>
  </si>
  <si>
    <t>\\acsfs\deptos\Engenharia\8 - Service Desk Data Center\8.3 - Documentos Pessoais\Luis Alberto Ferrreira\#SFT\XGen BV\v5191111\lib\ui_agent_notes.htm:Zone.Identifier</t>
  </si>
  <si>
    <t>\\acsfs\deptos\Engenharia\8 - Service Desk Data Center\8.3 - Documentos Pessoais\Luis Alberto Ferrreira\#SFT\XGen BV\v5191111\lib\ui_callback.htm</t>
  </si>
  <si>
    <t>ui_callback.htm:Zone.Identifier</t>
  </si>
  <si>
    <t>\\acsfs\deptos\Engenharia\8 - Service Desk Data Center\8.3 - Documentos Pessoais\Luis Alberto Ferrreira\#SFT\XGen BV\v5191111\lib\ui_callback.htm:Zone.Identifier</t>
  </si>
  <si>
    <t>\\acsfs\deptos\Engenharia\8 - Service Desk Data Center\8.3 - Documentos Pessoais\Luis Alberto Ferrreira\#SFT\XGen BV\v5191111\lib\ui_chat_history.htm</t>
  </si>
  <si>
    <t>ui_chat_history.htm:Zone.Identifier</t>
  </si>
  <si>
    <t>\\acsfs\deptos\Engenharia\8 - Service Desk Data Center\8.3 - Documentos Pessoais\Luis Alberto Ferrreira\#SFT\XGen BV\v5191111\lib\ui_chat_history.htm:Zone.Identifier</t>
  </si>
  <si>
    <t>\\acsfs\deptos\Engenharia\8 - Service Desk Data Center\8.3 - Documentos Pessoais\Luis Alberto Ferrreira\#SFT\XGen BV\v5191111\lib\ui_chat_layout.htm</t>
  </si>
  <si>
    <t>ui_chat_layout.htm:Zone.Identifier</t>
  </si>
  <si>
    <t>\\acsfs\deptos\Engenharia\8 - Service Desk Data Center\8.3 - Documentos Pessoais\Luis Alberto Ferrreira\#SFT\XGen BV\v5191111\lib\ui_chat_layout.htm:Zone.Identifier</t>
  </si>
  <si>
    <t>\\acsfs\deptos\Engenharia\8 - Service Desk Data Center\8.3 - Documentos Pessoais\Luis Alberto Ferrreira\#SFT\XGen BV\v5191111\lib\ui_chat_qualify.htm</t>
  </si>
  <si>
    <t>ui_chat_qualify.htm:Zone.Identifier</t>
  </si>
  <si>
    <t>\\acsfs\deptos\Engenharia\8 - Service Desk Data Center\8.3 - Documentos Pessoais\Luis Alberto Ferrreira\#SFT\XGen BV\v5191111\lib\ui_chat_qualify.htm:Zone.Identifier</t>
  </si>
  <si>
    <t>\\acsfs\deptos\Engenharia\8 - Service Desk Data Center\8.3 - Documentos Pessoais\Luis Alberto Ferrreira\#SFT\XGen BV\v5191111\lib\ui_customer.htm</t>
  </si>
  <si>
    <t>ui_customer.htm:Zone.Identifier</t>
  </si>
  <si>
    <t>\\acsfs\deptos\Engenharia\8 - Service Desk Data Center\8.3 - Documentos Pessoais\Luis Alberto Ferrreira\#SFT\XGen BV\v5191111\lib\ui_customer.htm:Zone.Identifier</t>
  </si>
  <si>
    <t>\\acsfs\deptos\Engenharia\8 - Service Desk Data Center\8.3 - Documentos Pessoais\Luis Alberto Ferrreira\#SFT\XGen BV\v5191111\lib\ui_email_history.htm</t>
  </si>
  <si>
    <t>ui_email_history.htm:Zone.Identifier</t>
  </si>
  <si>
    <t>\\acsfs\deptos\Engenharia\8 - Service Desk Data Center\8.3 - Documentos Pessoais\Luis Alberto Ferrreira\#SFT\XGen BV\v5191111\lib\ui_email_history.htm:Zone.Identifier</t>
  </si>
  <si>
    <t>\\acsfs\deptos\Engenharia\8 - Service Desk Data Center\8.3 - Documentos Pessoais\Luis Alberto Ferrreira\#SFT\XGen BV\v5191111\lib\ui_email_layout.htm</t>
  </si>
  <si>
    <t>ui_email_layout.htm:Zone.Identifier</t>
  </si>
  <si>
    <t>\\acsfs\deptos\Engenharia\8 - Service Desk Data Center\8.3 - Documentos Pessoais\Luis Alberto Ferrreira\#SFT\XGen BV\v5191111\lib\ui_email_layout.htm:Zone.Identifier</t>
  </si>
  <si>
    <t>\\acsfs\deptos\Engenharia\8 - Service Desk Data Center\8.3 - Documentos Pessoais\Luis Alberto Ferrreira\#SFT\XGen BV\v5191111\lib\ui_email_qualify.htm</t>
  </si>
  <si>
    <t>ui_email_qualify.htm:Zone.Identifier</t>
  </si>
  <si>
    <t>\\acsfs\deptos\Engenharia\8 - Service Desk Data Center\8.3 - Documentos Pessoais\Luis Alberto Ferrreira\#SFT\XGen BV\v5191111\lib\ui_email_qualify.htm:Zone.Identifier</t>
  </si>
  <si>
    <t>\\acsfs\deptos\Engenharia\8 - Service Desk Data Center\8.3 - Documentos Pessoais\Luis Alberto Ferrreira\#SFT\XGen BV\v5191111\lib\ui_fabiano.htm</t>
  </si>
  <si>
    <t>ui_fabiano.htm:Zone.Identifier</t>
  </si>
  <si>
    <t>\\acsfs\deptos\Engenharia\8 - Service Desk Data Center\8.3 - Documentos Pessoais\Luis Alberto Ferrreira\#SFT\XGen BV\v5191111\lib\ui_fabiano.htm:Zone.Identifier</t>
  </si>
  <si>
    <t>\\acsfs\deptos\Engenharia\8 - Service Desk Data Center\8.3 - Documentos Pessoais\Luis Alberto Ferrreira\#SFT\XGen BV\v5191111\lib\ui_fts_search.htm</t>
  </si>
  <si>
    <t>ui_fts_search.htm:Zone.Identifier</t>
  </si>
  <si>
    <t>\\acsfs\deptos\Engenharia\8 - Service Desk Data Center\8.3 - Documentos Pessoais\Luis Alberto Ferrreira\#SFT\XGen BV\v5191111\lib\ui_fts_search.htm:Zone.Identifier</t>
  </si>
  <si>
    <t>\\acsfs\deptos\Engenharia\8 - Service Desk Data Center\8.3 - Documentos Pessoais\Luis Alberto Ferrreira\#SFT\XGen BV\v5191111\lib\ui_page_preview.htm</t>
  </si>
  <si>
    <t>ui_page_preview.htm:Zone.Identifier</t>
  </si>
  <si>
    <t>\\acsfs\deptos\Engenharia\8 - Service Desk Data Center\8.3 - Documentos Pessoais\Luis Alberto Ferrreira\#SFT\XGen BV\v5191111\lib\ui_page_preview.htm:Zone.Identifier</t>
  </si>
  <si>
    <t>\\acsfs\deptos\Engenharia\8 - Service Desk Data Center\8.3 - Documentos Pessoais\Luis Alberto Ferrreira\#SFT\XGen BV\v5191111\lib\ui_phone_qualify.htm</t>
  </si>
  <si>
    <t>ui_phone_qualify.htm:Zone.Identifier</t>
  </si>
  <si>
    <t>\\acsfs\deptos\Engenharia\8 - Service Desk Data Center\8.3 - Documentos Pessoais\Luis Alberto Ferrreira\#SFT\XGen BV\v5191111\lib\ui_phone_qualify.htm:Zone.Identifier</t>
  </si>
  <si>
    <t>\\acsfs\deptos\Engenharia\8 - Service Desk Data Center\8.3 - Documentos Pessoais\Luis Alberto Ferrreira\#SFT\XGen BV\v5191111\lib\ui_popup_spell.htm</t>
  </si>
  <si>
    <t>ui_popup_spell.htm:Zone.Identifier</t>
  </si>
  <si>
    <t>\\acsfs\deptos\Engenharia\8 - Service Desk Data Center\8.3 - Documentos Pessoais\Luis Alberto Ferrreira\#SFT\XGen BV\v5191111\lib\ui_popup_spell.htm:Zone.Identifier</t>
  </si>
  <si>
    <t>\\acsfs\deptos\Engenharia\8 - Service Desk Data Center\8.3 - Documentos Pessoais\Luis Alberto Ferrreira\#SFT\XGen BV\v5191111\lib\ui_print_preview.htm</t>
  </si>
  <si>
    <t>ui_print_preview.htm:Zone.Identifier</t>
  </si>
  <si>
    <t>\\acsfs\deptos\Engenharia\8 - Service Desk Data Center\8.3 - Documentos Pessoais\Luis Alberto Ferrreira\#SFT\XGen BV\v5191111\lib\ui_print_preview.htm:Zone.Identifier</t>
  </si>
  <si>
    <t>\\acsfs\deptos\Engenharia\8 - Service Desk Data Center\8.3 - Documentos Pessoais\Luis Alberto Ferrreira\#SFT\XGen BV\v5191111\lib\ui_products.htm</t>
  </si>
  <si>
    <t>ui_products.htm:Zone.Identifier</t>
  </si>
  <si>
    <t>\\acsfs\deptos\Engenharia\8 - Service Desk Data Center\8.3 - Documentos Pessoais\Luis Alberto Ferrreira\#SFT\XGen BV\v5191111\lib\ui_products.htm:Zone.Identifier</t>
  </si>
  <si>
    <t>\\acsfs\deptos\Engenharia\8 - Service Desk Data Center\8.3 - Documentos Pessoais\Luis Alberto Ferrreira\#SFT\XGen BV\v5191111\lib\ui_social_history.htm</t>
  </si>
  <si>
    <t>ui_social_history.htm:Zone.Identifier</t>
  </si>
  <si>
    <t>\\acsfs\deptos\Engenharia\8 - Service Desk Data Center\8.3 - Documentos Pessoais\Luis Alberto Ferrreira\#SFT\XGen BV\v5191111\lib\ui_social_history.htm:Zone.Identifier</t>
  </si>
  <si>
    <t>\\acsfs\deptos\Engenharia\8 - Service Desk Data Center\8.3 - Documentos Pessoais\Luis Alberto Ferrreira\#SFT\XGen BV\v5191111\lib\ui_social_layout.htm</t>
  </si>
  <si>
    <t>ui_social_layout.htm:Zone.Identifier</t>
  </si>
  <si>
    <t>\\acsfs\deptos\Engenharia\8 - Service Desk Data Center\8.3 - Documentos Pessoais\Luis Alberto Ferrreira\#SFT\XGen BV\v5191111\lib\ui_social_layout.htm:Zone.Identifier</t>
  </si>
  <si>
    <t>\\acsfs\deptos\Engenharia\8 - Service Desk Data Center\8.3 - Documentos Pessoais\Luis Alberto Ferrreira\#SFT\XGen BV\v5191111\lib\ui_social_qualify.htm</t>
  </si>
  <si>
    <t>ui_social_qualify.htm:Zone.Identifier</t>
  </si>
  <si>
    <t>\\acsfs\deptos\Engenharia\8 - Service Desk Data Center\8.3 - Documentos Pessoais\Luis Alberto Ferrreira\#SFT\XGen BV\v5191111\lib\ui_social_qualify.htm:Zone.Identifier</t>
  </si>
  <si>
    <t>\\acsfs\deptos\Engenharia\8 - Service Desk Data Center\8.3 - Documentos Pessoais\Luis Alberto Ferrreira\#SFT\XGen BV\v5191111\lib\ui_wnd_workflow.htm</t>
  </si>
  <si>
    <t>ui_wnd_workflow.htm:Zone.Identifier</t>
  </si>
  <si>
    <t>\\acsfs\deptos\Engenharia\8 - Service Desk Data Center\8.3 - Documentos Pessoais\Luis Alberto Ferrreira\#SFT\XGen BV\v5191111\lib\ui_wnd_workflow.htm:Zone.Identifier</t>
  </si>
  <si>
    <t>\\acsfs\deptos\Engenharia\8 - Service Desk Data Center\8.3 - Documentos Pessoais\Luis Alberto Ferrreira\#SFT\XGen BV\v5191111\lib\uih_chat_layout.htm</t>
  </si>
  <si>
    <t>uih_chat_layout.htm:Zone.Identifier</t>
  </si>
  <si>
    <t>\\acsfs\deptos\Engenharia\8 - Service Desk Data Center\8.3 - Documentos Pessoais\Luis Alberto Ferrreira\#SFT\XGen BV\v5191111\lib\uih_chat_layout.htm:Zone.Identifier</t>
  </si>
  <si>
    <t>\\acsfs\deptos\Engenharia\8 - Service Desk Data Center\8.3 - Documentos Pessoais\Luis Alberto Ferrreira\#SFT\XGen BV\v5191111\lib\uih_email_layout.htm</t>
  </si>
  <si>
    <t>uih_email_layout.htm:Zone.Identifier</t>
  </si>
  <si>
    <t>\\acsfs\deptos\Engenharia\8 - Service Desk Data Center\8.3 - Documentos Pessoais\Luis Alberto Ferrreira\#SFT\XGen BV\v5191111\lib\uih_email_layout.htm:Zone.Identifier</t>
  </si>
  <si>
    <t>\\acsfs\deptos\Engenharia\8 - Service Desk Data Center\8.3 - Documentos Pessoais\Luis Alberto Ferrreira\#SFT\XGen BV\v5191111\lib\xui.dll</t>
  </si>
  <si>
    <t>xui.dll:Zone.Identifier</t>
  </si>
  <si>
    <t>\\acsfs\deptos\Engenharia\8 - Service Desk Data Center\8.3 - Documentos Pessoais\Luis Alberto Ferrreira\#SFT\XGen BV\v5191111\lib\xui.dll:Zone.Identifier</t>
  </si>
  <si>
    <t>\\acsfs\deptos\Engenharia\8 - Service Desk Data Center\8.3 - Documentos Pessoais\Luis Alberto Ferrreira\#SFT\XGen BV\v5191111\lib\xwc.tis</t>
  </si>
  <si>
    <t>xwc.tis:Zone.Identifier</t>
  </si>
  <si>
    <t>\\acsfs\deptos\Engenharia\8 - Service Desk Data Center\8.3 - Documentos Pessoais\Luis Alberto Ferrreira\#SFT\XGen BV\v5191111\lib\xwc.tis:Zone.Identifier</t>
  </si>
  <si>
    <t>\\acsfs\deptos\Engenharia\8 - Service Desk Data Center\8.3 - Documentos Pessoais\Luis Alberto Ferrreira\#SFT\XGen BV\v5191111\lib\assets\desktop.ini</t>
  </si>
  <si>
    <t>\\acsfs\deptos\Engenharia\8 - Service Desk Data Center\8.3 - Documentos Pessoais\Luis Alberto Ferrreira\#SFT\XGen BV\v5191111\lib\assets\desktop.ini:Zone.Identifier</t>
  </si>
  <si>
    <t>\\acsfs\deptos\Engenharia\8 - Service Desk Data Center\8.3 - Documentos Pessoais\Luis Alberto Ferrreira\#SFT\XGen BV\v5191111\lib\assets\dictionary\desktop.ini</t>
  </si>
  <si>
    <t>\\acsfs\deptos\Engenharia\8 - Service Desk Data Center\8.3 - Documentos Pessoais\Luis Alberto Ferrreira\#SFT\XGen BV\v5191111\lib\assets\dictionary\desktop.ini:Zone.Identifier</t>
  </si>
  <si>
    <t>\\acsfs\deptos\Engenharia\8 - Service Desk Data Center\8.3 - Documentos Pessoais\Luis Alberto Ferrreira\#SFT\XGen BV\v5191111\lib\assets\dictionary\</t>
  </si>
  <si>
    <t>\\acsfs\deptos\Engenharia\8 - Service Desk Data Center\8.3 - Documentos Pessoais\Luis Alberto Ferrreira\#SFT\XGen BV\v5191111\lib\assets\dictionary\pt-br.json</t>
  </si>
  <si>
    <t>pt-br.json:Zone.Identifier</t>
  </si>
  <si>
    <t>\\acsfs\deptos\Engenharia\8 - Service Desk Data Center\8.3 - Documentos Pessoais\Luis Alberto Ferrreira\#SFT\XGen BV\v5191111\lib\assets\dictionary\pt-br.json:Zone.Identifier</t>
  </si>
  <si>
    <t>\\acsfs\deptos\Engenharia\8 - Service Desk Data Center\8.3 - Documentos Pessoais\Luis Alberto Ferrreira\#SFT\XGen BV\v5191111\lib\assets\js\</t>
  </si>
  <si>
    <t>\\acsfs\deptos\Engenharia\8 - Service Desk Data Center\8.3 - Documentos Pessoais\Luis Alberto Ferrreira\#SFT\XGen BV\v5191111\lib\assets\js\cms_conn.tis</t>
  </si>
  <si>
    <t>cms_conn.tis:Zone.Identifier</t>
  </si>
  <si>
    <t>\\acsfs\deptos\Engenharia\8 - Service Desk Data Center\8.3 - Documentos Pessoais\Luis Alberto Ferrreira\#SFT\XGen BV\v5191111\lib\assets\js\cms_conn.tis:Zone.Identifier</t>
  </si>
  <si>
    <t>\\acsfs\deptos\Engenharia\8 - Service Desk Data Center\8.3 - Documentos Pessoais\Luis Alberto Ferrreira\#SFT\XGen BV\v5191111\lib\assets\js\customer.tis</t>
  </si>
  <si>
    <t>customer.tis:Zone.Identifier</t>
  </si>
  <si>
    <t>\\acsfs\deptos\Engenharia\8 - Service Desk Data Center\8.3 - Documentos Pessoais\Luis Alberto Ferrreira\#SFT\XGen BV\v5191111\lib\assets\js\customer.tis:Zone.Identifier</t>
  </si>
  <si>
    <t>\\acsfs\deptos\Engenharia\8 - Service Desk Data Center\8.3 - Documentos Pessoais\Luis Alberto Ferrreira\#SFT\XGen BV\v5191111\lib\assets\js\desktop.ini</t>
  </si>
  <si>
    <t>\\acsfs\deptos\Engenharia\8 - Service Desk Data Center\8.3 - Documentos Pessoais\Luis Alberto Ferrreira\#SFT\XGen BV\v5191111\lib\assets\js\desktop.ini:Zone.Identifier</t>
  </si>
  <si>
    <t>\\acsfs\deptos\Engenharia\8 - Service Desk Data Center\8.3 - Documentos Pessoais\Luis Alberto Ferrreira\#SFT\XGen BV\v5191111\lib\assets\js\forms.tis</t>
  </si>
  <si>
    <t>forms.tis:Zone.Identifier</t>
  </si>
  <si>
    <t>\\acsfs\deptos\Engenharia\8 - Service Desk Data Center\8.3 - Documentos Pessoais\Luis Alberto Ferrreira\#SFT\XGen BV\v5191111\lib\assets\js\forms.tis:Zone.Identifier</t>
  </si>
  <si>
    <t>\\acsfs\deptos\Engenharia\8 - Service Desk Data Center\8.3 - Documentos Pessoais\Luis Alberto Ferrreira\#SFT\XGen BV\v5191111\lib\assets\js\translate.tis</t>
  </si>
  <si>
    <t>translate.tis:Zone.Identifier</t>
  </si>
  <si>
    <t>\\acsfs\deptos\Engenharia\8 - Service Desk Data Center\8.3 - Documentos Pessoais\Luis Alberto Ferrreira\#SFT\XGen BV\v5191111\lib\assets\js\translate.tis:Zone.Identifier</t>
  </si>
  <si>
    <t>ui_activity.tis:Zone.Identifier</t>
  </si>
  <si>
    <t>\\acsfs\deptos\Engenharia\8 - Service Desk Data Center\8.3 - Documentos Pessoais\Luis Alberto Ferrreira\#SFT\XGen BV\v5191111\lib\assets\js\ui_activity.tis:Zone.Identifier</t>
  </si>
  <si>
    <t>\\acsfs\deptos\Engenharia\8 - Service Desk Data Center\8.3 - Documentos Pessoais\Luis Alberto Ferrreira\#SFT\XGen BV\v5191111\lib\assets\js\ui_activity_layout.tis</t>
  </si>
  <si>
    <t>ui_activity_layout.tis:Zone.Identifier</t>
  </si>
  <si>
    <t>\\acsfs\deptos\Engenharia\8 - Service Desk Data Center\8.3 - Documentos Pessoais\Luis Alberto Ferrreira\#SFT\XGen BV\v5191111\lib\assets\js\ui_activity_layout.tis:Zone.Identifier</t>
  </si>
  <si>
    <t>\\acsfs\deptos\Engenharia\8 - Service Desk Data Center\8.3 - Documentos Pessoais\Luis Alberto Ferrreira\#SFT\XGen BV\v5191111\lib\behaviors\cms_conn.tis</t>
  </si>
  <si>
    <t>\\acsfs\deptos\Engenharia\8 - Service Desk Data Center\8.3 - Documentos Pessoais\Luis Alberto Ferrreira\#SFT\XGen BV\v5191111\lib\behaviors\cms_conn.tis:Zone.Identifier</t>
  </si>
  <si>
    <t>\\acsfs\deptos\Engenharia\8 - Service Desk Data Center\8.3 - Documentos Pessoais\Luis Alberto Ferrreira\#SFT\XGen BV\v5191111\lib\behaviors\</t>
  </si>
  <si>
    <t>\\acsfs\deptos\Engenharia\8 - Service Desk Data Center\8.3 - Documentos Pessoais\Luis Alberto Ferrreira\#SFT\XGen BV\v5191111\lib\behaviors\color-chooser.css</t>
  </si>
  <si>
    <t>color-chooser.css:Zone.Identifier</t>
  </si>
  <si>
    <t>\\acsfs\deptos\Engenharia\8 - Service Desk Data Center\8.3 - Documentos Pessoais\Luis Alberto Ferrreira\#SFT\XGen BV\v5191111\lib\behaviors\color-chooser.css:Zone.Identifier</t>
  </si>
  <si>
    <t>\\acsfs\deptos\Engenharia\8 - Service Desk Data Center\8.3 - Documentos Pessoais\Luis Alberto Ferrreira\#SFT\XGen BV\v5191111\lib\behaviors\color-chooser.tis</t>
  </si>
  <si>
    <t>color-chooser.tis:Zone.Identifier</t>
  </si>
  <si>
    <t>\\acsfs\deptos\Engenharia\8 - Service Desk Data Center\8.3 - Documentos Pessoais\Luis Alberto Ferrreira\#SFT\XGen BV\v5191111\lib\behaviors\color-chooser.tis:Zone.Identifier</t>
  </si>
  <si>
    <t>\\acsfs\deptos\Engenharia\8 - Service Desk Data Center\8.3 - Documentos Pessoais\Luis Alberto Ferrreira\#SFT\XGen BV\v5191111\lib\behaviors\confirmation.tis</t>
  </si>
  <si>
    <t>confirmation.tis:Zone.Identifier</t>
  </si>
  <si>
    <t>\\acsfs\deptos\Engenharia\8 - Service Desk Data Center\8.3 - Documentos Pessoais\Luis Alberto Ferrreira\#SFT\XGen BV\v5191111\lib\behaviors\confirmation.tis:Zone.Identifier</t>
  </si>
  <si>
    <t>\\acsfs\deptos\Engenharia\8 - Service Desk Data Center\8.3 - Documentos Pessoais\Luis Alberto Ferrreira\#SFT\XGen BV\v5191111\lib\behaviors\desktop.ini</t>
  </si>
  <si>
    <t>\\acsfs\deptos\Engenharia\8 - Service Desk Data Center\8.3 - Documentos Pessoais\Luis Alberto Ferrreira\#SFT\XGen BV\v5191111\lib\behaviors\desktop.ini:Zone.Identifier</t>
  </si>
  <si>
    <t>\\acsfs\deptos\Engenharia\8 - Service Desk Data Center\8.3 - Documentos Pessoais\Luis Alberto Ferrreira\#SFT\XGen BV\v5191111\lib\behaviors\grid.tis</t>
  </si>
  <si>
    <t>grid.tis:Zone.Identifier</t>
  </si>
  <si>
    <t>\\acsfs\deptos\Engenharia\8 - Service Desk Data Center\8.3 - Documentos Pessoais\Luis Alberto Ferrreira\#SFT\XGen BV\v5191111\lib\behaviors\grid.tis:Zone.Identifier</t>
  </si>
  <si>
    <t>\\acsfs\deptos\Engenharia\8 - Service Desk Data Center\8.3 - Documentos Pessoais\Luis Alberto Ferrreira\#SFT\XGen BV\v5191111\lib\behaviors\init.tis</t>
  </si>
  <si>
    <t>init.tis:Zone.Identifier</t>
  </si>
  <si>
    <t>\\acsfs\deptos\Engenharia\8 - Service Desk Data Center\8.3 - Documentos Pessoais\Luis Alberto Ferrreira\#SFT\XGen BV\v5191111\lib\behaviors\init.tis:Zone.Identifier</t>
  </si>
  <si>
    <t>\\acsfs\deptos\Engenharia\8 - Service Desk Data Center\8.3 - Documentos Pessoais\Luis Alberto Ferrreira\#SFT\XGen BV\v5191111\lib\behaviors\tasks.tis</t>
  </si>
  <si>
    <t>tasks.tis:Zone.Identifier</t>
  </si>
  <si>
    <t>\\acsfs\deptos\Engenharia\8 - Service Desk Data Center\8.3 - Documentos Pessoais\Luis Alberto Ferrreira\#SFT\XGen BV\v5191111\lib\behaviors\tasks.tis:Zone.Identifier</t>
  </si>
  <si>
    <t>\\acsfs\deptos\Engenharia\8 - Service Desk Data Center\8.3 - Documentos Pessoais\Luis Alberto Ferrreira\#SFT\XGen BV\v5191111\lib\behaviors\translate.tis</t>
  </si>
  <si>
    <t>\\acsfs\deptos\Engenharia\8 - Service Desk Data Center\8.3 - Documentos Pessoais\Luis Alberto Ferrreira\#SFT\XGen BV\v5191111\lib\behaviors\translate.tis:Zone.Identifier</t>
  </si>
  <si>
    <t>\\acsfs\deptos\Engenharia\8 - Service Desk Data Center\8.3 - Documentos Pessoais\Luis Alberto Ferrreira\#SFT\XGen BV\v5191111\lib\behaviors\tree.tis</t>
  </si>
  <si>
    <t>tree.tis:Zone.Identifier</t>
  </si>
  <si>
    <t>\\acsfs\deptos\Engenharia\8 - Service Desk Data Center\8.3 - Documentos Pessoais\Luis Alberto Ferrreira\#SFT\XGen BV\v5191111\lib\behaviors\tree.tis:Zone.Identifier</t>
  </si>
  <si>
    <t>\\acsfs\deptos\Engenharia\8 - Service Desk Data Center\8.3 - Documentos Pessoais\Luis Alberto Ferrreira\#SFT\XGen BV\v5191111\lib\behaviors\.svn\prop-base\desktop.ini</t>
  </si>
  <si>
    <t>\\acsfs\deptos\Engenharia\8 - Service Desk Data Center\8.3 - Documentos Pessoais\Luis Alberto Ferrreira\#SFT\XGen BV\v5191111\lib\behaviors\.svn\prop-base\desktop.ini:Zone.Identifier</t>
  </si>
  <si>
    <t>\\acsfs\deptos\Engenharia\8 - Service Desk Data Center\8.3 - Documentos Pessoais\Luis Alberto Ferrreira\#SFT\XGen BV\v5191111\lib\behaviors\.svn\props\desktop.ini</t>
  </si>
  <si>
    <t>\\acsfs\deptos\Engenharia\8 - Service Desk Data Center\8.3 - Documentos Pessoais\Luis Alberto Ferrreira\#SFT\XGen BV\v5191111\lib\behaviors\.svn\props\desktop.ini:Zone.Identifier</t>
  </si>
  <si>
    <t>\\acsfs\deptos\Engenharia\8 - Service Desk Data Center\8.3 - Documentos Pessoais\Luis Alberto Ferrreira\#SFT\XGen BV\v5191111\lib\behaviors\.svn\text-base\</t>
  </si>
  <si>
    <t>\\acsfs\deptos\Engenharia\8 - Service Desk Data Center\8.3 - Documentos Pessoais\Luis Alberto Ferrreira\#SFT\XGen BV\v5191111\lib\behaviors\.svn\text-base\color-chooser.css.svn-base</t>
  </si>
  <si>
    <t>color-chooser.css.svn-base:Zone.Identifier</t>
  </si>
  <si>
    <t>\\acsfs\deptos\Engenharia\8 - Service Desk Data Center\8.3 - Documentos Pessoais\Luis Alberto Ferrreira\#SFT\XGen BV\v5191111\lib\behaviors\.svn\text-base\color-chooser.css.svn-base:Zone.Identifier</t>
  </si>
  <si>
    <t>\\acsfs\deptos\Engenharia\8 - Service Desk Data Center\8.3 - Documentos Pessoais\Luis Alberto Ferrreira\#SFT\XGen BV\v5191111\lib\behaviors\.svn\text-base\color-chooser.css.svn-base.bkp</t>
  </si>
  <si>
    <t>color-chooser.css.svn-base.bkp:Zone.Identifier</t>
  </si>
  <si>
    <t>\\acsfs\deptos\Engenharia\8 - Service Desk Data Center\8.3 - Documentos Pessoais\Luis Alberto Ferrreira\#SFT\XGen BV\v5191111\lib\behaviors\.svn\text-base\color-chooser.css.svn-base.bkp:Zone.Identifier</t>
  </si>
  <si>
    <t>\\acsfs\deptos\Engenharia\8 - Service Desk Data Center\8.3 - Documentos Pessoais\Luis Alberto Ferrreira\#SFT\XGen BV\v5191111\lib\behaviors\.svn\text-base\color-chooser.css.svn-base.bkp.bkp</t>
  </si>
  <si>
    <t>color-chooser.css.svn-base.bkp.bkp:Zone.Identifier</t>
  </si>
  <si>
    <t>\\acsfs\deptos\Engenharia\8 - Service Desk Data Center\8.3 - Documentos Pessoais\Luis Alberto Ferrreira\#SFT\XGen BV\v5191111\lib\behaviors\.svn\text-base\color-chooser.css.svn-base.bkp.bkp:Zone.Identifier</t>
  </si>
  <si>
    <t>\\acsfs\deptos\Engenharia\8 - Service Desk Data Center\8.3 - Documentos Pessoais\Luis Alberto Ferrreira\#SFT\XGen BV\v5191111\lib\behaviors\.svn\text-base\color-chooser.css.svn-base.bkp.bkp.bkp</t>
  </si>
  <si>
    <t>color-chooser.css.svn-base.bkp.bkp.bkp:Zone.Identifier</t>
  </si>
  <si>
    <t>\\acsfs\deptos\Engenharia\8 - Service Desk Data Center\8.3 - Documentos Pessoais\Luis Alberto Ferrreira\#SFT\XGen BV\v5191111\lib\behaviors\.svn\text-base\color-chooser.css.svn-base.bkp.bkp.bkp:Zone.Identifier</t>
  </si>
  <si>
    <t>\\acsfs\deptos\Engenharia\8 - Service Desk Data Center\8.3 - Documentos Pessoais\Luis Alberto Ferrreira\#SFT\XGen BV\v5191111\lib\behaviors\.svn\text-base\color-chooser.tis.svn-base</t>
  </si>
  <si>
    <t>color-chooser.tis.svn-base:Zone.Identifier</t>
  </si>
  <si>
    <t>\\acsfs\deptos\Engenharia\8 - Service Desk Data Center\8.3 - Documentos Pessoais\Luis Alberto Ferrreira\#SFT\XGen BV\v5191111\lib\behaviors\.svn\text-base\color-chooser.tis.svn-base:Zone.Identifier</t>
  </si>
  <si>
    <t>\\acsfs\deptos\Engenharia\8 - Service Desk Data Center\8.3 - Documentos Pessoais\Luis Alberto Ferrreira\#SFT\XGen BV\v5191111\lib\behaviors\.svn\text-base\color-chooser.tis.svn-base.bkp</t>
  </si>
  <si>
    <t>color-chooser.tis.svn-base.bkp:Zone.Identifier</t>
  </si>
  <si>
    <t>\\acsfs\deptos\Engenharia\8 - Service Desk Data Center\8.3 - Documentos Pessoais\Luis Alberto Ferrreira\#SFT\XGen BV\v5191111\lib\behaviors\.svn\text-base\color-chooser.tis.svn-base.bkp:Zone.Identifier</t>
  </si>
  <si>
    <t>\\acsfs\deptos\Engenharia\8 - Service Desk Data Center\8.3 - Documentos Pessoais\Luis Alberto Ferrreira\#SFT\XGen BV\v5191111\lib\behaviors\.svn\text-base\color-chooser.tis.svn-base.bkp.bkp</t>
  </si>
  <si>
    <t>color-chooser.tis.svn-base.bkp.bkp:Zone.Identifier</t>
  </si>
  <si>
    <t>\\acsfs\deptos\Engenharia\8 - Service Desk Data Center\8.3 - Documentos Pessoais\Luis Alberto Ferrreira\#SFT\XGen BV\v5191111\lib\behaviors\.svn\text-base\color-chooser.tis.svn-base.bkp.bkp:Zone.Identifier</t>
  </si>
  <si>
    <t>\\acsfs\deptos\Engenharia\8 - Service Desk Data Center\8.3 - Documentos Pessoais\Luis Alberto Ferrreira\#SFT\XGen BV\v5191111\lib\behaviors\.svn\text-base\color-chooser.tis.svn-base.bkp.bkp.bkp</t>
  </si>
  <si>
    <t>color-chooser.tis.svn-base.bkp.bkp.bkp:Zone.Identifier</t>
  </si>
  <si>
    <t>\\acsfs\deptos\Engenharia\8 - Service Desk Data Center\8.3 - Documentos Pessoais\Luis Alberto Ferrreira\#SFT\XGen BV\v5191111\lib\behaviors\.svn\text-base\color-chooser.tis.svn-base.bkp.bkp.bkp:Zone.Identifier</t>
  </si>
  <si>
    <t>\\acsfs\deptos\Engenharia\8 - Service Desk Data Center\8.3 - Documentos Pessoais\Luis Alberto Ferrreira\#SFT\XGen BV\v5191111\lib\behaviors\.svn\text-base\desktop.ini</t>
  </si>
  <si>
    <t>\\acsfs\deptos\Engenharia\8 - Service Desk Data Center\8.3 - Documentos Pessoais\Luis Alberto Ferrreira\#SFT\XGen BV\v5191111\lib\behaviors\.svn\text-base\desktop.ini:Zone.Identifier</t>
  </si>
  <si>
    <t>\\acsfs\deptos\Engenharia\8 - Service Desk Data Center\8.3 - Documentos Pessoais\Luis Alberto Ferrreira\#SFT\XGen BV\v5191111\lib\behaviors\.svn\text-base\grid.tis.svn-base</t>
  </si>
  <si>
    <t>grid.tis.svn-base:Zone.Identifier</t>
  </si>
  <si>
    <t>\\acsfs\deptos\Engenharia\8 - Service Desk Data Center\8.3 - Documentos Pessoais\Luis Alberto Ferrreira\#SFT\XGen BV\v5191111\lib\behaviors\.svn\text-base\grid.tis.svn-base:Zone.Identifier</t>
  </si>
  <si>
    <t>\\acsfs\deptos\Engenharia\8 - Service Desk Data Center\8.3 - Documentos Pessoais\Luis Alberto Ferrreira\#SFT\XGen BV\v5191111\lib\behaviors\.svn\text-base\grid.tis.svn-base.bkp</t>
  </si>
  <si>
    <t>\\acsfs\deptos\Engenharia\8 - Service Desk Data Center\8.3 - Documentos Pessoais\Laralisa\</t>
  </si>
  <si>
    <t>\\acsfs\deptos\Engenharia\8 - Service Desk Data Center\8.3 - Documentos Pessoais\Laralisa\Thumbs.db</t>
  </si>
  <si>
    <t>grid.tis.svn-base.bkp:Zone.Identifier</t>
  </si>
  <si>
    <t>\\acsfs\deptos\Engenharia\8 - Service Desk Data Center\8.3 - Documentos Pessoais\Luis Alberto Ferrreira\#SFT\XGen BV\v5191111\lib\behaviors\.svn\text-base\grid.tis.svn-base.bkp:Zone.Identifier</t>
  </si>
  <si>
    <t>\\acsfs\deptos\Engenharia\8 - Service Desk Data Center\8.3 - Documentos Pessoais\Luis Alberto Ferrreira\#SFT\XGen BV\v5191111\lib\behaviors\.svn\text-base\grid.tis.svn-base.bkp.bkp</t>
  </si>
  <si>
    <t>grid.tis.svn-base.bkp.bkp:Zone.Identifier</t>
  </si>
  <si>
    <t>\\acsfs\deptos\Engenharia\8 - Service Desk Data Center\8.3 - Documentos Pessoais\Luis Alberto Ferrreira\#SFT\XGen BV\v5191111\lib\behaviors\.svn\text-base\grid.tis.svn-base.bkp.bkp:Zone.Identifier</t>
  </si>
  <si>
    <t>\\acsfs\deptos\Engenharia\8 - Service Desk Data Center\8.3 - Documentos Pessoais\Luis Alberto Ferrreira\#SFT\XGen BV\v5191111\lib\behaviors\.svn\text-base\grid.tis.svn-base.bkp.bkp.bkp</t>
  </si>
  <si>
    <t>grid.tis.svn-base.bkp.bkp.bkp:Zone.Identifier</t>
  </si>
  <si>
    <t>\\acsfs\deptos\Engenharia\8 - Service Desk Data Center\8.3 - Documentos Pessoais\Luis Alberto Ferrreira\#SFT\XGen BV\v5191111\lib\behaviors\.svn\text-base\grid.tis.svn-base.bkp.bkp.bkp:Zone.Identifier</t>
  </si>
  <si>
    <t>\\acsfs\deptos\Engenharia\8 - Service Desk Data Center\8.3 - Documentos Pessoais\Luis Alberto Ferrreira\#SFT\XGen BV\v5191111\lib\behaviors\.svn\text-base\tree.tis.svn-base</t>
  </si>
  <si>
    <t>tree.tis.svn-base:Zone.Identifier</t>
  </si>
  <si>
    <t>\\acsfs\deptos\Engenharia\8 - Service Desk Data Center\8.3 - Documentos Pessoais\Luis Alberto Ferrreira\#SFT\XGen BV\v5191111\lib\behaviors\.svn\text-base\tree.tis.svn-base:Zone.Identifier</t>
  </si>
  <si>
    <t>\\acsfs\deptos\Engenharia\8 - Service Desk Data Center\8.3 - Documentos Pessoais\Luis Alberto Ferrreira\#SFT\XGen BV\v5191111\lib\behaviors\.svn\text-base\tree.tis.svn-base.bkp</t>
  </si>
  <si>
    <t>tree.tis.svn-base.bkp:Zone.Identifier</t>
  </si>
  <si>
    <t>\\acsfs\deptos\Engenharia\8 - Service Desk Data Center\8.3 - Documentos Pessoais\Luis Alberto Ferrreira\#SFT\XGen BV\v5191111\lib\behaviors\.svn\text-base\tree.tis.svn-base.bkp:Zone.Identifier</t>
  </si>
  <si>
    <t>\\acsfs\deptos\Engenharia\8 - Service Desk Data Center\8.3 - Documentos Pessoais\Luis Alberto Ferrreira\#SFT\XGen BV\v5191111\lib\behaviors\.svn\text-base\tree.tis.svn-base.bkp.bkp</t>
  </si>
  <si>
    <t>tree.tis.svn-base.bkp.bkp:Zone.Identifier</t>
  </si>
  <si>
    <t>\\acsfs\deptos\Engenharia\8 - Service Desk Data Center\8.3 - Documentos Pessoais\Luis Alberto Ferrreira\#SFT\XGen BV\v5191111\lib\behaviors\.svn\text-base\tree.tis.svn-base.bkp.bkp:Zone.Identifier</t>
  </si>
  <si>
    <t>\\acsfs\deptos\Engenharia\8 - Service Desk Data Center\8.3 - Documentos Pessoais\Luis Alberto Ferrreira\#SFT\XGen BV\v5191111\lib\behaviors\.svn\text-base\tree.tis.svn-base.bkp.bkp.bkp</t>
  </si>
  <si>
    <t>tree.tis.svn-base.bkp.bkp.bkp:Zone.Identifier</t>
  </si>
  <si>
    <t>\\acsfs\deptos\Engenharia\8 - Service Desk Data Center\8.3 - Documentos Pessoais\Luis Alberto Ferrreira\#SFT\XGen BV\v5191111\lib\behaviors\.svn\text-base\tree.tis.svn-base.bkp.bkp.bkp:Zone.Identifier</t>
  </si>
  <si>
    <t>\\acsfs\deptos\Engenharia\8 - Service Desk Data Center\8.3 - Documentos Pessoais\Luis Alberto Ferrreira\#SFT\XGen BV\v5191111\lib\behaviors\.svn\tmp\desktop.ini</t>
  </si>
  <si>
    <t>\\acsfs\deptos\Engenharia\8 - Service Desk Data Center\8.3 - Documentos Pessoais\Luis Alberto Ferrreira\#SFT\XGen BV\v5191111\lib\behaviors\.svn\tmp\desktop.ini:Zone.Identifier</t>
  </si>
  <si>
    <t>\\acsfs\deptos\Engenharia\8 - Service Desk Data Center\8.3 - Documentos Pessoais\Luis Alberto Ferrreira\#SFT\XGen BV\v5191111\lib\behaviors\.svn\tmp\prop-base\desktop.ini</t>
  </si>
  <si>
    <t>\\acsfs\deptos\Engenharia\8 - Service Desk Data Center\8.3 - Documentos Pessoais\Luis Alberto Ferrreira\#SFT\XGen BV\v5191111\lib\behaviors\.svn\tmp\prop-base\desktop.ini:Zone.Identifier</t>
  </si>
  <si>
    <t>\\acsfs\deptos\Engenharia\8 - Service Desk Data Center\8.3 - Documentos Pessoais\Luis Alberto Ferrreira\#SFT\XGen BV\v5191111\lib\behaviors\.svn\tmp\props\desktop.ini</t>
  </si>
  <si>
    <t>\\acsfs\deptos\Engenharia\8 - Service Desk Data Center\8.3 - Documentos Pessoais\Luis Alberto Ferrreira\#SFT\XGen BV\v5191111\lib\behaviors\.svn\tmp\props\desktop.ini:Zone.Identifier</t>
  </si>
  <si>
    <t>\\acsfs\deptos\Engenharia\8 - Service Desk Data Center\8.3 - Documentos Pessoais\Luis Alberto Ferrreira\#SFT\XGen BV\v5191111\lib\behaviors\.svn\tmp\text-base\desktop.ini</t>
  </si>
  <si>
    <t>\\acsfs\deptos\Engenharia\8 - Service Desk Data Center\8.3 - Documentos Pessoais\Luis Alberto Ferrreira\#SFT\XGen BV\v5191111\lib\behaviors\.svn\tmp\text-base\desktop.ini:Zone.Identifier</t>
  </si>
  <si>
    <t>\\acsfs\deptos\Engenharia\8 - Service Desk Data Center\8.3 - Documentos Pessoais\Luis Alberto Ferrreira\#SFT\XGen BV\v5191111\lib\styles\desktop.ini</t>
  </si>
  <si>
    <t>\\acsfs\deptos\Engenharia\8 - Service Desk Data Center\8.3 - Documentos Pessoais\Luis Alberto Ferrreira\#SFT\XGen BV\v5191111\lib\styles\desktop.ini:Zone.Identifier</t>
  </si>
  <si>
    <t>\\acsfs\deptos\Engenharia\8 - Service Desk Data Center\8.3 - Documentos Pessoais\Luis Alberto Ferrreira\#SFT\XGen BV\v5191111\lib\styles\</t>
  </si>
  <si>
    <t>\\acsfs\deptos\Engenharia\8 - Service Desk Data Center\8.3 - Documentos Pessoais\Luis Alberto Ferrreira\#SFT\XGen BV\v5191111\lib\styles\toolbar.css</t>
  </si>
  <si>
    <t>toolbar.css:Zone.Identifier</t>
  </si>
  <si>
    <t>\\acsfs\deptos\Engenharia\8 - Service Desk Data Center\8.3 - Documentos Pessoais\Luis Alberto Ferrreira\#SFT\XGen BV\v5191111\lib\styles\toolbar.css:Zone.Identifier</t>
  </si>
  <si>
    <t>\\acsfs\deptos\Engenharia\8 - Service Desk Data Center\8.3 - Documentos Pessoais\Luis Alberto Ferrreira\#SFT\XGen BV\v5191111\lib\uicss\desktop.ini</t>
  </si>
  <si>
    <t>\\acsfs\deptos\Engenharia\8 - Service Desk Data Center\8.3 - Documentos Pessoais\Luis Alberto Ferrreira\#SFT\XGen BV\v5191111\lib\uicss\desktop.ini:Zone.Identifier</t>
  </si>
  <si>
    <t>\\acsfs\deptos\Engenharia\8 - Service Desk Data Center\8.3 - Documentos Pessoais\Luis Alberto Ferrreira\#SFT\XGen BV\v5191111\lib\uicss\</t>
  </si>
  <si>
    <t>\\acsfs\deptos\Engenharia\8 - Service Desk Data Center\8.3 - Documentos Pessoais\Luis Alberto Ferrreira\#SFT\XGen BV\v5191111\lib\uicss\estilos.css</t>
  </si>
  <si>
    <t>estilos.css:Zone.Identifier</t>
  </si>
  <si>
    <t>\\acsfs\deptos\Engenharia\8 - Service Desk Data Center\8.3 - Documentos Pessoais\Luis Alberto Ferrreira\#SFT\XGen BV\v5191111\lib\uicss\estilos.css:Zone.Identifier</t>
  </si>
  <si>
    <t>\\acsfs\deptos\Engenharia\8 - Service Desk Data Center\8.3 - Documentos Pessoais\Luis Alberto Ferrreira\#SFT\XGen BV\v5191111\lib\uicss\print.css</t>
  </si>
  <si>
    <t>print.css:Zone.Identifier</t>
  </si>
  <si>
    <t>\\acsfs\deptos\Engenharia\8 - Service Desk Data Center\8.3 - Documentos Pessoais\Luis Alberto Ferrreira\#SFT\XGen BV\v5191111\lib\uicss\print.css:Zone.Identifier</t>
  </si>
  <si>
    <t>\\acsfs\deptos\Engenharia\8 - Service Desk Data Center\8.3 - Documentos Pessoais\Luis Alberto Ferrreira\#SFT\XGen BV\v5191111\lib\uiimg\</t>
  </si>
  <si>
    <t>\\acsfs\deptos\Engenharia\8 - Service Desk Data Center\8.3 - Documentos Pessoais\Luis Alberto Ferrreira\#SFT\XGen BV\v5191111\lib\uiimg\add-bt.png</t>
  </si>
  <si>
    <t>add-bt.png:Zone.Identifier</t>
  </si>
  <si>
    <t>\\acsfs\deptos\Engenharia\8 - Service Desk Data Center\8.3 - Documentos Pessoais\Luis Alberto Ferrreira\#SFT\XGen BV\v5191111\lib\uiimg\add-bt.png:Zone.Identifier</t>
  </si>
  <si>
    <t>\\acsfs\deptos\Engenharia\8 - Service Desk Data Center\8.3 - Documentos Pessoais\Luis Alberto Ferrreira\#SFT\XGen BV\v5191111\lib\uiimg\avatar.png</t>
  </si>
  <si>
    <t>avatar.png:Zone.Identifier</t>
  </si>
  <si>
    <t>\\acsfs\deptos\Engenharia\8 - Service Desk Data Center\8.3 - Documentos Pessoais\Luis Alberto Ferrreira\#SFT\XGen BV\v5191111\lib\uiimg\avatar.png:Zone.Identifier</t>
  </si>
  <si>
    <t>\\acsfs\deptos\Engenharia\8 - Service Desk Data Center\8.3 - Documentos Pessoais\Luis Alberto Ferrreira\#SFT\XGen BV\v5191111\lib\uiimg\balao_dir.png</t>
  </si>
  <si>
    <t>balao_dir.png:Zone.Identifier</t>
  </si>
  <si>
    <t>\\acsfs\deptos\Engenharia\8 - Service Desk Data Center\8.3 - Documentos Pessoais\Luis Alberto Ferrreira\#SFT\XGen BV\v5191111\lib\uiimg\balao_dir.png:Zone.Identifier</t>
  </si>
  <si>
    <t>\\acsfs\deptos\Engenharia\8 - Service Desk Data Center\8.3 - Documentos Pessoais\Luis Alberto Ferrreira\#SFT\XGen BV\v5191111\lib\uiimg\balao_esq.png</t>
  </si>
  <si>
    <t>balao_esq.png:Zone.Identifier</t>
  </si>
  <si>
    <t>\\acsfs\deptos\Engenharia\8 - Service Desk Data Center\8.3 - Documentos Pessoais\Luis Alberto Ferrreira\#SFT\XGen BV\v5191111\lib\uiimg\balao_esq.png:Zone.Identifier</t>
  </si>
  <si>
    <t>\\acsfs\deptos\Engenharia\8 - Service Desk Data Center\8.3 - Documentos Pessoais\Luis Alberto Ferrreira\#SFT\XGen BV\v5191111\lib\uiimg\bg_body.jpg</t>
  </si>
  <si>
    <t>bg_body.jpg:Zone.Identifier</t>
  </si>
  <si>
    <t>\\acsfs\deptos\Engenharia\8 - Service Desk Data Center\8.3 - Documentos Pessoais\Luis Alberto Ferrreira\#SFT\XGen BV\v5191111\lib\uiimg\bg_body.jpg:Zone.Identifier</t>
  </si>
  <si>
    <t>\\acsfs\deptos\Engenharia\8 - Service Desk Data Center\8.3 - Documentos Pessoais\Luis Alberto Ferrreira\#SFT\XGen BV\v5191111\lib\uiimg\bg_body.png</t>
  </si>
  <si>
    <t>bg_body.png:Zone.Identifier</t>
  </si>
  <si>
    <t>\\acsfs\deptos\Engenharia\8 - Service Desk Data Center\8.3 - Documentos Pessoais\Luis Alberto Ferrreira\#SFT\XGen BV\v5191111\lib\uiimg\bg_body.png:Zone.Identifier</t>
  </si>
  <si>
    <t>\\acsfs\deptos\Engenharia\8 - Service Desk Data Center\8.3 - Documentos Pessoais\Luis Alberto Ferrreira\#SFT\XGen BV\v5191111\lib\uiimg\bg_body2.jpg</t>
  </si>
  <si>
    <t>bg_body2.jpg:Zone.Identifier</t>
  </si>
  <si>
    <t>\\acsfs\deptos\Engenharia\8 - Service Desk Data Center\8.3 - Documentos Pessoais\Luis Alberto Ferrreira\#SFT\XGen BV\v5191111\lib\uiimg\bg_body2.jpg:Zone.Identifier</t>
  </si>
  <si>
    <t>\\acsfs\deptos\Engenharia\8 - Service Desk Data Center\8.3 - Documentos Pessoais\Luis Alberto Ferrreira\#SFT\XGen BV\v5191111\lib\uiimg\bg-modal.png</t>
  </si>
  <si>
    <t>bg-modal.png:Zone.Identifier</t>
  </si>
  <si>
    <t>\\acsfs\deptos\Engenharia\8 - Service Desk Data Center\8.3 - Documentos Pessoais\Luis Alberto Ferrreira\#SFT\XGen BV\v5191111\lib\uiimg\bg-modal.png:Zone.Identifier</t>
  </si>
  <si>
    <t>\\acsfs\deptos\Engenharia\8 - Service Desk Data Center\8.3 - Documentos Pessoais\Luis Alberto Ferrreira\#SFT\XGen BV\v5191111\lib\uiimg\desktop.ini</t>
  </si>
  <si>
    <t>\\acsfs\deptos\Engenharia\8 - Service Desk Data Center\8.3 - Documentos Pessoais\Luis Alberto Ferrreira\#SFT\XGen BV\v5191111\lib\uiimg\desktop.ini:Zone.Identifier</t>
  </si>
  <si>
    <t>\\acsfs\deptos\Engenharia\8 - Service Desk Data Center\8.3 - Documentos Pessoais\Luis Alberto Ferrreira\#SFT\XGen BV\v5191111\lib\uiimg\dialog3.png</t>
  </si>
  <si>
    <t>dialog3.png:Zone.Identifier</t>
  </si>
  <si>
    <t>\\acsfs\deptos\Engenharia\8 - Service Desk Data Center\8.3 - Documentos Pessoais\Luis Alberto Ferrreira\#SFT\XGen BV\v5191111\lib\uiimg\dialog3.png:Zone.Identifier</t>
  </si>
  <si>
    <t>\\acsfs\deptos\Engenharia\8 - Service Desk Data Center\8.3 - Documentos Pessoais\Luis Alberto Ferrreira\#SFT\XGen BV\v5191111\lib\uiimg\fb.png</t>
  </si>
  <si>
    <t>fb.png:Zone.Identifier</t>
  </si>
  <si>
    <t>\\acsfs\deptos\Engenharia\8 - Service Desk Data Center\8.3 - Documentos Pessoais\Luis Alberto Ferrreira\#SFT\XGen BV\v5191111\lib\uiimg\fb.png:Zone.Identifier</t>
  </si>
  <si>
    <t>\\acsfs\deptos\Engenharia\8 - Service Desk Data Center\8.3 - Documentos Pessoais\Luis Alberto Ferrreira\#SFT\XGen BV\v5191111\lib\uiimg\humor-bar.png</t>
  </si>
  <si>
    <t>humor-bar.png:Zone.Identifier</t>
  </si>
  <si>
    <t>\\acsfs\deptos\Engenharia\8 - Service Desk Data Center\8.3 - Documentos Pessoais\Luis Alberto Ferrreira\#SFT\XGen BV\v5191111\lib\uiimg\humor-bar.png:Zone.Identifier</t>
  </si>
  <si>
    <t>\\acsfs\deptos\Engenharia\8 - Service Desk Data Center\8.3 - Documentos Pessoais\Luis Alberto Ferrreira\#SFT\XGen BV\v5191111\lib\uiimg\ico_buscar.png</t>
  </si>
  <si>
    <t>ico_buscar.png:Zone.Identifier</t>
  </si>
  <si>
    <t>\\acsfs\deptos\Engenharia\8 - Service Desk Data Center\8.3 - Documentos Pessoais\Luis Alberto Ferrreira\#SFT\XGen BV\v5191111\lib\uiimg\ico_buscar.png:Zone.Identifier</t>
  </si>
  <si>
    <t>\\acsfs\deptos\Engenharia\8 - Service Desk Data Center\8.3 - Documentos Pessoais\Luis Alberto Ferrreira\#SFT\XGen BV\v5191111\lib\uiimg\ico-chat.png</t>
  </si>
  <si>
    <t>ico-chat.png:Zone.Identifier</t>
  </si>
  <si>
    <t>\\acsfs\deptos\Engenharia\8 - Service Desk Data Center\8.3 - Documentos Pessoais\Luis Alberto Ferrreira\#SFT\XGen BV\v5191111\lib\uiimg\ico-chat.png:Zone.Identifier</t>
  </si>
  <si>
    <t>\\acsfs\deptos\Engenharia\8 - Service Desk Data Center\8.3 - Documentos Pessoais\Luis Alberto Ferrreira\#SFT\XGen BV\v5191111\lib\uiimg\ico-close.png</t>
  </si>
  <si>
    <t>ico-close.png:Zone.Identifier</t>
  </si>
  <si>
    <t>\\acsfs\deptos\Engenharia\8 - Service Desk Data Center\8.3 - Documentos Pessoais\Luis Alberto Ferrreira\#SFT\XGen BV\v5191111\lib\uiimg\ico-close.png:Zone.Identifier</t>
  </si>
  <si>
    <t>\\acsfs\deptos\Engenharia\8 - Service Desk Data Center\8.3 - Documentos Pessoais\Luis Alberto Ferrreira\#SFT\XGen BV\v5191111\lib\uiimg\ico-del.png</t>
  </si>
  <si>
    <t>ico-del.png:Zone.Identifier</t>
  </si>
  <si>
    <t>\\acsfs\deptos\Engenharia\8 - Service Desk Data Center\8.3 - Documentos Pessoais\Luis Alberto Ferrreira\#SFT\XGen BV\v5191111\lib\uiimg\ico-del.png:Zone.Identifier</t>
  </si>
  <si>
    <t>\\acsfs\deptos\Engenharia\8 - Service Desk Data Center\8.3 - Documentos Pessoais\Luis Alberto Ferrreira\#SFT\XGen BV\v5191111\lib\uiimg\ico-edit.png</t>
  </si>
  <si>
    <t>ico-edit.png:Zone.Identifier</t>
  </si>
  <si>
    <t>\\acsfs\deptos\Engenharia\8 - Service Desk Data Center\8.3 - Documentos Pessoais\Luis Alberto Ferrreira\#SFT\XGen BV\v5191111\lib\uiimg\ico-edit.png:Zone.Identifier</t>
  </si>
  <si>
    <t>\\acsfs\deptos\Engenharia\8 - Service Desk Data Center\8.3 - Documentos Pessoais\Luis Alberto Ferrreira\#SFT\XGen BV\v5191111\lib\uiimg\ico-edit-2.png</t>
  </si>
  <si>
    <t>ico-edit-2.png:Zone.Identifier</t>
  </si>
  <si>
    <t>\\acsfs\deptos\Engenharia\8 - Service Desk Data Center\8.3 - Documentos Pessoais\Luis Alberto Ferrreira\#SFT\XGen BV\v5191111\lib\uiimg\ico-edit-2.png:Zone.Identifier</t>
  </si>
  <si>
    <t>\\acsfs\deptos\Engenharia\8 - Service Desk Data Center\8.3 - Documentos Pessoais\Luis Alberto Ferrreira\#SFT\XGen BV\v5191111\lib\uiimg\ico-edit-3.png</t>
  </si>
  <si>
    <t>ico-edit-3.png:Zone.Identifier</t>
  </si>
  <si>
    <t>\\acsfs\deptos\Engenharia\8 - Service Desk Data Center\8.3 - Documentos Pessoais\Luis Alberto Ferrreira\#SFT\XGen BV\v5191111\lib\uiimg\ico-edit-3.png:Zone.Identifier</t>
  </si>
  <si>
    <t>\\acsfs\deptos\Engenharia\8 - Service Desk Data Center\8.3 - Documentos Pessoais\Luis Alberto Ferrreira\#SFT\XGen BV\v5191111\lib\uiimg\ico-email.png</t>
  </si>
  <si>
    <t>ico-email.png:Zone.Identifier</t>
  </si>
  <si>
    <t>\\acsfs\deptos\Engenharia\8 - Service Desk Data Center\8.3 - Documentos Pessoais\Luis Alberto Ferrreira\#SFT\XGen BV\v5191111\lib\uiimg\ico-email.png:Zone.Identifier</t>
  </si>
  <si>
    <t>b650fafe-b3f6-4d4f-a759-f2d97b3f148e.tmp</t>
  </si>
  <si>
    <t>\\acsfs\profiles$\leticiala\Downloads\b650fafe-b3f6-4d4f-a759-f2d97b3f148e.tmp</t>
  </si>
  <si>
    <t>efbb1950-98fa-4609-b921-080cf4660f95.tmp</t>
  </si>
  <si>
    <t>\\acsfs\profiles$\leticiala\Downloads\efbb1950-98fa-4609-b921-080cf4660f95.tmp</t>
  </si>
  <si>
    <t>C:\Users\Flavia\Documents\1608\</t>
  </si>
  <si>
    <t>luisafds</t>
  </si>
  <si>
    <t>C:\Users\albertofn\Links\</t>
  </si>
  <si>
    <t>C:\Users\alessandrawp\Contacts\</t>
  </si>
  <si>
    <t>C:\Users\alessandrawp\Desktop\</t>
  </si>
  <si>
    <t>C:\Users\alessandrawp\Documents\</t>
  </si>
  <si>
    <t>C:\Users\alessandrawp\Downloads\</t>
  </si>
  <si>
    <t>C:\Users\alessandrawp\Favorites\</t>
  </si>
  <si>
    <t>C:\Users\alessandrawp\Links\</t>
  </si>
  <si>
    <t>C:\Users\alessandrawp\Music\</t>
  </si>
  <si>
    <t>C:\Users\alessandrawp\Pictures\</t>
  </si>
  <si>
    <t>C:\Users\alessandrawp\Saved Games\</t>
  </si>
  <si>
    <t>C:\Users\alessandrawp\Searches\</t>
  </si>
  <si>
    <t>C:\Users\alessandrawp\Videos\</t>
  </si>
  <si>
    <t>C:\Users\andrezacapf\Links\</t>
  </si>
  <si>
    <t>C:\Users\Angelicacldr\Links\</t>
  </si>
  <si>
    <t>C:\Users\brendadsl\Links\</t>
  </si>
  <si>
    <t>C:\Users\brunnajr\Contacts\</t>
  </si>
  <si>
    <t>C:\Users\brunnajr\Desktop\</t>
  </si>
  <si>
    <t>C:\Users\brunnajr\Documents\</t>
  </si>
  <si>
    <t>C:\Users\brunnajr\Downloads\</t>
  </si>
  <si>
    <t>C:\Users\brunnajr\Favorites\</t>
  </si>
  <si>
    <t>C:\Users\brunnajr\Links\</t>
  </si>
  <si>
    <t>C:\Users\brunnajr\Music\</t>
  </si>
  <si>
    <t>C:\Users\brunnajr\Pictures\</t>
  </si>
  <si>
    <t>C:\Users\brunnajr\Saved Games\</t>
  </si>
  <si>
    <t>C:\Users\brunnajr\Searches\</t>
  </si>
  <si>
    <t>C:\Users\brunnajr\Videos\</t>
  </si>
  <si>
    <t>C:\Program Files(x86)\WorkCenter\</t>
  </si>
  <si>
    <t>cfg.xml</t>
  </si>
  <si>
    <t>unins000.exe</t>
  </si>
  <si>
    <t>C:\Program Files\X-Gen\</t>
  </si>
  <si>
    <t>xgen.exe</t>
  </si>
  <si>
    <t>4efb5e4d-6702-4858-a2a9-dabcd741c2df.tmp</t>
  </si>
  <si>
    <t>\\acsfs\profiles$\alessandraan\Downloads\4efb5e4d-6702-4858-a2a9-dabcd741c2df.tmp</t>
  </si>
  <si>
    <t>adilsonloj@algartech.com</t>
  </si>
  <si>
    <t>cc81450b-9b0c-4125-8e28-7214ad0e45ba;</t>
  </si>
  <si>
    <t>mail.google.com/sync/u/0/i/s?hl=pt-BR&amp;c=308</t>
  </si>
  <si>
    <t>mail.google.com/sync/u/0/i/s?hl=pt-BR&amp;c=310</t>
  </si>
  <si>
    <t>mail.google.com/sync/u/0/i/s?hl=pt-BR&amp;c=313</t>
  </si>
  <si>
    <t>mail.google.com/sync/u/0/i/s?hl=pt-BR&amp;c=315</t>
  </si>
  <si>
    <t>mail.google.com/sync/u/0/i/s?hl=pt-BR&amp;c=317</t>
  </si>
  <si>
    <t>mail.google.com/sync/u/0/i/s?hl=pt-BR&amp;c=319</t>
  </si>
  <si>
    <t>C:\Program Files\WorkCenter\</t>
  </si>
  <si>
    <t>ssce5432.dll</t>
  </si>
  <si>
    <t>C:\Program Files\WorkCenter\lib\assets\dictionary\</t>
  </si>
  <si>
    <t>C:\Program Files\WorkCenter\lib\assets\js\</t>
  </si>
  <si>
    <t>C:\Program Files\WorkCenter\lib\assets\</t>
  </si>
  <si>
    <t>C:\Program Files\WorkCenter\CHANGELOG\css\</t>
  </si>
  <si>
    <t>C:\Program Files\WorkCenter\CHANGELOG\font\</t>
  </si>
  <si>
    <t>C:\Program Files\WorkCenter\CHANGELOG\img\</t>
  </si>
  <si>
    <t>C:\Program Files\WorkCenter\CHANGELOG\lib\</t>
  </si>
  <si>
    <t>C:\Program Files\WorkCenter\CHANGELOG\</t>
  </si>
  <si>
    <t>C:\Program Files\WorkCenter\lex\</t>
  </si>
  <si>
    <t>C:\Program Files\WorkCenter\lib\behaviors\.svn\prop-base\</t>
  </si>
  <si>
    <t>C:\Program Files\WorkCenter\lib\behaviors\.svn\props\</t>
  </si>
  <si>
    <t>C:\Program Files\WorkCenter\lib\behaviors\.svn\text-base\</t>
  </si>
  <si>
    <t>C:\Program Files\WorkCenter\lib\behaviors\.svn\tmp\prop-base\</t>
  </si>
  <si>
    <t>C:\Program Files\WorkCenter\lib\behaviors\.svn\tmp\props\</t>
  </si>
  <si>
    <t>C:\Program Files\WorkCenter\lib\behaviors\.svn\tmp\text-base\</t>
  </si>
  <si>
    <t>C:\Program Files\WorkCenter\lib\behaviors\.svn\tmp\</t>
  </si>
  <si>
    <t>C:\Program Files\WorkCenter\lib\behaviors\.svn\</t>
  </si>
  <si>
    <t>C:\Program Files\WorkCenter\lib\behaviors\</t>
  </si>
  <si>
    <t>C:\Program Files\WorkCenter\lib\styles\</t>
  </si>
  <si>
    <t>C:\Program Files\WorkCenter\lib\uicss\</t>
  </si>
  <si>
    <t>C:\Program Files\WorkCenter\lib\uiimg\</t>
  </si>
  <si>
    <t>C:\Program Files\WorkCenter\lib\</t>
  </si>
  <si>
    <t>\\acsfs\profiles$\Angelicacldr\My Documents\xworkcenter\lex\</t>
  </si>
  <si>
    <t>\\acsfs\profiles$\Angelicacldr\My Documents\xworkcenter\lex\temp.tlx</t>
  </si>
  <si>
    <t>calendário de governança_2020 (6).xlsx</t>
  </si>
  <si>
    <t>mail.google.com/sync/u/0/i/s?hl=pt-BR&amp;c=325</t>
  </si>
  <si>
    <t>mail.google.com/sync/u/0/i/s?hl=pt-BR&amp;c=327</t>
  </si>
  <si>
    <t>mail.google.com/sync/u/0/i/s?hl=pt-BR&amp;c=331</t>
  </si>
  <si>
    <t>mail.google.com/sync/u/0/i/s?hl=pt-BR&amp;c=334</t>
  </si>
  <si>
    <t>Atestado Bruna.pdf</t>
  </si>
  <si>
    <t>atestado Kamilla chat.pdf</t>
  </si>
  <si>
    <t>ATESTADO BRUNNA.xlsx</t>
  </si>
  <si>
    <t>mail.google.com/sync/u/0/i/s?hl=pt-BR&amp;c=122</t>
  </si>
  <si>
    <t>mail.google.com/sync/u/0/i/s?hl=pt-BR&amp;c=127</t>
  </si>
  <si>
    <t>mail.google.com/sync/u/0/i/s?hl=pt-BR&amp;c=138</t>
  </si>
  <si>
    <t>angelinegn@algartech.com;flaviavm@algartech.com.br;inacioaf@algartech.com;inacioaf@algartech.com.br;lucieneili@algartech.com;</t>
  </si>
  <si>
    <t>\\acsfs\ACS\Suporte à Operações\01 - Prévias\2019\12 - Dezembro\</t>
  </si>
  <si>
    <t>Previa Dezembro..xlsm</t>
  </si>
  <si>
    <t>angelinegn@algartech.com,flaviavm@algartech.com.br,inacioaf@algartech.com,inacioaf@algartech.com.br,lucieneili@algartech.com</t>
  </si>
  <si>
    <t>1b36f0c8-856c-4a73-8796-33c321cddcb3.tmp</t>
  </si>
  <si>
    <t>\\acsfs\profiles$\adrielyas\Downloads\1b36f0c8-856c-4a73-8796-33c321cddcb3.tmp</t>
  </si>
  <si>
    <t>calendário de governança_2020 (7).xlsx</t>
  </si>
  <si>
    <t>\\acsfs\dsti\CITIM - Coordenação de Infra TI Implantação\Projetos\EM IMPLANTAÇÃO\SAGE\NOVO FATURAMENTO\2018\12 - Dezembro\</t>
  </si>
  <si>
    <t>mail.google.com/sync/u/0/i/s?hl=pt-BR&amp;c=338</t>
  </si>
  <si>
    <t>mail.google.com/sync/u/0/i/s?hl=pt-BR&amp;c=340</t>
  </si>
  <si>
    <t>mail.google.com/sync/u/0/i/s?hl=pt-BR&amp;c=344</t>
  </si>
  <si>
    <t>mail.google.com/sync/u/0/i/s?hl=pt-BR&amp;c=347</t>
  </si>
  <si>
    <t>mail.google.com/sync/u/0/i/s?hl=pt-BR&amp;c=349</t>
  </si>
  <si>
    <t>TALITA SANTOS SILVA CASTRO (10602).contact</t>
  </si>
  <si>
    <t>\\acsfs\profiles$\talitassc\Contacts\TALITA SANTOS SILVA CASTRO (10602).contact</t>
  </si>
  <si>
    <t>95996fc9-7b93-489b-84c2-ff36e50197a1.tmp</t>
  </si>
  <si>
    <t>\\acsfs\profiles$\felipetds\Downloads\95996fc9-7b93-489b-84c2-ff36e50197a1.tmp</t>
  </si>
  <si>
    <t>67358ef4-b239-4128-a88e-419021242772.tmp</t>
  </si>
  <si>
    <t>\\acsfs\profiles$\deborahsi\Downloads\67358ef4-b239-4128-a88e-419021242772.tmp</t>
  </si>
  <si>
    <t>48291eeb-db3a-490e-a6f4-5c03ed77c944.tmp</t>
  </si>
  <si>
    <t>\\acsfs\profiles$\larissaad\Downloads\48291eeb-db3a-490e-a6f4-5c03ed77c944.tmp</t>
  </si>
  <si>
    <t>c:\users\robsonams\downloads\</t>
  </si>
  <si>
    <t>kit_pre_deslig_disp_sem_justa_causa_ind_98787_layssa lino da luz (1).pdf</t>
  </si>
  <si>
    <t>Mailing Confirmação de Agenda.xlsx</t>
  </si>
  <si>
    <t>D:\OneDrive\AlgarTech\Pré-Vendas\Cliente\2019\Algar Telecom\218479 - UpgradeSAP - Fiori - Faber Castell\</t>
  </si>
  <si>
    <t>HorasExtras_BASIS.xlsx</t>
  </si>
  <si>
    <t>214360_Preco_rev01.xlsb</t>
  </si>
  <si>
    <t>be29883b-7785-49ed-bedb-dd6fbf552b29.tmp</t>
  </si>
  <si>
    <t>\\acsfs\profiles$\geovannasm\Downloads\be29883b-7785-49ed-bedb-dd6fbf552b29.tmp</t>
  </si>
  <si>
    <t>mail.google.com/_/upload?authuser=0&amp;dcp=asu-n&amp;upload_id=AEnB2UpY8v-XKWJN5NHxPn4g86BVuXnhv9pciydGw1KhtMsRC-D8_uF2OhzzSIbCX1-4o3OAf7XPmQZXgTU6-k4zToeCFcYYTYbenTYN_TpmWTbd2zFtbos&amp;upload_protocol=resumable</t>
  </si>
  <si>
    <t>Bases Ativos Consolidados - Dezembro.xlsx</t>
  </si>
  <si>
    <t>0a479c6f-136a-4218-925c-43de9d297b4f.tmp</t>
  </si>
  <si>
    <t>\\acsfs\profiles$\gabrielarb\Downloads\0a479c6f-136a-4218-925c-43de9d297b4f.tmp</t>
  </si>
  <si>
    <t>BANCO BRADESCO CARTOES - NOVEMBRO.xlsx</t>
  </si>
  <si>
    <t>DAF 4.0.xlsx</t>
  </si>
  <si>
    <t>c8e20771-e7d0-47e8-85d6-bf09064c7814.tmp</t>
  </si>
  <si>
    <t>\\acsfs\profiles$\PEDROHAB\Downloads\c8e20771-e7d0-47e8-85d6-bf09064c7814.tmp</t>
  </si>
  <si>
    <t>e0499449-080e-449c-9531-8130c424828e.tmp</t>
  </si>
  <si>
    <t>\\acsfs\profiles$\luanarda\Downloads\e0499449-080e-449c-9531-8130c424828e.tmp</t>
  </si>
  <si>
    <t>mail.google.com/_/upload?authuser=0&amp;dcp=asu-n&amp;upload_id=AEnB2Uq-6iuXZkpcY9-AawpcmSBXL3h4RkAhNJeO7h17GhVaqUg1LvDwthuznfxunGfqIcpNLcNWuHyqyshuCyHkTOMFJ1Kw2w&amp;upload_protocol=resumable</t>
  </si>
  <si>
    <t>alessandroam@algartech.com;juridicocontratosdeclientesalgartech@algartech.com;luanafs@algartech.com;si@algartech.com;</t>
  </si>
  <si>
    <t>C:\INFORMAÇÕES CLIENTES SOLLERO\COMFRIO SOLUÇÕES LOGISTICAS SA\FATURAMENTO\122019\</t>
  </si>
  <si>
    <t>RDS_COMFRIO_05_12.xlsx</t>
  </si>
  <si>
    <t>alessandroam@algartech.com,juridicocontratosdeclientesalgartech@algartech.com,luanafs@algartech.com,si@algartech.com</t>
  </si>
  <si>
    <t>75a3f4d2-ae6a-4420-90e4-eb5a40289503.tmp</t>
  </si>
  <si>
    <t>\\acsfs\profiles$\DALVADFB\Downloads\75a3f4d2-ae6a-4420-90e4-eb5a40289503.tmp</t>
  </si>
  <si>
    <t>ddbb2e4b-ed49-4497-9e8d-056d894dde10.tmp</t>
  </si>
  <si>
    <t>\\acsfs\profiles$\paulovadc\Downloads\ddbb2e4b-ed49-4497-9e8d-056d894dde10.tmp</t>
  </si>
  <si>
    <t>mail.google.com/_/upload?authuser=0&amp;dcp=asu-n&amp;upload_id=AEnB2Uoh2Ik34XvraBg0ceflMaA9rfW5OvwUi0PEw2ZkElwLx78ufSzwQWsU0vDJO1NE6BZYZrOocsblNBT64ubaKPQeh729haAIqt19HJTjTvl6G6lV07c&amp;upload_protocol=resumable</t>
  </si>
  <si>
    <t>C:\Users\rodolfogv\Desktop\Eficiencia Energética\Estudos\</t>
  </si>
  <si>
    <t>BP Estudo UPS - 19.12.10.xlsx</t>
  </si>
  <si>
    <t>df9749f6-8297-4b73-9b00-8b0973fb8700.tmp</t>
  </si>
  <si>
    <t>\\acsfs\profiles$\gabrielafs\Downloads\df9749f6-8297-4b73-9b00-8b0973fb8700.tmp</t>
  </si>
  <si>
    <t>d7f04ee0-311f-4b12-abe9-f36f472e84d7.tmp</t>
  </si>
  <si>
    <t>\\acsfs\profiles$\gabrielafs\Downloads\d7f04ee0-311f-4b12-abe9-f36f472e84d7.tmp</t>
  </si>
  <si>
    <t>a4e71fdc-988f-43fb-b35e-e06e1f9a47cb.tmp</t>
  </si>
  <si>
    <t>\\acsfs\profiles$\gabrielafs\Downloads\a4e71fdc-988f-43fb-b35e-e06e1f9a47cb.tmp</t>
  </si>
  <si>
    <t>f3c9c83c-66b1-4459-9a82-b8b29b825cad.tmp</t>
  </si>
  <si>
    <t>\\acsfs\profiles$\gabrielafs\Downloads\f3c9c83c-66b1-4459-9a82-b8b29b825cad.tmp</t>
  </si>
  <si>
    <t>a1b9171b-abd7-48f5-993d-0fb2a226c967.tmp</t>
  </si>
  <si>
    <t>\\acsfs\profiles$\gabrielafs\Downloads\a1b9171b-abd7-48f5-993d-0fb2a226c967.tmp</t>
  </si>
  <si>
    <t>de2e9cae-fa98-4a22-93c9-d3d9aeae468a.tmp</t>
  </si>
  <si>
    <t>\\acsfs\profiles$\gabrielafs\Downloads\de2e9cae-fa98-4a22-93c9-d3d9aeae468a.tmp</t>
  </si>
  <si>
    <t>Relatorio de Vendas - Auditoria BV Cartoes (Dezembro)__3.xlsx</t>
  </si>
  <si>
    <t>\\acsfs\DEPTOS\Operacao\Banco_Votorantim\Qualidade\Anderson\Jose\Relatorio de Vendas - Auditoria BV Cartoes (Dezembro)__3.xlsx</t>
  </si>
  <si>
    <t>218479_Preco_rev01.xlsb</t>
  </si>
  <si>
    <t>fb5ec50c-c50d-4adf-ab99-3bb9f18933ce.tmp</t>
  </si>
  <si>
    <t>\\acsfs\profiles$\alicecpbc\Downloads\fb5ec50c-c50d-4adf-ab99-3bb9f18933ce.tmp</t>
  </si>
  <si>
    <t>https://cscatende.algarnet.com.br/html/sys/syssolicitante9/incident/request/etapas/nextetapa.php</t>
  </si>
  <si>
    <t>30741;</t>
  </si>
  <si>
    <t>https://30741</t>
  </si>
  <si>
    <t>https://cscatende.algarnet.com.br/framework/formxml/ajax/gridformxml.php</t>
  </si>
  <si>
    <t>ce494111-dbea-4f04-81e1-7237b72f6a22.tmp</t>
  </si>
  <si>
    <t>\\acsfs\profiles$\DALVADFB\Downloads\ce494111-dbea-4f04-81e1-7237b72f6a22.tmp</t>
  </si>
  <si>
    <t>0b38b253-ced2-42e1-a5e3-68462677ea69.tmp</t>
  </si>
  <si>
    <t>\\acsfs\profiles$\DALVADFB\Downloads\0b38b253-ced2-42e1-a5e3-68462677ea69.tmp</t>
  </si>
  <si>
    <t>e838f743-3c0e-4880-9fa4-1060bc8b7dc3.tmp</t>
  </si>
  <si>
    <t>\\acsfs\profiles$\deborahsi\Downloads\e838f743-3c0e-4880-9fa4-1060bc8b7dc3.tmp</t>
  </si>
  <si>
    <t>\\acsfs\DEPTOS\Operacao\Banco_Votorantim\Supervisao\SUPERS BV CARTÕES\</t>
  </si>
  <si>
    <t>BANCO DE DADOS - OPERAÇÃO.xlsx</t>
  </si>
  <si>
    <t>\\acsfs\DEPTOS\Operacao\Banco_Votorantim\Supervisao\SUPERS BV CARTÕES\BANCO DE DADOS - OPERAÇÃO.xlsx</t>
  </si>
  <si>
    <t>LARA NUBIA MARQUES GOMES (30).contact</t>
  </si>
  <si>
    <t>\\acsfs\profiles$\laranmg\Contacts\LARA NUBIA MARQUES GOMES (30).contact</t>
  </si>
  <si>
    <t>\\acsfs\profiles$\laranmg\My Documents\My Videos\</t>
  </si>
  <si>
    <t>\\acsfs\profiles$\laranmg\My Documents\My Videos\desktop.ini</t>
  </si>
  <si>
    <t>\\acsfs\profiles$\laranmg\My Documents\My Pictures\</t>
  </si>
  <si>
    <t>\\acsfs\profiles$\laranmg\My Documents\My Pictures\desktop.ini</t>
  </si>
  <si>
    <t>\\acsfs\profiles$\laranmg\Contacts\desktop.ini</t>
  </si>
  <si>
    <t>\\acsfs\profiles$\laranmg\Favorites\</t>
  </si>
  <si>
    <t>\\acsfs\profiles$\laranmg\Favorites\desktop.ini</t>
  </si>
  <si>
    <t>\\acsfs\profiles$\laranmg\My Documents\My Music\</t>
  </si>
  <si>
    <t>\\acsfs\profiles$\laranmg\My Documents\My Music\desktop.ini</t>
  </si>
  <si>
    <t>\\acsfs\profiles$\laranmg\Searches\</t>
  </si>
  <si>
    <t>\\acsfs\profiles$\laranmg\Searches\desktop.ini</t>
  </si>
  <si>
    <t>\\acsfs\profiles$\laranmg\Downloads\</t>
  </si>
  <si>
    <t>\\acsfs\profiles$\laranmg\Downloads\desktop.ini</t>
  </si>
  <si>
    <t>\\acsfs\profiles$\laranmg\My Documents\desktop.ini</t>
  </si>
  <si>
    <t>\\acsfs\profiles$\laranmg\Saved Games\</t>
  </si>
  <si>
    <t>\\acsfs\profiles$\laranmg\Saved Games\desktop.ini</t>
  </si>
  <si>
    <t>\\acsfs\profiles$\laranmg\Favorites\Links for Brasil\desktop.ini</t>
  </si>
  <si>
    <t>Microanálise 20191211.xlsm</t>
  </si>
  <si>
    <t>mail.google.com/_/upload?authuser=0&amp;dcp=asu-n&amp;upload_id=AEnB2UoUIET7KS5q_3RH4Ee00aDkvG95qJwGODFBoIiquajN3wN8BWZxe0ywPg-1cOxy7duE4IIWxfkSUzXMqFbUxVEgkHKmfQ&amp;upload_protocol=resumable</t>
  </si>
  <si>
    <t>asoares@tribanco.com.br;carlosadcj@algartech.com;cynthiaf@tripag.com.br;kamilap@tripag.com.br;leonardoao@algartech.com;lfonseca@tripag.com.br;lrocha@tribanco.com.br;lucasfs@tribanco.com.br;lucianarba@algartecnologia.com.br;marcosnf@tripag.com.br;robertaib@algartech.com;victorsm@algartech.com;</t>
  </si>
  <si>
    <t>asoares@tribanco.com.br,carlosadcj@algartech.com,cynthiaf@tripag.com.br,kamilap@tripag.com.br,leonardoao@algartech.com,lfonseca@tripag.com.br,lrocha@tribanco.com.br,lucasfs@tribanco.com.br,lucianarba@algartecnologia.com.br,marcosnf@tripag.com.br,robertaib@algartech.com,victorsm@algartech.com</t>
  </si>
  <si>
    <t>mail.google.com/_/upload?authuser=0&amp;dcp=asu-n&amp;upload_id=AEnB2UqM-yEA5y6PeAFPgQ4tkUutmc2vQKLxCkCwanxHjvOi0FgmeR8K_mun2WPglTUp9JXh6PehhSJWOLk3hqdMpJF2ePmNxQ&amp;upload_protocol=resumable</t>
  </si>
  <si>
    <t>afecab2d-70ac-462f-8ba3-93d8263f25e9.tmp</t>
  </si>
  <si>
    <t>\\acsfs\profiles$\DALVADFB\Downloads\afecab2d-70ac-462f-8ba3-93d8263f25e9.tmp</t>
  </si>
  <si>
    <t>4b932bfe-2585-4022-bc67-299da6970701.tmp</t>
  </si>
  <si>
    <t>\\acsfs\profiles$\sarahbal\Downloads\4b932bfe-2585-4022-bc67-299da6970701.tmp</t>
  </si>
  <si>
    <t>\\acsfs\DEPTOS\Operacao\Banco_Votorantim\Supervisao\SUPERS BV CARTÕES\ADILSON\</t>
  </si>
  <si>
    <t>Escala Sábado Supervisores.xlsx</t>
  </si>
  <si>
    <t>\\acsfs\DEPTOS\Operacao\Banco_Votorantim\Supervisao\SUPERS BV CARTÕES\ADILSON\Escala Sábado Supervisores.xlsx</t>
  </si>
  <si>
    <t>44d70983-5fb1-40fc-a670-621a5f5f5575.tmp</t>
  </si>
  <si>
    <t>\\acsfs\profiles$\larissaad\Downloads\44d70983-5fb1-40fc-a670-621a5f5f5575.tmp</t>
  </si>
  <si>
    <t>490cca20-0d31-4c03-baaa-7d2d2896c913.tmp</t>
  </si>
  <si>
    <t>\\acsfs\profiles$\raicabog\Downloads\490cca20-0d31-4c03-baaa-7d2d2896c913.tmp</t>
  </si>
  <si>
    <t>Compras Ecommerce Boticario.xlsx</t>
  </si>
  <si>
    <t>Componentes digitais.xlsx</t>
  </si>
  <si>
    <t>b8231703-ae82-490a-9655-b5f73d0537be.tmp</t>
  </si>
  <si>
    <t>\\acsfs\profiles$\gabrielafs\Downloads\b8231703-ae82-490a-9655-b5f73d0537be.tmp</t>
  </si>
  <si>
    <t>LINKS SAC.CONSIGNADO.txt</t>
  </si>
  <si>
    <t>\\acsfs\DEPTOS\Operacao\Banco_Votorantim\Qualidade\LINKS SAC.CONSIGNADO.txt</t>
  </si>
  <si>
    <t>b85a62b4-3e3c-4dc6-999c-c9922fde3317.tmp</t>
  </si>
  <si>
    <t>\\acsfs\profiles$\KARENDSR\Downloads\b85a62b4-3e3c-4dc6-999c-c9922fde3317.tmp</t>
  </si>
  <si>
    <t>2b7d49fb-2fcd-4eb9-8b77-6614c9153e13.tmp</t>
  </si>
  <si>
    <t>\\acsfs\profiles$\gabrielarb\Downloads\2b7d49fb-2fcd-4eb9-8b77-6614c9153e13.tmp</t>
  </si>
  <si>
    <t>C:\Users\elainemdlp\OD\_Projetos\Em andamento\Lei do Bem\Projetos\</t>
  </si>
  <si>
    <t>MIGRACAO RCP PJ.xlsx</t>
  </si>
  <si>
    <t>f4a7626b-9a7d-4668-85f9-c5c07fe183e1.tmp</t>
  </si>
  <si>
    <t>\\acsfs\profiles$\raicabog\Downloads\f4a7626b-9a7d-4668-85f9-c5c07fe183e1.tmp</t>
  </si>
  <si>
    <t>f6d83443-061c-42d6-9728-cfa5aa4808aa.tmp</t>
  </si>
  <si>
    <t>\\acsfs\profiles$\raicabog\Downloads\f6d83443-061c-42d6-9728-cfa5aa4808aa.tmp</t>
  </si>
  <si>
    <t>mail.google.com/_/upload?authuser=2&amp;dcp=asu-n&amp;upload_id=AEnB2Up9FPcGGcsNqqq-f5hj91IfQzDJgetwRAc-Kf41j6GxsFfNIIr5KR3zWmVkRBH0Yo-v_n4y9DxRc6dhi7MAIB5WMPat5w&amp;upload_protocol=resumable</t>
  </si>
  <si>
    <t>next - Acompanhamento Produtividade Oficial - DEZ.xlsx</t>
  </si>
  <si>
    <t>Importar_Quadro_Colaboradores_Sinergy - Quille (1).xlsx</t>
  </si>
  <si>
    <t>ef60f94e-6d3b-4f62-81b0-e86fab6998ca.tmp</t>
  </si>
  <si>
    <t>\\acsfs\profiles$\isabellegtds\Downloads\ef60f94e-6d3b-4f62-81b0-e86fab6998ca.tmp</t>
  </si>
  <si>
    <t>1f3eb5c6-8793-4c74-848b-7f8a52f9c9fb.tmp</t>
  </si>
  <si>
    <t>\\acsfs\profiles$\DALVADFB\Downloads\1f3eb5c6-8793-4c74-848b-7f8a52f9c9fb.tmp</t>
  </si>
  <si>
    <t>792bde68-0e6d-4b65-8747-492417514bfe.tmp</t>
  </si>
  <si>
    <t>\\acsfs\profiles$\gabrielafs\Downloads\792bde68-0e6d-4b65-8747-492417514bfe.tmp</t>
  </si>
  <si>
    <t>c2c52580-4cca-4793-ae58-82aca1d932a4.tmp</t>
  </si>
  <si>
    <t>\\acsfs\profiles$\deboraaa\Downloads\c2c52580-4cca-4793-ae58-82aca1d932a4.tmp</t>
  </si>
  <si>
    <t>ALERTA ERRO FATAL VIVIAN.PNG</t>
  </si>
  <si>
    <t>\\acsfs\DEPTOS\Operacao\Banco_Votorantim\Qualidade\Eliane\ALERTA ERRO FATAL VIVIAN.PNG</t>
  </si>
  <si>
    <t>\\acsfs\DEPTOS\Operacao\Banco_Votorantim\Supervisao\SUPERS BV CARTÕES\ADILSON\Vendas\</t>
  </si>
  <si>
    <t>Controle Vendas Dezembro.xlsx</t>
  </si>
  <si>
    <t>\\acsfs\DEPTOS\Operacao\Banco_Votorantim\Supervisao\SUPERS BV CARTÕES\ADILSON\Vendas\Controle Vendas Dezembro.xlsx</t>
  </si>
  <si>
    <t>a6e9ab40-3385-455b-85a4-b397fce5f648.tmp</t>
  </si>
  <si>
    <t>\\acsfs\profiles$\gabrielafs\Downloads\a6e9ab40-3385-455b-85a4-b397fce5f648.tmp</t>
  </si>
  <si>
    <t>1b6ba196-cf8b-4898-9b96-399de1ef9dc5.tmp</t>
  </si>
  <si>
    <t>\\acsfs\profiles$\gabrielarb\Downloads\1b6ba196-cf8b-4898-9b96-399de1ef9dc5.tmp</t>
  </si>
  <si>
    <t>mail.google.com/_/upload?authuser=1&amp;dcp=asu-n&amp;upload_id=AEnB2Uo_d8q0wKYww7ESe_CgDISsmSDSObT3rkI8elt-SAgzD0WEy78k2DoQAxdBsAHm3vk5pL-U0zvIifjug57WhZ2YgJ-5OD-Hv7QLdj3_-7HfALqLuXU&amp;upload_protocol=resumable</t>
  </si>
  <si>
    <t>\\acsfs\DEPTOS\Operacao\Banco_Votorantim\Supervisao\SUPERS BV CARTÕES\Thumbs.db</t>
  </si>
  <si>
    <t>f0c17bf8-d796-4653-bd62-1b48ae6a931e.tmp</t>
  </si>
  <si>
    <t>\\acsfs\profiles$\larissaad\Downloads\f0c17bf8-d796-4653-bd62-1b48ae6a931e.tmp</t>
  </si>
  <si>
    <t>\\udpimgap01\Base de Conhecimento Data Center\02 - Arquivos Comuns\2.4 - Suporte Backup e Restore\Equipe Backup Restore\2.4.1 - Documentacao\2.5.6 Políticas de Backup\COMFRIO\</t>
  </si>
  <si>
    <t>Política Backup COMFRIO - CAMPINAS.xlsx</t>
  </si>
  <si>
    <t>RES: Painel Regulamentado PJ - Prazo SACL</t>
  </si>
  <si>
    <t>Operação PJ BACEN.xlsx</t>
  </si>
  <si>
    <t>96a50af9-bc41-43d9-a081-544781e77d0c.tmp</t>
  </si>
  <si>
    <t>\\acsfs\profiles$\KARENDSR\Downloads\96a50af9-bc41-43d9-a081-544781e77d0c.tmp</t>
  </si>
  <si>
    <t>mail.google.com/sync/u/0/i/s?hl=pt-BR&amp;c=19</t>
  </si>
  <si>
    <t>c79cb77f-b348-436c-b202-5955167e41f0.tmp</t>
  </si>
  <si>
    <t>\\acsfs\profiles$\paulovadc\Downloads\c79cb77f-b348-436c-b202-5955167e41f0.tmp</t>
  </si>
  <si>
    <t>be776fcd-d164-4f40-a4fd-ebc2e462af3d.tmp</t>
  </si>
  <si>
    <t>\\acsfs\profiles$\adrielyas\Downloads\be776fcd-d164-4f40-a4fd-ebc2e462af3d.tmp</t>
  </si>
  <si>
    <t>10.200.66.89</t>
  </si>
  <si>
    <t>D0-94-66-B5-5D-62</t>
  </si>
  <si>
    <t>VOTORANT-ACB013</t>
  </si>
  <si>
    <t>valeriasda</t>
  </si>
  <si>
    <t>\\acsfs\profiles$\valeriasda\Downloads\</t>
  </si>
  <si>
    <t>b545cc2e-a8ab-416b-95d5-d8b8ce029b3f.tmp</t>
  </si>
  <si>
    <t>\\acsfs\profiles$\valeriasda\Downloads\b545cc2e-a8ab-416b-95d5-d8b8ce029b3f.tmp</t>
  </si>
  <si>
    <t>efae666b-6c08-4268-8988-903c2ade7eba.tmp</t>
  </si>
  <si>
    <t>\\acsfs\profiles$\valeriasda\Downloads\efae666b-6c08-4268-8988-903c2ade7eba.tmp</t>
  </si>
  <si>
    <t>faf8acd5-2a5a-40c7-928b-6c9d9a8edad5.tmp</t>
  </si>
  <si>
    <t>\\acsfs\profiles$\valeriasda\Downloads\faf8acd5-2a5a-40c7-928b-6c9d9a8edad5.tmp</t>
  </si>
  <si>
    <t>10.16.72.116</t>
  </si>
  <si>
    <t>mail.google.com/_/upload?authuser=0&amp;dcp=asu-n&amp;upload_id=AEnB2UrqRzdZtOn1zJMapJUn7KMiUmtcKMYdutvdK1EjEAAFwbr7ljfISbnHwsLfTnMPfj5D8Ffn7Dc7PI4Bh2RnaDVkV3Vrng&amp;upload_protocol=resumable</t>
  </si>
  <si>
    <t>CHEVES ANF-31 J.xlsx</t>
  </si>
  <si>
    <t>evertonpdsr@algartech.com.br;renatass@algartech.com.br;</t>
  </si>
  <si>
    <t>ENC: Inclusão Empresas na UNE Amex - 11/12</t>
  </si>
  <si>
    <t>29 - CONSOLIDADO INCLUSÃO UNE AMEX - 11.12.19.xlsx</t>
  </si>
  <si>
    <t>evertonpdsr@algartech.com.br,renatass@algartech.com.br</t>
  </si>
  <si>
    <t>1710c392-e1b1-4cb9-ad72-827a9773cf40.tmp</t>
  </si>
  <si>
    <t>\\acsfs\profiles$\gabrielhca\Downloads\1710c392-e1b1-4cb9-ad72-827a9773cf40.tmp</t>
  </si>
  <si>
    <t>6ed19755-7c5a-48bb-847c-63bc0371aa7c.tmp</t>
  </si>
  <si>
    <t>\\acsfs\profiles$\kellzylenneasr\Downloads\6ed19755-7c5a-48bb-847c-63bc0371aa7c.tmp</t>
  </si>
  <si>
    <t>10.200.66.216</t>
  </si>
  <si>
    <t>D0-94-66-B5-4E-72</t>
  </si>
  <si>
    <t>VOTORANT-AFB021</t>
  </si>
  <si>
    <t>dd6209fb-efe4-4b09-9e72-19f644eb7d99.tmp</t>
  </si>
  <si>
    <t>\\acsfs\profiles$\YASMINSC\Downloads\dd6209fb-efe4-4b09-9e72-19f644eb7d99.tmp</t>
  </si>
  <si>
    <t>10.12.242.229</t>
  </si>
  <si>
    <t>/o=exchangelabs/ou=exchange administrative group (fydibohf23spdlt)/cn=recipients/cn=2b68c5c9701540eb8fd871ac41d57b98-michael vic;/o=exchangelabs/ou=exchange administrative group (fydibohf23spdlt)/cn=recipients/cn=b284454839e94314a90d49e7ec00864f-antonio car;/o=exchangelabs/ou=exchange administrative group (fydibohf23spdlt)/cn=recipients/cn=b712c36eebee42428d3790abe2696417-romario gom;</t>
  </si>
  <si>
    <t>ENC: Envio de imagem rede segregada next</t>
  </si>
  <si>
    <t>ENC Rede Segregada .msg\s1\</t>
  </si>
  <si>
    <t>/o=exchangelabs/ou=exchange administrative group (fydibohf23spdlt)/cn=recipients/cn=2b68c5c9701540eb8fd871ac41d57b98-michael vic,/o=exchangelabs/ou=exchange administrative group (fydibohf23spdlt)/cn=recipients/cn=b284454839e94314a90d49e7ec00864f-antonio car,/o=exchangelabs/ou=exchange administrative group (fydibohf23spdlt)/cn=recipients/cn=b712c36eebee42428d3790abe2696417-romario gom</t>
  </si>
  <si>
    <t>https://webpoolbl20a29.infra.lync.com/webticket/webticketservice.svc/oauth</t>
  </si>
  <si>
    <t>f0a6cd23-5fb3-4e54-bd2c-c17e1024b7ea.tmp</t>
  </si>
  <si>
    <t>\\acsfs\profiles$\marcellewdl\Downloads\f0a6cd23-5fb3-4e54-bd2c-c17e1024b7ea.tmp</t>
  </si>
  <si>
    <t>374df611-7d54-4ad0-a332-e1a015a02806.tmp</t>
  </si>
  <si>
    <t>\\acsfs\profiles$\kellzylenneasr\Downloads\374df611-7d54-4ad0-a332-e1a015a02806.tmp</t>
  </si>
  <si>
    <t>15652f52-49e2-43a3-897b-9e053218610f.tmp</t>
  </si>
  <si>
    <t>\\acsfs\profiles$\isabellegtds\Downloads\15652f52-49e2-43a3-897b-9e053218610f.tmp</t>
  </si>
  <si>
    <t>f17f21f8-f1b9-4377-a462-1b780e44bdf1.tmp</t>
  </si>
  <si>
    <t>\\acsfs\profiles$\isabellegtds\Downloads\f17f21f8-f1b9-4377-a462-1b780e44bdf1.tmp</t>
  </si>
  <si>
    <t>23797ac1-cd92-4094-ab02-ac8be21e1d80.tmp</t>
  </si>
  <si>
    <t>\\acsfs\profiles$\larissaad\Downloads\23797ac1-cd92-4094-ab02-ac8be21e1d80.tmp</t>
  </si>
  <si>
    <t>mail.google.com/_/upload?authuser=0&amp;dcp=asu-n&amp;upload_id=AEnB2Ur9AX0YoxjebpUnwjK44oJ4IyVrTk0n8Eswz0JBoJqqj5v9K2xUx9iGXQxHhJXYoLjKMM9aP87Vpr5ALGLyKb-7hu6X0Q&amp;upload_protocol=resumable</t>
  </si>
  <si>
    <t>C:\Users\leandrom\Desktop\RUFF.zip\RUFF\</t>
  </si>
  <si>
    <t>Report-RDS-RUFF-03-12-2019-Disabled.csv</t>
  </si>
  <si>
    <t>Report-RDS-RUFF-03-12-2019-lastlogin.csv</t>
  </si>
  <si>
    <t>Report-RDS-RUFF-03-12-2019-LocalGroups.csv</t>
  </si>
  <si>
    <t>Report-RDS-RUFF-03-12-2019-ROLES.csv</t>
  </si>
  <si>
    <t>Report-RDS-RUFF-12-12-2019-Disabled.csv</t>
  </si>
  <si>
    <t>Report-RDS-RUFF-12-12-2019-lastlogin.csv</t>
  </si>
  <si>
    <t>Report-RDS-RUFF-12-12-2019-LocalGroups.csv</t>
  </si>
  <si>
    <t>Report-RDS-RUFF-12-12-2019-ROLES.csv</t>
  </si>
  <si>
    <t>Report-RUFF-Domain Admins.csv</t>
  </si>
  <si>
    <t>Report-RUFF-Enterprise_Admins.csv</t>
  </si>
  <si>
    <t>Report-RUFF-Terminal Server Computers.csv</t>
  </si>
  <si>
    <t>Report-RUFF-Terminal Service Client.csv</t>
  </si>
  <si>
    <t>Report-RUFF-Usuarios.csv</t>
  </si>
  <si>
    <t>cadc8167-aca9-442c-8acc-77f4782cd98d.tmp</t>
  </si>
  <si>
    <t>\\acsfs\profiles$\geovannasm\Downloads\cadc8167-aca9-442c-8acc-77f4782cd98d.tmp</t>
  </si>
  <si>
    <t>da956996-f0f5-46f3-b03e-ff6c5f1b95e0.tmp</t>
  </si>
  <si>
    <t>\\acsfs\profiles$\geovannasm\Downloads\da956996-f0f5-46f3-b03e-ff6c5f1b95e0.tmp</t>
  </si>
  <si>
    <t>6983dcbc-5bd9-4b29-a31b-74c5b8742c59.tmp</t>
  </si>
  <si>
    <t>\\acsfs\profiles$\isabellegtds\Downloads\6983dcbc-5bd9-4b29-a31b-74c5b8742c59.tmp</t>
  </si>
  <si>
    <t>c18bec09-255b-4b6a-9f6a-35166b68cce9.tmp</t>
  </si>
  <si>
    <t>\\acsfs\profiles$\isabellegtds\Downloads\c18bec09-255b-4b6a-9f6a-35166b68cce9.tmp</t>
  </si>
  <si>
    <t>42073f0a-0ebf-43af-aca6-ada38a2b4ec1.tmp</t>
  </si>
  <si>
    <t>\\acsfs\profiles$\isabellegtds\Downloads\42073f0a-0ebf-43af-aca6-ada38a2b4ec1.tmp</t>
  </si>
  <si>
    <t>7d2f742e-512f-479a-b9b0-7af34e198a86.tmp</t>
  </si>
  <si>
    <t>\\acsfs\profiles$\felipetds\Downloads\7d2f742e-512f-479a-b9b0-7af34e198a86.tmp</t>
  </si>
  <si>
    <t>9970b15e-675e-4dbb-8186-7e624dfbcd23.tmp</t>
  </si>
  <si>
    <t>\\acsfs\profiles$\leticiala\Downloads\9970b15e-675e-4dbb-8186-7e624dfbcd23.tmp</t>
  </si>
  <si>
    <t>f440a1bc-8ac3-4f5b-8268-7a4d97cada11.tmp</t>
  </si>
  <si>
    <t>\\acsfs\profiles$\geovannasm\Downloads\f440a1bc-8ac3-4f5b-8268-7a4d97cada11.tmp</t>
  </si>
  <si>
    <t>d931a66e-9a55-4ec1-873a-05518beec2db.tmp</t>
  </si>
  <si>
    <t>\\acsfs\profiles$\geovannasm\Downloads\d931a66e-9a55-4ec1-873a-05518beec2db.tmp</t>
  </si>
  <si>
    <t>C:\Users\raicdf\Downloads\</t>
  </si>
  <si>
    <t>image2019-12-12-104821 (1).pdf</t>
  </si>
  <si>
    <t>53ea0ae5-3155-47fd-970f-2824997e6716.tmp</t>
  </si>
  <si>
    <t>\\acsfs\profiles$\DALVADFB\Downloads\53ea0ae5-3155-47fd-970f-2824997e6716.tmp</t>
  </si>
  <si>
    <t>dcc75242-cc39-44ac-9785-e45de11b605b.tmp</t>
  </si>
  <si>
    <t>\\acsfs\profiles$\DALVADFB\Downloads\dcc75242-cc39-44ac-9785-e45de11b605b.tmp</t>
  </si>
  <si>
    <t>10.200.66.179</t>
  </si>
  <si>
    <t>64-1C-67-9D-1E-C2</t>
  </si>
  <si>
    <t>VOTORANT-LB013</t>
  </si>
  <si>
    <t>jessykacal</t>
  </si>
  <si>
    <t>\\acsfs\profiles$\jessykacal\Favorites\Dashboard - SinergyRH.url\</t>
  </si>
  <si>
    <t>\\acsfs\profiles$\jessykacal\Favorites\Dashboard - SinergyRH.url\:favicon:$DATA</t>
  </si>
  <si>
    <t>\\acsfs\profiles$\jessykacal\Favorites\</t>
  </si>
  <si>
    <t>Dashboard - SinergyRH.url</t>
  </si>
  <si>
    <t>\\acsfs\profiles$\jessykacal\Favorites\Dashboard - SinergyRH.url</t>
  </si>
  <si>
    <t>Holerite_122019_2106646 (4).pdf.x6nxgw4.partial</t>
  </si>
  <si>
    <t>\\acsfs\profiles$\leticiala\Downloads\Holerite_122019_2106646 (4).pdf.x6nxgw4.partial</t>
  </si>
  <si>
    <t>Template horas - PA Inteligente.xlsx</t>
  </si>
  <si>
    <t>Anexo.txt</t>
  </si>
  <si>
    <t>\\acsfs\profiles$\gabrielafs\Anexo.txt</t>
  </si>
  <si>
    <t>53b019cd-07ff-4466-be4f-c3191ff8db31.tmp</t>
  </si>
  <si>
    <t>\\acsfs\profiles$\marcellewdl\Downloads\53b019cd-07ff-4466-be4f-c3191ff8db31.tmp</t>
  </si>
  <si>
    <t>481f77f5-2e86-40fa-b214-6ec6156654bd.tmp</t>
  </si>
  <si>
    <t>\\acsfs\profiles$\marcellewdl\Downloads\481f77f5-2e86-40fa-b214-6ec6156654bd.tmp</t>
  </si>
  <si>
    <t>80505d37-f386-4bc7-9993-dffd31e40d56.tmp</t>
  </si>
  <si>
    <t>\\acsfs\profiles$\marcellewdl\Downloads\80505d37-f386-4bc7-9993-dffd31e40d56.tmp</t>
  </si>
  <si>
    <t>0e8535fa-84b4-45e0-a457-8933a24a54ea.tmp</t>
  </si>
  <si>
    <t>\\acsfs\profiles$\yurics\Downloads\0e8535fa-84b4-45e0-a457-8933a24a54ea.tmp</t>
  </si>
  <si>
    <t>https://cscatende.algarnet.com.br/html/hd/hdscriptresposta/request/uploadincidentattachment.php?cdclassificacao=7&amp;action=1&amp;lastpositionattachement=undefined&amp;cdquestao=9885&amp;idmaisanexos=t</t>
  </si>
  <si>
    <t>44382;</t>
  </si>
  <si>
    <t>\\acsfs\engeset\CPV_ULA\ADMINISTRATIVO\CONTROLE ADMINISTRATIVO\CADASTROS\</t>
  </si>
  <si>
    <t>Template_-_Consulta_de_Nota_Fiscal_Problema.xlsx</t>
  </si>
  <si>
    <t>https://44382</t>
  </si>
  <si>
    <t>mail.google.com/_/upload?authuser=0&amp;dcp=asu-n&amp;upload_id=AEnB2UqVNrjpk3SYw5y1UWXvz5fWtnh-owfD4x4HQQwmbpvD7oLV6zTbACmXRKaWkVfdmIgy0jWo90W4IH3qMfPmGjbfiN3akQ&amp;upload_protocol=resumable</t>
  </si>
  <si>
    <t>maicon_morata_algar@whirlpool.com;</t>
  </si>
  <si>
    <t>Resultado Operações Nov.19 - Aline.xls</t>
  </si>
  <si>
    <t>maicon_morata_algar@whirlpool.com</t>
  </si>
  <si>
    <t>DEBORA.txt</t>
  </si>
  <si>
    <t>\\acsfs\profiles$\deboraaa\My Documents\DEBORA.txt</t>
  </si>
  <si>
    <t>cd951c81-6d17-487c-b7db-a02ac750dda6.tmp</t>
  </si>
  <si>
    <t>\\acsfs\profiles$\deboraaa\Downloads\cd951c81-6d17-487c-b7db-a02ac750dda6.tmp</t>
  </si>
  <si>
    <t>10.200.66.71</t>
  </si>
  <si>
    <t>78-2B-CB-C1-06-33</t>
  </si>
  <si>
    <t>VOTORANT-SB005</t>
  </si>
  <si>
    <t>3708d15f-7e35-4cac-9a34-7ad9d2c9992c.tmp</t>
  </si>
  <si>
    <t>\\acsfs\profiles$\luanaldsi\Downloads\3708d15f-7e35-4cac-9a34-7ad9d2c9992c.tmp</t>
  </si>
  <si>
    <t>1445dc06-630b-416c-983d-60c165f420d2.tmp</t>
  </si>
  <si>
    <t>\\acsfs\profiles$\luanaldsi\Downloads\1445dc06-630b-416c-983d-60c165f420d2.tmp</t>
  </si>
  <si>
    <t>6341ae8a-04c5-4aad-80c4-91532f8c3e60.tmp</t>
  </si>
  <si>
    <t>\\acsfs\profiles$\luanaldsi\Downloads\6341ae8a-04c5-4aad-80c4-91532f8c3e60.tmp</t>
  </si>
  <si>
    <t>mail.google.com/_/upload?authuser=1&amp;dcp=asu-n&amp;upload_id=AEnB2UquWF2egL5A8KIsm9i8R4GfxdiDD1C-uTJjQyyKNS_hUFRffoJbo4spZCTNa4hg0hHZZyR8riGIfHZ-8NW5ELT2AnMm17kgDS0FoBAuVx3PLwOHXY0&amp;upload_protocol=resumable</t>
  </si>
  <si>
    <t>Escala Operadores Natal e Ano Novo Alterações.xlsx</t>
  </si>
  <si>
    <t>\\acsfs\DEPTOS\Operacao\Banco_Votorantim\Supervisao\SUPERS BV CARTÕES\ADILSON\Escala Operadores Natal e Ano Novo Alterações.xlsx</t>
  </si>
  <si>
    <t>C:\Users\davimvs\AppData\Roaming\Adobe\LogTransport2\Logs\</t>
  </si>
  <si>
    <t>ulog_Acrobat12_Reader_a9473871-eb7b-4719-ba46-35125c58e0e7_1c1a6c40-e1b1-4140-8911-4d8d2c92bdfe_0.log</t>
  </si>
  <si>
    <t>C:\Users\davimvs\AppData\Roaming\Adobe\LogTransport2\Logs\ulog_Acrobat12_Reader_a9473871-eb7b-4719-ba46-35125c58e0e7_1c1a6c40-e1b1-4140-8911-4d8d2c92bdfe_0.log\</t>
  </si>
  <si>
    <t>ulog_HeadlightsOptinProductFamily_HeadlightsOptinProduct_00000000-0000-0000-0000-000000000000_a45f5e0a-4339-4dff-a7a9-2bd503f67d50.log</t>
  </si>
  <si>
    <t>C:\Users\davimvs\AppData\Roaming\Adobe\LogTransport2\Logs\ulog_HeadlightsOptinProductFamily_HeadlightsOptinProduct_00000000-0000-0000-0000-000000000000_a45f5e0a-4339-4dff-a7a9-2bd503f67d50.log\</t>
  </si>
  <si>
    <t>10.200.58.188</t>
  </si>
  <si>
    <t>/o=exchangelabs/ou=exchange administrative group (fydibohf23spdlt)/cn=recipients/cn=01dd947fa5e64c6cb9bbbb6c6ff21082-amanda silv;/o=exchangelabs/ou=exchange administrative group (fydibohf23spdlt)/cn=recipients/cn=06eba9dd66a84d6dac3305733f375dfa-mariana cas;/o=exchangelabs/ou=exchange administrative group (fydibohf23spdlt)/cn=recipients/cn=086b170a09044ccdba122e7be04d9f61-flavia viei;/o=exchangelabs/ou=exchange administrative group (fydibohf23spdlt)/cn=recipients/cn=0cbce90bdb1a497884c650ccf6bb3f11-denise marq;/o=exchangelabs/ou=exchange administrative group (fydibohf23spdlt)/cn=recipients/cn=0fb0c89521ca4e3ea59ebb5875735cbc-luiz guilhe;/o=exchangelabs/ou=exchange administrative group (fydibohf23spdlt)/cn=recipients/cn=1240e848bce64e59af49d023f1dd86c6-aline carol;/o=exchangelabs/ou=exchange administrative group (fydibohf23spdlt)/cn=recipients/cn=191451e2fbde4ab1bf9afab3d1c50cc6-viviane gon;/o=exchangelabs/ou=exchange administrative group (fydibohf23spdlt)/cn=recipients/cn=1959867b12eb4c37a852b7cf1cfb6ab2-vane</t>
  </si>
  <si>
    <t>/o=exchangelabs/ou=exchange administrative group (fydibohf23spdlt)/cn=recipients/cn=01dd947fa5e64c6cb9bbbb6c6ff21082-amanda silv,/o=exchangelabs/ou=exchange administrative group (fydibohf23spdlt)/cn=recipients/cn=06eba9dd66a84d6dac3305733f375dfa-mariana cas,/o=exchangelabs/ou=exchange administrative group (fydibohf23spdlt)/cn=recipients/cn=086b170a09044ccdba122e7be04d9f61-flavia viei,/o=exchangelabs/ou=exchange administrative group (fydibohf23spdlt)/cn=recipients/cn=0cbce90bdb1a497884c650ccf6bb3f11-denise marq,/o=exchangelabs/ou=exchange administrative group (fydibohf23spdlt)/cn=recipients/cn=0fb0c89521ca4e3ea59ebb5875735cbc-luiz guilhe,/o=exchangelabs/ou=exchange administrative group (fydibohf23spdlt)/cn=recipients/cn=1240e848bce64e59af49d023f1dd86c6-aline carol,/o=exchangelabs/ou=exchange administrative group (fydibohf23spdlt)/cn=recipients/cn=191451e2fbde4ab1bf9afab3d1c50cc6-viviane gon,/o=exchangelabs/ou=exchange administrative group (fydibohf23spdlt)/cn=recipients/cn=1959867b12eb4c37a852b7cf1cfb6ab2-vane</t>
  </si>
  <si>
    <t>Gamification - Coordenadore2.xlsm</t>
  </si>
  <si>
    <t>lu8016105r76.tmp</t>
  </si>
  <si>
    <t>\\acsfs\profiles$\kamillacr\My Documents\lu8016105r76.tmp</t>
  </si>
  <si>
    <t>\\acsfs\profiles$\kamillacr\My Documents\lu8016105r76.tmp\</t>
  </si>
  <si>
    <t>\\acsfs\profiles$\kamillacr\My Documents\lu8016105r76.tmp\META-INF\</t>
  </si>
  <si>
    <t>\\acsfs\profiles$\kamillacr\My Documents\lu8016105r76.tmp\Thumbnails\</t>
  </si>
  <si>
    <t>4ed86782-bb50-4eb7-88b1-5294d10f9c5b.tmp</t>
  </si>
  <si>
    <t>\\acsfs\profiles$\deborahsi\Downloads\4ed86782-bb50-4eb7-88b1-5294d10f9c5b.tmp</t>
  </si>
  <si>
    <t>8b08c330-3b44-49ad-a1fb-22a55fa88c90.tmp</t>
  </si>
  <si>
    <t>\\acsfs\profiles$\alicecpbc\Downloads\8b08c330-3b44-49ad-a1fb-22a55fa88c90.tmp</t>
  </si>
  <si>
    <t>f2221dd6-641c-475e-ab68-0ff49718c36d.tmp</t>
  </si>
  <si>
    <t>\\acsfs\profiles$\alicecpbc\Downloads\f2221dd6-641c-475e-ab68-0ff49718c36d.tmp</t>
  </si>
  <si>
    <t>mail.google.com/sync/u/0/i/s?hl=pt-BR&amp;c=27</t>
  </si>
  <si>
    <t>03861ff5-9db3-47c3-b132-b58a8285abee.tmp</t>
  </si>
  <si>
    <t>\\acsfs\profiles$\YASMINSC\Downloads\03861ff5-9db3-47c3-b132-b58a8285abee.tmp</t>
  </si>
  <si>
    <t>51340ef5-647c-4b21-9f00-334e1fe9f292.tmp</t>
  </si>
  <si>
    <t>\\acsfs\profiles$\raicabog\Downloads\51340ef5-647c-4b21-9f00-334e1fe9f292.tmp</t>
  </si>
  <si>
    <t>d59ba63d-98a1-40a9-afeb-275b7afa9373.tmp</t>
  </si>
  <si>
    <t>\\acsfs\profiles$\raicabog\Downloads\d59ba63d-98a1-40a9-afeb-275b7afa9373.tmp</t>
  </si>
  <si>
    <t>987f9fa6-e164-4ef3-841b-cb360d67eaad.tmp</t>
  </si>
  <si>
    <t>\\acsfs\profiles$\paulovadc\Downloads\987f9fa6-e164-4ef3-841b-cb360d67eaad.tmp</t>
  </si>
  <si>
    <t>backup_restore@algartech.com;csavino@algartech.com;rafaelbdt@algartech.com;sollero@algartech.com;thiagoscr@algartech.com;</t>
  </si>
  <si>
    <t>backup_restore@algartech.com,csavino@algartech.com,rafaelbdt@algartech.com,sollero@algartech.com,thiagoscr@algartech.com</t>
  </si>
  <si>
    <t>mail.google.com/_/upload?authuser=0&amp;dcp=asu-n&amp;upload_id=AEnB2UrEqDu2ZgzwdrWWAE8hryCu9-_lUy3DtE3E1KaRy-f9wJgybtgNQxV2KQ54b7G6hEARvk6-NP7Dvqdty-iTfofG3Soptw&amp;upload_protocol=resumable</t>
  </si>
  <si>
    <t>C:\Users\lucianabo\Desktop\2019\10 - Outubro\FECHAMENTO CONTÁBIL\RELATÓRIOS\</t>
  </si>
  <si>
    <t>mail.google.com/_/upload?authuser=0&amp;dcp=asu-n&amp;upload_id=AEnB2Urd5LceJT3YyDzkDjhkOBEVfT202bQ24iUqH5oVdA6rj-7sfOhulntc0CgJztDM4Q_5770B0HjIlJguyXB4yJU2fUOf3w&amp;upload_protocol=resumable</t>
  </si>
  <si>
    <t>9010f8ea-57e4-4c34-9798-6ea1e0052a1a.tmp</t>
  </si>
  <si>
    <t>\\acsfs\profiles$\gabrielafs\Downloads\9010f8ea-57e4-4c34-9798-6ea1e0052a1a.tmp</t>
  </si>
  <si>
    <t>180c7da4-09c1-4fff-8a90-02d6ef1e9e40.tmp</t>
  </si>
  <si>
    <t>\\acsfs\profiles$\deboraaa\Downloads\180c7da4-09c1-4fff-8a90-02d6ef1e9e40.tmp</t>
  </si>
  <si>
    <t>mail.google.com/_/upload?authuser=0&amp;dcp=asu-n&amp;upload_id=AEnB2Upgxd5QTK92gT6uObIG9DXK2UrSH7r7jBf4dcjG8hk8NzJ2Q3VNgtq-JhdZkz4CkOPNGP6aEN90NOcHnvh88HyW8IkoTShwNb0jLz-E8XQlXLgIb60&amp;upload_protocol=resumable</t>
  </si>
  <si>
    <t>alessiors@algartech.com;patriciaars@algartech.com;</t>
  </si>
  <si>
    <t>207414 - NETFLIX SAC 24 Plan Precificacao C018 B018 rev4.xlsb</t>
  </si>
  <si>
    <t>alessiors@algartech.com,patriciaars@algartech.com</t>
  </si>
  <si>
    <t>\\acsfs\deptos\CAS - Coordenação de Arquitetura de Soluções\Projetos\2019\NetFlix\207414 - NETFLIX - SAC\Preço\207414 - NETFLIX SAC 24 Plan Precificacao C018 B018 rev4.xlsb\</t>
  </si>
  <si>
    <t>mail.google.com/sync/u/0/i/s?hl=pt-BR&amp;c=96</t>
  </si>
  <si>
    <t>mail.google.com/sync/u/0/i/s?hl=pt-BR&amp;c=100</t>
  </si>
  <si>
    <t>mail.google.com/sync/u/0/i/s?hl=pt-BR&amp;c=102</t>
  </si>
  <si>
    <t>mail.google.com/sync/u/0/i/s?hl=pt-BR&amp;c=106</t>
  </si>
  <si>
    <t>mail.google.com/sync/u/0/i/s?hl=pt-BR&amp;c=115</t>
  </si>
  <si>
    <t>mail.google.com/sync/u/0/i/s?hl=pt-BR&amp;c=121</t>
  </si>
  <si>
    <t>mail.google.com/sync/u/0/i/s?hl=pt-BR&amp;c=123</t>
  </si>
  <si>
    <t>mail.google.com/sync/u/0/i/s?hl=pt-BR&amp;c=125</t>
  </si>
  <si>
    <t>mail.google.com/sync/u/0/i/s?hl=pt-BR&amp;c=128</t>
  </si>
  <si>
    <t>mail.google.com/sync/u/0/i/s?hl=pt-BR&amp;c=130</t>
  </si>
  <si>
    <t>Painel Casos Especiais</t>
  </si>
  <si>
    <t>baab6721-ec3a-489d-9b72-b1def066a92a.tmp</t>
  </si>
  <si>
    <t>\\acsfs\profiles$\luanaldsi\Downloads\baab6721-ec3a-489d-9b72-b1def066a92a.tmp</t>
  </si>
  <si>
    <t>1b041745-4919-41b6-9983-7f312c55890d.tmp</t>
  </si>
  <si>
    <t>\\acsfs\profiles$\luanaldsi\Downloads\1b041745-4919-41b6-9983-7f312c55890d.tmp</t>
  </si>
  <si>
    <t>a2d66661-d752-4508-b539-d49252b9a29d.tmp</t>
  </si>
  <si>
    <t>\\acsfs\profiles$\luanaldsi\Downloads\a2d66661-d752-4508-b539-d49252b9a29d.tmp</t>
  </si>
  <si>
    <t>mail.google.com/sync/u/0/i/s?hl=pt-BR&amp;c=132</t>
  </si>
  <si>
    <t>mail.google.com/sync/u/0/i/s?hl=pt-BR&amp;c=134</t>
  </si>
  <si>
    <t>mail.google.com/sync/u/0/i/s?hl=pt-BR&amp;c=137</t>
  </si>
  <si>
    <t>mail.google.com/sync/u/0/i/s?hl=pt-BR&amp;c=140</t>
  </si>
  <si>
    <t>mail.google.com/sync/u/0/i/s?hl=pt-BR&amp;c=142</t>
  </si>
  <si>
    <t>mail.google.com/sync/u/0/i/s?hl=pt-BR&amp;c=145</t>
  </si>
  <si>
    <t>mail.google.com/sync/u/0/i/s?hl=pt-BR&amp;c=147</t>
  </si>
  <si>
    <t>mail.google.com/sync/u/0/i/s?hl=pt-BR&amp;c=149</t>
  </si>
  <si>
    <t>mail.google.com/sync/u/0/i/s?hl=pt-BR&amp;c=153</t>
  </si>
  <si>
    <t>12fb6735-8de3-425a-9df6-0aee2cc55219.tmp</t>
  </si>
  <si>
    <t>\\acsfs\profiles$\paulovadc\Downloads\12fb6735-8de3-425a-9df6-0aee2cc55219.tmp</t>
  </si>
  <si>
    <t>6946dab1-1d78-4bb5-99fa-d96a5a2c3313.tmp</t>
  </si>
  <si>
    <t>\\acsfs\profiles$\gabrielafs\Downloads\6946dab1-1d78-4bb5-99fa-d96a5a2c3313.tmp</t>
  </si>
  <si>
    <t>C:\Users\simoneesm\Downloads\</t>
  </si>
  <si>
    <t>Repactuação Média Salarial v2 (sal18-19) (1).xlsx</t>
  </si>
  <si>
    <t>mail.google.com/sync/u/0/i/s?hl=pt-BR&amp;c=157</t>
  </si>
  <si>
    <t>mail.google.com/sync/u/0/i/s?hl=pt-BR&amp;c=164</t>
  </si>
  <si>
    <t>mail.google.com/sync/u/0/i/s?hl=pt-BR&amp;c=167</t>
  </si>
  <si>
    <t>MONITORIA DEZEMBRO12-12.docx</t>
  </si>
  <si>
    <t>\\acsfs\Deptos\Operacao\Banco_Votorantim\Qualidade\Fernanda\MONITORIAS DEZEMBRO\MONITORIA DEZEMBRO12-12.docx</t>
  </si>
  <si>
    <t>21e2d4c9-57f6-48ec-8a3e-ed029a01671d.tmp</t>
  </si>
  <si>
    <t>\\acsfs\profiles$\leticiala\Downloads\21e2d4c9-57f6-48ec-8a3e-ed029a01671d.tmp</t>
  </si>
  <si>
    <t>1c3eaff1-0bd4-4d67-b75d-218be4ba5abc.tmp</t>
  </si>
  <si>
    <t>\\acsfs\profiles$\luanaldsi\Downloads\1c3eaff1-0bd4-4d67-b75d-218be4ba5abc.tmp</t>
  </si>
  <si>
    <t>8b803d48-322b-4808-a4e3-a5f397fb9048.tmp</t>
  </si>
  <si>
    <t>\\acsfs\profiles$\gabrielarb\Downloads\8b803d48-322b-4808-a4e3-a5f397fb9048.tmp</t>
  </si>
  <si>
    <t>Mascara UCB</t>
  </si>
  <si>
    <t>Fila Temponet</t>
  </si>
  <si>
    <t>Filas UCB.xlsx</t>
  </si>
  <si>
    <t>e4f673f5-5e52-4963-be5a-f8e861d3343f.tmp</t>
  </si>
  <si>
    <t>\\acsfs\profiles$\adrielyas\Downloads\e4f673f5-5e52-4963-be5a-f8e861d3343f.tmp</t>
  </si>
  <si>
    <t>C:\Users\diegoodz\Desktop\Formulario TTV\</t>
  </si>
  <si>
    <t>Formulário TTV - Lançamento de Atraso de Jornada (1) Dayane.xlsx</t>
  </si>
  <si>
    <t>7060e7df-eb4f-4cd6-8a9d-27bad6625cfb.tmp</t>
  </si>
  <si>
    <t>\\acsfs\profiles$\adrielyas\Downloads\7060e7df-eb4f-4cd6-8a9d-27bad6625cfb.tmp</t>
  </si>
  <si>
    <t>37e1bdd2-968b-4800-b6f6-0692282ab8de.tmp</t>
  </si>
  <si>
    <t>\\acsfs\profiles$\adrielyas\Downloads\37e1bdd2-968b-4800-b6f6-0692282ab8de.tmp</t>
  </si>
  <si>
    <t>08285b95-6969-45ed-a5d6-68dcd05614c8.tmp</t>
  </si>
  <si>
    <t>\\acsfs\profiles$\cintiadcf\Downloads\08285b95-6969-45ed-a5d6-68dcd05614c8.tmp</t>
  </si>
  <si>
    <t>f1b06be7-5e4a-45ea-b63a-5c205c24c5f2.tmp</t>
  </si>
  <si>
    <t>\\acsfs\profiles$\adrielyas\Downloads\f1b06be7-5e4a-45ea-b63a-5c205c24c5f2.tmp</t>
  </si>
  <si>
    <t>f176ace4-35eb-47b4-b4ac-3a9a232be112.tmp</t>
  </si>
  <si>
    <t>\\acsfs\profiles$\adrielyas\Downloads\f176ace4-35eb-47b4-b4ac-3a9a232be112.tmp</t>
  </si>
  <si>
    <t>9a03154c-6742-4d31-9c7e-994699c9be5c.tmp</t>
  </si>
  <si>
    <t>\\acsfs\profiles$\adrielyas\Downloads\9a03154c-6742-4d31-9c7e-994699c9be5c.tmp</t>
  </si>
  <si>
    <t>163ac122-4871-47d9-98ab-48323656facc.tmp</t>
  </si>
  <si>
    <t>\\acsfs\profiles$\adrielyas\Downloads\163ac122-4871-47d9-98ab-48323656facc.tmp</t>
  </si>
  <si>
    <t>1de2dfb3-41df-4dd1-95de-a4e362850034.tmp</t>
  </si>
  <si>
    <t>\\acsfs\profiles$\adrielyas\Downloads\1de2dfb3-41df-4dd1-95de-a4e362850034.tmp</t>
  </si>
  <si>
    <t>\\acsfs\profiles$\jessykacal\Favorites\total view.url\</t>
  </si>
  <si>
    <t>\\acsfs\profiles$\jessykacal\Favorites\total view.url\:favicon:$DATA</t>
  </si>
  <si>
    <t>total view.url</t>
  </si>
  <si>
    <t>\\acsfs\profiles$\jessykacal\Favorites\total view.url</t>
  </si>
  <si>
    <t>\\acsfs\profiles$\jessykacal\Downloads\</t>
  </si>
  <si>
    <t>script.txt</t>
  </si>
  <si>
    <t>\\acsfs\profiles$\jessykacal\Downloads\script.txt</t>
  </si>
  <si>
    <t>1e43b759-973d-44bf-9056-7598ff113808.tmp</t>
  </si>
  <si>
    <t>\\acsfs\profiles$\gabrielarb\Downloads\1e43b759-973d-44bf-9056-7598ff113808.tmp</t>
  </si>
  <si>
    <t>mail.google.com/sync/u/0/i/s?hl=pt-BR&amp;c=211</t>
  </si>
  <si>
    <t>mail.google.com/sync/u/0/i/s?hl=pt-BR&amp;c=217</t>
  </si>
  <si>
    <t>mail.google.com/sync/u/0/i/s?hl=pt-BR&amp;c=219</t>
  </si>
  <si>
    <t>mail.google.com/sync/u/0/i/s?hl=pt-BR&amp;c=226</t>
  </si>
  <si>
    <t>mail.google.com/sync/u/0/i/s?hl=pt-BR&amp;c=230</t>
  </si>
  <si>
    <t>mail.google.com/sync/u/0/i/s?hl=pt-BR&amp;c=232</t>
  </si>
  <si>
    <t>d1622775-d3ba-4b4e-ab75-bb5f38950ff1.tmp</t>
  </si>
  <si>
    <t>\\acsfs\profiles$\adrielyas\Downloads\d1622775-d3ba-4b4e-ab75-bb5f38950ff1.tmp</t>
  </si>
  <si>
    <t>mail.google.com/sync/u/0/i/s?hl=pt-BR&amp;c=236</t>
  </si>
  <si>
    <t>mail.google.com/sync/u/0/i/s?hl=pt-BR&amp;c=238</t>
  </si>
  <si>
    <t>mail.google.com/sync/u/0/i/s?hl=pt-BR&amp;c=243</t>
  </si>
  <si>
    <t>mail.google.com/sync/u/0/i/s?hl=pt-BR&amp;c=246</t>
  </si>
  <si>
    <t>mail.google.com/sync/u/0/i/s?hl=pt-BR&amp;c=248</t>
  </si>
  <si>
    <t>mail.google.com/sync/u/0/i/s?hl=pt-BR&amp;c=250</t>
  </si>
  <si>
    <t>mail.google.com/sync/u/0/i/s?hl=pt-BR&amp;c=252</t>
  </si>
  <si>
    <t>mail.google.com/sync/u/0/i/s?hl=pt-BR&amp;c=254</t>
  </si>
  <si>
    <t>mail.google.com/sync/u/0/i/s?hl=pt-BR&amp;c=256</t>
  </si>
  <si>
    <t>mail.google.com/sync/u/0/i/s?hl=pt-BR&amp;c=258</t>
  </si>
  <si>
    <t>mail.google.com/sync/u/0/i/s?hl=pt-BR&amp;c=260</t>
  </si>
  <si>
    <t>mail.google.com/sync/u/0/i/s?hl=pt-BR&amp;c=262</t>
  </si>
  <si>
    <t>mail.google.com/sync/u/0/i/s?hl=pt-BR&amp;c=266</t>
  </si>
  <si>
    <t>mail.google.com/sync/u/0/i/s?hl=pt-BR&amp;c=268</t>
  </si>
  <si>
    <t>mail.google.com/sync/u/0/i/s?hl=pt-BR&amp;c=270</t>
  </si>
  <si>
    <t>mail.google.com/sync/u/0/i/s?hl=pt-BR&amp;c=272</t>
  </si>
  <si>
    <t>mail.google.com/sync/u/0/i/s?hl=pt-BR&amp;c=274</t>
  </si>
  <si>
    <t>mail.google.com/sync/u/0/i/s?hl=pt-BR&amp;c=277</t>
  </si>
  <si>
    <t>dc3681a3-a358-4044-8fb6-d614e3cd2977.tmp</t>
  </si>
  <si>
    <t>\\acsfs\profiles$\deborahsi\Downloads\dc3681a3-a358-4044-8fb6-d614e3cd2977.tmp</t>
  </si>
  <si>
    <t>d49110d0-a1aa-49cd-8d12-da41b900fc93.tmp</t>
  </si>
  <si>
    <t>\\acsfs\profiles$\adrielyas\Downloads\d49110d0-a1aa-49cd-8d12-da41b900fc93.tmp</t>
  </si>
  <si>
    <t>e40f1b2c-92c6-4f9d-bb11-1ca636cc3ef2.tmp</t>
  </si>
  <si>
    <t>\\acsfs\profiles$\YASMINSC\Downloads\e40f1b2c-92c6-4f9d-bb11-1ca636cc3ef2.tmp</t>
  </si>
  <si>
    <t>C:\Temp\CollectIT\</t>
  </si>
  <si>
    <t>51ff0ae0-3da8-4b76-a327-2d65b2ecdc8c.tmp</t>
  </si>
  <si>
    <t>\\acsfs\profiles$\DALVADFB\Downloads\51ff0ae0-3da8-4b76-a327-2d65b2ecdc8c.tmp</t>
  </si>
  <si>
    <t>25445561-a070-453a-948d-b9b519b4f665.tmp</t>
  </si>
  <si>
    <t>\\acsfs\profiles$\DALVADFB\Downloads\25445561-a070-453a-948d-b9b519b4f665.tmp</t>
  </si>
  <si>
    <t>5fa0ae41-04cd-4a97-a35e-629ba433f3d9.tmp</t>
  </si>
  <si>
    <t>\\acsfs\profiles$\geovannasm\Downloads\5fa0ae41-04cd-4a97-a35e-629ba433f3d9.tmp</t>
  </si>
  <si>
    <t>bc6b58d2-736a-4a69-9f9a-84f4bea5dec2.tmp</t>
  </si>
  <si>
    <t>\\acsfs\profiles$\geovannasm\Downloads\bc6b58d2-736a-4a69-9f9a-84f4bea5dec2.tmp</t>
  </si>
  <si>
    <t>e57c72e9-6e94-47f5-9cbd-4608f106e783.tmp</t>
  </si>
  <si>
    <t>\\acsfs\profiles$\adrielyas\Downloads\e57c72e9-6e94-47f5-9cbd-4608f106e783.tmp</t>
  </si>
  <si>
    <t>bab412c4-f229-45fe-afba-e54f62e7425d.tmp</t>
  </si>
  <si>
    <t>\\acsfs\profiles$\gabrielarb\Downloads\bab412c4-f229-45fe-afba-e54f62e7425d.tmp</t>
  </si>
  <si>
    <t>11d2d580-4bd2-4386-a82b-a8866ed6d7e7.tmp</t>
  </si>
  <si>
    <t>\\acsfs\profiles$\DALVADFB\Downloads\11d2d580-4bd2-4386-a82b-a8866ed6d7e7.tmp</t>
  </si>
  <si>
    <t>106f71a5-85c3-4774-95cd-db2f684ced8a.tmp</t>
  </si>
  <si>
    <t>\\acsfs\profiles$\gabrielafs\Downloads\106f71a5-85c3-4774-95cd-db2f684ced8a.tmp</t>
  </si>
  <si>
    <t>4348e3fc-c779-4f62-9dbc-1613aa25d785.tmp</t>
  </si>
  <si>
    <t>\\acsfs\profiles$\gabrielafs\Downloads\4348e3fc-c779-4f62-9dbc-1613aa25d785.tmp</t>
  </si>
  <si>
    <t>d221a346-2b64-4f21-a2d9-186f6faa514c.tmp</t>
  </si>
  <si>
    <t>\\acsfs\profiles$\adrielyas\Downloads\d221a346-2b64-4f21-a2d9-186f6faa514c.tmp</t>
  </si>
  <si>
    <t>6462386f-a77c-41ed-8ddd-bcf5d10385bb.tmp</t>
  </si>
  <si>
    <t>\\acsfs\profiles$\adrielyas\Downloads\6462386f-a77c-41ed-8ddd-bcf5d10385bb.tmp</t>
  </si>
  <si>
    <t>C:\Users\t-olivar\OneDrive - Grupo Algar\Documentos\Sindicato\2020\Reunião Cida e Ana Paula-Dissídio.pptx\</t>
  </si>
  <si>
    <t>995e62d4-3d97-4709-a0fb-ebf8df2f42cb.tmp</t>
  </si>
  <si>
    <t>\\acsfs\profiles$\alicecpbc\Downloads\995e62d4-3d97-4709-a0fb-ebf8df2f42cb.tmp</t>
  </si>
  <si>
    <t>9385b353-4a62-44b3-a423-bb281ce1b4b3.tmp</t>
  </si>
  <si>
    <t>\\acsfs\profiles$\isabellegtds\Downloads\9385b353-4a62-44b3-a423-bb281ce1b4b3.tmp</t>
  </si>
  <si>
    <t>XLOG_Angelicacldr_12122019_094128.log</t>
  </si>
  <si>
    <t>\\acsfs\profiles$\Angelicacldr\My Documents\xworkcenter\logs\XLOG_Angelicacldr_12122019_094128.log</t>
  </si>
  <si>
    <t>242f800f-5551-48f6-bbda-063238357a72.tmp</t>
  </si>
  <si>
    <t>\\acsfs\profiles$\luanaldsi\Downloads\242f800f-5551-48f6-bbda-063238357a72.tmp</t>
  </si>
  <si>
    <t>a3fe604c-c221-458d-bfec-d2eccfcd3257.tmp</t>
  </si>
  <si>
    <t>\\acsfs\profiles$\isabellegtds\Downloads\a3fe604c-c221-458d-bfec-d2eccfcd3257.tmp</t>
  </si>
  <si>
    <t>dd558dc8-3fb6-4647-8dc8-20f474145aa5.tmp</t>
  </si>
  <si>
    <t>\\acsfs\profiles$\sarahbal\Downloads\dd558dc8-3fb6-4647-8dc8-20f474145aa5.tmp</t>
  </si>
  <si>
    <t>mail.google.com/_/upload?authuser=1&amp;dcp=asu-n&amp;upload_id=AEnB2UoRta9Ebe_YqOUD2gQRvKbUo9fKi9yIMB3eE49vFYkBdMc1Vij0noDQzRsKp0bxygtt9PWErpV_lJW97UQlatazE8LBQA7DsQ0MnYzEcgpJV-Y6ni0&amp;upload_protocol=resumable</t>
  </si>
  <si>
    <t>RELATÓRIO SOLICITAÇÃO DE EQUIPAMENTOS .xlsx</t>
  </si>
  <si>
    <t>32df2c20-7460-4450-bc6e-85b892ad5cd6.tmp</t>
  </si>
  <si>
    <t>\\acsfs\profiles$\KARENJSS\Downloads\32df2c20-7460-4450-bc6e-85b892ad5cd6.tmp</t>
  </si>
  <si>
    <t>977b06f4-ec3e-4c5a-82a3-c155896e9cec.tmp</t>
  </si>
  <si>
    <t>\\acsfs\profiles$\gabrielarb\Downloads\977b06f4-ec3e-4c5a-82a3-c155896e9cec.tmp</t>
  </si>
  <si>
    <t>dbf526ad-0da3-4f2b-a7a3-596770869e2c.tmp</t>
  </si>
  <si>
    <t>\\acsfs\profiles$\brendadsl\Downloads\dbf526ad-0da3-4f2b-a7a3-596770869e2c.tmp</t>
  </si>
  <si>
    <t>9bc8ed7d-bd71-4ece-87ba-19f1bc2462f4.tmp</t>
  </si>
  <si>
    <t>\\acsfs\profiles$\brendadsl\Downloads\9bc8ed7d-bd71-4ece-87ba-19f1bc2462f4.tmp</t>
  </si>
  <si>
    <t>982cc720-4fb6-4379-a5a2-ccca01de02d9.tmp</t>
  </si>
  <si>
    <t>\\acsfs\profiles$\brendadsl\Downloads\982cc720-4fb6-4379-a5a2-ccca01de02d9.tmp</t>
  </si>
  <si>
    <t>f1494ff9-9cef-4f3c-b872-bf4cf06635fc.tmp</t>
  </si>
  <si>
    <t>\\acsfs\profiles$\brendadsl\Downloads\f1494ff9-9cef-4f3c-b872-bf4cf06635fc.tmp</t>
  </si>
  <si>
    <t>c73fa8ce-6d47-44b0-95fc-b4c8647876c1.tmp</t>
  </si>
  <si>
    <t>\\acsfs\profiles$\brendadsl\Downloads\c73fa8ce-6d47-44b0-95fc-b4c8647876c1.tmp</t>
  </si>
  <si>
    <t>Bloco 12122019.txt</t>
  </si>
  <si>
    <t>\\acsfs\profiles$\brendadsl\My Documents\Blocos\Blocos Dezembro 2019\Bloco 12122019.txt</t>
  </si>
  <si>
    <t>896a3142-a11c-455d-8f68-bc86f200f4ed.tmp</t>
  </si>
  <si>
    <t>\\acsfs\profiles$\brendadsl\Downloads\896a3142-a11c-455d-8f68-bc86f200f4ed.tmp</t>
  </si>
  <si>
    <t>Orquestra - Due Dilligence - Contingências atualizadas set.xlsx</t>
  </si>
  <si>
    <t>2a8a9aa0-159f-4cd2-bb6c-9e63e24eb40f.tmp</t>
  </si>
  <si>
    <t>\\acsfs\profiles$\KARENJSS\Downloads\2a8a9aa0-159f-4cd2-bb6c-9e63e24eb40f.tmp</t>
  </si>
  <si>
    <t>55d54e88-a004-4863-a4e7-1ec8e0a1b0f0.tmp</t>
  </si>
  <si>
    <t>\\acsfs\profiles$\regisadsa\Downloads\55d54e88-a004-4863-a4e7-1ec8e0a1b0f0.tmp</t>
  </si>
  <si>
    <t>187cbfda-8d80-4d2d-9144-9133b83ac623.tmp</t>
  </si>
  <si>
    <t>\\acsfs\profiles$\regisadsa\Downloads\187cbfda-8d80-4d2d-9144-9133b83ac623.tmp</t>
  </si>
  <si>
    <t>cc834fbf-fbed-49a2-b4f8-7e19ca7ed048.tmp</t>
  </si>
  <si>
    <t>\\acsfs\profiles$\bernardopcm\Downloads\cc834fbf-fbed-49a2-b4f8-7e19ca7ed048.tmp</t>
  </si>
  <si>
    <t>61940df1-e299-4d79-a0cc-a46551ee7021.tmp</t>
  </si>
  <si>
    <t>\\acsfs\profiles$\bernardopcm\Downloads\61940df1-e299-4d79-a0cc-a46551ee7021.tmp</t>
  </si>
  <si>
    <t>53f17779-ab1e-4f62-8762-405ff78007c2.tmp</t>
  </si>
  <si>
    <t>\\acsfs\profiles$\bernardopcm\Downloads\53f17779-ab1e-4f62-8762-405ff78007c2.tmp</t>
  </si>
  <si>
    <t>Template_Registro_FTE_Realizado_Dezembro.xlsb</t>
  </si>
  <si>
    <t>eaa99685-ad13-4dc7-a16e-c2dfae85bf33.tmp</t>
  </si>
  <si>
    <t>\\acsfs\profiles$\gabrielamdp\Downloads\eaa99685-ad13-4dc7-a16e-c2dfae85bf33.tmp</t>
  </si>
  <si>
    <t>23bca884-d314-4ac8-a3d9-c598f6847b38.tmp</t>
  </si>
  <si>
    <t>\\acsfs\profiles$\brendadsl\Downloads\23bca884-d314-4ac8-a3d9-c598f6847b38.tmp</t>
  </si>
  <si>
    <t>Horas Extras GRC.xls</t>
  </si>
  <si>
    <t>\\acsfs\profiles$\gabrielbmdl\Documents\anotações\</t>
  </si>
  <si>
    <t>\\acsfs\profiles$\gabrielbmdl\Documents\anotações\script.txt</t>
  </si>
  <si>
    <t>mail.google.com/_/upload?authuser=1&amp;dcp=asu-n&amp;upload_id=AEnB2UqP0CJFIZ-zUAl3j_FhwopJtUG2J5QQrH0GPK9-nheNmQVdSocVUDXJ3TZu_MLmJfg8PwDkkGCexbApuVJUN8Xm47W1IA&amp;upload_protocol=resumable</t>
  </si>
  <si>
    <t>C:\Users\alexsandrodmju\Documents\Documentos\DRC\Relatórios\12.2019\</t>
  </si>
  <si>
    <t>Base 11.12.csv</t>
  </si>
  <si>
    <t>c5de233b-a6a1-433c-9937-708365de0667.tmp</t>
  </si>
  <si>
    <t>\\acsfs\profiles$\regisadsa\Downloads\c5de233b-a6a1-433c-9937-708365de0667.tmp</t>
  </si>
  <si>
    <t>04a010ea-77d9-4968-906e-4aa8962f71db.tmp</t>
  </si>
  <si>
    <t>\\acsfs\profiles$\regisadsa\Downloads\04a010ea-77d9-4968-906e-4aa8962f71db.tmp</t>
  </si>
  <si>
    <t>e19e42a9-cbdf-43e9-afc3-672d44f981e2.tmp</t>
  </si>
  <si>
    <t>\\acsfs\profiles$\bernardopcm\Downloads\e19e42a9-cbdf-43e9-afc3-672d44f981e2.tmp</t>
  </si>
  <si>
    <t>33c444b8-4e56-45be-8e28-2bab015f53fa.tmp</t>
  </si>
  <si>
    <t>\\acsfs\profiles$\bernardopcm\Downloads\33c444b8-4e56-45be-8e28-2bab015f53fa.tmp</t>
  </si>
  <si>
    <t>a0ff46e2-048e-4259-8dd2-68bac4ab43e4.tmp</t>
  </si>
  <si>
    <t>\\acsfs\profiles$\felipetds\Downloads\a0ff46e2-048e-4259-8dd2-68bac4ab43e4.tmp</t>
  </si>
  <si>
    <t>b8213417-9dee-43bb-90f9-08fc6d9eeddb.tmp</t>
  </si>
  <si>
    <t>\\acsfs\profiles$\larissaad\Downloads\b8213417-9dee-43bb-90f9-08fc6d9eeddb.tmp</t>
  </si>
  <si>
    <t>f64c60aa-1ad8-4805-953d-0c3377625b53.tmp</t>
  </si>
  <si>
    <t>\\acsfs\profiles$\gabrielamdp\Downloads\f64c60aa-1ad8-4805-953d-0c3377625b53.tmp</t>
  </si>
  <si>
    <t>1c8910d2-f33f-4d1c-a23c-dbc1a07a2937.tmp</t>
  </si>
  <si>
    <t>\\acsfs\profiles$\gabrielamdp\Downloads\1c8910d2-f33f-4d1c-a23c-dbc1a07a2937.tmp</t>
  </si>
  <si>
    <t>b7cebdb2-424d-449b-883e-e522af6e4c45.tmp</t>
  </si>
  <si>
    <t>\\acsfs\profiles$\gabrielamdp\Downloads\b7cebdb2-424d-449b-883e-e522af6e4c45.tmp</t>
  </si>
  <si>
    <t>eed5d507-80fd-4f92-a8d9-52a0b4499e3b.tmp</t>
  </si>
  <si>
    <t>\\acsfs\profiles$\gabrielamdp\Downloads\eed5d507-80fd-4f92-a8d9-52a0b4499e3b.tmp</t>
  </si>
  <si>
    <t>2aa0fe99-4eda-4cb2-89af-e27fc98d3bb3.tmp</t>
  </si>
  <si>
    <t>\\acsfs\profiles$\KARENJSS\Downloads\2aa0fe99-4eda-4cb2-89af-e27fc98d3bb3.tmp</t>
  </si>
  <si>
    <t>12 - Quebra Diária - Chat Compra Certa _Dezembro 2019.xlsx</t>
  </si>
  <si>
    <t>mail.google.com/_/upload?authuser=0&amp;dcp=asu-n&amp;upload_id=AEnB2UqTw2YuKcMCUiH6GSKN5D94K3IVDvfpK02rHjWbkJ9dsoDjpWxBW5MJWDvhsubcTLTx1vW6E_VS7onlRR3ozequKXfJWg&amp;upload_protocol=resumable</t>
  </si>
  <si>
    <t>alessandroam@algartech.com;andrelps@algartech.com;daniloasb@algartech.com;hugobsa@algartech.com;rafaelg@algartech.com;si@algartech.com;wesleydal@algartech.com;</t>
  </si>
  <si>
    <t>alessandroam@algartech.com,andrelps@algartech.com,daniloasb@algartech.com,hugobsa@algartech.com,rafaelg@algartech.com,si@algartech.com,wesleydal@algartech.com</t>
  </si>
  <si>
    <t>1ca8f907-fc9b-4889-be8e-8470ba3a0fcf.tmp</t>
  </si>
  <si>
    <t>\\acsfs\profiles$\leticiala\Downloads\1ca8f907-fc9b-4889-be8e-8470ba3a0fcf.tmp</t>
  </si>
  <si>
    <t>dioniziorn@algartech.com;sherleyce@algartech.com;</t>
  </si>
  <si>
    <t>\\acsfs\engeset\CPV_ULA\ADMINISTRATIVO\CONTROLE ADMINISTRATIVO\DOCUMENTAÇÃO PARA HABILITAÇÃO\Algar Tecnologia\2019\000000 - BANCO VOTORANTIM - SC 217561 - BACK OFFICE - 02.12.2019\</t>
  </si>
  <si>
    <t>SC 217561 - Questionamentos.xlsx</t>
  </si>
  <si>
    <t>dioniziorn@algartech.com,sherleyce@algartech.com</t>
  </si>
  <si>
    <t>798e233b-a486-43cc-9a71-b6e2979f8ae2.tmp</t>
  </si>
  <si>
    <t>\\acsfs\profiles$\sarahbal\Downloads\798e233b-a486-43cc-9a71-b6e2979f8ae2.tmp</t>
  </si>
  <si>
    <t>f3a8819b-f2e2-419f-bb42-769f32bbd613.tmp</t>
  </si>
  <si>
    <t>\\acsfs\profiles$\larissaad\Downloads\f3a8819b-f2e2-419f-bb42-769f32bbd613.tmp</t>
  </si>
  <si>
    <t>c8295e6d-f941-4a4c-b229-49f8b0a0f588.tmp</t>
  </si>
  <si>
    <t>\\acsfs\profiles$\geovannasm\Downloads\c8295e6d-f941-4a4c-b229-49f8b0a0f588.tmp</t>
  </si>
  <si>
    <t>e35f56e8-f2fb-4ecb-a78e-0aff5edc4580.tmp</t>
  </si>
  <si>
    <t>\\acsfs\profiles$\geovannasm\Downloads\e35f56e8-f2fb-4ecb-a78e-0aff5edc4580.tmp</t>
  </si>
  <si>
    <t>dd6e3af5-cf95-4ebf-aa31-897d8e8a339a.tmp</t>
  </si>
  <si>
    <t>\\acsfs\profiles$\adrielyas\Downloads\dd6e3af5-cf95-4ebf-aa31-897d8e8a339a.tmp</t>
  </si>
  <si>
    <t>ulog_AcroARM2_Reader_a9473871-eb7b-4719-ba46-35125c58e0e7_0340638e-801d-4b57-8331-92097cf1a84d_0.log</t>
  </si>
  <si>
    <t>C:\Users\davimvs\AppData\Roaming\Adobe\LogTransport2\Logs\ulog_AcroARM2_Reader_a9473871-eb7b-4719-ba46-35125c58e0e7_0340638e-801d-4b57-8331-92097cf1a84d_0.log\</t>
  </si>
  <si>
    <t>ulog_AcroARM2_Reader_a9473871-eb7b-4719-ba46-35125c58e0e7_cdaed967-a0c9-45ec-a67f-ec1c01522e65_0.log</t>
  </si>
  <si>
    <t>C:\Users\davimvs\AppData\Roaming\Adobe\LogTransport2\Logs\ulog_AcroARM2_Reader_a9473871-eb7b-4719-ba46-35125c58e0e7_cdaed967-a0c9-45ec-a67f-ec1c01522e65_0.log\</t>
  </si>
  <si>
    <t>2dad96fb-2895-46ad-983b-ca08b71f204f.tmp</t>
  </si>
  <si>
    <t>\\acsfs\profiles$\KARENDSR\Downloads\2dad96fb-2895-46ad-983b-ca08b71f204f.tmp</t>
  </si>
  <si>
    <t>mail.google.com/_/upload?authuser=1&amp;dcp=asu-n&amp;upload_id=AEnB2Uqm3oaLRr1e-htSA-pgM9c-HUwJnuCEx4d07mkow7hOeUmxONVCHxEgpPKIlECyL5MSylnMpL07PVFgjzevcO6rxKdPEQ&amp;upload_protocol=resumable</t>
  </si>
  <si>
    <t>UPGRADE.xlsx</t>
  </si>
  <si>
    <t>\\acsfs\DEPTOS\Operacao\Banco_Votorantim\Supervisao\SUPERS BV CARTÕES\ADILSON\Vendas\UPGRADE.xlsx</t>
  </si>
  <si>
    <t>320c8181-7652-42c9-a2b7-a66736688168.tmp</t>
  </si>
  <si>
    <t>\\acsfs\profiles$\gabrielamdp\Downloads\320c8181-7652-42c9-a2b7-a66736688168.tmp</t>
  </si>
  <si>
    <t>aa0fa358-2a98-48c4-913a-671fd2f824ad.tmp</t>
  </si>
  <si>
    <t>\\acsfs\profiles$\geovannasm\Downloads\aa0fa358-2a98-48c4-913a-671fd2f824ad.tmp</t>
  </si>
  <si>
    <t>230fefc0-666b-43d2-b388-ef70bd16d0cf.tmp</t>
  </si>
  <si>
    <t>\\acsfs\profiles$\DALVADFB\Downloads\230fefc0-666b-43d2-b388-ef70bd16d0cf.tmp</t>
  </si>
  <si>
    <t>597ea9d0-2896-436e-9f36-061534419ca3.tmp</t>
  </si>
  <si>
    <t>\\acsfs\profiles$\paulovadc\Downloads\597ea9d0-2896-436e-9f36-061534419ca3.tmp</t>
  </si>
  <si>
    <t>lu87683szqj.tmp</t>
  </si>
  <si>
    <t>\\acsfs\profiles$\CINTIADCF\lu87683szqj.tmp</t>
  </si>
  <si>
    <t>\\acsfs\profiles$\CINTIADCF\lu87683szqj.tmp\</t>
  </si>
  <si>
    <t>\\acsfs\profiles$\CINTIADCF\lu87683szqj.tmp\META-INF\</t>
  </si>
  <si>
    <t>\\acsfs\profiles$\CINTIADCF\lu87683szqj.tmp\Thumbnails\</t>
  </si>
  <si>
    <t>diegocp@algartech.com;lazarosc@algartech.com;maicowjp@algartech.com;renatobrl@algartech.com;sustentacao_bradesco@algartech.com.br;</t>
  </si>
  <si>
    <t>12-12.xlsx</t>
  </si>
  <si>
    <t>diegocp@algartech.com,lazarosc@algartech.com,maicowjp@algartech.com,renatobrl@algartech.com,sustentacao_bradesco@algartech.com.br</t>
  </si>
  <si>
    <t>mail.google.com/sync/u/0/i/s?hl=pt-BR&amp;c=341</t>
  </si>
  <si>
    <t>Resumo Gerencial Bacen Procedente Amex até 11/12</t>
  </si>
  <si>
    <t>9127cbba-be46-4679-a9b7-ce715caae5cb.tmp</t>
  </si>
  <si>
    <t>\\acsfs\profiles$\deborahsi\Downloads\9127cbba-be46-4679-a9b7-ce715caae5cb.tmp</t>
  </si>
  <si>
    <t>2fd1a091-9369-4510-bf3c-410f840502d1.tmp</t>
  </si>
  <si>
    <t>\\acsfs\profiles$\deborahsi\Downloads\2fd1a091-9369-4510-bf3c-410f840502d1.tmp</t>
  </si>
  <si>
    <t>0b1d9f77-7a16-4b69-ba2d-32ceafffd67f.tmp</t>
  </si>
  <si>
    <t>\\acsfs\profiles$\alinepp\Downloads\0b1d9f77-7a16-4b69-ba2d-32ceafffd67f.tmp</t>
  </si>
  <si>
    <t>mail.google.com/_/upload?authuser=1&amp;dcp=asu-n&amp;upload_id=AEnB2UoB8PdaL6LZo-KECin6DL0WC2jRTNF3wNEGiijBI6BIWvymkA58KdH9JlHgwM7UdtddTaG-VCoCxQQTBLYKd7FGyVP6fRk4aM6-GZ39eG8VAnHPzOA&amp;upload_protocol=resumable</t>
  </si>
  <si>
    <t>mail.google.com/_/upload?authuser=1&amp;dcp=asu-n&amp;upload_id=AEnB2UpY4H3AfsVQcuAPQJvhlTh59mnXiijYqW-xKYlZtIHR5WoV_56i2P_9ixV1--sFaH_IHOQcR7KQzAWaTBxGopXGZPBcew&amp;upload_protocol=resumable</t>
  </si>
  <si>
    <t>Melhorias BOT - Ana (1).xlsx</t>
  </si>
  <si>
    <t>.~lock.Vendas Adriely.ods#</t>
  </si>
  <si>
    <t>\\acsfs\profiles$\adrielyas\My Documents\.~lock.Vendas Adriely.ods#</t>
  </si>
  <si>
    <t>adrielyas vendas.txt</t>
  </si>
  <si>
    <t>\\acsfs\profiles$\adrielyas\My Documents\adrielyas vendas.txt</t>
  </si>
  <si>
    <t>lu138761223v8.tmp</t>
  </si>
  <si>
    <t>\\acsfs\profiles$\luanarda\lu138761223v8.tmp</t>
  </si>
  <si>
    <t>\\acsfs\profiles$\luanarda\lu138761223v8.tmp\</t>
  </si>
  <si>
    <t>\\acsfs\profiles$\luanarda\lu138761223v8.tmp\META-INF\</t>
  </si>
  <si>
    <t>\\acsfs\profiles$\luanarda\lu138761223v8.tmp\Thumbnails\</t>
  </si>
  <si>
    <t>f234e36d-98c6-438e-ab6e-9e8035af6f87.tmp</t>
  </si>
  <si>
    <t>\\acsfs\profiles$\KARENDSR\Downloads\f234e36d-98c6-438e-ab6e-9e8035af6f87.tmp</t>
  </si>
  <si>
    <t>55120872-f5b0-4fe3-a779-1ae45215ce2d.tmp</t>
  </si>
  <si>
    <t>\\acsfs\profiles$\alinepp\Downloads\55120872-f5b0-4fe3-a779-1ae45215ce2d.tmp</t>
  </si>
  <si>
    <t>c4eec6d5-a746-40e6-bfe4-e1a7a25fb2a6.tmp</t>
  </si>
  <si>
    <t>\\acsfs\profiles$\alinepp\Downloads\c4eec6d5-a746-40e6-bfe4-e1a7a25fb2a6.tmp</t>
  </si>
  <si>
    <t>9e751901-9f86-4565-b922-cfec99bd486e.tmp</t>
  </si>
  <si>
    <t>\\acsfs\profiles$\alinepp\Downloads\9e751901-9f86-4565-b922-cfec99bd486e.tmp</t>
  </si>
  <si>
    <t>5d58307d-01b6-490d-b3fb-100850e5ceeb.tmp</t>
  </si>
  <si>
    <t>\\acsfs\profiles$\henriqueco\Downloads\5d58307d-01b6-490d-b3fb-100850e5ceeb.tmp</t>
  </si>
  <si>
    <t>54ba7781-ce6a-4010-967a-204ef0665ba1.tmp</t>
  </si>
  <si>
    <t>\\acsfs\profiles$\henriqueco\Downloads\54ba7781-ce6a-4010-967a-204ef0665ba1.tmp</t>
  </si>
  <si>
    <t>73bd6918-1463-4abf-a1ff-4fc71c57ba2f.tmp</t>
  </si>
  <si>
    <t>\\acsfs\profiles$\layonmof\Downloads\73bd6918-1463-4abf-a1ff-4fc71c57ba2f.tmp</t>
  </si>
  <si>
    <t>bd7c325e-9505-41ac-bf91-db2b71c4f717.tmp</t>
  </si>
  <si>
    <t>\\acsfs\profiles$\layonmof\Downloads\bd7c325e-9505-41ac-bf91-db2b71c4f717.tmp</t>
  </si>
  <si>
    <t>10.200.66.192</t>
  </si>
  <si>
    <t>78-2B-CB-C1-07-32</t>
  </si>
  <si>
    <t>VOTORANT-GB037</t>
  </si>
  <si>
    <t>5d927d5d-4e20-498d-bbbc-3bdf9d36ddfb.tmp</t>
  </si>
  <si>
    <t>\\acsfs\profiles$\vivianibfs\Downloads\5d927d5d-4e20-498d-bbbc-3bdf9d36ddfb.tmp</t>
  </si>
  <si>
    <t>c2a09054-f1c0-43bf-b4ca-330eeca901e7.tmp</t>
  </si>
  <si>
    <t>\\acsfs\profiles$\vivianibfs\Downloads\c2a09054-f1c0-43bf-b4ca-330eeca901e7.tmp</t>
  </si>
  <si>
    <t>372833c4-640c-498e-b4e8-33f38ec0061d.tmp</t>
  </si>
  <si>
    <t>\\acsfs\profiles$\vivianibfs\Downloads\372833c4-640c-498e-b4e8-33f38ec0061d.tmp</t>
  </si>
  <si>
    <t>7cea0b63-7379-425f-b286-d06e648efd32.tmp</t>
  </si>
  <si>
    <t>\\acsfs\profiles$\deborahsi\Downloads\7cea0b63-7379-425f-b286-d06e648efd32.tmp</t>
  </si>
  <si>
    <t>c5e8cfd2-dde6-4bf3-a7ab-e3066d550e09.tmp</t>
  </si>
  <si>
    <t>\\acsfs\profiles$\deborahsi\Downloads\c5e8cfd2-dde6-4bf3-a7ab-e3066d550e09.tmp</t>
  </si>
  <si>
    <t>a43c98a3-564c-4db4-8ccb-37fffe2d264c.tmp</t>
  </si>
  <si>
    <t>\\acsfs\profiles$\deborahsi\Downloads\a43c98a3-564c-4db4-8ccb-37fffe2d264c.tmp</t>
  </si>
  <si>
    <t>8af28bf3-b212-45d9-ba5b-6048e968e3f6.tmp</t>
  </si>
  <si>
    <t>\\acsfs\profiles$\geovannasm\Downloads\8af28bf3-b212-45d9-ba5b-6048e968e3f6.tmp</t>
  </si>
  <si>
    <t>b5c9f357-8ce1-4933-a635-1b42183734c0.tmp</t>
  </si>
  <si>
    <t>\\acsfs\profiles$\geovannasm\Downloads\b5c9f357-8ce1-4933-a635-1b42183734c0.tmp</t>
  </si>
  <si>
    <t>cae7d1cc-6484-4ebd-8275-eef3b398b34b.tmp</t>
  </si>
  <si>
    <t>\\acsfs\profiles$\geovannasm\Downloads\cae7d1cc-6484-4ebd-8275-eef3b398b34b.tmp</t>
  </si>
  <si>
    <t>mail.google.com/_/upload?authuser=0&amp;dcp=asu-n&amp;upload_id=AEnB2UqfLgIqlA6fze3HNbUM50bH510YFtCWzyiLsBk6_UWrrGA2g2GVjVr44-e0hFiBb1BuE9_1ohKhX0V2FUghVa3Ro99YA9m6yKPf9yhionFTbTk4bMo&amp;upload_protocol=resumable</t>
  </si>
  <si>
    <t>11-Memória de Cálculo Faturamento 100% Variável -ALGAR - Novembro.xlsx</t>
  </si>
  <si>
    <t>439f934c-d69a-4f6e-b651-d2f1fe0a42b1.tmp</t>
  </si>
  <si>
    <t>\\acsfs\profiles$\gabrielamdp\Downloads\439f934c-d69a-4f6e-b651-d2f1fe0a42b1.tmp</t>
  </si>
  <si>
    <t>9366118e-531c-4b3e-ba6b-94be762a6be7.tmp</t>
  </si>
  <si>
    <t>\\acsfs\profiles$\layonmof\Downloads\9366118e-531c-4b3e-ba6b-94be762a6be7.tmp</t>
  </si>
  <si>
    <t>a44a48d9-799b-455a-802c-a1cd679bbe01.tmp</t>
  </si>
  <si>
    <t>\\acsfs\profiles$\layonmof\Downloads\a44a48d9-799b-455a-802c-a1cd679bbe01.tmp</t>
  </si>
  <si>
    <t>a5a144d0-9d54-4ad2-bfdc-66db871de4de.tmp</t>
  </si>
  <si>
    <t>\\acsfs\profiles$\layonmof\Downloads\a5a144d0-9d54-4ad2-bfdc-66db871de4de.tmp</t>
  </si>
  <si>
    <t>287bb433-3a6b-4aad-9f5d-5f3cb2407a65.tmp</t>
  </si>
  <si>
    <t>\\acsfs\profiles$\layonmof\Downloads\287bb433-3a6b-4aad-9f5d-5f3cb2407a65.tmp</t>
  </si>
  <si>
    <t>bc0cd547-584e-4aa6-9da4-746553b3a817.tmp</t>
  </si>
  <si>
    <t>\\acsfs\profiles$\vivianibfs\Downloads\bc0cd547-584e-4aa6-9da4-746553b3a817.tmp</t>
  </si>
  <si>
    <t>paulotdsf@algartech.com</t>
  </si>
  <si>
    <t>mail.google.com/sync/u/0/i/s?hl=pt-BR&amp;c=1</t>
  </si>
  <si>
    <t>mail.google.com/sync/u/0/i/s?hl=pt-BR&amp;c=3</t>
  </si>
  <si>
    <t>mail.google.com/sync/u/0/i/s?hl=pt-BR&amp;c=5</t>
  </si>
  <si>
    <t>mail.google.com/sync/u/0/i/s?hl=pt-BR&amp;c=8</t>
  </si>
  <si>
    <t>mail.google.com/sync/u/0/i/s?hl=pt-BR&amp;c=10</t>
  </si>
  <si>
    <t>mail.google.com/sync/u/0/i/s?hl=pt-BR&amp;c=12</t>
  </si>
  <si>
    <t>mail.google.com/sync/u/0/i/s?hl=pt-BR&amp;c=18</t>
  </si>
  <si>
    <t>mail.google.com/sync/u/0/i/s?hl=pt-BR&amp;c=22</t>
  </si>
  <si>
    <t>mail.google.com/sync/u/0/i/s?hl=pt-BR&amp;c=24</t>
  </si>
  <si>
    <t>mail.google.com/sync/u/0/i/s?hl=pt-BR&amp;c=40</t>
  </si>
  <si>
    <t>mail.google.com/sync/u/0/i/s?hl=pt-BR&amp;c=42</t>
  </si>
  <si>
    <t>mail.google.com/sync/u/0/i/s?hl=pt-BR&amp;c=46</t>
  </si>
  <si>
    <t>85d604e8-231b-4b16-9319-e9d4beb8f5c3.tmp</t>
  </si>
  <si>
    <t>\\acsfs\profiles$\geovannasm\Downloads\85d604e8-231b-4b16-9319-e9d4beb8f5c3.tmp</t>
  </si>
  <si>
    <t>9f087a01-c5c2-4e28-8a9a-2b546e481984.tmp</t>
  </si>
  <si>
    <t>\\acsfs\profiles$\valeriasda\Downloads\9f087a01-c5c2-4e28-8a9a-2b546e481984.tmp</t>
  </si>
  <si>
    <t>88c5b523-d134-42e5-bead-ae6e0b512e11.tmp</t>
  </si>
  <si>
    <t>\\acsfs\profiles$\brendadsl\Downloads\88c5b523-d134-42e5-bead-ae6e0b512e11.tmp</t>
  </si>
  <si>
    <t>f672c735-613e-4d7e-935e-8a4af0f3f01b.tmp</t>
  </si>
  <si>
    <t>\\acsfs\profiles$\gabrielafs\Downloads\f672c735-613e-4d7e-935e-8a4af0f3f01b.tmp</t>
  </si>
  <si>
    <t>88aabb3f-0866-4870-9751-06a49a6f5b1b.tmp</t>
  </si>
  <si>
    <t>\\acsfs\profiles$\gabrielafs\Downloads\88aabb3f-0866-4870-9751-06a49a6f5b1b.tmp</t>
  </si>
  <si>
    <t>10.200.67.189</t>
  </si>
  <si>
    <t>391f3616-2cff-460e-9ac5-a627c8e75141.tmp</t>
  </si>
  <si>
    <t>\\acsfs\profiles$\victorgl\Downloads\391f3616-2cff-460e-9ac5-a627c8e75141.tmp</t>
  </si>
  <si>
    <t>df6e453e-723c-47b2-ba7a-27bd98b29848.tmp</t>
  </si>
  <si>
    <t>\\acsfs\profiles$\victorgl\Downloads\df6e453e-723c-47b2-ba7a-27bd98b29848.tmp</t>
  </si>
  <si>
    <t>Painel Bacen Procedente GOV 20191211.xlsx</t>
  </si>
  <si>
    <t>Painel Bacen Procedente 20191211.xlsx</t>
  </si>
  <si>
    <t>2a723e20-76a0-416a-8c03-c2ba2db8e6db.tmp</t>
  </si>
  <si>
    <t>\\acsfs\profiles$\adrielyas\Downloads\2a723e20-76a0-416a-8c03-c2ba2db8e6db.tmp</t>
  </si>
  <si>
    <t>C:\Users\heliorg\OneDrive - Grupo Algar\Squad\URAs\8 - Nespresso\</t>
  </si>
  <si>
    <t>57d3e2ca-3023-46f0-bb66-236776d0671e.tmp</t>
  </si>
  <si>
    <t>\\acsfs\profiles$\alinepp\Downloads\57d3e2ca-3023-46f0-bb66-236776d0671e.tmp</t>
  </si>
  <si>
    <t>mail.google.com/_/upload?authuser=1&amp;dcp=asu-n&amp;upload_id=AEnB2UpHYJZ62VxgzSyY3Nc6l2YRbElvCHsEHx3ALgAiD71QOunNq9UPG1HveadKUcYDkMu_DPlmrEkfczzDCDWCB4e9xB4M-Q&amp;upload_protocol=resumable</t>
  </si>
  <si>
    <t>10.200.67.54</t>
  </si>
  <si>
    <t>78-2B-CB-C1-06-4C</t>
  </si>
  <si>
    <t>VOTORANT-PB005</t>
  </si>
  <si>
    <t>\\acsfs\profiles$\leonardobb\Downloads\</t>
  </si>
  <si>
    <t>e2c74160-82e1-41ec-bf5c-62b7282c3f06.tmp</t>
  </si>
  <si>
    <t>\\acsfs\profiles$\leonardobb\Downloads\e2c74160-82e1-41ec-bf5c-62b7282c3f06.tmp</t>
  </si>
  <si>
    <t>56cfb0f9-1f35-468a-8560-94dd6abec0f5.tmp</t>
  </si>
  <si>
    <t>\\acsfs\profiles$\victorgl\Downloads\56cfb0f9-1f35-468a-8560-94dd6abec0f5.tmp</t>
  </si>
  <si>
    <t>c66ff7b7-cb15-4fc3-b2be-3dcc8d3ca8bb.tmp</t>
  </si>
  <si>
    <t>\\acsfs\profiles$\victorgl\Downloads\c66ff7b7-cb15-4fc3-b2be-3dcc8d3ca8bb.tmp</t>
  </si>
  <si>
    <t>89ef0994-8174-41e1-a71c-13274fff6806.tmp</t>
  </si>
  <si>
    <t>\\acsfs\profiles$\geovannasm\Downloads\89ef0994-8174-41e1-a71c-13274fff6806.tmp</t>
  </si>
  <si>
    <t>e09be2c6-859b-4a9a-84c6-bffb1c7ea07a.tmp</t>
  </si>
  <si>
    <t>\\acsfs\profiles$\leonardobb\Downloads\e09be2c6-859b-4a9a-84c6-bffb1c7ea07a.tmp</t>
  </si>
  <si>
    <t>b4c2c3c1-49ea-48ee-8642-fd1c6b4adb62.tmp</t>
  </si>
  <si>
    <t>\\acsfs\profiles$\leonardobb\Downloads\b4c2c3c1-49ea-48ee-8642-fd1c6b4adb62.tmp</t>
  </si>
  <si>
    <t>\\acsfs\profiles$\brunalas\My Documents\My Pictures\</t>
  </si>
  <si>
    <t>\\acsfs\profiles$\brunalas\My Documents\My Videos\desktop.ini</t>
  </si>
  <si>
    <t>\\acsfs\profiles$\brunalas\My Documents\My Videos\</t>
  </si>
  <si>
    <t>\\acsfs\profiles$\brunalas\My Documents\My Music\</t>
  </si>
  <si>
    <t>\\acsfs\profiles$\brunalas\My Documents\My Pictures\desktop.ini</t>
  </si>
  <si>
    <t>\\acsfs\profiles$\brunalas\Contacts\</t>
  </si>
  <si>
    <t>\\acsfs\profiles$\brunalas\Contacts\desktop.ini</t>
  </si>
  <si>
    <t>\\acsfs\profiles$\brunalas\My Documents\</t>
  </si>
  <si>
    <t>\\acsfs\profiles$\brunalas\Favorites\desktop.ini</t>
  </si>
  <si>
    <t>\\acsfs\profiles$\brunalas\My Documents\My Music\desktop.ini</t>
  </si>
  <si>
    <t>\\acsfs\profiles$\brunalas\Searches\</t>
  </si>
  <si>
    <t>\\acsfs\profiles$\brunalas\Searches\desktop.ini</t>
  </si>
  <si>
    <t>\\acsfs\profiles$\brunalas\Downloads\desktop.ini</t>
  </si>
  <si>
    <t>\\acsfs\profiles$\brunalas\Favorites\</t>
  </si>
  <si>
    <t>\\acsfs\profiles$\brunalas\My Documents\desktop.ini</t>
  </si>
  <si>
    <t>\\acsfs\profiles$\brunalas\Saved Games\desktop.ini</t>
  </si>
  <si>
    <t>winrt--{S-1-5-21-602162358-764733703-839522115-358561}-.searchconnector-ms</t>
  </si>
  <si>
    <t>\\acsfs\profiles$\brunalas\Searches\winrt--{S-1-5-21-602162358-764733703-839522115-358561}-.searchconnector-ms</t>
  </si>
  <si>
    <t>47e60030-0543-441c-aa52-ef34bd55779a.tmp</t>
  </si>
  <si>
    <t>\\acsfs\profiles$\rosileiam\Downloads\47e60030-0543-441c-aa52-ef34bd55779a.tmp</t>
  </si>
  <si>
    <t>ed916006-073b-4a7c-8363-a638fa2175aa.tmp</t>
  </si>
  <si>
    <t>\\acsfs\profiles$\rosileiam\Downloads\ed916006-073b-4a7c-8363-a638fa2175aa.tmp</t>
  </si>
  <si>
    <t>4170e284-4faa-4e53-892c-434aa0022251.tmp</t>
  </si>
  <si>
    <t>\\acsfs\profiles$\wenderbnm\Downloads\4170e284-4faa-4e53-892c-434aa0022251.tmp</t>
  </si>
  <si>
    <t>mail.google.com/_/upload?authuser=1&amp;dcp=asu-n&amp;upload_id=AEnB2Uo0MQ-c1SU6TxwsUlcKWaudoMCxcfDOtinpwy1V447EDIiCOyNKud8H__jdRnLVg48LPlJ1uVOFFPo6hvBxdxsx3-tF6g&amp;upload_protocol=resumable</t>
  </si>
  <si>
    <t>\\acsfs\DEPTOS\Gestão de Projetos\3 - Projetos\10 - Projetos 2019\EXPANSÃO CAIXA\</t>
  </si>
  <si>
    <t>206389 Detalhamento_de_itens_EXPANSÃO CAIXA_V2.xlsx</t>
  </si>
  <si>
    <t>mail.google.com/_/upload?authuser=1&amp;dcp=asu-n&amp;upload_id=AEnB2UpoY_RyI7n50lpKRhxrG_zqov1gURc7hllmYfM6zyYC0fk19unnBNRTSYry7BxEcLVGJg2w_sZlg5G_yQgrrMsZUYWMKQ&amp;upload_protocol=resumable</t>
  </si>
  <si>
    <t>mail.google.com/_/upload?authuser=0&amp;dcp=asu-n&amp;upload_id=AEnB2UoFXEbdxjD2tk2B2FZpdQAj9Ev9fJAXXxWtWOClZrfZwAzt9FehpXYNjTmRW6Iv3_quY139xGCSBR3OXSrbm1gT1T4csw&amp;upload_protocol=resumable</t>
  </si>
  <si>
    <t>ENVIO PRÉVIA CLIENTES - DEZ.19.xlsx</t>
  </si>
  <si>
    <t>10.200.67.33</t>
  </si>
  <si>
    <t>64-1C-67-9D-1E-20</t>
  </si>
  <si>
    <t>VOTORANT-FB009</t>
  </si>
  <si>
    <t>anacdos</t>
  </si>
  <si>
    <t>\\acsfs\profiles$\anacdos\My Documents\xworkcenter\lex\</t>
  </si>
  <si>
    <t>\\acsfs\profiles$\anacdos\My Documents\xworkcenter\lex\temp.tlx</t>
  </si>
  <si>
    <t>\\acsfs\DEPTOS\Controladoria\Planejamento\Reuniao Gerencial\2020\PROJETO CNPJ\OFICIAL\Arquivos Base\CSC\</t>
  </si>
  <si>
    <t>ANALISE_ECONOMICO_CSC.xlsx</t>
  </si>
  <si>
    <t>616b56fa-c104-4707-b3d2-4c1276790bbd.tmp</t>
  </si>
  <si>
    <t>\\acsfs\profiles$\victorgl\Downloads\616b56fa-c104-4707-b3d2-4c1276790bbd.tmp</t>
  </si>
  <si>
    <t>521c47e1-ec3d-4ee6-af1c-dd313e68cb7a.tmp</t>
  </si>
  <si>
    <t>\\acsfs\profiles$\brunalas\Downloads\521c47e1-ec3d-4ee6-af1c-dd313e68cb7a.tmp</t>
  </si>
  <si>
    <t>869a7fb5-5ed6-4516-ae41-dfcb96b83b2b.tmp</t>
  </si>
  <si>
    <t>\\acsfs\profiles$\brunalas\Downloads\869a7fb5-5ed6-4516-ae41-dfcb96b83b2b.tmp</t>
  </si>
  <si>
    <t>0ff67ca7-9c97-4c20-8bd6-1a244c2e29cc.tmp</t>
  </si>
  <si>
    <t>\\acsfs\profiles$\gabrielarb\Downloads\0ff67ca7-9c97-4c20-8bd6-1a244c2e29cc.tmp</t>
  </si>
  <si>
    <t>87cae77d-15fc-4cee-a58d-52b6291eedad.tmp</t>
  </si>
  <si>
    <t>\\acsfs\profiles$\wenderbnm\Downloads\87cae77d-15fc-4cee-a58d-52b6291eedad.tmp</t>
  </si>
  <si>
    <t>mail.google.com/sync/u/0/i/s?hl=pt-BR&amp;c=411</t>
  </si>
  <si>
    <t>mail.google.com/sync/u/0/i/s?hl=pt-BR&amp;c=414</t>
  </si>
  <si>
    <t>mail.google.com/sync/u/0/i/s?hl=pt-BR&amp;c=416</t>
  </si>
  <si>
    <t>mail.google.com/sync/u/0/i/s?hl=pt-BR&amp;c=419</t>
  </si>
  <si>
    <t>mail.google.com/sync/u/0/i/s?hl=pt-BR&amp;c=422</t>
  </si>
  <si>
    <t>mail.google.com/sync/u/0/i/s?hl=pt-BR&amp;c=425</t>
  </si>
  <si>
    <t>C:\Users\rodrigombu\OneDrive - Grupo Algar\Whirlpool\2019\12 - Dezembro\Arquivos\ACOMPANHAMENTO BO\</t>
  </si>
  <si>
    <t>Acompanhamento Produtividade BKO - Parcial - Dez-2019 - Com desconsiderações.xlsx</t>
  </si>
  <si>
    <t>mail.google.com/sync/u/0/i/s?hl=pt-BR&amp;c=427</t>
  </si>
  <si>
    <t>mail.google.com/sync/u/0/i/s?hl=pt-BR&amp;c=431</t>
  </si>
  <si>
    <t>9895d1e7-53b0-4f0a-917b-445648784b07.tmp</t>
  </si>
  <si>
    <t>\\acsfs\profiles$\gabrielafs\Downloads\9895d1e7-53b0-4f0a-917b-445648784b07.tmp</t>
  </si>
  <si>
    <t>9e5ad47a-c254-495b-bd24-dd679ee87a5e.tmp</t>
  </si>
  <si>
    <t>\\acsfs\profiles$\DALVADFB\Downloads\9e5ad47a-c254-495b-bd24-dd679ee87a5e.tmp</t>
  </si>
  <si>
    <t>cintiadjl</t>
  </si>
  <si>
    <t>\\acsfs\profiles$\cintiadjl\My Documents\My Pictures\</t>
  </si>
  <si>
    <t>\\acsfs\profiles$\cintiadjl\My Documents\My Videos\desktop.ini</t>
  </si>
  <si>
    <t>\\acsfs\profiles$\cintiadjl\My Documents\My Videos\</t>
  </si>
  <si>
    <t>\\acsfs\profiles$\cintiadjl\My Documents\My Music\</t>
  </si>
  <si>
    <t>\\acsfs\profiles$\cintiadjl\My Documents\My Pictures\desktop.ini</t>
  </si>
  <si>
    <t>\\acsfs\profiles$\cintiadjl\Contacts\</t>
  </si>
  <si>
    <t>\\acsfs\profiles$\cintiadjl\Contacts\desktop.ini</t>
  </si>
  <si>
    <t>\\acsfs\profiles$\cintiadjl\My Documents\</t>
  </si>
  <si>
    <t>\\acsfs\profiles$\cintiadjl\Favorites\desktop.ini</t>
  </si>
  <si>
    <t>\\acsfs\profiles$\cintiadjl\My Documents\My Music\desktop.ini</t>
  </si>
  <si>
    <t>\\acsfs\profiles$\cintiadjl\Searches\</t>
  </si>
  <si>
    <t>\\acsfs\profiles$\cintiadjl\Searches\desktop.ini</t>
  </si>
  <si>
    <t>\\acsfs\profiles$\cintiadjl\Downloads\</t>
  </si>
  <si>
    <t>\\acsfs\profiles$\cintiadjl\Downloads\desktop.ini</t>
  </si>
  <si>
    <t>\\acsfs\profiles$\cintiadjl\Favorites\</t>
  </si>
  <si>
    <t>\\acsfs\profiles$\cintiadjl\My Documents\desktop.ini</t>
  </si>
  <si>
    <t>\\acsfs\profiles$\cintiadjl\Saved Games\desktop.ini</t>
  </si>
  <si>
    <t>winrt--{S-1-5-21-602162358-764733703-839522115-352950}-.searchconnector-ms</t>
  </si>
  <si>
    <t>\\acsfs\profiles$\cintiadjl\Searches\winrt--{S-1-5-21-602162358-764733703-839522115-352950}-.searchconnector-ms</t>
  </si>
  <si>
    <t>mail.google.com/sync/u/0/i/s?hl=pt-BR&amp;c=438</t>
  </si>
  <si>
    <t>mail.google.com/sync/u/0/i/s?hl=pt-BR&amp;c=441</t>
  </si>
  <si>
    <t>mail.google.com/sync/u/0/i/s?hl=pt-BR&amp;c=444</t>
  </si>
  <si>
    <t>12/12/2019;</t>
  </si>
  <si>
    <t>mail.google.com/sync/u/0/i/s?hl=pt-BR&amp;c=446</t>
  </si>
  <si>
    <t>mail.google.com/sync/u/0/i/s?hl=pt-BR&amp;c=448</t>
  </si>
  <si>
    <t>mail.google.com/sync/u/0/i/s?hl=pt-BR&amp;c=450</t>
  </si>
  <si>
    <t>\\acsfs\DEPTOS\Operacao\Banco_Votorantim\Supervisao\ROBSON ÁLVARES MEDEIROS\</t>
  </si>
  <si>
    <t>Frases XGEN - Migração--.xlsx</t>
  </si>
  <si>
    <t>Brazil: CNPJ - Cadastro Nacional da Pessoa Jurídica (National Registry of Legal Entities)</t>
  </si>
  <si>
    <t>\\acsfs\DEPTOS\Operacao\Banco_Votorantim\Supervisao\ROBSON ÁLVARES MEDEIROS\Frases XGEN - Migração--.xlsx</t>
  </si>
  <si>
    <t>https://outlook.office365.com/owa/qualidadealgarbv@algartech.com/service.svc?action=createitem&amp;app=mail&amp;n=97</t>
  </si>
  <si>
    <t>c_cliente_algar;</t>
  </si>
  <si>
    <t>https://c_cliente_algar</t>
  </si>
  <si>
    <t>/o=exchangelabs/ou=exchange administrative group (fydibohf23spdlt)/cn=recipients/cn=822f65115a2046059fff20a916dd90e9-thais marti;marcelodsd@algartech.com;</t>
  </si>
  <si>
    <t>RES: [Backoffice] Atualização do Dashboard - Algar Tech - BackOffice (Visão Serviço)</t>
  </si>
  <si>
    <t>/o=exchangelabs/ou=exchange administrative group (fydibohf23spdlt)/cn=recipients/cn=822f65115a2046059fff20a916dd90e9-thais marti,marcelodsd@algartech.com</t>
  </si>
  <si>
    <t>roteiros de atendimento.txt</t>
  </si>
  <si>
    <t>\\acsfs\profiles$\regisadsa\My Documents\roteiros de atendimento.txt</t>
  </si>
  <si>
    <t>793ef490-43a7-41cd-87e0-677c344005f4.tmp</t>
  </si>
  <si>
    <t>\\acsfs\profiles$\cintiadjl\Downloads\793ef490-43a7-41cd-87e0-677c344005f4.tmp</t>
  </si>
  <si>
    <t>07df15ea-37a0-41dd-a07b-a406bf4c3938.tmp</t>
  </si>
  <si>
    <t>\\acsfs\profiles$\brendadsl\Downloads\07df15ea-37a0-41dd-a07b-a406bf4c3938.tmp</t>
  </si>
  <si>
    <t>https://outlook.office365.com/owa/qualidadealgarbv@algartech.com/service.svc?action=updateitem&amp;app=mail&amp;n=132</t>
  </si>
  <si>
    <t>https://outlook.office365.com/owa/qualidadealgarbv@algartech.com/service.svc?action=updateitem&amp;app=mail&amp;n=142</t>
  </si>
  <si>
    <t>paulacn@algartech.com</t>
  </si>
  <si>
    <t>\\acsfs\Deptos\Operacao\Banco_Votorantim\Qualidade\Fernanda\</t>
  </si>
  <si>
    <t>ILHA FLAG - ATUALIZADO Flag Contestação de Despesas.pdf</t>
  </si>
  <si>
    <t>\\acsfs\Deptos\Operacao\Banco_Votorantim\Qualidade\Fernanda\ILHA FLAG - ATUALIZADO Flag Contestação de Despesas.pdf</t>
  </si>
  <si>
    <t>michelecdc@algartech.com.br;</t>
  </si>
  <si>
    <t>RES: _ Graficos apresentação Pesquisa de Satisfação</t>
  </si>
  <si>
    <t>Pesquisa de Satisfação - PPT.xlsx</t>
  </si>
  <si>
    <t>michelecdc@algartech.com.br</t>
  </si>
  <si>
    <t>C:\Users\rosilenedlf\Downloads\</t>
  </si>
  <si>
    <t>Indicadores Algar - Versão Final ECH - Set a Nov-2019 (1).xlsx</t>
  </si>
  <si>
    <t>Política de Gratificação BV Cartões - Dezembro.ppt</t>
  </si>
  <si>
    <t>\\acsfs\DEPTOS\Operacao\Banco_Votorantim\Supervisao\SUPERS BV CARTÕES\Política de Gratificação BV Cartões - Dezembro.ppt</t>
  </si>
  <si>
    <t>\\acsfs\DEPTOS\Operacao\Banco_Votorantim\Supervisao\SUPERS BV CARTÕES\ADILSON\Política de Gratificação BV Cartões - Dezembro.ppt\s4\</t>
  </si>
  <si>
    <t>PowerPoint.MetroBlob5.pptx</t>
  </si>
  <si>
    <t>PowerPoint.MetroBlob4.pptx</t>
  </si>
  <si>
    <t>f03561bf-4128-4d0c-a128-54fab15ed26d.tmp</t>
  </si>
  <si>
    <t>\\acsfs\profiles$\cintiadjl\Downloads\f03561bf-4128-4d0c-a128-54fab15ed26d.tmp</t>
  </si>
  <si>
    <t>mail.google.com/_/upload?authuser=0&amp;dcp=asu-n&amp;upload_id=AEnB2UrTvjuQQDG46wPv0chlMQXy3-szoPEvcGXVf5_rjkU_XA8vHxcjhhezsSlrYRDXZcAdxw90NV-vpJqKgr-zCPvMxcKK6KqEzEHwvK9XmB_1PvVqIJA&amp;upload_protocol=resumable</t>
  </si>
  <si>
    <t>\\acsfs\DEPTOS\Operacao\Banco_Votorantim\Qualidade\Anderson\Jose\Alerta.xlsx\</t>
  </si>
  <si>
    <t>hdphoto1.wdp</t>
  </si>
  <si>
    <t>\\acsfs\DEPTOS\Operacao\Banco_Votorantim\Qualidade\Anderson\Jose\Alerta.xlsx</t>
  </si>
  <si>
    <t>hdphoto2.wdp</t>
  </si>
  <si>
    <t>Alerta.xlsx</t>
  </si>
  <si>
    <t>/o=exchangelabs/ou=exchange administrative group (fydibohf23spdlt)/cn=recipients/cn=086b170a09044ccdba122e7be04d9f61-flavia viei;/o=exchangelabs/ou=exchange administrative group (fydibohf23spdlt)/cn=recipients/cn=flavia rodrigues soares;gizele.pires@bradesco.com.br;lucibeth.crispim@bradesco.com.br;</t>
  </si>
  <si>
    <t>ENC: Formulário de Aderência WFM</t>
  </si>
  <si>
    <t>Formulário TTV - Aderência Ex..xlsx</t>
  </si>
  <si>
    <t>/o=exchangelabs/ou=exchange administrative group (fydibohf23spdlt)/cn=recipients/cn=086b170a09044ccdba122e7be04d9f61-flavia viei,/o=exchangelabs/ou=exchange administrative group (fydibohf23spdlt)/cn=recipients/cn=flavia rodrigues soares,gizele.pires@bradesco.com.br,lucibeth.crispim@bradesco.com.br</t>
  </si>
  <si>
    <t>jessicanes</t>
  </si>
  <si>
    <t>\\acsfs\profiles$\jessicanes\My Documents\</t>
  </si>
  <si>
    <t>Download.pdf</t>
  </si>
  <si>
    <t>\\acsfs\profiles$\jessicanes\My Documents\Download.pdf</t>
  </si>
  <si>
    <t>mail.google.com/sync/u/0/i/s?hl=pt-BR&amp;c=597</t>
  </si>
  <si>
    <t>anavbg@algartech.com;bvcartes-supervisores@algarnet.onmicrosoft.com;thiagordu@algartech.com;</t>
  </si>
  <si>
    <t>anavbg@algartech.com,bvcartes-supervisores@algarnet.onmicrosoft.com,thiagordu@algartech.com</t>
  </si>
  <si>
    <t>mail.google.com/sync/u/0/i/s?hl=pt-BR&amp;c=602</t>
  </si>
  <si>
    <t>mail.google.com/sync/u/0/i/s?hl=pt-BR&amp;c=607</t>
  </si>
  <si>
    <t>Cronometria N1 Speaking.xlsx</t>
  </si>
  <si>
    <t>Alerta flavia.txt</t>
  </si>
  <si>
    <t>\\acsfs\DEPTOS\Operacao\Banco_Votorantim\Qualidade\Anderson\Jose\Alerta flavia.txt</t>
  </si>
  <si>
    <t>b677060f-8659-4bcd-9900-b07e415e848b.tmp</t>
  </si>
  <si>
    <t>\\acsfs\profiles$\alessandraan\Downloads\b677060f-8659-4bcd-9900-b07e415e848b.tmp</t>
  </si>
  <si>
    <t>mail.google.com/sync/u/0/i/s?hl=pt-BR&amp;c=617</t>
  </si>
  <si>
    <t>mail.google.com/sync/u/0/i/s?hl=pt-BR&amp;c=645</t>
  </si>
  <si>
    <t>mail.google.com/sync/u/0/i/s?hl=pt-BR&amp;c=650</t>
  </si>
  <si>
    <t>mail.google.com/sync/u/0/i/s?hl=pt-BR&amp;c=655</t>
  </si>
  <si>
    <t>7d4b4665-ee84-445c-acdc-73d55edf562c.tmp</t>
  </si>
  <si>
    <t>\\acsfs\profiles$\cintiadjl\Downloads\7d4b4665-ee84-445c-acdc-73d55edf562c.tmp</t>
  </si>
  <si>
    <t>43513f72-027d-4ca3-a6b8-c8aaef578b28.tmp</t>
  </si>
  <si>
    <t>\\acsfs\profiles$\cintiadjl\Downloads\43513f72-027d-4ca3-a6b8-c8aaef578b28.tmp</t>
  </si>
  <si>
    <t>https://outlook.office365.com/owa/qualidadealgarbv@algartech.com/service.svc?action=createitem&amp;app=mail&amp;n=177</t>
  </si>
  <si>
    <t>https://outlook.office365.com/owa/qualidadealgarbv@algartech.com/service.svc?action=updateitem&amp;app=mail&amp;n=182</t>
  </si>
  <si>
    <t>https://outlook.office365.com/owa/qualidadealgarbv@algartech.com/service.svc?action=updateitem&amp;app=mail&amp;n=195</t>
  </si>
  <si>
    <t>https://outlook.office365.com/owa/qualidadealgarbv@algartech.com/service.svc?action=updateitem&amp;app=mail&amp;n=199</t>
  </si>
  <si>
    <t>5b3d1e29-f798-4108-a6c7-b11eb924af47.tmp</t>
  </si>
  <si>
    <t>\\acsfs\profiles$\DALVADFB\Downloads\5b3d1e29-f798-4108-a6c7-b11eb924af47.tmp</t>
  </si>
  <si>
    <t>ulog_AcroARM2_ARM2Update_a9473871-eb7b-4719-ba46-35125c58e0e7_80f67f54-4f47-496a-9fe5-165ff4adabd7_0.log</t>
  </si>
  <si>
    <t>C:\Users\davimvs\AppData\Roaming\Adobe\LogTransport2\Logs\ulog_AcroARM2_ARM2Update_a9473871-eb7b-4719-ba46-35125c58e0e7_80f67f54-4f47-496a-9fe5-165ff4adabd7_0.log\</t>
  </si>
  <si>
    <t>ulog_AcroARM2_Reader_a9473871-eb7b-4719-ba46-35125c58e0e7_1ea4e754-384f-4cfb-9b68-68a6ca997276_0.log</t>
  </si>
  <si>
    <t>C:\Users\davimvs\AppData\Roaming\Adobe\LogTransport2\Logs\ulog_AcroARM2_Reader_a9473871-eb7b-4719-ba46-35125c58e0e7_1ea4e754-384f-4cfb-9b68-68a6ca997276_0.log\</t>
  </si>
  <si>
    <t>ulog_AcroARM2_Reader_a9473871-eb7b-4719-ba46-35125c58e0e7_30f47963-4fee-4ccb-80ce-7152d5eff4f6_0.log</t>
  </si>
  <si>
    <t>C:\Users\davimvs\AppData\Roaming\Adobe\LogTransport2\Logs\ulog_AcroARM2_Reader_a9473871-eb7b-4719-ba46-35125c58e0e7_30f47963-4fee-4ccb-80ce-7152d5eff4f6_0.log\</t>
  </si>
  <si>
    <t>ulog_HeadlightsOptinProductFamily_HeadlightsOptinProduct_00000000-0000-0000-0000-000000000000_43b86cf8-4675-4559-ac24-7ce980cd2440.log</t>
  </si>
  <si>
    <t>C:\Users\davimvs\AppData\Roaming\Adobe\LogTransport2\Logs\ulog_HeadlightsOptinProductFamily_HeadlightsOptinProduct_00000000-0000-0000-0000-000000000000_43b86cf8-4675-4559-ac24-7ce980cd2440.log\</t>
  </si>
  <si>
    <t>ulog_HeadlightsOptinProductFamily_HeadlightsOptinProduct_00000000-0000-0000-0000-000000000000_4e2fe92a-20b0-4532-b5aa-236a26397933.log</t>
  </si>
  <si>
    <t>C:\Users\davimvs\AppData\Roaming\Adobe\LogTransport2\Logs\ulog_HeadlightsOptinProductFamily_HeadlightsOptinProduct_00000000-0000-0000-0000-000000000000_4e2fe92a-20b0-4532-b5aa-236a26397933.log\</t>
  </si>
  <si>
    <t>thaynaracsl</t>
  </si>
  <si>
    <t>\\acsfs\profiles$\thaynaracsl\My Documents\My Pictures\</t>
  </si>
  <si>
    <t>\\acsfs\profiles$\thaynaracsl\My Documents\My Videos\desktop.ini</t>
  </si>
  <si>
    <t>\\acsfs\profiles$\thaynaracsl\My Documents\My Videos\</t>
  </si>
  <si>
    <t>\\acsfs\profiles$\thaynaracsl\My Documents\My Music\</t>
  </si>
  <si>
    <t>\\acsfs\profiles$\thaynaracsl\My Documents\My Pictures\desktop.ini</t>
  </si>
  <si>
    <t>\\acsfs\profiles$\thaynaracsl\Contacts\</t>
  </si>
  <si>
    <t>\\acsfs\profiles$\thaynaracsl\Contacts\desktop.ini</t>
  </si>
  <si>
    <t>\\acsfs\profiles$\thaynaracsl\My Documents\</t>
  </si>
  <si>
    <t>\\acsfs\profiles$\thaynaracsl\Favorites\desktop.ini</t>
  </si>
  <si>
    <t>\\acsfs\profiles$\thaynaracsl\My Documents\My Music\desktop.ini</t>
  </si>
  <si>
    <t>\\acsfs\profiles$\thaynaracsl\Searches\</t>
  </si>
  <si>
    <t>\\acsfs\profiles$\thaynaracsl\Searches\desktop.ini</t>
  </si>
  <si>
    <t>\\acsfs\profiles$\thaynaracsl\Downloads\</t>
  </si>
  <si>
    <t>\\acsfs\profiles$\thaynaracsl\Downloads\desktop.ini</t>
  </si>
  <si>
    <t>\\acsfs\profiles$\thaynaracsl\Favorites\</t>
  </si>
  <si>
    <t>\\acsfs\profiles$\thaynaracsl\My Documents\desktop.ini</t>
  </si>
  <si>
    <t>\\acsfs\profiles$\thaynaracsl\Saved Games\desktop.ini</t>
  </si>
  <si>
    <t>12e5f8be-a360-42ad-8e3e-2604d051dc94.tmp</t>
  </si>
  <si>
    <t>\\acsfs\profiles$\wenderbnm\Downloads\12e5f8be-a360-42ad-8e3e-2604d051dc94.tmp</t>
  </si>
  <si>
    <t>86156d69-8ce5-4aea-a11c-460b24aeb08e.tmp</t>
  </si>
  <si>
    <t>\\acsfs\profiles$\cintiadjl\Downloads\86156d69-8ce5-4aea-a11c-460b24aeb08e.tmp</t>
  </si>
  <si>
    <t>98d5ec0e-0cf3-4c69-b118-4d98ccc7a676.tmp</t>
  </si>
  <si>
    <t>\\acsfs\profiles$\victorgl\Downloads\98d5ec0e-0cf3-4c69-b118-4d98ccc7a676.tmp</t>
  </si>
  <si>
    <t>\\acsfs\profiles$\juceliaoda\My Documents\My Pictures\</t>
  </si>
  <si>
    <t>\\acsfs\profiles$\juceliaoda\My Documents\My Videos\desktop.ini</t>
  </si>
  <si>
    <t>\\acsfs\profiles$\juceliaoda\My Documents\My Videos\</t>
  </si>
  <si>
    <t>\\acsfs\profiles$\juceliaoda\My Documents\My Music\</t>
  </si>
  <si>
    <t>\\acsfs\profiles$\juceliaoda\My Documents\My Pictures\desktop.ini</t>
  </si>
  <si>
    <t>\\acsfs\profiles$\juceliaoda\Contacts\</t>
  </si>
  <si>
    <t>\\acsfs\profiles$\juceliaoda\Contacts\desktop.ini</t>
  </si>
  <si>
    <t>\\acsfs\profiles$\juceliaoda\My Documents\</t>
  </si>
  <si>
    <t>\\acsfs\profiles$\juceliaoda\Favorites\desktop.ini</t>
  </si>
  <si>
    <t>\\acsfs\profiles$\juceliaoda\My Documents\My Music\desktop.ini</t>
  </si>
  <si>
    <t>\\acsfs\profiles$\juceliaoda\Searches\desktop.ini</t>
  </si>
  <si>
    <t>\\acsfs\profiles$\juceliaoda\Downloads\</t>
  </si>
  <si>
    <t>\\acsfs\profiles$\juceliaoda\Downloads\desktop.ini</t>
  </si>
  <si>
    <t>\\acsfs\profiles$\juceliaoda\Favorites\</t>
  </si>
  <si>
    <t>\\acsfs\profiles$\juceliaoda\My Documents\desktop.ini</t>
  </si>
  <si>
    <t>\\acsfs\profiles$\juceliaoda\Saved Games\desktop.ini</t>
  </si>
  <si>
    <t>julianeas</t>
  </si>
  <si>
    <t>\\acsfs\profiles$\julianeas\My Documents\My Pictures\</t>
  </si>
  <si>
    <t>\\acsfs\profiles$\julianeas\My Documents\My Videos\desktop.ini</t>
  </si>
  <si>
    <t>\\acsfs\profiles$\julianeas\My Documents\My Videos\</t>
  </si>
  <si>
    <t>\\acsfs\profiles$\julianeas\My Documents\My Music\</t>
  </si>
  <si>
    <t>\\acsfs\profiles$\julianeas\My Documents\My Pictures\desktop.ini</t>
  </si>
  <si>
    <t>\\acsfs\profiles$\julianeas\Contacts\</t>
  </si>
  <si>
    <t>\\acsfs\profiles$\julianeas\Contacts\desktop.ini</t>
  </si>
  <si>
    <t>\\acsfs\profiles$\julianeas\My Documents\</t>
  </si>
  <si>
    <t>\\acsfs\profiles$\julianeas\Favorites\desktop.ini</t>
  </si>
  <si>
    <t>\\acsfs\profiles$\julianeas\My Documents\My Music\desktop.ini</t>
  </si>
  <si>
    <t>\\acsfs\profiles$\julianeas\Searches\</t>
  </si>
  <si>
    <t>\\acsfs\profiles$\julianeas\Searches\desktop.ini</t>
  </si>
  <si>
    <t>\\acsfs\profiles$\julianeas\Downloads\</t>
  </si>
  <si>
    <t>\\acsfs\profiles$\julianeas\Downloads\desktop.ini</t>
  </si>
  <si>
    <t>\\acsfs\profiles$\julianeas\Favorites\</t>
  </si>
  <si>
    <t>\\acsfs\profiles$\julianeas\My Documents\desktop.ini</t>
  </si>
  <si>
    <t>\\acsfs\profiles$\julianeas\Saved Games\desktop.ini</t>
  </si>
  <si>
    <t>winrt--{S-1-5-21-602162358-764733703-839522115-358578}-.searchconnector-ms</t>
  </si>
  <si>
    <t>\\acsfs\profiles$\julianeas\Searches\winrt--{S-1-5-21-602162358-764733703-839522115-358578}-.searchconnector-ms</t>
  </si>
  <si>
    <t>https://algar.folhasinergyrh.com.br/afastamento/upload?id=0&amp;idsolicitacao=14691</t>
  </si>
  <si>
    <t>11/12/2019;</t>
  </si>
  <si>
    <t>image2019-12-12-104935.pdf</t>
  </si>
  <si>
    <t>https://11/12/2019</t>
  </si>
  <si>
    <t>16a34f90-5073-4131-ae85-7d7cd07bb3c0.tmp</t>
  </si>
  <si>
    <t>\\acsfs\profiles$\geovannasm\Downloads\16a34f90-5073-4131-ae85-7d7cd07bb3c0.tmp</t>
  </si>
  <si>
    <t>620ba962-a55f-4141-8e47-e6f5e54c9c04.tmp</t>
  </si>
  <si>
    <t>\\acsfs\profiles$\bernardopcm\Downloads\620ba962-a55f-4141-8e47-e6f5e54c9c04.tmp</t>
  </si>
  <si>
    <t>6b7cdf18-aa4c-43c2-bd1b-b5c7b4bbc585.tmp</t>
  </si>
  <si>
    <t>\\acsfs\profiles$\bernardopcm\Downloads\6b7cdf18-aa4c-43c2-bd1b-b5c7b4bbc585.tmp</t>
  </si>
  <si>
    <t>669a5dd2-afe7-4205-b559-7628c70b4757.tmp</t>
  </si>
  <si>
    <t>\\acsfs\profiles$\DALVADFB\Downloads\669a5dd2-afe7-4205-b559-7628c70b4757.tmp</t>
  </si>
  <si>
    <t>1bbf0d0d-2294-46ea-b272-5d3251dcf213.tmp</t>
  </si>
  <si>
    <t>\\acsfs\profiles$\felipetds\Downloads\1bbf0d0d-2294-46ea-b272-5d3251dcf213.tmp</t>
  </si>
  <si>
    <t>https://outlook.office365.com/owa/qualidadealgarbv@algartech.com/service.svc?action=updateitem&amp;app=mail&amp;n=334</t>
  </si>
  <si>
    <t>https://outlook.office365.com/owa/qualidadealgarbv@algartech.com/service.svc?action=updateitem&amp;app=mail&amp;n=340</t>
  </si>
  <si>
    <t>https://caey.fa.us2.oraclecloud.com/crmui/faces/fusewelcome?_adf.ctrl-state=66cwi5jrv_5</t>
  </si>
  <si>
    <t>C:\Users\ricardobal\Downloads\</t>
  </si>
  <si>
    <t>CENARIO TECH _ ENVIAR.xlsx</t>
  </si>
  <si>
    <t>vendas juliane.txt</t>
  </si>
  <si>
    <t>\\acsfs\profiles$\julianeas\My Documents\vendas juliane.txt</t>
  </si>
  <si>
    <t>Vendas em valores mes de Dezembro.txt</t>
  </si>
  <si>
    <t>\\acsfs\profiles$\julianeas\My Documents\Vendas em valores mes de Dezembro.txt</t>
  </si>
  <si>
    <t>d4768d97-e41e-43f2-8f27-bfc7493e7277.tmp</t>
  </si>
  <si>
    <t>\\acsfs\profiles$\leticiala\Downloads\d4768d97-e41e-43f2-8f27-bfc7493e7277.tmp</t>
  </si>
  <si>
    <t>Pedidos de demissão - Dez..xlsx</t>
  </si>
  <si>
    <t>/o=exchangelabs/ou=exchange administrative group (fydibohf23spdlt)/cn=recipients/cn=2b68c5c9701540eb8fd871ac41d57b98-michael vic;/o=exchangelabs/ou=exchange administrative group (fydibohf23spdlt)/cn=recipients/cn=49df841081c647dfa3c968230c8e613c-sabrina gon;/o=exchangelabs/ou=exchange administrative group (fydibohf23spdlt)/cn=recipients/cn=adf42ba9e8dc4ab9b40a818a0be4bdba-laurabsg_al;/o=exchangelabs/ou=exchange administrative group (fydibohf23spdlt)/cn=recipients/cn=b712c36eebee42428d3790abe2696417-romario gom;/o=exchangelabs/ou=exchange administrative group (fydibohf23spdlt)/cn=recipients/cn=e4dbda4121b54299b4a719c6aa694894-algar tech;cynnarapns@algartech.com.br;patrickfsb@algartech.com.br;thiagosfer@algartech.com.br;</t>
  </si>
  <si>
    <t>01 - PLANEJAMENTO_NEXT_MANIFESTAÇÕES-2020</t>
  </si>
  <si>
    <t>01 - PLANEJAMENTO_NEXT_MANIFESTAÇÕES-2020.xlsx</t>
  </si>
  <si>
    <t>/o=exchangelabs/ou=exchange administrative group (fydibohf23spdlt)/cn=recipients/cn=2b68c5c9701540eb8fd871ac41d57b98-michael vic,/o=exchangelabs/ou=exchange administrative group (fydibohf23spdlt)/cn=recipients/cn=49df841081c647dfa3c968230c8e613c-sabrina gon,/o=exchangelabs/ou=exchange administrative group (fydibohf23spdlt)/cn=recipients/cn=adf42ba9e8dc4ab9b40a818a0be4bdba-laurabsg_al,/o=exchangelabs/ou=exchange administrative group (fydibohf23spdlt)/cn=recipients/cn=b712c36eebee42428d3790abe2696417-romario gom,/o=exchangelabs/ou=exchange administrative group (fydibohf23spdlt)/cn=recipients/cn=e4dbda4121b54299b4a719c6aa694894-algar tech,cynnarapns@algartech.com.br,patrickfsb@algartech.com.br,thiagosfer@algartech.com.br</t>
  </si>
  <si>
    <t>5edfda56-c278-4d28-b40d-4f7cb02be6e9.tmp</t>
  </si>
  <si>
    <t>\\acsfs\profiles$\gabrielafs\Downloads\5edfda56-c278-4d28-b40d-4f7cb02be6e9.tmp</t>
  </si>
  <si>
    <t>mail.google.com/sync/u/0/i/s?hl=pt-BR&amp;c=251</t>
  </si>
  <si>
    <t>mail.google.com/sync/u/0/i/s?hl=pt-BR&amp;c=253</t>
  </si>
  <si>
    <t>mail.google.com/sync/u/0/i/s?hl=pt-BR&amp;c=255</t>
  </si>
  <si>
    <t>mail.google.com/sync/u/0/i/s?hl=pt-BR&amp;c=257</t>
  </si>
  <si>
    <t>mail.google.com/sync/u/0/i/s?hl=pt-BR&amp;c=259</t>
  </si>
  <si>
    <t>mail.google.com/sync/u/0/i/s?hl=pt-BR&amp;c=275</t>
  </si>
  <si>
    <t>mail.google.com/sync/u/0/i/s?hl=pt-BR&amp;c=279</t>
  </si>
  <si>
    <t>310891a0-ae25-4e39-b3f8-6ea408a269d9.tmp</t>
  </si>
  <si>
    <t>\\acsfs\profiles$\deborahsi\Downloads\310891a0-ae25-4e39-b3f8-6ea408a269d9.tmp</t>
  </si>
  <si>
    <t>mail.google.com/sync/u/0/i/s?hl=pt-BR&amp;c=303</t>
  </si>
  <si>
    <t>mail.google.com/sync/u/0/i/s?hl=pt-BR&amp;c=305</t>
  </si>
  <si>
    <t>mail.google.com/sync/u/0/i/s?hl=pt-BR&amp;c=307</t>
  </si>
  <si>
    <t>mail.google.com/sync/u/0/i/s?hl=pt-BR&amp;c=309</t>
  </si>
  <si>
    <t>mail.google.com/sync/u/0/i/s?hl=pt-BR&amp;c=312</t>
  </si>
  <si>
    <t>mail.google.com/sync/u/0/i/s?hl=pt-BR&amp;c=314</t>
  </si>
  <si>
    <t>mail.google.com/sync/u/0/i/s?hl=pt-BR&amp;c=316</t>
  </si>
  <si>
    <t>mail.google.com/sync/u/0/i/s?hl=pt-BR&amp;c=321</t>
  </si>
  <si>
    <t>https://outlook.office365.com/owa/qualidadealgarbv@algartech.com/service.svc?action=updateitem&amp;app=mail&amp;n=389</t>
  </si>
  <si>
    <t>19;</t>
  </si>
  <si>
    <t>https://19</t>
  </si>
  <si>
    <t>9cf1e4d7-f117-4b7a-8f90-3b229f7f030f.tmp</t>
  </si>
  <si>
    <t>\\acsfs\profiles$\gabrielarb\Downloads\9cf1e4d7-f117-4b7a-8f90-3b229f7f030f.tmp</t>
  </si>
  <si>
    <t>759742a6-3abb-4163-a93d-713248ad1a42.tmp</t>
  </si>
  <si>
    <t>\\acsfs\profiles$\wenderbnm\Downloads\759742a6-3abb-4163-a93d-713248ad1a42.tmp</t>
  </si>
  <si>
    <t>7d4d8439-7a91-4bea-90fe-2431574f1945.tmp</t>
  </si>
  <si>
    <t>\\acsfs\profiles$\wenderbnm\Downloads\7d4d8439-7a91-4bea-90fe-2431574f1945.tmp</t>
  </si>
  <si>
    <t>Algar_Tech-12-12-2019-customers_dispatch_report-aqEXj.csv</t>
  </si>
  <si>
    <t>joycemmdl</t>
  </si>
  <si>
    <t>\\acsfs\profiles$\joycemmdl\Downloads\</t>
  </si>
  <si>
    <t>80f677bd-4693-4d5d-a4d7-e15c71fc46ce.tmp</t>
  </si>
  <si>
    <t>\\acsfs\profiles$\joycemmdl\Downloads\80f677bd-4693-4d5d-a4d7-e15c71fc46ce.tmp</t>
  </si>
  <si>
    <t>Unconfirmed 25365.crdownload</t>
  </si>
  <si>
    <t>\\acsfs\profiles$\joycemmdl\Downloads\Unconfirmed 25365.crdownload</t>
  </si>
  <si>
    <t>d9983877-4b80-455d-a555-7b5ccd1a63a6.tmp</t>
  </si>
  <si>
    <t>\\acsfs\profiles$\joycemmdl\Downloads\d9983877-4b80-455d-a555-7b5ccd1a63a6.tmp</t>
  </si>
  <si>
    <t>e23fc32e-2030-4138-953f-ce4c4fac1389.tmp</t>
  </si>
  <si>
    <t>\\acsfs\profiles$\joycemmdl\Downloads\e23fc32e-2030-4138-953f-ce4c4fac1389.tmp</t>
  </si>
  <si>
    <t>1365d616-ba13-4733-9c70-9921671de3d4.tmp</t>
  </si>
  <si>
    <t>\\acsfs\profiles$\felipetds\Downloads\1365d616-ba13-4733-9c70-9921671de3d4.tmp</t>
  </si>
  <si>
    <t>https://outlook.office365.com/mapi/nspi/?mailboxid=72ff94cc-38be-4102-b180-a6ad5c6232a9@algartech.com</t>
  </si>
  <si>
    <t>ulog_AcroARM2_ARM2Update_a9473871-eb7b-4719-ba46-35125c58e0e7_72520ee4-7ede-4112-8177-2a04d6b1fed6_0.log</t>
  </si>
  <si>
    <t>C:\Users\davimvs\AppData\Roaming\Adobe\LogTransport2\Logs\ulog_AcroARM2_ARM2Update_a9473871-eb7b-4719-ba46-35125c58e0e7_72520ee4-7ede-4112-8177-2a04d6b1fed6_0.log\</t>
  </si>
  <si>
    <t>ulog_AcroARM2_Reader_a9473871-eb7b-4719-ba46-35125c58e0e7_0373a2dd-b7b2-4222-8bfb-51146a22548b_0.log</t>
  </si>
  <si>
    <t>C:\Users\davimvs\AppData\Roaming\Adobe\LogTransport2\Logs\ulog_AcroARM2_Reader_a9473871-eb7b-4719-ba46-35125c58e0e7_0373a2dd-b7b2-4222-8bfb-51146a22548b_0.log\</t>
  </si>
  <si>
    <t>ulog_Acrobat12_Reader_a9473871-eb7b-4719-ba46-35125c58e0e7_b964c148-969e-440b-9f02-f3dd5c389981_0.log</t>
  </si>
  <si>
    <t>C:\Users\davimvs\AppData\Roaming\Adobe\LogTransport2\Logs\ulog_Acrobat12_Reader_a9473871-eb7b-4719-ba46-35125c58e0e7_b964c148-969e-440b-9f02-f3dd5c389981_0.log\</t>
  </si>
  <si>
    <t>C:\Users\renatofol\OneDrive - Grupo Algar\ALGAR_-_Transformação Digital\Consultoria CX\Documentações\TIME CX\Clientes\Netflix\Apresentacao Netflix Final.pptx\</t>
  </si>
  <si>
    <t>https://outlook.office365.com/owa/qualidadealgarbv@algartech.com/service.svc?action=updateitem&amp;app=mail&amp;n=409</t>
  </si>
  <si>
    <t>https://outlook.office365.com/owa/qualidadealgarbv@algartech.com/service.svc?action=updateitem&amp;app=mail&amp;n=422</t>
  </si>
  <si>
    <t>10.200.66.7</t>
  </si>
  <si>
    <t>64-1C-67-9D-1E-2E</t>
  </si>
  <si>
    <t>VOTORANT-JB013</t>
  </si>
  <si>
    <t>joaopsan</t>
  </si>
  <si>
    <t>XLOG_ellencds_12122019_082524.log</t>
  </si>
  <si>
    <t>\\acsfs\profiles$\ellencds\My Documents\xworkcenter\logs\XLOG_ellencds_12122019_082524.log</t>
  </si>
  <si>
    <t>e704bb24-cadb-4402-8758-1c88cca16653.tmp</t>
  </si>
  <si>
    <t>\\acsfs\profiles$\geovannasm\Downloads\e704bb24-cadb-4402-8758-1c88cca16653.tmp</t>
  </si>
  <si>
    <t>mail.google.com/sync/u/0/i/s?hl=pt-BR&amp;c=78</t>
  </si>
  <si>
    <t>\\acsfs\DEPTOS\Controladoria\32.Tesouraria\1 - Fluxo de Caixa\Caixa 2019\1 - Fluxo de Caixa\1 - Apresentação\12 - Dezembro\091219\</t>
  </si>
  <si>
    <t>Enviar Colombia.xlsx</t>
  </si>
  <si>
    <t>mail.google.com/sync/u/0/i/s?hl=pt-BR&amp;c=350</t>
  </si>
  <si>
    <t>mail.google.com/sync/u/0/i/s?hl=pt-BR&amp;c=352</t>
  </si>
  <si>
    <t>mail.google.com/sync/u/0/i/s?hl=pt-BR&amp;c=354</t>
  </si>
  <si>
    <t>mail.google.com/sync/u/0/i/s?hl=pt-BR&amp;c=356</t>
  </si>
  <si>
    <t>mail.google.com/sync/u/0/i/s?hl=pt-BR&amp;c=358</t>
  </si>
  <si>
    <t>mail.google.com/sync/u/0/i/s?hl=pt-BR&amp;c=360</t>
  </si>
  <si>
    <t>mail.google.com/sync/u/0/i/s?hl=pt-BR&amp;c=363</t>
  </si>
  <si>
    <t>mail.google.com/sync/u/0/i/s?hl=pt-BR&amp;c=365</t>
  </si>
  <si>
    <t>mail.google.com/sync/u/0/i/s?hl=pt-BR&amp;c=367</t>
  </si>
  <si>
    <t>mail.google.com/sync/u/0/i/s?hl=pt-BR&amp;c=369</t>
  </si>
  <si>
    <t>mail.google.com/sync/u/0/i/s?hl=pt-BR&amp;c=372</t>
  </si>
  <si>
    <t>742887c5-8a89-4f85-977e-9a6aa1977f49.tmp</t>
  </si>
  <si>
    <t>\\acsfs\profiles$\leticiala\Downloads\742887c5-8a89-4f85-977e-9a6aa1977f49.tmp</t>
  </si>
  <si>
    <t>alexandremdo@algartech.com;amauryspj@algartech.com;carlosasr@algartech.com;mariliafsc@algartech.com;patriciaac@algartech.com;paulohm@algartech.com;vivianeppe@algartech.com;</t>
  </si>
  <si>
    <t>alexandremdo@algartech.com,amauryspj@algartech.com,carlosasr@algartech.com,mariliafsc@algartech.com,patriciaac@algartech.com,paulohm@algartech.com,vivianeppe@algartech.com</t>
  </si>
  <si>
    <t>12.txt</t>
  </si>
  <si>
    <t>\\acsfs\profiles$\marcelacdss\My Documents\ATENDIMENTOS\DEZEMBRO\12.txt</t>
  </si>
  <si>
    <t>\\acsfs\profiles$\anacdos\My Documents\xworkcenter\logs\</t>
  </si>
  <si>
    <t>XLOG_anacdos_12122019_144628.log</t>
  </si>
  <si>
    <t>\\acsfs\profiles$\anacdos\My Documents\xworkcenter\logs\XLOG_anacdos_12122019_144628.log</t>
  </si>
  <si>
    <t>2f753206-cf7b-4c0b-aa0e-2a6a50dea7b9.tmp</t>
  </si>
  <si>
    <t>\\acsfs\profiles$\gabrielafs\Downloads\2f753206-cf7b-4c0b-aa0e-2a6a50dea7b9.tmp</t>
  </si>
  <si>
    <t>mail.google.com/sync/u/0/i/s?hl=pt-BR&amp;c=374</t>
  </si>
  <si>
    <t>mail.google.com/sync/u/0/i/s?hl=pt-BR&amp;c=376</t>
  </si>
  <si>
    <t>mail.google.com/sync/u/0/i/s?hl=pt-BR&amp;c=378</t>
  </si>
  <si>
    <t>mail.google.com/sync/u/0/i/s?hl=pt-BR&amp;c=380</t>
  </si>
  <si>
    <t>mail.google.com/_/upload?authuser=0&amp;dcp=asu-n&amp;upload_id=AEnB2UryHayp_SD_2iOUgw2bpV4dCcnqPMdAMdW-fD7BgWAP0S1XxbQytBkEkxrvycl5JGbJKTGmmt3pvv88mESjM2iewbWzJOkTOSrS8tSx2MIJEYP7SjY&amp;upload_protocol=resumable</t>
  </si>
  <si>
    <t>\\acsfs\engeset\FINANCEIRO_ULA\FATURAMENTO\</t>
  </si>
  <si>
    <t>PETROBRAS.xlsx</t>
  </si>
  <si>
    <t>40ae8cf6-4e8f-4a9e-96c8-5653c118ba35.tmp</t>
  </si>
  <si>
    <t>\\acsfs\profiles$\cintiadjl\Downloads\40ae8cf6-4e8f-4a9e-96c8-5653c118ba35.tmp</t>
  </si>
  <si>
    <t>44d356b4-e276-416a-bfbf-b5f78ffd0412.tmp</t>
  </si>
  <si>
    <t>\\acsfs\profiles$\gabrielamdp\Downloads\44d356b4-e276-416a-bfbf-b5f78ffd0412.tmp</t>
  </si>
  <si>
    <t>vendas dezembro3.txt</t>
  </si>
  <si>
    <t>\\acsfs\profiles$\thaynaracsl\My Documents\vendas dezembro3.txt</t>
  </si>
  <si>
    <t>17d324ac-ce7f-4979-b216-3987372fc226.tmp</t>
  </si>
  <si>
    <t>\\acsfs\profiles$\rosileiam\Downloads\17d324ac-ce7f-4979-b216-3987372fc226.tmp</t>
  </si>
  <si>
    <t>mail.google.com/_/upload?authuser=0&amp;dcp=asu-n&amp;upload_id=AEnB2UplN5xkEcaF8hEXBaIrPMbP5GzEqkOHvsdB2-6NLUV7dtXULftSZbbsP4CTcm_pMzH3ybBzaRzCBBhc-BliMgOszQZjgg&amp;upload_protocol=resumable</t>
  </si>
  <si>
    <t>CRONOGRAMA PERFORMANCE 2020.xlsx</t>
  </si>
  <si>
    <t>\\acsfs\profiles$\larissaad\My Documents\</t>
  </si>
  <si>
    <t>Scripts.txt</t>
  </si>
  <si>
    <t>\\acsfs\profiles$\larissaad\My Documents\Scripts.txt</t>
  </si>
  <si>
    <t>8bda47d3-da57-4d1d-ab18-f9df03c29580.tmp</t>
  </si>
  <si>
    <t>\\acsfs\profiles$\gabrielafs\Downloads\8bda47d3-da57-4d1d-ab18-f9df03c29580.tmp</t>
  </si>
  <si>
    <t>280611a1-6e1a-4a7f-880d-69d332c9d9e9.tmp</t>
  </si>
  <si>
    <t>\\acsfs\profiles$\anafaes\Downloads\280611a1-6e1a-4a7f-880d-69d332c9d9e9.tmp</t>
  </si>
  <si>
    <t>4f372b35-d7f6-4504-b74f-7866bb6b2a78.tmp</t>
  </si>
  <si>
    <t>\\acsfs\profiles$\anafaes\Downloads\4f372b35-d7f6-4504-b74f-7866bb6b2a78.tmp</t>
  </si>
  <si>
    <t>109a4aeb-26de-4ece-9555-e279c201fcc2.tmp</t>
  </si>
  <si>
    <t>\\acsfs\profiles$\anafaes\Downloads\109a4aeb-26de-4ece-9555-e279c201fcc2.tmp</t>
  </si>
  <si>
    <t>2b9bde09-654f-4942-9132-7d4a3892df1d.tmp</t>
  </si>
  <si>
    <t>\\acsfs\profiles$\anafaes\Downloads\2b9bde09-654f-4942-9132-7d4a3892df1d.tmp</t>
  </si>
  <si>
    <t>278bf98d-330e-4746-a241-fc129eb416fd.tmp</t>
  </si>
  <si>
    <t>\\acsfs\profiles$\anafaes\Downloads\278bf98d-330e-4746-a241-fc129eb416fd.tmp</t>
  </si>
  <si>
    <t>mail.google.com/sync/u/0/i/s?hl=pt-BR&amp;c=825</t>
  </si>
  <si>
    <t>brunop@algartech.com;bvcartes-supervisores@algarnet.onmicrosoft.com;joaogvc@algartech.com;leonardoao@algartech.com;mirianppb@algartech.com;paulacn@algartech.com;rafaelggs@algartech.com;talmaiardo@algartech.com;taysdss@algartech.com;tayss@algartech.com;thiagordu@algartech.com;viniciussg@algartech.com;</t>
  </si>
  <si>
    <t>brunop@algartech.com,bvcartes-supervisores@algarnet.onmicrosoft.com,joaogvc@algartech.com,leonardoao@algartech.com,mirianppb@algartech.com,paulacn@algartech.com,rafaelggs@algartech.com,talmaiardo@algartech.com,taysdss@algartech.com,tayss@algartech.com,thiagordu@algartech.com,viniciussg@algartech.com</t>
  </si>
  <si>
    <t>1adaa6ab-bff6-4395-82e6-512ac1d3a093.tmp</t>
  </si>
  <si>
    <t>\\acsfs\profiles$\henriqueco\Downloads\1adaa6ab-bff6-4395-82e6-512ac1d3a093.tmp</t>
  </si>
  <si>
    <t>mail.google.com/_/upload?authuser=0&amp;dcp=asu-n&amp;upload_id=AEnB2UpAQJQfdjUv9i2_vDoicC5BF-nBgHoNK-tEFiXb7waBF0yEv0JetbR-pqPPBTc83h0HpQGhMVCWnjBbQ96VGqXi6ICzvg&amp;upload_protocol=resumable</t>
  </si>
  <si>
    <t>Ana Paula Cruz.xlsx</t>
  </si>
  <si>
    <t>http:///batch?%24ct=multipart%2Fmixed%3B%20boundary%3D%22%3D%3D%3D%3D%3Dvnzm5hpgfikk%3D%3D%3D%3D%3D%22&amp;key=AIzaSyAy9VVXHSpS2IJpptzYtGbLP3-3_l0aBk4</t>
  </si>
  <si>
    <t>containsunsubscribedchildren;displayname;domain;emailaddress;filesize;hasthumbnail;hasvisitorpermissions;id;id);items(kind;ken;lastmodifyinguser(kind;lastviewedbymedate;modifiedbymedate;modifieddate;ontainsunsubscribedchildren;owners(kind;permission;permissionid;picture;shared;sharedwithme;thumbnailversion;title;workspaceids;</t>
  </si>
  <si>
    <t>http://containsunsubscribedchildren,displayname,domain,emailaddress,filesize,hasthumbnail,hasvisitorpermissions,id,id),items(kind,ken,lastmodifyinguser(kind,lastviewedbymedate,modifiedbymedate,modifieddate,ontainsunsubscribedchildren,owners(kind,permission,permissionid,picture,shared,sharedwithme,thumbnailversion,title,workspaceids</t>
  </si>
  <si>
    <t>http:///batch?%24ct=multipart%2Fmixed%3B%20boundary%3D%22%3D%3D%3D%3D%3Dee9tq74sif67%3D%3D%3D%3D%3D%22&amp;key=AIzaSyAy9VVXHSpS2IJpptzYtGbLP3-3_l0aBk4</t>
  </si>
  <si>
    <t>containsunsubscribedchildren;displayname;domain;emailaddress;filesize;hasthumbnail;hasvisitorpermissions;id;id);items(kind;ken;lastmodifyinguser(kind;lastviewedbymedate;modifiedbymedate;modifieddate;ontainsunsubscribedchildren;owners(kind;permission;permissionid;picture;picture�;shared;sharedwithme;thumbnailversion;title;workspaceids;</t>
  </si>
  <si>
    <t>http://containsunsubscribedchildren,displayname,domain,emailaddress,filesize,hasthumbnail,hasvisitorpermissions,id,id),items(kind,ken,lastmodifyinguser(kind,lastviewedbymedate,modifiedbymedate,modifieddate,ontainsunsubscribedchildren,owners(kind,permission,permissionid,picture,picture�,shared,sharedwithme,thumbnailversion,title,workspaceids</t>
  </si>
  <si>
    <t>http:///batch?%24ct=multipart%2Fmixed%3B%20boundary%3D%22%3D%3D%3D%3D%3D8puss04eojsl%3D%3D%3D%3D%3D%22&amp;key=AIzaSyAy9VVXHSpS2IJpptzYtGbLP3-3_l0aBk4</t>
  </si>
  <si>
    <t>containsunsubscribedchildren;dis;displayname;domain;emailaddress;filesize;hasthumbnail;hasvisitorpermissions;id;id);items(kind;ken;lastmodifyi;lastmodifyinguser(kind;lastviewedbymedate;modifiedbymedate;modifieddate;ontainsunsubscribedchildren;owners(kind;permission;permissionid;picture;picture�;rpermissions;shared;sharedwithme;thumbnailversion;title;workspaceids;</t>
  </si>
  <si>
    <t>http://containsunsubscribedchildren,dis,displayname,domain,emailaddress,filesize,hasthumbnail,hasvisitorpermissions,id,id),items(kind,ken,lastmodifyi,lastmodifyinguser(kind,lastviewedbymedate,modifiedbymedate,modifieddate,ontainsunsubscribedchildren,owners(kind,permission,permissionid,picture,picture�,rpermissions,shared,sharedwithme,thumbnailversion,title,workspaceids</t>
  </si>
  <si>
    <t>http:///batch?%24ct=multipart%2Fmixed%3B%20boundary%3D%22%3D%3D%3D%3D%3Dn59klb4nwlox%3D%3D%3D%3D%3D%22&amp;key=AIzaSyAy9VVXHSpS2IJpptzYtGbLP3-3_l0aBk4</t>
  </si>
  <si>
    <t>containsunsubscribedchildren;dis;displayname;domain;emailaddress;explicitlytrashed;file(kind;fileid;filesize;hasthumbnail;hasvisitorpermissions;id;id);items(deleted;items(kind;ken;kind;lastmodifyi;lastmodifyinguser(kind;lastviewedbymedate;mimetype;modifiedbymedate;modifieddate;ontainsunsubscribedchildren;owners(kind;per;permission;permissionid;picture;picture�;quot;rpermissions;shared;sharedwithme;sharedwithmedate;thumbnailversion;title;userpermission(role);workspaceids;</t>
  </si>
  <si>
    <t>http://containsunsubscribedchildren,dis,displayname,domain,emailaddress,explicitlytrashed,file(kind,fileid,filesize,hasthumbnail,hasvisitorpermissions,id,id),items(deleted,items(kind,ken,kind,lastmodifyi,lastmodifyinguser(kind,lastviewedbymedate,mimetype,modifiedbymedate,modifieddate,ontainsunsubscribedchildren,owners(kind,per,permission,permissionid,picture,picture�,quot,rpermissions,shared,sharedwithme,sharedwithmedate,thumbnailversion,title,userpermission(role),workspaceids</t>
  </si>
  <si>
    <t>http:///batch?%24ct=multipart%2Fmixed%3B%20boundary%3D%22%3D%3D%3D%3D%3D1m7g5l1yubwl%3D%3D%3D%3D%3D%22&amp;key=AIzaSyAy9VVXHSpS2IJpptzYtGbLP3-3_l0aBk4</t>
  </si>
  <si>
    <t>http:///batch?%24ct=multipart%2Fmixed%3B%20boundary%3D%22%3D%3D%3D%3D%3Dmabfe5fhrk9v%3D%3D%3D%3D%3D%22&amp;key=AIzaSyAy9VVXHSpS2IJpptzYtGbLP3-3_l0aBk4</t>
  </si>
  <si>
    <t>http:///batch?%24ct=multipart%2Fmixed%3B%20boundary%3D%22%3D%3D%3D%3D%3D60vai4pe6rnm%3D%3D%3D%3D%3D%22&amp;key=AIzaSyAy9VVXHSpS2IJpptzYtGbLP3-3_l0aBk4</t>
  </si>
  <si>
    <t>talmaiardo@algartech.com;</t>
  </si>
  <si>
    <t>talmaiardo@algartech.com</t>
  </si>
  <si>
    <t>mail.google.com/sync/u/0/i/s?hl=pt-BR&amp;c=23</t>
  </si>
  <si>
    <t>marcoab@algartech.com</t>
  </si>
  <si>
    <t>RFI - Explanação da Rotina Atual.xlsx</t>
  </si>
  <si>
    <t>Volumetrias.xlsx</t>
  </si>
  <si>
    <t>clientes.txt</t>
  </si>
  <si>
    <t>\\acsfs\profiles$\gabrielafs\clientes.txt</t>
  </si>
  <si>
    <t>10.200.66.54</t>
  </si>
  <si>
    <t>78-2B-CB-C1-06-DA</t>
  </si>
  <si>
    <t>VOTORANT-WB005</t>
  </si>
  <si>
    <t>gabrieleods</t>
  </si>
  <si>
    <t>\\acsfs\profiles$\gabrieleods\Downloads\</t>
  </si>
  <si>
    <t>f8622494-25e0-40e4-844e-659fd3638b09.tmp</t>
  </si>
  <si>
    <t>\\acsfs\profiles$\gabrieleods\Downloads\f8622494-25e0-40e4-844e-659fd3638b09.tmp</t>
  </si>
  <si>
    <t>b4b4e26e-0617-491a-a78d-99becc678e97.tmp</t>
  </si>
  <si>
    <t>\\acsfs\profiles$\brendadsl\Downloads\b4b4e26e-0617-491a-a78d-99becc678e97.tmp</t>
  </si>
  <si>
    <t>mail.google.com/_/upload?authuser=0&amp;dcp=asu-n&amp;upload_id=AEnB2UpcyB90iPzUE0LwSP6ZvdAn_4ExYozzosNay8f0FERYFewHsq5qUCZFoI7QntlMe24UrB4jOUdDHPjDeD8rWWq1USJGhg&amp;upload_protocol=resumable</t>
  </si>
  <si>
    <t>\\acsfs\ACS\Suporte à Operações\02 - Faturamento\2019\12 - Dezembro\FACEBOOK\</t>
  </si>
  <si>
    <t>ACOMPANHAMENTO POs FACEBOOK.xlsb</t>
  </si>
  <si>
    <t>mail.google.com/sync/u/0/i/s?hl=pt-BR&amp;c=888</t>
  </si>
  <si>
    <t>bvcartes-supervisores@algarnet.onmicrosoft.com;</t>
  </si>
  <si>
    <t>bvcartes-supervisores@algarnet.onmicrosoft.com</t>
  </si>
  <si>
    <t>mail.google.com/sync/u/0/i/s?hl=pt-BR&amp;c=890</t>
  </si>
  <si>
    <t>bvcartes-supervisores@algarnet.onmicrosoft.com;thiagord@algartech.com;</t>
  </si>
  <si>
    <t>bvcartes-supervisores@algarnet.onmicrosoft.com,thiagord@algartech.com</t>
  </si>
  <si>
    <t>mail.google.com/sync/u/0/i/s?hl=pt-BR&amp;c=893</t>
  </si>
  <si>
    <t>mail.google.com/sync/u/0/i/s?hl=pt-BR&amp;c=895</t>
  </si>
  <si>
    <t>mail.google.com/sync/u/0/i/s?hl=pt-BR&amp;c=897</t>
  </si>
  <si>
    <t>mail.google.com/sync/u/0/i/s?hl=pt-BR&amp;c=906</t>
  </si>
  <si>
    <t>mail.google.com/sync/u/0/i/s?hl=pt-BR&amp;c=908</t>
  </si>
  <si>
    <t>mail.google.com/sync/u/0/i/s?hl=pt-BR&amp;c=910</t>
  </si>
  <si>
    <t>5de25a8f-0431-4a04-8501-859de9ef410c.tmp</t>
  </si>
  <si>
    <t>\\acsfs\profiles$\anafaes\Downloads\5de25a8f-0431-4a04-8501-859de9ef410c.tmp</t>
  </si>
  <si>
    <t>C:\Users\adilsonloj\Downloads\</t>
  </si>
  <si>
    <t>IMG_0590.jpg</t>
  </si>
  <si>
    <t>Controle Equipe Adilson BV.xls</t>
  </si>
  <si>
    <t>\\acsfs\DEPTOS\Operacao\Banco_Votorantim\Supervisao\SUPERS BV CARTÕES\ADILSON\Controle Equipe Adilson BV.xls</t>
  </si>
  <si>
    <t>mail.google.com/_/upload?authuser=1&amp;dcp=asu-n&amp;upload_id=AEnB2Uru-P1-99uBzf0bTKmrr5A3svvZRFIaj8lx-g8nsRiPHi6zXkdsWkaXbCtTEGSkHyyOHMsP2Yvu_e_CpxEsTbXbOGRIsQ&amp;upload_protocol=resumable</t>
  </si>
  <si>
    <t>mail.google.com/_/upload?authuser=1&amp;dcp=asu-n&amp;upload_id=AEnB2UqWHe_kRuSiwgohBjFzGU2fYNkGeqBPGe6kOICH-IFw3MrES1vEjHYjYd1BYtPrbib6GBC0mENEo9fdxUDLTSNnyMwZXA&amp;upload_protocol=resumable</t>
  </si>
  <si>
    <t>mail.google.com/_/upload?authuser=0&amp;dcp=asu-n&amp;upload_id=AEnB2Ur4BCLLsZAopHz1ul-lrksdqQ0USlvAtlhIKcsoVUD2xnE8HnQSB_vC6tCehYhG01F7aiYba067w_FPJC9Z6FzEPFgpV4uuiUaQ4dPRM7WPmHYT0I8&amp;upload_protocol=resumable</t>
  </si>
  <si>
    <t>senildapdo@algartech.com;</t>
  </si>
  <si>
    <t>Operadores Egain.xlsx</t>
  </si>
  <si>
    <t>a82760df-12cd-4b50-b1f4-82a45aa9b156.tmp</t>
  </si>
  <si>
    <t>\\acsfs\profiles$\cintiadjl\Downloads\a82760df-12cd-4b50-b1f4-82a45aa9b156.tmp</t>
  </si>
  <si>
    <t>d97acd0c-7075-4966-ab4a-14b7bf044068.tmp</t>
  </si>
  <si>
    <t>\\acsfs\profiles$\henriqueco\Downloads\d97acd0c-7075-4966-ab4a-14b7bf044068.tmp</t>
  </si>
  <si>
    <t>b55bdda6-77a7-4299-9dbe-1bb2f8e68761.tmp</t>
  </si>
  <si>
    <t>\\acsfs\profiles$\gabrieleods\Downloads\b55bdda6-77a7-4299-9dbe-1bb2f8e68761.tmp</t>
  </si>
  <si>
    <t>Formulário TTV - Criação de Agente (2).xlsx</t>
  </si>
  <si>
    <t>\\acsfs\profiles$\ciceraads\Downloads\</t>
  </si>
  <si>
    <t>a4816263-11be-4ed3-b7ec-ccbbb28babe6.tmp</t>
  </si>
  <si>
    <t>\\acsfs\profiles$\ciceraads\Downloads\a4816263-11be-4ed3-b7ec-ccbbb28babe6.tmp</t>
  </si>
  <si>
    <t>Não confirmado 451136.crdownload</t>
  </si>
  <si>
    <t>\\acsfs\profiles$\ciceraads\Downloads\Não confirmado 451136.crdownload</t>
  </si>
  <si>
    <t>9995e408-f48e-4b06-b9fc-3c5d6a447aeb.tmp</t>
  </si>
  <si>
    <t>\\acsfs\profiles$\ciceraads\Downloads\9995e408-f48e-4b06-b9fc-3c5d6a447aeb.tmp</t>
  </si>
  <si>
    <t>Não confirmado 369657.crdownload</t>
  </si>
  <si>
    <t>\\acsfs\profiles$\ciceraads\Downloads\Não confirmado 369657.crdownload</t>
  </si>
  <si>
    <t>dae4cdde-fecd-4b75-bbaa-243bd4d183bd.tmp</t>
  </si>
  <si>
    <t>\\acsfs\profiles$\cintiadjl\Downloads\dae4cdde-fecd-4b75-bbaa-243bd4d183bd.tmp</t>
  </si>
  <si>
    <t>22873271-3ec1-4343-9b09-1bb9cfe414e8.tmp</t>
  </si>
  <si>
    <t>\\acsfs\profiles$\layonmof\Downloads\22873271-3ec1-4343-9b09-1bb9cfe414e8.tmp</t>
  </si>
  <si>
    <t>mail.google.com/_/upload?authuser=0&amp;dcp=asu-n&amp;upload_id=AEnB2UoEubyVyKp_cDSVMtdlXYwODfDTLxTlwqLRfjtzH27SMdO-1Q8oH6o3dEwz-pE_ItIYtLbjyp6BDhaPL0xRAEbqbOQgMZsthN85o1IZt9dtYiY_6AY&amp;upload_protocol=resumable</t>
  </si>
  <si>
    <t>\\acsfs\deptos\CAS - Coordenação de Arquitetura de Soluções\Projetos\2019\NetFlix\207414 - NETFLIX - SAC\Documentos\</t>
  </si>
  <si>
    <t>Brazil RFP PORTUGUES vs Ing.xlsx</t>
  </si>
  <si>
    <t>vendas dezembro4.txt</t>
  </si>
  <si>
    <t>\\acsfs\profiles$\thaynaracsl\My Documents\vendas dezembro4.txt</t>
  </si>
  <si>
    <t>59495fdf-b189-4237-9428-2e6bf9c9ed24.tmp</t>
  </si>
  <si>
    <t>\\acsfs\profiles$\alinepp\Downloads\59495fdf-b189-4237-9428-2e6bf9c9ed24.tmp</t>
  </si>
  <si>
    <t>0ff47f2e-2ca4-46dd-84ee-2105539597ac.tmp</t>
  </si>
  <si>
    <t>\\acsfs\profiles$\cintiadjl\Downloads\0ff47f2e-2ca4-46dd-84ee-2105539597ac.tmp</t>
  </si>
  <si>
    <t>https://algar.folhasinergyrh.com.br/afastamento/upload?id=0&amp;idsolicitacao=14755</t>
  </si>
  <si>
    <t>29/11/2019;</t>
  </si>
  <si>
    <t>BRUNA ROCHA.zip</t>
  </si>
  <si>
    <t>https://29/11/2019</t>
  </si>
  <si>
    <t>https://algar.folhasinergyrh.com.br/afastamento/upload?id=0&amp;idsolicitacao=14756</t>
  </si>
  <si>
    <t>monitorias 12-12-19 a tarde.txt</t>
  </si>
  <si>
    <t>\\acsfs\Deptos\Operacao\Banco_Votorantim\Qualidade\Fernanda\MONITORIAS DEZEMBRO\monitorias 12-12-19 a tarde.txt</t>
  </si>
  <si>
    <t>326919c8-5ac4-4aaa-8c2c-8549c40ebfcb.tmp</t>
  </si>
  <si>
    <t>\\acsfs\profiles$\alinepp\Downloads\326919c8-5ac4-4aaa-8c2c-8549c40ebfcb.tmp</t>
  </si>
  <si>
    <t>c1085178-71b3-4c9e-be2f-2fe86d74508c.tmp</t>
  </si>
  <si>
    <t>\\acsfs\profiles$\joycemmdl\Downloads\c1085178-71b3-4c9e-be2f-2fe86d74508c.tmp</t>
  </si>
  <si>
    <t>7fbd2f15-b191-4b88-ab56-49cf0d43e1d7.tmp</t>
  </si>
  <si>
    <t>\\acsfs\profiles$\joycemmdl\Downloads\7fbd2f15-b191-4b88-ab56-49cf0d43e1d7.tmp</t>
  </si>
  <si>
    <t>mail.google.com/_/upload?authuser=0&amp;dcp=asu-n&amp;upload_id=AEnB2Upx35r3sEexwrEc0HNvKIy0Y_ofv7nGBhBikXsucB23hO5lRWqTwe2LyMI9L5J6ZdljDkishXjYwxrubqurb6ByBVMc4A&amp;upload_protocol=resumable</t>
  </si>
  <si>
    <t>C:\Users\lucianabo\Desktop\2019\REPORTS TRANSFORMAÇÃO\</t>
  </si>
  <si>
    <t>11-2019 - Caixa Capitalização.xlsx</t>
  </si>
  <si>
    <t>4b8759d5-932f-49c9-9c2a-08247222b89f.tmp</t>
  </si>
  <si>
    <t>\\acsfs\profiles$\gabrielamdp\Downloads\4b8759d5-932f-49c9-9c2a-08247222b89f.tmp</t>
  </si>
  <si>
    <t>mail.google.com/sync/u/0/i/s?hl=pt-BR&amp;c=484</t>
  </si>
  <si>
    <t>"othe;0;0.272;0.326;0.333;0.362;0.371];0.383;0.442;0.462];0.476;0.523;0.549;0.653];0.667;0.669];0.683];0.693];0.772;0.897];0.927;0.928;0.937];0.938];0];0b4vk1nej0x-0cdlwthrfwnzusnpnv2f3re9tnxvdbwl6bznr;1;1.051;1.103;1.137];1.575];1.81];1.8726591760299625];10;1008;109.75999999936903;11;11.212;11.358;11427;1148.8749999989523;1176.12999999983;1177.4349999977858;1177.4499999992258;1178.5049999998591;11969.020000000455;11989;12.049;12.049];12.324;12.344;12.344];1208.3499999971536;12097.484999998414;1212.1150000020862;1212.279999999737;1213.500000001659;12140.419999999722;12142.185000000609;12158.699999999953;12420.634999998583;12514.380000000529;126.06500000038068;126.15000000005239;1272;1272];128.36500000048545;128.57999999687308;12817.654999998922;12822.174999997515;129.80999999854248;13.774999999441206;130.47999999980675;130.74000000051456;13022.539999998116;13211.124999997992;13259.26999999865;13261.304999999993;13319.289999999455;13319.579999999405;13319.83499999842;13319149;13320.024999997258;13320.179999998</t>
  </si>
  <si>
    <t>"othe,0,0.272,0.326,0.333,0.362,0.371],0.383,0.442,0.462],0.476,0.523,0.549,0.653],0.667,0.669],0.683],0.693],0.772,0.897],0.927,0.928,0.937],0.938],0],0b4vk1nej0x-0cdlwthrfwnzusnpnv2f3re9tnxvdbwl6bznr,1,1.051,1.103,1.137],1.575],1.81],1.8726591760299625],10,1008,109.75999999936903,11,11.212,11.358,11427,1148.8749999989523,1176.12999999983,1177.4349999977858,1177.4499999992258,1178.5049999998591,11969.020000000455,11989,12.049,12.049],12.324,12.344,12.344],1208.3499999971536,12097.484999998414,1212.1150000020862,1212.279999999737,1213.500000001659,12140.419999999722,12142.185000000609,12158.699999999953,12420.634999998583,12514.380000000529,126.06500000038068,126.15000000005239,1272,1272],128.36500000048545,128.57999999687308,12817.654999998922,12822.174999997515,129.80999999854248,13.774999999441206,130.47999999980675,130.74000000051456,13022.539999998116,13211.124999997992,13259.26999999865,13261.304999999993,13319.289999999455,13319.579999999405,13319.83499999842,13319149,13320.024999997258,13320.179999998</t>
  </si>
  <si>
    <t>mail.google.com/sync/u/0/i/s?hl=pt-BR&amp;c=487</t>
  </si>
  <si>
    <t>mail.google.com/sync/u/0/i/s?hl=pt-BR&amp;c=489</t>
  </si>
  <si>
    <t>mail.google.com/sync/u/0/i/s?hl=pt-BR&amp;c=491</t>
  </si>
  <si>
    <t>mail.google.com/sync/u/0/i/s?hl=pt-BR&amp;c=493</t>
  </si>
  <si>
    <t>mail.google.com/sync/u/0/i/s?hl=pt-BR&amp;c=495</t>
  </si>
  <si>
    <t>b594871e-8fca-4bc9-887a-d33ce4366dd6.tmp</t>
  </si>
  <si>
    <t>\\acsfs\profiles$\brendadsl\Downloads\b594871e-8fca-4bc9-887a-d33ce4366dd6.tmp</t>
  </si>
  <si>
    <t>renatoads@algartech.com</t>
  </si>
  <si>
    <t>cpccontroldeskwhirlpool@algartech.com;</t>
  </si>
  <si>
    <t>cpccontroldeskwhirlpool@algartech.com</t>
  </si>
  <si>
    <t>ulog_AcroARM2_Reader_a9473871-eb7b-4719-ba46-35125c58e0e7_9456adf7-906c-4a91-bb82-d4ccbc8b9c2b_0.log</t>
  </si>
  <si>
    <t>C:\Users\davimvs\AppData\Roaming\Adobe\LogTransport2\Logs\ulog_AcroARM2_Reader_a9473871-eb7b-4719-ba46-35125c58e0e7_9456adf7-906c-4a91-bb82-d4ccbc8b9c2b_0.log\</t>
  </si>
  <si>
    <t>f9670b8b-5db1-4650-8e80-550dae4d5d9c.tmp</t>
  </si>
  <si>
    <t>\\acsfs\profiles$\layonmof\Downloads\f9670b8b-5db1-4650-8e80-550dae4d5d9c.tmp</t>
  </si>
  <si>
    <t>9c3853d0-6047-4e51-8b07-b47be65d2d8d.tmp</t>
  </si>
  <si>
    <t>\\acsfs\profiles$\layonmof\Downloads\9c3853d0-6047-4e51-8b07-b47be65d2d8d.tmp</t>
  </si>
  <si>
    <t>mail.google.com/sync/u/0/i/s?hl=pt-BR&amp;c=53</t>
  </si>
  <si>
    <t>mail.google.com/sync/u/0/i/s?hl=pt-BR&amp;c=63</t>
  </si>
  <si>
    <t>mail.google.com/sync/u/0/i/s?hl=pt-BR&amp;c=66</t>
  </si>
  <si>
    <t>mail.google.com/sync/u/0/i/s?hl=pt-BR&amp;c=68</t>
  </si>
  <si>
    <t>mail.google.com/sync/u/0/i/s?hl=pt-BR&amp;c=70</t>
  </si>
  <si>
    <t>mail.google.com/sync/u/0/i/s?hl=pt-BR&amp;c=72</t>
  </si>
  <si>
    <t>mail.google.com/sync/u/0/i/s?hl=pt-BR&amp;c=74</t>
  </si>
  <si>
    <t>dde38cb6-6286-481e-830c-6df75c457e06.tmp</t>
  </si>
  <si>
    <t>\\acsfs\profiles$\victorgl\Downloads\dde38cb6-6286-481e-830c-6df75c457e06.tmp</t>
  </si>
  <si>
    <t>historico cassiano20.txt</t>
  </si>
  <si>
    <t>\\acsfs\profiles$\cassianogc\My Documents\historico cassiano20.txt</t>
  </si>
  <si>
    <t>91175273-eede-4c29-83d0-b61338576be6.tmp</t>
  </si>
  <si>
    <t>\\acsfs\profiles$\gabrielamdp\Downloads\91175273-eede-4c29-83d0-b61338576be6.tmp</t>
  </si>
  <si>
    <t>c0c5e7f2-9014-4c38-95a2-4342d53cb964.tmp</t>
  </si>
  <si>
    <t>\\acsfs\profiles$\gabrielamdp\Downloads\c0c5e7f2-9014-4c38-95a2-4342d53cb964.tmp</t>
  </si>
  <si>
    <t>cd6e0b2d-5140-488d-9026-231ee9bf86e7.tmp</t>
  </si>
  <si>
    <t>\\acsfs\profiles$\gabrielamdp\Downloads\cd6e0b2d-5140-488d-9026-231ee9bf86e7.tmp</t>
  </si>
  <si>
    <t>bcf5d35d-8efd-4f6c-80e7-a5141bbf1026.tmp</t>
  </si>
  <si>
    <t>\\acsfs\profiles$\gabrielamdp\Downloads\bcf5d35d-8efd-4f6c-80e7-a5141bbf1026.tmp</t>
  </si>
  <si>
    <t>12-12 QUINTA.txt</t>
  </si>
  <si>
    <t>\\acsfs\profiles$\gabrielamdp\My Documents\12-12 QUINTA.txt</t>
  </si>
  <si>
    <t>f62f0c94-37cb-466f-9db3-2c8b1d61f7a6.tmp</t>
  </si>
  <si>
    <t>\\acsfs\profiles$\gabrielamdp\Downloads\f62f0c94-37cb-466f-9db3-2c8b1d61f7a6.tmp</t>
  </si>
  <si>
    <t>f1bf6fb4-369a-44c0-b8a5-87ad045ebe30.tmp</t>
  </si>
  <si>
    <t>\\acsfs\profiles$\brendadsl\Downloads\f1bf6fb4-369a-44c0-b8a5-87ad045ebe30.tmp</t>
  </si>
  <si>
    <t>\\acsfs\profiles$\gabrielamdp\Contacts\</t>
  </si>
  <si>
    <t>GABRIELA MELICEGENES DE PAULA (17713).contact</t>
  </si>
  <si>
    <t>\\acsfs\profiles$\gabrielamdp\Contacts\GABRIELA MELICEGENES DE PAULA (17713).contact</t>
  </si>
  <si>
    <t>\\acsfs\profiles$\gabrielamdp\My Documents\My Videos\</t>
  </si>
  <si>
    <t>\\acsfs\profiles$\gabrielamdp\My Documents\My Videos\desktop.ini</t>
  </si>
  <si>
    <t>\\acsfs\profiles$\gabrielamdp\My Documents\My Pictures\</t>
  </si>
  <si>
    <t>\\acsfs\profiles$\gabrielamdp\My Documents\My Pictures\desktop.ini</t>
  </si>
  <si>
    <t>\\acsfs\profiles$\gabrielamdp\Contacts\desktop.ini</t>
  </si>
  <si>
    <t>\\acsfs\profiles$\gabrielamdp\Favorites\</t>
  </si>
  <si>
    <t>\\acsfs\profiles$\gabrielamdp\Favorites\desktop.ini</t>
  </si>
  <si>
    <t>\\acsfs\profiles$\gabrielamdp\My Documents\My Music\</t>
  </si>
  <si>
    <t>\\acsfs\profiles$\gabrielamdp\My Documents\My Music\desktop.ini</t>
  </si>
  <si>
    <t>\\acsfs\profiles$\gabrielamdp\Searches\</t>
  </si>
  <si>
    <t>\\acsfs\profiles$\gabrielamdp\Searches\desktop.ini</t>
  </si>
  <si>
    <t>\\acsfs\profiles$\gabrielamdp\Downloads\desktop.ini</t>
  </si>
  <si>
    <t>\\acsfs\profiles$\gabrielamdp\My Documents\desktop.ini</t>
  </si>
  <si>
    <t>\\acsfs\profiles$\gabrielamdp\Saved Games\</t>
  </si>
  <si>
    <t>\\acsfs\profiles$\gabrielamdp\Saved Games\desktop.ini</t>
  </si>
  <si>
    <t>\\acsfs\profiles$\gabrielamdp\Favorites\Links for Brasil\</t>
  </si>
  <si>
    <t>\\acsfs\profiles$\gabrielamdp\Favorites\Links for Brasil\desktop.ini</t>
  </si>
  <si>
    <t>\\acsfs\profiles$\gabrielamdp\Favorites\Links for Brasil\Microsoft Brasil.url</t>
  </si>
  <si>
    <t>\\acsfs\profiles$\gabrielamdp\Favorites\Links for Brasil\Windows Brasil.url</t>
  </si>
  <si>
    <t>\\acsfs\profiles$\gabrielamdp\Favorites\Links for Brasil\MSN Brasil.url</t>
  </si>
  <si>
    <t>7fc417d0-8bf4-46d7-bd0c-d7913d05ea12.tmp</t>
  </si>
  <si>
    <t>\\acsfs\profiles$\brunalas\Downloads\7fc417d0-8bf4-46d7-bd0c-d7913d05ea12.tmp</t>
  </si>
  <si>
    <t>3008f076-1776-4fd4-a3c2-181d655b9153.tmp</t>
  </si>
  <si>
    <t>\\acsfs\profiles$\gabrielamdp\Downloads\3008f076-1776-4fd4-a3c2-181d655b9153.tmp</t>
  </si>
  <si>
    <t>892e6479-eef9-4eb6-bfc9-45a7eb745d07.tmp</t>
  </si>
  <si>
    <t>\\acsfs\profiles$\gabrielamdp\Downloads\892e6479-eef9-4eb6-bfc9-45a7eb745d07.tmp</t>
  </si>
  <si>
    <t>ca2947f3-e1a4-4af1-9a67-3b193797935f.tmp</t>
  </si>
  <si>
    <t>\\acsfs\profiles$\gabrielamdp\Downloads\ca2947f3-e1a4-4af1-9a67-3b193797935f.tmp</t>
  </si>
  <si>
    <t>c798a5ae-f39e-4269-b775-857dc60acb59.tmp</t>
  </si>
  <si>
    <t>\\acsfs\profiles$\gabrielamdp\Downloads\c798a5ae-f39e-4269-b775-857dc60acb59.tmp</t>
  </si>
  <si>
    <t>c2a6a71a-211c-43ed-8b19-0d2fcbb0133b.tmp</t>
  </si>
  <si>
    <t>\\acsfs\profiles$\alinepp\Downloads\c2a6a71a-211c-43ed-8b19-0d2fcbb0133b.tmp</t>
  </si>
  <si>
    <t>10.200.39.114</t>
  </si>
  <si>
    <t>\\acsfs\suporte$\Sup Storage\REPORT_LUN_CLIENTES\SDM\ROYAL FIC\</t>
  </si>
  <si>
    <t>Levantamento-ROYAL_2019-12-12.xlsx</t>
  </si>
  <si>
    <t>35264135-7b59-48d7-8020-617a3ad4f30c.tmp</t>
  </si>
  <si>
    <t>\\acsfs\profiles$\brendadsl\Downloads\35264135-7b59-48d7-8020-617a3ad4f30c.tmp</t>
  </si>
  <si>
    <t>15b4d743-67b6-4fad-93c3-59fa15c441ea.tmp</t>
  </si>
  <si>
    <t>\\acsfs\profiles$\rosileiam\Downloads\15b4d743-67b6-4fad-93c3-59fa15c441ea.tmp</t>
  </si>
  <si>
    <t>9a811ed8-27ee-4516-b6d4-20829ecf3be6.tmp</t>
  </si>
  <si>
    <t>\\acsfs\profiles$\gabrielamdp\Downloads\9a811ed8-27ee-4516-b6d4-20829ecf3be6.tmp</t>
  </si>
  <si>
    <t>4fd1d521-36bb-4e5c-b7ad-b4429f7ba7e8.tmp</t>
  </si>
  <si>
    <t>\\acsfs\profiles$\rosileiam\Downloads\4fd1d521-36bb-4e5c-b7ad-b4429f7ba7e8.tmp</t>
  </si>
  <si>
    <t>f5a11462-4ad3-4256-814a-0d7d11ed33d6.tmp</t>
  </si>
  <si>
    <t>\\acsfs\profiles$\rosileiam\Downloads\f5a11462-4ad3-4256-814a-0d7d11ed33d6.tmp</t>
  </si>
  <si>
    <t>f15f87bb-5468-4e54-999c-c241049d665c.tmp</t>
  </si>
  <si>
    <t>\\acsfs\profiles$\layonmof\Downloads\f15f87bb-5468-4e54-999c-c241049d665c.tmp</t>
  </si>
  <si>
    <t>d1078ffd-082e-4c37-9d33-f6f9b1ecac1f.tmp</t>
  </si>
  <si>
    <t>\\acsfs\profiles$\layonmof\Downloads\d1078ffd-082e-4c37-9d33-f6f9b1ecac1f.tmp</t>
  </si>
  <si>
    <t>cc15a5b4-ef2f-4cb0-a96e-e7cd8706f82d.tmp</t>
  </si>
  <si>
    <t>\\acsfs\profiles$\layonmof\Downloads\cc15a5b4-ef2f-4cb0-a96e-e7cd8706f82d.tmp</t>
  </si>
  <si>
    <t>vendas dezembro2.txt</t>
  </si>
  <si>
    <t>\\acsfs\profiles$\thaynaracsl\My Documents\vendas dezembro2.txt</t>
  </si>
  <si>
    <t>layonmof@bv.algartech.com</t>
  </si>
  <si>
    <t>https://udpmailboxap01/h/search?si=2&amp;so=0&amp;sc=42875&amp;st=conversation&amp;action=compose&amp;paction=paneview2</t>
  </si>
  <si>
    <t>flaviacno@algartech.com;</t>
  </si>
  <si>
    <t>https://flaviacno@algartech.com</t>
  </si>
  <si>
    <t>55fb3293-c6a4-48ea-91f2-8012f43434d4.tmp</t>
  </si>
  <si>
    <t>\\acsfs\profiles$\alinepp\Downloads\55fb3293-c6a4-48ea-91f2-8012f43434d4.tmp</t>
  </si>
  <si>
    <t>b095e7a9-9bc4-48e8-b415-04e690ad2d80.tmp</t>
  </si>
  <si>
    <t>\\acsfs\profiles$\alinepp\Downloads\b095e7a9-9bc4-48e8-b415-04e690ad2d80.tmp</t>
  </si>
  <si>
    <t>66e13619-6f7d-4884-95aa-861f52a0bb04.tmp</t>
  </si>
  <si>
    <t>\\acsfs\profiles$\victorgl\Downloads\66e13619-6f7d-4884-95aa-861f52a0bb04.tmp</t>
  </si>
  <si>
    <t>cc359106-63c5-4e4e-bfde-fdd04e55d23b.tmp</t>
  </si>
  <si>
    <t>\\acsfs\profiles$\gabrielamdp\Downloads\cc359106-63c5-4e4e-bfde-fdd04e55d23b.tmp</t>
  </si>
  <si>
    <t>8361def0-877e-48a4-9273-1640dd99f822.tmp</t>
  </si>
  <si>
    <t>\\acsfs\profiles$\KARENJSS\Downloads\8361def0-877e-48a4-9273-1640dd99f822.tmp</t>
  </si>
  <si>
    <t>d587fe00-2020-4ae5-b154-a6463dce9e37.tmp</t>
  </si>
  <si>
    <t>\\acsfs\profiles$\KARENJSS\Downloads\d587fe00-2020-4ae5-b154-a6463dce9e37.tmp</t>
  </si>
  <si>
    <t>67b56b23-51b6-474b-897b-8e5870dc9d28.tmp</t>
  </si>
  <si>
    <t>\\acsfs\profiles$\KARENJSS\Downloads\67b56b23-51b6-474b-897b-8e5870dc9d28.tmp</t>
  </si>
  <si>
    <t>3b491700-495f-4c6c-bc81-8ef677ae1d84.tmp</t>
  </si>
  <si>
    <t>\\acsfs\profiles$\KARENJSS\Downloads\3b491700-495f-4c6c-bc81-8ef677ae1d84.tmp</t>
  </si>
  <si>
    <t>78-2B-CB-C1-05-4B</t>
  </si>
  <si>
    <t>VOTORANT-LB004</t>
  </si>
  <si>
    <t>\\acsfs\Deptos\Operacao\Banco_Votorantim\Atendimento\thaisdss\Documents\dbxwc\</t>
  </si>
  <si>
    <t>\\acsfs\Deptos\Operacao\Banco_Votorantim\Atendimento\thaisdss\Documents\dbxwc\dbxwc.xwc</t>
  </si>
  <si>
    <t>72171673-951a-4fa5-8410-8142e13f68e5.tmp</t>
  </si>
  <si>
    <t>\\acsfs\profiles$\alinepp\Downloads\72171673-951a-4fa5-8410-8142e13f68e5.tmp</t>
  </si>
  <si>
    <t>18530e1c-4c57-428d-81b2-658ea2f61409.tmp</t>
  </si>
  <si>
    <t>\\acsfs\profiles$\cintiadjl\Downloads\18530e1c-4c57-428d-81b2-658ea2f61409.tmp</t>
  </si>
  <si>
    <t>d5aba8f4-3651-4ffb-b5cc-b8abaa8217e3.tmp</t>
  </si>
  <si>
    <t>\\acsfs\profiles$\alinepp\Downloads\d5aba8f4-3651-4ffb-b5cc-b8abaa8217e3.tmp</t>
  </si>
  <si>
    <t>a380050e-b29d-407b-adc3-bda69712d5f5.tmp</t>
  </si>
  <si>
    <t>\\acsfs\profiles$\gabrielamdp\Downloads\a380050e-b29d-407b-adc3-bda69712d5f5.tmp</t>
  </si>
  <si>
    <t>697cf7f2-cabb-47cc-b56a-d2f40495c435.tmp</t>
  </si>
  <si>
    <t>\\acsfs\profiles$\paulohaf\Downloads\697cf7f2-cabb-47cc-b56a-d2f40495c435.tmp</t>
  </si>
  <si>
    <t>93207905-9081-43ca-9102-5dcc7267b3cc.tmp</t>
  </si>
  <si>
    <t>\\acsfs\profiles$\paulohaf\Downloads\93207905-9081-43ca-9102-5dcc7267b3cc.tmp</t>
  </si>
  <si>
    <t>0e62e56e-0ba9-4753-a7fc-eabe630057e5.tmp</t>
  </si>
  <si>
    <t>\\acsfs\profiles$\brendadsl\Downloads\0e62e56e-0ba9-4753-a7fc-eabe630057e5.tmp</t>
  </si>
  <si>
    <t>ecbd8241-b9d6-4b33-8feb-5d6c3d77022e.tmp</t>
  </si>
  <si>
    <t>\\acsfs\profiles$\paulohaf\Downloads\ecbd8241-b9d6-4b33-8feb-5d6c3d77022e.tmp</t>
  </si>
  <si>
    <t>42a86633-d9e0-4e4d-91d4-1cf785b962ad.tmp</t>
  </si>
  <si>
    <t>\\acsfs\profiles$\KARENJSS\Downloads\42a86633-d9e0-4e4d-91d4-1cf785b962ad.tmp</t>
  </si>
  <si>
    <t>ulog_AcroARM2_ARM2Update_a9473871-eb7b-4719-ba46-35125c58e0e7_fb92db0d-6aa0-4afa-8172-0f4f794068d4_0.log</t>
  </si>
  <si>
    <t>C:\Users\davimvs\AppData\Roaming\Adobe\LogTransport2\Logs\ulog_AcroARM2_ARM2Update_a9473871-eb7b-4719-ba46-35125c58e0e7_fb92db0d-6aa0-4afa-8172-0f4f794068d4_0.log\</t>
  </si>
  <si>
    <t>ulog_AcroARM2_Reader_a9473871-eb7b-4719-ba46-35125c58e0e7_52bbe138-7262-401e-8ee8-8ad5c62f3165_0.log</t>
  </si>
  <si>
    <t>C:\Users\davimvs\AppData\Roaming\Adobe\LogTransport2\Logs\ulog_AcroARM2_Reader_a9473871-eb7b-4719-ba46-35125c58e0e7_52bbe138-7262-401e-8ee8-8ad5c62f3165_0.log\</t>
  </si>
  <si>
    <t>ulog_AcroARM2_Reader_a9473871-eb7b-4719-ba46-35125c58e0e7_d96fa0c2-558b-4eac-9871-eb7af55572f4_0.log</t>
  </si>
  <si>
    <t>C:\Users\davimvs\AppData\Roaming\Adobe\LogTransport2\Logs\ulog_AcroARM2_Reader_a9473871-eb7b-4719-ba46-35125c58e0e7_d96fa0c2-558b-4eac-9871-eb7af55572f4_0.log\</t>
  </si>
  <si>
    <t>12/13/2019 00:03:20</t>
  </si>
  <si>
    <t>12/13/2019 00:03:43</t>
  </si>
  <si>
    <t>12/13/2019 00:02:35</t>
  </si>
  <si>
    <t>12/13/2019 00:07:43</t>
  </si>
  <si>
    <t>12/13/2019 00:07:33</t>
  </si>
  <si>
    <t>12/13/2019 00:08:43</t>
  </si>
  <si>
    <t>12/13/2019 00:07:55</t>
  </si>
  <si>
    <t>12/13/2019 00:09:43</t>
  </si>
  <si>
    <t>12/13/2019 00:07:52</t>
  </si>
  <si>
    <t>12/13/2019 00:11:08</t>
  </si>
  <si>
    <t>12/13/2019 00:12:43</t>
  </si>
  <si>
    <t>12/13/2019 00:10:27</t>
  </si>
  <si>
    <t>12/13/2019 00:14:43</t>
  </si>
  <si>
    <t>12/13/2019 00:12:01</t>
  </si>
  <si>
    <t>12/13/2019 00:11:07</t>
  </si>
  <si>
    <t>12/13/2019 00:15:43</t>
  </si>
  <si>
    <t>12/13/2019 00:13:18</t>
  </si>
  <si>
    <t>12/13/2019 00:18:43</t>
  </si>
  <si>
    <t>12/13/2019 00:15:52</t>
  </si>
  <si>
    <t>12/13/2019 00:20:43</t>
  </si>
  <si>
    <t>12/13/2019 00:25:42</t>
  </si>
  <si>
    <t>12/13/2019 00:29:03</t>
  </si>
  <si>
    <t>12/13/2019 00:29:43</t>
  </si>
  <si>
    <t>12/13/2019 00:28:24</t>
  </si>
  <si>
    <t>12/13/2019 00:33:43</t>
  </si>
  <si>
    <t>12/13/2019 00:32:42</t>
  </si>
  <si>
    <t>12/13/2019 00:36:36</t>
  </si>
  <si>
    <t>12/13/2019 00:39:42</t>
  </si>
  <si>
    <t>12/13/2019 00:55:01</t>
  </si>
  <si>
    <t>12/13/2019 00:58:43</t>
  </si>
  <si>
    <t>12/13/2019 00:57:13</t>
  </si>
  <si>
    <t>12/13/2019 00:59:43</t>
  </si>
  <si>
    <t>12/13/2019 01:00:37</t>
  </si>
  <si>
    <t>12/13/2019 01:12:42</t>
  </si>
  <si>
    <t>12/13/2019 01:14:19</t>
  </si>
  <si>
    <t>12/13/2019 01:14:42</t>
  </si>
  <si>
    <t>12/13/2019 01:15:43</t>
  </si>
  <si>
    <t>12/13/2019 01:16:49</t>
  </si>
  <si>
    <t>12/13/2019 01:19:43</t>
  </si>
  <si>
    <t>12/13/2019 01:38:53</t>
  </si>
  <si>
    <t>12/13/2019 01:43:44</t>
  </si>
  <si>
    <t>12/13/2019 02:03:32</t>
  </si>
  <si>
    <t>12/13/2019 02:05:43</t>
  </si>
  <si>
    <t>ulog_AcroARM2_ARM2Update_a9473871-eb7b-4719-ba46-35125c58e0e7_865376e9-30c8-460a-ad2d-42d89b72b3d7_0.log</t>
  </si>
  <si>
    <t>C:\Users\davimvs\AppData\Roaming\Adobe\LogTransport2\Logs\ulog_AcroARM2_ARM2Update_a9473871-eb7b-4719-ba46-35125c58e0e7_865376e9-30c8-460a-ad2d-42d89b72b3d7_0.log\</t>
  </si>
  <si>
    <t>ulog_AcroARM2_Reader_a9473871-eb7b-4719-ba46-35125c58e0e7_c479ecfd-812b-4b83-ad6e-74861c545cb8_0.log</t>
  </si>
  <si>
    <t>C:\Users\davimvs\AppData\Roaming\Adobe\LogTransport2\Logs\ulog_AcroARM2_Reader_a9473871-eb7b-4719-ba46-35125c58e0e7_c479ecfd-812b-4b83-ad6e-74861c545cb8_0.log\</t>
  </si>
  <si>
    <t>ulog_AcroARM2_Reader_a9473871-eb7b-4719-ba46-35125c58e0e7_e0f29631-d12e-48ea-8dd8-98161063ce1a_0.log</t>
  </si>
  <si>
    <t>C:\Users\davimvs\AppData\Roaming\Adobe\LogTransport2\Logs\ulog_AcroARM2_Reader_a9473871-eb7b-4719-ba46-35125c58e0e7_e0f29631-d12e-48ea-8dd8-98161063ce1a_0.log\</t>
  </si>
  <si>
    <t>12/13/2019 02:04:37</t>
  </si>
  <si>
    <t>12/13/2019 02:09:42</t>
  </si>
  <si>
    <t>12/13/2019 02:10:01</t>
  </si>
  <si>
    <t>12/13/2019 02:12:43</t>
  </si>
  <si>
    <t>12/13/2019 02:11:36</t>
  </si>
  <si>
    <t>12/13/2019 02:15:43</t>
  </si>
  <si>
    <t>12/13/2019 02:30:53</t>
  </si>
  <si>
    <t>12/13/2019 02:32:42</t>
  </si>
  <si>
    <t>12/13/2019 02:31:37</t>
  </si>
  <si>
    <t>12/13/2019 02:34:42</t>
  </si>
  <si>
    <t>12/13/2019 03:07:28</t>
  </si>
  <si>
    <t>12/13/2019 03:10:44</t>
  </si>
  <si>
    <t>12/13/2019 03:11:30</t>
  </si>
  <si>
    <t>12/13/2019 03:13:45</t>
  </si>
  <si>
    <t>12/13/2019 03:27:38</t>
  </si>
  <si>
    <t>12/13/2019 03:28:44</t>
  </si>
  <si>
    <t>12/13/2019 03:27:45</t>
  </si>
  <si>
    <t>12/13/2019 03:30:44</t>
  </si>
  <si>
    <t>12/13/2019 03:29:30</t>
  </si>
  <si>
    <t>12/13/2019 03:34:44</t>
  </si>
  <si>
    <t>12/13/2019 03:36:44</t>
  </si>
  <si>
    <t>12/13/2019 03:38:43</t>
  </si>
  <si>
    <t>12/13/2019 03:38:42</t>
  </si>
  <si>
    <t>12/13/2019 03:40:44</t>
  </si>
  <si>
    <t>12/13/2019 03:40:32</t>
  </si>
  <si>
    <t>12/13/2019 03:43:43</t>
  </si>
  <si>
    <t>12/13/2019 03:42:01</t>
  </si>
  <si>
    <t>12/13/2019 03:44:43</t>
  </si>
  <si>
    <t>12/13/2019 03:40:58</t>
  </si>
  <si>
    <t>12/13/2019 03:43:21</t>
  </si>
  <si>
    <t>12/13/2019 03:48:43</t>
  </si>
  <si>
    <t>12/13/2019 03:52:11</t>
  </si>
  <si>
    <t>12/13/2019 03:54:44</t>
  </si>
  <si>
    <t>12/13/2019 03:54:47</t>
  </si>
  <si>
    <t>12/13/2019 03:58:43</t>
  </si>
  <si>
    <t>12/13/2019 03:56:37</t>
  </si>
  <si>
    <t>12/13/2019 03:56:24</t>
  </si>
  <si>
    <t>12/13/2019 04:00:44</t>
  </si>
  <si>
    <t>12/13/2019 04:00:43</t>
  </si>
  <si>
    <t>12/13/2019 04:04:44</t>
  </si>
  <si>
    <t>12/13/2019 04:03:13</t>
  </si>
  <si>
    <t>12/13/2019 04:08:43</t>
  </si>
  <si>
    <t>12/13/2019 04:10:38</t>
  </si>
  <si>
    <t>12/13/2019 04:13:44</t>
  </si>
  <si>
    <t>12/13/2019 04:24:53</t>
  </si>
  <si>
    <t>12/13/2019 04:25:44</t>
  </si>
  <si>
    <t>12/13/2019 04:26:55</t>
  </si>
  <si>
    <t>12/13/2019 04:28:43</t>
  </si>
  <si>
    <t>12/13/2019 04:26:13</t>
  </si>
  <si>
    <t>12/13/2019 04:29:44</t>
  </si>
  <si>
    <t>12/13/2019 04:25:22</t>
  </si>
  <si>
    <t>12/13/2019 04:30:43</t>
  </si>
  <si>
    <t>12/13/2019 04:31:25</t>
  </si>
  <si>
    <t>12/13/2019 04:34:44</t>
  </si>
  <si>
    <t>12/13/2019 04:37:56</t>
  </si>
  <si>
    <t>12/13/2019 04:38:43</t>
  </si>
  <si>
    <t>12/13/2019 04:40:43</t>
  </si>
  <si>
    <t>12/13/2019 04:40:25</t>
  </si>
  <si>
    <t>12/13/2019 04:45:43</t>
  </si>
  <si>
    <t>12/13/2019 04:46:13</t>
  </si>
  <si>
    <t>12/13/2019 04:48:44</t>
  </si>
  <si>
    <t>12/13/2019 04:51:05</t>
  </si>
  <si>
    <t>12/13/2019 04:54:44</t>
  </si>
  <si>
    <t>12/13/2019 04:55:10</t>
  </si>
  <si>
    <t>12/13/2019 04:57:44</t>
  </si>
  <si>
    <t>12/13/2019 05:16:56</t>
  </si>
  <si>
    <t>12/13/2019 05:19:45</t>
  </si>
  <si>
    <t>12/13/2019 05:22:37</t>
  </si>
  <si>
    <t>12/13/2019 05:25:44</t>
  </si>
  <si>
    <t>12/13/2019 05:26:38</t>
  </si>
  <si>
    <t>12/13/2019 05:28:44</t>
  </si>
  <si>
    <t>12/13/2019 05:34:03</t>
  </si>
  <si>
    <t>12/13/2019 05:35:44</t>
  </si>
  <si>
    <t>ulog_AcroARM2_ARM2Update_a9473871-eb7b-4719-ba46-35125c58e0e7_be0005b6-25f6-44e6-b368-a88cef11ac18_0.log</t>
  </si>
  <si>
    <t>C:\Users\davimvs\AppData\Roaming\Adobe\LogTransport2\Logs\ulog_AcroARM2_ARM2Update_a9473871-eb7b-4719-ba46-35125c58e0e7_be0005b6-25f6-44e6-b368-a88cef11ac18_0.log\</t>
  </si>
  <si>
    <t>ulog_AcroARM2_Reader_a9473871-eb7b-4719-ba46-35125c58e0e7_54d0478c-128d-4301-87c0-cbe533e8ef76_0.log</t>
  </si>
  <si>
    <t>C:\Users\davimvs\AppData\Roaming\Adobe\LogTransport2\Logs\ulog_AcroARM2_Reader_a9473871-eb7b-4719-ba46-35125c58e0e7_54d0478c-128d-4301-87c0-cbe533e8ef76_0.log\</t>
  </si>
  <si>
    <t>ulog_AcroARM2_Reader_a9473871-eb7b-4719-ba46-35125c58e0e7_c2bd32bc-359b-4bde-9516-89686dbd38f0_0.log</t>
  </si>
  <si>
    <t>C:\Users\davimvs\AppData\Roaming\Adobe\LogTransport2\Logs\ulog_AcroARM2_Reader_a9473871-eb7b-4719-ba46-35125c58e0e7_c2bd32bc-359b-4bde-9516-89686dbd38f0_0.log\</t>
  </si>
  <si>
    <t>12/13/2019 05:40:20</t>
  </si>
  <si>
    <t>12/13/2019 05:44:43</t>
  </si>
  <si>
    <t>12/13/2019 05:54:59</t>
  </si>
  <si>
    <t>12/13/2019 05:59:44</t>
  </si>
  <si>
    <t>12/13/2019 06:11:14</t>
  </si>
  <si>
    <t>12/13/2019 06:12:45</t>
  </si>
  <si>
    <t>12/13/2019 06:26:07</t>
  </si>
  <si>
    <t>12/13/2019 06:29:44</t>
  </si>
  <si>
    <t>12/13/2019 06:35:54</t>
  </si>
  <si>
    <t>12/13/2019 06:39:44</t>
  </si>
  <si>
    <t>12/13/2019 06:42:01</t>
  </si>
  <si>
    <t>12/13/2019 06:44:44</t>
  </si>
  <si>
    <t>12/13/2019 06:49:16</t>
  </si>
  <si>
    <t>12/13/2019 06:53:44</t>
  </si>
  <si>
    <t>12/13/2019 06:53:22</t>
  </si>
  <si>
    <t>12/13/2019 06:56:44</t>
  </si>
  <si>
    <t>12/13/2019 06:54:43</t>
  </si>
  <si>
    <t>12/13/2019 06:57:43</t>
  </si>
  <si>
    <t>\\acsfs\profiles$\jessykacal\Favorites\citrix.url\</t>
  </si>
  <si>
    <t>\\acsfs\profiles$\jessykacal\Favorites\citrix.url\:favicon:$DATA</t>
  </si>
  <si>
    <t>\\acsfs\profiles$\jessykacal\Favorites\citrix.url</t>
  </si>
  <si>
    <t>12/13/2019 06:58:04</t>
  </si>
  <si>
    <t>12/13/2019 07:02:43</t>
  </si>
  <si>
    <t>12/13/2019 07:04:19</t>
  </si>
  <si>
    <t>12/13/2019 07:06:43</t>
  </si>
  <si>
    <t>https://outlook.office365.com/owa/qualidadealgarbv@algartech.com/service.svc?action=updateitem&amp;app=mail&amp;n=95</t>
  </si>
  <si>
    <t>12/13/2019 07:04:47</t>
  </si>
  <si>
    <t>https://outlook.office365.com/owa/qualidadealgarbv@algartech.com/service.svc?action=updateitem&amp;app=mail&amp;n=101</t>
  </si>
  <si>
    <t>12/13/2019 07:05:17</t>
  </si>
  <si>
    <t>https://outlook.office365.com/owa/qualidadealgarbv@algartech.com/service.svc?action=updateitem&amp;app=mail&amp;n=104</t>
  </si>
  <si>
    <t>12/13/2019 07:02:12</t>
  </si>
  <si>
    <t>12/13/2019 07:04:05</t>
  </si>
  <si>
    <t>12/13/2019 07:09:43</t>
  </si>
  <si>
    <t>12/13/2019 07:04:06</t>
  </si>
  <si>
    <t>12/13/2019 07:04:07</t>
  </si>
  <si>
    <t>12/13/2019 07:04:08</t>
  </si>
  <si>
    <t>12/13/2019 07:04:22</t>
  </si>
  <si>
    <t>12/13/2019 07:04:23</t>
  </si>
  <si>
    <t>12/13/2019 07:04:24</t>
  </si>
  <si>
    <t>12/13/2019 07:04:26</t>
  </si>
  <si>
    <t>12/13/2019 07:04:27</t>
  </si>
  <si>
    <t>12/13/2019 07:04:30</t>
  </si>
  <si>
    <t>12/13/2019 07:04:44</t>
  </si>
  <si>
    <t>12/13/2019 07:04:45</t>
  </si>
  <si>
    <t>12/13/2019 07:04:54</t>
  </si>
  <si>
    <t>12/13/2019 07:05:00</t>
  </si>
  <si>
    <t>12/13/2019 07:05:47</t>
  </si>
  <si>
    <t>12/13/2019 07:11:43</t>
  </si>
  <si>
    <t>https://outlook.office365.com/owa/qualidadealgarbv@algartech.com/service.svc?action=updateitem&amp;app=mail&amp;n=106</t>
  </si>
  <si>
    <t>12/13/2019 07:06:17</t>
  </si>
  <si>
    <t>https://outlook.office365.com/owa/qualidadealgarbv@algartech.com/service.svc?action=updateitem&amp;app=mail&amp;n=111</t>
  </si>
  <si>
    <t>12/13/2019 07:06:46</t>
  </si>
  <si>
    <t>https://outlook.office365.com/owa/qualidadealgarbv@algartech.com/service.svc?action=updateitem&amp;app=mail&amp;n=119</t>
  </si>
  <si>
    <t>12/13/2019 07:07:16</t>
  </si>
  <si>
    <t>https://outlook.office365.com/owa/qualidadealgarbv@algartech.com/service.svc?action=updateitem&amp;app=mail&amp;n=127</t>
  </si>
  <si>
    <t>12/13/2019 07:07:46</t>
  </si>
  <si>
    <t>https://outlook.office365.com/owa/qualidadealgarbv@algartech.com/service.svc?action=updateitem&amp;app=mail&amp;n=135</t>
  </si>
  <si>
    <t>12/13/2019 07:09:40</t>
  </si>
  <si>
    <t>12/13/2019 07:14:43</t>
  </si>
  <si>
    <t>12/13/2019 07:10:40</t>
  </si>
  <si>
    <t>12/13/2019 07:12:28</t>
  </si>
  <si>
    <t>12/13/2019 07:16:44</t>
  </si>
  <si>
    <t>12/13/2019 07:12:31</t>
  </si>
  <si>
    <t>12/13/2019 07:13:45</t>
  </si>
  <si>
    <t>0a45daf7-1a79-4529-802c-340f3fda3905.tmp</t>
  </si>
  <si>
    <t>\\acsfs\profiles$\deboraaa\Downloads\0a45daf7-1a79-4529-802c-340f3fda3905.tmp</t>
  </si>
  <si>
    <t>12/13/2019 07:15:21</t>
  </si>
  <si>
    <t>2e4e86dd-ca32-402f-b853-0c3183dcce82.tmp</t>
  </si>
  <si>
    <t>\\acsfs\profiles$\deboraaa\Downloads\2e4e86dd-ca32-402f-b853-0c3183dcce82.tmp</t>
  </si>
  <si>
    <t>12/13/2019 07:14:10</t>
  </si>
  <si>
    <t>12/13/2019 07:17:43</t>
  </si>
  <si>
    <t>12/13/2019 07:16:54</t>
  </si>
  <si>
    <t>12/13/2019 07:16:05</t>
  </si>
  <si>
    <t>12/13/2019 07:18:44</t>
  </si>
  <si>
    <t>12/13/2019 07:15:40</t>
  </si>
  <si>
    <t>12/13/2019 07:19:43</t>
  </si>
  <si>
    <t>12/13/2019 07:16:40</t>
  </si>
  <si>
    <t>12/13/2019 07:16:46</t>
  </si>
  <si>
    <t>12/13/2019 07:21:44</t>
  </si>
  <si>
    <t>7cd58d0f-e816-495e-828f-f20163dc9dcd.tmp</t>
  </si>
  <si>
    <t>\\acsfs\profiles$\deboraaa\Downloads\7cd58d0f-e816-495e-828f-f20163dc9dcd.tmp</t>
  </si>
  <si>
    <t>12/13/2019 07:21:40</t>
  </si>
  <si>
    <t>12/13/2019 07:24:44</t>
  </si>
  <si>
    <t>12/13/2019 07:22:40</t>
  </si>
  <si>
    <t>12/13/2019 07:19:36</t>
  </si>
  <si>
    <t>12/13/2019 07:25:44</t>
  </si>
  <si>
    <t>\\acsfs\DEPTOS\Operacao\Banco_Votorantim\Qualidade\Anderson\ALERTA DE ATENDIMENTO (2).xlsx\</t>
  </si>
  <si>
    <t>\\acsfs\DEPTOS\Operacao\Banco_Votorantim\Qualidade\Anderson\ALERTA DE ATENDIMENTO (2).xlsx</t>
  </si>
  <si>
    <t>hdphoto3.wdp</t>
  </si>
  <si>
    <t>hdphoto4.wdp</t>
  </si>
  <si>
    <t>hdphoto5.wdp</t>
  </si>
  <si>
    <t>hdphoto6.wdp</t>
  </si>
  <si>
    <t>\\acsfs\DEPTOS\Operacao\Banco_Votorantim\Qualidade\Anderson\</t>
  </si>
  <si>
    <t>ALERTA DE ATENDIMENTO (2).xlsx</t>
  </si>
  <si>
    <t>12/13/2019 07:19:47</t>
  </si>
  <si>
    <t>12/13/2019 07:22:19</t>
  </si>
  <si>
    <t>12/13/2019 07:26:44</t>
  </si>
  <si>
    <t>7f0dd617-8a62-490c-8a04-f87ca8a20c0a.tmp</t>
  </si>
  <si>
    <t>\\acsfs\profiles$\deboraaa\Downloads\7f0dd617-8a62-490c-8a04-f87ca8a20c0a.tmp</t>
  </si>
  <si>
    <t>12/13/2019 07:23:09</t>
  </si>
  <si>
    <t>12/13/2019 07:27:45</t>
  </si>
  <si>
    <t>/o=exchangelabs/ou=exchange administrative group (fydibohf23spdlt)/cn=recipients/cn=5cff907b7abb465c8dbe10257a462656-diego iure;/o=exchangelabs/ou=exchange administrative group (fydibohf23spdlt)/cn=recipients/cn=aff8c3b9538840fe9b9778861292fbea-everton pau;/o=exchangelabs/ou=exchange administrative group (fydibohf23spdlt)/cn=recipients/cn=f00c439d0d474c0586a503a0209ed1f2-bruno wande;diegoiao@algartech.com.br;juliogp@algartech.com.br;patriciaars@algartech.com;</t>
  </si>
  <si>
    <t>RES: Dúvidas</t>
  </si>
  <si>
    <t>01 - Dimensionamento SAC.xlsm</t>
  </si>
  <si>
    <t>/o=exchangelabs/ou=exchange administrative group (fydibohf23spdlt)/cn=recipients/cn=5cff907b7abb465c8dbe10257a462656-diego iure,/o=exchangelabs/ou=exchange administrative group (fydibohf23spdlt)/cn=recipients/cn=aff8c3b9538840fe9b9778861292fbea-everton pau,/o=exchangelabs/ou=exchange administrative group (fydibohf23spdlt)/cn=recipients/cn=f00c439d0d474c0586a503a0209ed1f2-bruno wande,diegoiao@algartech.com.br,juliogp@algartech.com.br,patriciaars@algartech.com</t>
  </si>
  <si>
    <t>12/13/2019 07:28:08</t>
  </si>
  <si>
    <t>12/13/2019 07:29:44</t>
  </si>
  <si>
    <t>12/13/2019 07:26:03</t>
  </si>
  <si>
    <t>7d551e54-3deb-489e-84e6-74d5e626155b.tmp</t>
  </si>
  <si>
    <t>\\acsfs\profiles$\sarahbal\Downloads\7d551e54-3deb-489e-84e6-74d5e626155b.tmp</t>
  </si>
  <si>
    <t>12/13/2019 07:26:12</t>
  </si>
  <si>
    <t>e932ebca-f4ef-4afd-9c24-dd54ef4201b5.tmp</t>
  </si>
  <si>
    <t>\\acsfs\profiles$\sarahbal\Downloads\e932ebca-f4ef-4afd-9c24-dd54ef4201b5.tmp</t>
  </si>
  <si>
    <t>12/13/2019 07:27:20</t>
  </si>
  <si>
    <t>2d3d1e6d-608e-4510-9a38-bc705dab6b98.tmp</t>
  </si>
  <si>
    <t>\\acsfs\profiles$\sarahbal\Downloads\2d3d1e6d-608e-4510-9a38-bc705dab6b98.tmp</t>
  </si>
  <si>
    <t>12/13/2019 07:28:02</t>
  </si>
  <si>
    <t>c32ff7d0-91e0-4c18-a4a4-8ec0e4885370.tmp</t>
  </si>
  <si>
    <t>\\acsfs\profiles$\sarahbal\Downloads\c32ff7d0-91e0-4c18-a4a4-8ec0e4885370.tmp</t>
  </si>
  <si>
    <t>12/13/2019 07:27:40</t>
  </si>
  <si>
    <t>12/13/2019 07:28:40</t>
  </si>
  <si>
    <t>12/13/2019 07:29:47</t>
  </si>
  <si>
    <t>12/13/2019 07:31:44</t>
  </si>
  <si>
    <t>b5408a0a-c0d4-4f6a-84ef-f40bc51e5955.tmp</t>
  </si>
  <si>
    <t>\\acsfs\profiles$\deboraaa\Downloads\b5408a0a-c0d4-4f6a-84ef-f40bc51e5955.tmp</t>
  </si>
  <si>
    <t>12/13/2019 07:28:46</t>
  </si>
  <si>
    <t>12/13/2019 07:33:44</t>
  </si>
  <si>
    <t>12/13/2019 07:30:40</t>
  </si>
  <si>
    <t>12/13/2019 07:31:04</t>
  </si>
  <si>
    <t>12/13/2019 07:34:45</t>
  </si>
  <si>
    <t>12/13/2019 07:29:34</t>
  </si>
  <si>
    <t>75ebfac8-6570-4da0-b188-250b02bc283e.tmp</t>
  </si>
  <si>
    <t>\\acsfs\profiles$\cintiadcf\Downloads\75ebfac8-6570-4da0-b188-250b02bc283e.tmp</t>
  </si>
  <si>
    <t>12/13/2019 07:29:43</t>
  </si>
  <si>
    <t>eb423e8f-a54c-4db1-b526-062e08175fc4.tmp</t>
  </si>
  <si>
    <t>\\acsfs\profiles$\cintiadcf\Downloads\eb423e8f-a54c-4db1-b526-062e08175fc4.tmp</t>
  </si>
  <si>
    <t>1406e5b5-1451-4f1d-a3b1-893f36a42ad0.tmp</t>
  </si>
  <si>
    <t>\\acsfs\profiles$\cintiadcf\Downloads\1406e5b5-1451-4f1d-a3b1-893f36a42ad0.tmp</t>
  </si>
  <si>
    <t>12/13/2019 07:33:40</t>
  </si>
  <si>
    <t>12/13/2019 07:36:24</t>
  </si>
  <si>
    <t>12/13/2019 07:38:44</t>
  </si>
  <si>
    <t>a860de67-9a6f-4218-bab4-f607b1e7064e.tmp</t>
  </si>
  <si>
    <t>\\acsfs\profiles$\deborahsi\Downloads\a860de67-9a6f-4218-bab4-f607b1e7064e.tmp</t>
  </si>
  <si>
    <t>12/13/2019 07:37:14</t>
  </si>
  <si>
    <t>f17fd2f4-6f74-47fb-9bd9-6269307ecc0a.tmp</t>
  </si>
  <si>
    <t>\\acsfs\profiles$\deborahsi\Downloads\f17fd2f4-6f74-47fb-9bd9-6269307ecc0a.tmp</t>
  </si>
  <si>
    <t>12/13/2019 07:34:40</t>
  </si>
  <si>
    <t>12/13/2019 07:39:44</t>
  </si>
  <si>
    <t>12/13/2019 07:39:08</t>
  </si>
  <si>
    <t>12/13/2019 07:42:44</t>
  </si>
  <si>
    <t>12/13/2019 07:41:05</t>
  </si>
  <si>
    <t>12/13/2019 07:44:44</t>
  </si>
  <si>
    <t>12/13/2019 07:39:40</t>
  </si>
  <si>
    <t>12/13/2019 07:40:40</t>
  </si>
  <si>
    <t>12/13/2019 07:40:33</t>
  </si>
  <si>
    <t>12/13/2019 07:45:44</t>
  </si>
  <si>
    <t>12/13/2019 07:41:37</t>
  </si>
  <si>
    <t>Tréplica 4° ciclo NOVEMBRO.txt</t>
  </si>
  <si>
    <t>\\acsfs\DEPTOS\Operacao\Banco_Votorantim\Qualidade\Eliane\Tréplica NOVEMBRO\Tréplica 4° ciclo NOVEMBRO.txt</t>
  </si>
  <si>
    <t>12/13/2019 07:43:20</t>
  </si>
  <si>
    <t>12/13/2019 07:46:44</t>
  </si>
  <si>
    <t>12/13/2019 07:43:30</t>
  </si>
  <si>
    <t>12/13/2019 07:43:08</t>
  </si>
  <si>
    <t>12/13/2019 07:47:44</t>
  </si>
  <si>
    <t>12/13/2019 07:47:11</t>
  </si>
  <si>
    <t>12/13/2019 07:48:44</t>
  </si>
  <si>
    <t>6871c7cf-ab04-4c2e-aa89-b92d411613ed.tmp</t>
  </si>
  <si>
    <t>\\acsfs\profiles$\deborahsi\Downloads\6871c7cf-ab04-4c2e-aa89-b92d411613ed.tmp</t>
  </si>
  <si>
    <t>12/13/2019 07:46:52</t>
  </si>
  <si>
    <t>12/13/2019 07:49:44</t>
  </si>
  <si>
    <t>12/13/2019 07:45:40</t>
  </si>
  <si>
    <t>12/13/2019 07:46:40</t>
  </si>
  <si>
    <t>12/13/2019 07:49:57</t>
  </si>
  <si>
    <t>12/13/2019 07:52:44</t>
  </si>
  <si>
    <t>12/13/2019 07:51:52</t>
  </si>
  <si>
    <t>64767086-0cc0-4e52-97fe-c91276f15286.tmp</t>
  </si>
  <si>
    <t>\\acsfs\profiles$\marcellewdl\Downloads\64767086-0cc0-4e52-97fe-c91276f15286.tmp</t>
  </si>
  <si>
    <t>12/13/2019 07:49:16</t>
  </si>
  <si>
    <t>12/13/2019 07:53:44</t>
  </si>
  <si>
    <t>84fa913f-6b41-43bb-b13f-19823d720222.tmp</t>
  </si>
  <si>
    <t>\\acsfs\profiles$\deborahsi\Downloads\84fa913f-6b41-43bb-b13f-19823d720222.tmp</t>
  </si>
  <si>
    <t>12/13/2019 07:51:18</t>
  </si>
  <si>
    <t>12/13/2019 07:54:44</t>
  </si>
  <si>
    <t>12/13/2019 07:51:40</t>
  </si>
  <si>
    <t>12/13/2019 07:52:40</t>
  </si>
  <si>
    <t>12/13/2019 07:51:05</t>
  </si>
  <si>
    <t>12/13/2019 07:55:45</t>
  </si>
  <si>
    <t>12/13/2019 07:51:57</t>
  </si>
  <si>
    <t>7ab30f2d-fffe-41b0-9af9-a5ab1aadaeee.tmp</t>
  </si>
  <si>
    <t>\\acsfs\profiles$\felipetds\Downloads\7ab30f2d-fffe-41b0-9af9-a5ab1aadaeee.tmp</t>
  </si>
  <si>
    <t>12/13/2019 07:52:41</t>
  </si>
  <si>
    <t>12/13/2019 07:56:44</t>
  </si>
  <si>
    <t>mail.google.com/_/upload?authuser=0&amp;dcp=asu-n&amp;upload_id=AEnB2Uo8kpUbyuQTQRd3ggkHZbcvo6OZ9INw0w5U5GqDXiT4KlDZbeaMjtNYNCVqRONYttSRMQnySlmRI5S6q-4Z9oaci6R1Rw&amp;upload_protocol=resumable</t>
  </si>
  <si>
    <t>12/13/2019 07:53:13</t>
  </si>
  <si>
    <t>12/13/2019 07:57:45</t>
  </si>
  <si>
    <t>12/13/2019 07:56:08</t>
  </si>
  <si>
    <t>f907e241-efd9-4056-825c-e72726c1d896.tmp</t>
  </si>
  <si>
    <t>\\acsfs\profiles$\alicecpbc\Downloads\f907e241-efd9-4056-825c-e72726c1d896.tmp</t>
  </si>
  <si>
    <t>12/13/2019 07:56:16</t>
  </si>
  <si>
    <t>a62f9edf-ba05-4796-94a7-ad80f2701596.tmp</t>
  </si>
  <si>
    <t>\\acsfs\profiles$\alicecpbc\Downloads\a62f9edf-ba05-4796-94a7-ad80f2701596.tmp</t>
  </si>
  <si>
    <t>12/13/2019 07:53:16</t>
  </si>
  <si>
    <t>46c0d5c7-144a-4702-985e-04fb20923395.tmp</t>
  </si>
  <si>
    <t>\\acsfs\profiles$\marcellewdl\Downloads\46c0d5c7-144a-4702-985e-04fb20923395.tmp</t>
  </si>
  <si>
    <t>12/13/2019 07:55:32</t>
  </si>
  <si>
    <t>12/13/2019 07:58:44</t>
  </si>
  <si>
    <t>12/13/2019 07:56:20</t>
  </si>
  <si>
    <t>bc6eefe9-8ea9-42f9-ae8a-7aff6b985388.tmp</t>
  </si>
  <si>
    <t>\\acsfs\profiles$\raicabog\Downloads\bc6eefe9-8ea9-42f9-ae8a-7aff6b985388.tmp</t>
  </si>
  <si>
    <t>12/13/2019 07:56:46</t>
  </si>
  <si>
    <t>9697e15b-d281-414b-b34c-873e922deb80.tmp</t>
  </si>
  <si>
    <t>\\acsfs\profiles$\raicabog\Downloads\9697e15b-d281-414b-b34c-873e922deb80.tmp</t>
  </si>
  <si>
    <t>12/13/2019 07:57:24</t>
  </si>
  <si>
    <t>edb2c899-9f51-40ab-bd56-ef7fb116a5bb.tmp</t>
  </si>
  <si>
    <t>\\acsfs\profiles$\raicabog\Downloads\edb2c899-9f51-40ab-bd56-ef7fb116a5bb.tmp</t>
  </si>
  <si>
    <t>12/13/2019 07:57:40</t>
  </si>
  <si>
    <t>12/13/2019 07:59:45</t>
  </si>
  <si>
    <t>12/13/2019 07:58:40</t>
  </si>
  <si>
    <t>12/13/2019 07:55:43</t>
  </si>
  <si>
    <t>12/13/2019 08:00:44</t>
  </si>
  <si>
    <t>a6902b40-ce1d-4856-9ac0-54cba4478c45.tmp</t>
  </si>
  <si>
    <t>\\acsfs\profiles$\paulovadc\Downloads\a6902b40-ce1d-4856-9ac0-54cba4478c45.tmp</t>
  </si>
  <si>
    <t>12/13/2019 07:57:25</t>
  </si>
  <si>
    <t>d517ae31-0b51-4349-bb90-ebbacf20efbb.tmp</t>
  </si>
  <si>
    <t>\\acsfs\profiles$\paulovadc\Downloads\d517ae31-0b51-4349-bb90-ebbacf20efbb.tmp</t>
  </si>
  <si>
    <t>12/13/2019 08:00:05</t>
  </si>
  <si>
    <t>ulog_AcroARM2_Reader_22bb18ef-a0cc-4985-b2f1-d8449a05e1d0_94de0d76-7e54-4cd0-a6bf-993ded6d2494_0.log</t>
  </si>
  <si>
    <t>C:\Users\Jordanarb\AppData\Roaming\Adobe\LogTransport2\Logs\ulog_AcroARM2_Reader_22bb18ef-a0cc-4985-b2f1-d8449a05e1d0_94de0d76-7e54-4cd0-a6bf-993ded6d2494_0.log\</t>
  </si>
  <si>
    <t>12/13/2019 07:57:17</t>
  </si>
  <si>
    <t>12/13/2019 08:01:45</t>
  </si>
  <si>
    <t>12/13/2019 07:59:58</t>
  </si>
  <si>
    <t>12/13/2019 08:03:45</t>
  </si>
  <si>
    <t>12/13/2019 08:00:51</t>
  </si>
  <si>
    <t>50d2fa98-2e56-4519-8848-3f8b6cc79774.tmp</t>
  </si>
  <si>
    <t>\\acsfs\profiles$\dhiulliananads\Downloads\50d2fa98-2e56-4519-8848-3f8b6cc79774.tmp</t>
  </si>
  <si>
    <t>12/13/2019 08:02:16</t>
  </si>
  <si>
    <t>ff680037-a391-4517-b59f-1047e9060cea.tmp</t>
  </si>
  <si>
    <t>\\acsfs\profiles$\luanarda\Downloads\ff680037-a391-4517-b59f-1047e9060cea.tmp</t>
  </si>
  <si>
    <t>12/13/2019 07:59:29</t>
  </si>
  <si>
    <t>12/13/2019 08:04:44</t>
  </si>
  <si>
    <t>77f8e9ef-8e0e-4963-9795-425325cc5e34.tmp</t>
  </si>
  <si>
    <t>\\acsfs\profiles$\gabrielarb\Downloads\77f8e9ef-8e0e-4963-9795-425325cc5e34.tmp</t>
  </si>
  <si>
    <t>fac2cb9d-16ad-4bbc-8200-c155c5c0c5d4.tmp</t>
  </si>
  <si>
    <t>\\acsfs\profiles$\gabrielarb\Downloads\fac2cb9d-16ad-4bbc-8200-c155c5c0c5d4.tmp</t>
  </si>
  <si>
    <t>12/13/2019 08:00:20</t>
  </si>
  <si>
    <t>232f0228-5d82-49be-9b8d-694b18bab422.tmp</t>
  </si>
  <si>
    <t>\\acsfs\profiles$\gabrielarb\Downloads\232f0228-5d82-49be-9b8d-694b18bab422.tmp</t>
  </si>
  <si>
    <t>12/13/2019 08:01:23</t>
  </si>
  <si>
    <t>f61c04fc-92bd-419c-84ab-6cba7c0a27bb.tmp</t>
  </si>
  <si>
    <t>\\acsfs\profiles$\gabrielarb\Downloads\f61c04fc-92bd-419c-84ab-6cba7c0a27bb.tmp</t>
  </si>
  <si>
    <t>12/13/2019 08:03:40</t>
  </si>
  <si>
    <t>12/13/2019 08:04:36</t>
  </si>
  <si>
    <t>12/13/2019 08:05:45</t>
  </si>
  <si>
    <t>https://udpmailboxap01.acs.com.br:8443/h/search;jsessionid=xkzo0i7qyoxh19ocbqp4hnmu8?si=0&amp;so=0&amp;sc=42948&amp;st=conversation&amp;action=compose</t>
  </si>
  <si>
    <t>12/13/2019 08:02:35</t>
  </si>
  <si>
    <t>3fc3776e-5b6e-4c27-b9b3-85fd09d5d13d.tmp</t>
  </si>
  <si>
    <t>\\acsfs\profiles$\felipetds\Downloads\3fc3776e-5b6e-4c27-b9b3-85fd09d5d13d.tmp</t>
  </si>
  <si>
    <t>12/13/2019 08:03:59</t>
  </si>
  <si>
    <t>12/13/2019 08:03:28</t>
  </si>
  <si>
    <t>12/13/2019 08:03:32</t>
  </si>
  <si>
    <t>12/13/2019 08:03:37</t>
  </si>
  <si>
    <t>mail.google.com/sync/u/0/i/s?hl=pt-BR&amp;c=7</t>
  </si>
  <si>
    <t>mail.google.com/sync/u/0/i/s?hl=pt-BR&amp;c=9</t>
  </si>
  <si>
    <t>12/13/2019 08:03:43</t>
  </si>
  <si>
    <t>12/13/2019 08:04:13</t>
  </si>
  <si>
    <t>12/13/2019 08:04:17</t>
  </si>
  <si>
    <t>12/13/2019 08:04:20</t>
  </si>
  <si>
    <t>12/13/2019 08:05:06</t>
  </si>
  <si>
    <t>12/13/2019 08:05:24</t>
  </si>
  <si>
    <t>12/13/2019 08:02:25</t>
  </si>
  <si>
    <t>12/13/2019 08:06:44</t>
  </si>
  <si>
    <t>12/13/2019 08:03:30</t>
  </si>
  <si>
    <t>12/13/2019 08:08:44</t>
  </si>
  <si>
    <t>33db3b48-ebdc-449d-9b1d-f1eb7e6d3211.tmp</t>
  </si>
  <si>
    <t>\\acsfs\profiles$\dhiulliananads\Downloads\33db3b48-ebdc-449d-9b1d-f1eb7e6d3211.tmp</t>
  </si>
  <si>
    <t>12/13/2019 08:04:54</t>
  </si>
  <si>
    <t>12/13/2019 08:05:30</t>
  </si>
  <si>
    <t>12/13/2019 08:05:31</t>
  </si>
  <si>
    <t>lu17180no6zw.tmp</t>
  </si>
  <si>
    <t>\\acsfs\profiles$\dhiulliananads\My Documents\lu17180no6zw.tmp</t>
  </si>
  <si>
    <t>\\acsfs\profiles$\dhiulliananads\My Documents\lu17180no6zw.tmp\</t>
  </si>
  <si>
    <t>\\acsfs\profiles$\dhiulliananads\My Documents\lu17180no6zw.tmp\META-INF\</t>
  </si>
  <si>
    <t>\\acsfs\profiles$\dhiulliananads\My Documents\lu17180no6zw.tmp\Thumbnails\</t>
  </si>
  <si>
    <t>12/13/2019 08:05:42</t>
  </si>
  <si>
    <t>12/13/2019 08:03:24</t>
  </si>
  <si>
    <t>9aa6257b-c602-4aa7-8d39-31bcf8d9953b.tmp</t>
  </si>
  <si>
    <t>\\acsfs\profiles$\luanarda\Downloads\9aa6257b-c602-4aa7-8d39-31bcf8d9953b.tmp</t>
  </si>
  <si>
    <t>12/13/2019 08:08:11</t>
  </si>
  <si>
    <t>12/13/2019 08:07:44</t>
  </si>
  <si>
    <t>764e7b19-bd28-414f-a323-9181965323d5.tmp</t>
  </si>
  <si>
    <t>\\acsfs\profiles$\raicabog\Downloads\764e7b19-bd28-414f-a323-9181965323d5.tmp</t>
  </si>
  <si>
    <t>12/13/2019 08:04:37</t>
  </si>
  <si>
    <t>12/13/2019 08:09:44</t>
  </si>
  <si>
    <t>5fed7c71-9498-4285-85f3-52d5a4736b5f.tmp</t>
  </si>
  <si>
    <t>\\acsfs\profiles$\gabrielarb\Downloads\5fed7c71-9498-4285-85f3-52d5a4736b5f.tmp</t>
  </si>
  <si>
    <t>12/13/2019 08:04:40</t>
  </si>
  <si>
    <t>12/13/2019 08:08:32</t>
  </si>
  <si>
    <t>12/13/2019 08:10:44</t>
  </si>
  <si>
    <t>12/13/2019 08:08:42</t>
  </si>
  <si>
    <t>D:\OneDrive\AlgarTech\Pré-Vendas\Cliente\2019\Elcano\XXXX - VM Protegidas Adicionais\</t>
  </si>
  <si>
    <t>12/13/2019 08:08:43</t>
  </si>
  <si>
    <t>D:\OneDrive\AlgarTech\Pré-Vendas\Cliente\2019\Prudential\220395 - Sustentação de Storage e Backup\</t>
  </si>
  <si>
    <t>Dimensionamento do Serviço GIAT + Mon_Cog - Junho 2019_v2 (2).xlsm</t>
  </si>
  <si>
    <t>12/13/2019 08:08:20</t>
  </si>
  <si>
    <t>bb535afe-fd97-4741-b634-93708f478c3f.tmp</t>
  </si>
  <si>
    <t>\\acsfs\profiles$\paulovadc\Downloads\bb535afe-fd97-4741-b634-93708f478c3f.tmp</t>
  </si>
  <si>
    <t>12/13/2019 08:09:12</t>
  </si>
  <si>
    <t>12/13/2019 08:05:40</t>
  </si>
  <si>
    <t>12/13/2019 08:05:59</t>
  </si>
  <si>
    <t>12/13/2019 08:06:02</t>
  </si>
  <si>
    <t>12/13/2019 08:06:33</t>
  </si>
  <si>
    <t>12/13/2019 08:06:34</t>
  </si>
  <si>
    <t>12/13/2019 08:06:39</t>
  </si>
  <si>
    <t>12/13/2019 08:06:49</t>
  </si>
  <si>
    <t>12/13/2019 08:07:05</t>
  </si>
  <si>
    <t>12/13/2019 08:07:54</t>
  </si>
  <si>
    <t>12/13/2019 08:08:34</t>
  </si>
  <si>
    <t>12/13/2019 08:09:06</t>
  </si>
  <si>
    <t>mail.google.com/sync/u/0/i/s?hl=pt-BR&amp;c=51</t>
  </si>
  <si>
    <t>12/13/2019 08:09:19</t>
  </si>
  <si>
    <t>12/13/2019 08:09:53</t>
  </si>
  <si>
    <t>mail.google.com/sync/u/0/i/s?hl=pt-BR&amp;c=56</t>
  </si>
  <si>
    <t>12/13/2019 08:10:05</t>
  </si>
  <si>
    <t>12/13/2019 08:10:20</t>
  </si>
  <si>
    <t>12/13/2019 08:11:03</t>
  </si>
  <si>
    <t>12/13/2019 08:13:44</t>
  </si>
  <si>
    <t>12/13/2019 08:11:13</t>
  </si>
  <si>
    <t>12/13/2019 08:14:44</t>
  </si>
  <si>
    <t>a228ab1b-c573-4e22-882f-62bbfaaca8f0.tmp</t>
  </si>
  <si>
    <t>\\acsfs\profiles$\DALVADFB\Downloads\a228ab1b-c573-4e22-882f-62bbfaaca8f0.tmp</t>
  </si>
  <si>
    <t>12/13/2019 08:13:26</t>
  </si>
  <si>
    <t>8401f597-7a5d-477b-af52-056741f429c7.tmp</t>
  </si>
  <si>
    <t>\\acsfs\profiles$\DALVADFB\Downloads\8401f597-7a5d-477b-af52-056741f429c7.tmp</t>
  </si>
  <si>
    <t>12/13/2019 08:13:27</t>
  </si>
  <si>
    <t>ae3646bb-bc6b-49c7-b747-e890a4e9aa9a.tmp</t>
  </si>
  <si>
    <t>\\acsfs\profiles$\DALVADFB\Downloads\ae3646bb-bc6b-49c7-b747-e890a4e9aa9a.tmp</t>
  </si>
  <si>
    <t>12/13/2019 08:13:38</t>
  </si>
  <si>
    <t>e352c6ea-62bc-4a45-a04d-3d51af9b1c2a.tmp</t>
  </si>
  <si>
    <t>\\acsfs\profiles$\DALVADFB\Downloads\e352c6ea-62bc-4a45-a04d-3d51af9b1c2a.tmp</t>
  </si>
  <si>
    <t>12/13/2019 08:14:05</t>
  </si>
  <si>
    <t>10723b19-2914-472e-85b7-32d177bea957.tmp</t>
  </si>
  <si>
    <t>\\acsfs\profiles$\sarahbal\Downloads\10723b19-2914-472e-85b7-32d177bea957.tmp</t>
  </si>
  <si>
    <t>12/13/2019 08:09:40</t>
  </si>
  <si>
    <t>12/13/2019 08:10:41</t>
  </si>
  <si>
    <t>12/13/2019 08:13:24</t>
  </si>
  <si>
    <t>andrelpsa@algartech.com;supervisaobancovotorantim@algartech.com;talmaiardo@algartech.com;</t>
  </si>
  <si>
    <t>andrelpsa@algartech.com,supervisaobancovotorantim@algartech.com,talmaiardo@algartech.com</t>
  </si>
  <si>
    <t>12/13/2019 08:13:55</t>
  </si>
  <si>
    <t>12/13/2019 08:12:06</t>
  </si>
  <si>
    <t>12/13/2019 08:15:44</t>
  </si>
  <si>
    <t>12/13/2019 08:14:15</t>
  </si>
  <si>
    <t>12/13/2019 08:10:27</t>
  </si>
  <si>
    <t>12/13/2019 08:10:35</t>
  </si>
  <si>
    <t>mail.google.com/sync/u/0/i/s?hl=pt-BR&amp;c=65</t>
  </si>
  <si>
    <t>12/13/2019 08:10:50</t>
  </si>
  <si>
    <t>12/13/2019 08:11:04</t>
  </si>
  <si>
    <t>12/13/2019 08:15:18</t>
  </si>
  <si>
    <t>MUTANT FEEDBACK.PNG</t>
  </si>
  <si>
    <t>\\acsfs\DEPTOS\Operacao\Banco_Votorantim\Qualidade\Eliane\MUTANT FEEDBACK.PNG</t>
  </si>
  <si>
    <t>12/13/2019 08:14:20</t>
  </si>
  <si>
    <t>12/13/2019 08:16:44</t>
  </si>
  <si>
    <t>10.200.66.16</t>
  </si>
  <si>
    <t>78-2B-CB-C1-06-76</t>
  </si>
  <si>
    <t>VOTORANT-GB040</t>
  </si>
  <si>
    <t>MILENA ANDREIA SOARES (6529).contact</t>
  </si>
  <si>
    <t>\\acsfs\profiles$\milenaas\Contacts\MILENA ANDREIA SOARES (6529).contact</t>
  </si>
  <si>
    <t>12/13/2019 08:14:35</t>
  </si>
  <si>
    <t>12/13/2019 08:14:36</t>
  </si>
  <si>
    <t>12/13/2019 08:14:37</t>
  </si>
  <si>
    <t>12/13/2019 08:14:38</t>
  </si>
  <si>
    <t>12/13/2019 08:14:39</t>
  </si>
  <si>
    <t>12/13/2019 08:14:40</t>
  </si>
  <si>
    <t>12/13/2019 08:14:41</t>
  </si>
  <si>
    <t>12/13/2019 08:14:42</t>
  </si>
  <si>
    <t>12/13/2019 08:14:43</t>
  </si>
  <si>
    <t>12/13/2019 08:14:57</t>
  </si>
  <si>
    <t>12/13/2019 08:14:58</t>
  </si>
  <si>
    <t>12/13/2019 08:14:55</t>
  </si>
  <si>
    <t>12/13/2019 08:19:44</t>
  </si>
  <si>
    <t>12/13/2019 08:15:34</t>
  </si>
  <si>
    <t>12/13/2019 08:15:35</t>
  </si>
  <si>
    <t>12/13/2019 08:15:36</t>
  </si>
  <si>
    <t>12/13/2019 08:15:37</t>
  </si>
  <si>
    <t>12/13/2019 08:15:38</t>
  </si>
  <si>
    <t>12/13/2019 08:15:39</t>
  </si>
  <si>
    <t>12/13/2019 08:15:40</t>
  </si>
  <si>
    <t>12/13/2019 08:15:41</t>
  </si>
  <si>
    <t>12/13/2019 08:15:42</t>
  </si>
  <si>
    <t>12/13/2019 08:15:43</t>
  </si>
  <si>
    <t>12/13/2019 08:15:45</t>
  </si>
  <si>
    <t>12/13/2019 08:15:46</t>
  </si>
  <si>
    <t>12/13/2019 08:15:47</t>
  </si>
  <si>
    <t>12/13/2019 08:15:48</t>
  </si>
  <si>
    <t>12/13/2019 08:15:49</t>
  </si>
  <si>
    <t>12/13/2019 08:15:50</t>
  </si>
  <si>
    <t>12/13/2019 08:15:51</t>
  </si>
  <si>
    <t>12/13/2019 08:15:52</t>
  </si>
  <si>
    <t>12/13/2019 08:15:53</t>
  </si>
  <si>
    <t>12/13/2019 08:15:54</t>
  </si>
  <si>
    <t>da6dc930-d907-4244-ada4-5ca86d40c9ee.tmp</t>
  </si>
  <si>
    <t>\\acsfs\profiles$\DALVADFB\Downloads\da6dc930-d907-4244-ada4-5ca86d40c9ee.tmp</t>
  </si>
  <si>
    <t>4c86795c-4f8f-412e-863f-fbd8c978beaf.tmp</t>
  </si>
  <si>
    <t>\\acsfs\profiles$\DALVADFB\Downloads\4c86795c-4f8f-412e-863f-fbd8c978beaf.tmp</t>
  </si>
  <si>
    <t>12/13/2019 08:16:23</t>
  </si>
  <si>
    <t>12/13/2019 08:20:43</t>
  </si>
  <si>
    <t>424b5910-0a4d-4558-a8a9-17fb4ea0e1af.tmp</t>
  </si>
  <si>
    <t>\\acsfs\profiles$\valeriasda\Downloads\424b5910-0a4d-4558-a8a9-17fb4ea0e1af.tmp</t>
  </si>
  <si>
    <t>12/13/2019 08:17:44</t>
  </si>
  <si>
    <t>af3fb8e8-8f58-457b-a028-7797ebb58bb4.tmp</t>
  </si>
  <si>
    <t>\\acsfs\profiles$\valeriasda\Downloads\af3fb8e8-8f58-457b-a028-7797ebb58bb4.tmp</t>
  </si>
  <si>
    <t>12/13/2019 08:19:09</t>
  </si>
  <si>
    <t>d1699813-ffe3-48a2-a3be-951cb977717a.tmp</t>
  </si>
  <si>
    <t>\\acsfs\profiles$\valeriasda\Downloads\d1699813-ffe3-48a2-a3be-951cb977717a.tmp</t>
  </si>
  <si>
    <t>12/13/2019 08:19:25</t>
  </si>
  <si>
    <t>7df77724-119e-426d-9970-e45d0d7b0816.tmp</t>
  </si>
  <si>
    <t>\\acsfs\profiles$\valeriasda\Downloads\7df77724-119e-426d-9970-e45d0d7b0816.tmp</t>
  </si>
  <si>
    <t>12/13/2019 08:15:59</t>
  </si>
  <si>
    <t>\\acsfs\DEPTOS\Operacao\Banco_Votorantim\Qualidade\Mariane\</t>
  </si>
  <si>
    <t>12/13/2019 08:16:16</t>
  </si>
  <si>
    <t>12/13/2019 08:16:56</t>
  </si>
  <si>
    <t>mail.google.com/sync/u/0/i/s?hl=pt-BR&amp;c=86</t>
  </si>
  <si>
    <t>12/13/2019 08:17:13</t>
  </si>
  <si>
    <t>mail.google.com/sync/u/0/i/s?hl=pt-BR&amp;c=88</t>
  </si>
  <si>
    <t>12/13/2019 08:17:59</t>
  </si>
  <si>
    <t>mail.google.com/sync/u/0/i/s?hl=pt-BR&amp;c=91</t>
  </si>
  <si>
    <t>12/13/2019 08:18:32</t>
  </si>
  <si>
    <t>12/13/2019 08:18:53</t>
  </si>
  <si>
    <t>12/13/2019 08:19:03</t>
  </si>
  <si>
    <t>12/13/2019 08:19:28</t>
  </si>
  <si>
    <t>12/13/2019 08:19:45</t>
  </si>
  <si>
    <t>12/13/2019 08:19:54</t>
  </si>
  <si>
    <t>12/13/2019 08:20:18</t>
  </si>
  <si>
    <t>12/13/2019 08:19:58</t>
  </si>
  <si>
    <t>12/13/2019 08:19:59</t>
  </si>
  <si>
    <t>12/13/2019 08:20:00</t>
  </si>
  <si>
    <t>12/13/2019 08:20:01</t>
  </si>
  <si>
    <t>12/13/2019 08:20:02</t>
  </si>
  <si>
    <t>12/13/2019 08:20:03</t>
  </si>
  <si>
    <t>12/13/2019 08:20:04</t>
  </si>
  <si>
    <t>12/13/2019 08:20:05</t>
  </si>
  <si>
    <t>12/13/2019 08:20:06</t>
  </si>
  <si>
    <t>12/13/2019 08:21:43</t>
  </si>
  <si>
    <t>12/13/2019 08:20:07</t>
  </si>
  <si>
    <t>12/13/2019 08:20:08</t>
  </si>
  <si>
    <t>12/13/2019 08:20:09</t>
  </si>
  <si>
    <t>12/13/2019 08:20:10</t>
  </si>
  <si>
    <t>12/13/2019 08:20:11</t>
  </si>
  <si>
    <t>12/13/2019 08:20:12</t>
  </si>
  <si>
    <t>12/13/2019 08:20:13</t>
  </si>
  <si>
    <t>12/13/2019 08:20:14</t>
  </si>
  <si>
    <t>12/13/2019 08:20:15</t>
  </si>
  <si>
    <t>12/13/2019 08:20:16</t>
  </si>
  <si>
    <t>12/13/2019 08:20:17</t>
  </si>
  <si>
    <t>12/13/2019 08:20:19</t>
  </si>
  <si>
    <t>12/13/2019 08:20:20</t>
  </si>
  <si>
    <t>12/13/2019 08:20:21</t>
  </si>
  <si>
    <t>12/13/2019 08:20:22</t>
  </si>
  <si>
    <t>12/13/2019 08:20:23</t>
  </si>
  <si>
    <t>12/13/2019 08:15:20</t>
  </si>
  <si>
    <t>mail.google.com/_/upload?authuser=0&amp;dcp=asu-n&amp;upload_id=AEnB2Up_zUXej6dIssNuQPIkmH5jQwvl1nhk6ggRDhODBlx6pljRE_-o0hp_wT8xb7qJy4sOdMT44I5NRVYKVhlgH6eQzWuxwK2Xvsd0ray4TErqt_0l6ps&amp;upload_protocol=resumable</t>
  </si>
  <si>
    <t>larrynirmads@algartech.com;paulohdoc@algartech.com;</t>
  </si>
  <si>
    <t>\\acsfs\deptos\Operacao\Unica\2. Ilhas\2.2 Credenciadora\2.2.12 Controle de Negociação Especial\</t>
  </si>
  <si>
    <t>Controle de Negociação Especial - Relacionamento.xlsx</t>
  </si>
  <si>
    <t>larrynirmads@algartech.com,paulohdoc@algartech.com</t>
  </si>
  <si>
    <t>12/13/2019 08:21:57</t>
  </si>
  <si>
    <t>12/13/2019 08:23:43</t>
  </si>
  <si>
    <t>a33d3cdc-9475-430e-9eb7-8f1c475aaea2.tmp</t>
  </si>
  <si>
    <t>\\acsfs\profiles$\geovannasm\Downloads\a33d3cdc-9475-430e-9eb7-8f1c475aaea2.tmp</t>
  </si>
  <si>
    <t>12/13/2019 08:22:13</t>
  </si>
  <si>
    <t>d1465190-deee-4c08-9564-2a74ee5e2df6.tmp</t>
  </si>
  <si>
    <t>\\acsfs\profiles$\geovannasm\Downloads\d1465190-deee-4c08-9564-2a74ee5e2df6.tmp</t>
  </si>
  <si>
    <t>12/13/2019 08:22:25</t>
  </si>
  <si>
    <t>a36dd655-a25f-475f-93d0-ab382095f1b3.tmp</t>
  </si>
  <si>
    <t>\\acsfs\profiles$\geovannasm\Downloads\a36dd655-a25f-475f-93d0-ab382095f1b3.tmp</t>
  </si>
  <si>
    <t>12/13/2019 08:18:54</t>
  </si>
  <si>
    <t>12/13/2019 08:20:53</t>
  </si>
  <si>
    <t>12/13/2019 08:24:44</t>
  </si>
  <si>
    <t>jonatanls</t>
  </si>
  <si>
    <t>\\acsfs\profiles$\jonatanls\My Documents\My Pictures\</t>
  </si>
  <si>
    <t>\\acsfs\profiles$\jonatanls\My Documents\My Videos\desktop.ini</t>
  </si>
  <si>
    <t>12/13/2019 08:20:54</t>
  </si>
  <si>
    <t>\\acsfs\profiles$\jonatanls\My Documents\My Videos\</t>
  </si>
  <si>
    <t>12/13/2019 08:20:55</t>
  </si>
  <si>
    <t>12/13/2019 08:20:59</t>
  </si>
  <si>
    <t>12/13/2019 08:21:02</t>
  </si>
  <si>
    <t>12/13/2019 08:21:08</t>
  </si>
  <si>
    <t>\\acsfs\profiles$\jonatanls\My Documents\My Music\</t>
  </si>
  <si>
    <t>\\acsfs\profiles$\jonatanls\My Documents\My Pictures\desktop.ini</t>
  </si>
  <si>
    <t>12/13/2019 08:21:10</t>
  </si>
  <si>
    <t>12/13/2019 08:21:11</t>
  </si>
  <si>
    <t>12/13/2019 08:21:12</t>
  </si>
  <si>
    <t>\\acsfs\profiles$\jonatanls\Contacts\</t>
  </si>
  <si>
    <t>\\acsfs\profiles$\jonatanls\Contacts\desktop.ini</t>
  </si>
  <si>
    <t>12/13/2019 08:21:14</t>
  </si>
  <si>
    <t>12/13/2019 08:21:15</t>
  </si>
  <si>
    <t>12/13/2019 08:21:16</t>
  </si>
  <si>
    <t>12/13/2019 08:21:20</t>
  </si>
  <si>
    <t>12/13/2019 08:21:22</t>
  </si>
  <si>
    <t>\\acsfs\profiles$\jonatanls\My Documents\</t>
  </si>
  <si>
    <t>\\acsfs\profiles$\jonatanls\Favorites\desktop.ini</t>
  </si>
  <si>
    <t>12/13/2019 08:21:23</t>
  </si>
  <si>
    <t>12/13/2019 08:21:24</t>
  </si>
  <si>
    <t>12/13/2019 08:21:25</t>
  </si>
  <si>
    <t>12/13/2019 08:21:29</t>
  </si>
  <si>
    <t>12/13/2019 08:21:30</t>
  </si>
  <si>
    <t>12/13/2019 08:21:32</t>
  </si>
  <si>
    <t>12/13/2019 08:21:35</t>
  </si>
  <si>
    <t>\\acsfs\profiles$\jonatanls\My Documents\My Music\desktop.ini</t>
  </si>
  <si>
    <t>12/13/2019 08:21:36</t>
  </si>
  <si>
    <t>12/13/2019 08:21:37</t>
  </si>
  <si>
    <t>12/13/2019 08:21:42</t>
  </si>
  <si>
    <t>12/13/2019 08:21:45</t>
  </si>
  <si>
    <t>\\acsfs\profiles$\jonatanls\Searches\</t>
  </si>
  <si>
    <t>\\acsfs\profiles$\jonatanls\Searches\desktop.ini</t>
  </si>
  <si>
    <t>12/13/2019 08:21:47</t>
  </si>
  <si>
    <t>12/13/2019 08:21:54</t>
  </si>
  <si>
    <t>12/13/2019 08:21:56</t>
  </si>
  <si>
    <t>12/13/2019 08:22:00</t>
  </si>
  <si>
    <t>\\acsfs\profiles$\jonatanls\Downloads\</t>
  </si>
  <si>
    <t>\\acsfs\profiles$\jonatanls\Downloads\desktop.ini</t>
  </si>
  <si>
    <t>12/13/2019 08:22:01</t>
  </si>
  <si>
    <t>12/13/2019 08:22:02</t>
  </si>
  <si>
    <t>\\acsfs\profiles$\jonatanls\My Documents\desktop.ini</t>
  </si>
  <si>
    <t>12/13/2019 08:22:03</t>
  </si>
  <si>
    <t>12/13/2019 08:22:05</t>
  </si>
  <si>
    <t>12/13/2019 08:22:08</t>
  </si>
  <si>
    <t>12/13/2019 08:22:09</t>
  </si>
  <si>
    <t>12/13/2019 08:22:10</t>
  </si>
  <si>
    <t>\\acsfs\profiles$\jonatanls\Favorites\</t>
  </si>
  <si>
    <t>\\acsfs\profiles$\jonatanls\Saved Games\desktop.ini</t>
  </si>
  <si>
    <t>12/13/2019 08:22:15</t>
  </si>
  <si>
    <t>12/13/2019 08:22:41</t>
  </si>
  <si>
    <t>winrt--{S-1-5-21-602162358-764733703-839522115-330969}-.searchconnector-ms</t>
  </si>
  <si>
    <t>\\acsfs\profiles$\jonatanls\Searches\winrt--{S-1-5-21-602162358-764733703-839522115-330969}-.searchconnector-ms</t>
  </si>
  <si>
    <t>12/13/2019 08:20:56</t>
  </si>
  <si>
    <t>62065f4b-6a60-40c4-8e33-47259d87da4c.tmp</t>
  </si>
  <si>
    <t>\\acsfs\profiles$\DALVADFB\Downloads\62065f4b-6a60-40c4-8e33-47259d87da4c.tmp</t>
  </si>
  <si>
    <t>12/13/2019 08:23:40</t>
  </si>
  <si>
    <t>c43a8e54-8f79-4c50-9374-f15f1767b192.tmp</t>
  </si>
  <si>
    <t>\\acsfs\profiles$\sarahbal\Downloads\c43a8e54-8f79-4c50-9374-f15f1767b192.tmp</t>
  </si>
  <si>
    <t>12/13/2019 08:23:38</t>
  </si>
  <si>
    <t>12/13/2019 08:25:44</t>
  </si>
  <si>
    <t>mail.google.com/sync/u/0/i/s?hl=pt-BR&amp;c=1213</t>
  </si>
  <si>
    <t>12/13/2019 08:23:13</t>
  </si>
  <si>
    <t>12/13/2019 08:23:36</t>
  </si>
  <si>
    <t>12/13/2019 08:24:06</t>
  </si>
  <si>
    <t>12/13/2019 08:21:09</t>
  </si>
  <si>
    <t>12/13/2019 08:20:40</t>
  </si>
  <si>
    <t>mail.google.com/sync/u/0/i/s?hl=pt-BR&amp;c=112</t>
  </si>
  <si>
    <t>mail.google.com/sync/u/0/i/s?hl=pt-BR&amp;c=118</t>
  </si>
  <si>
    <t>IMPROCEDÊNCIA MUTANT.PNG</t>
  </si>
  <si>
    <t>\\acsfs\DEPTOS\Operacao\Banco_Votorantim\Qualidade\Eliane\IMPROCEDÊNCIA MUTANT.PNG</t>
  </si>
  <si>
    <t>12/13/2019 08:21:58</t>
  </si>
  <si>
    <t>12/13/2019 08:22:30</t>
  </si>
  <si>
    <t>mail.google.com/sync/u/0/i/s?hl=pt-BR&amp;c=124</t>
  </si>
  <si>
    <t>12/13/2019 08:23:02</t>
  </si>
  <si>
    <t>mail.google.com/sync/u/0/i/s?hl=pt-BR&amp;c=126</t>
  </si>
  <si>
    <t>12/13/2019 08:23:27</t>
  </si>
  <si>
    <t>12/13/2019 08:23:46</t>
  </si>
  <si>
    <t>mail.google.com/sync/u/0/i/s?hl=pt-BR&amp;c=131</t>
  </si>
  <si>
    <t>12/13/2019 08:23:58</t>
  </si>
  <si>
    <t>mail.google.com/sync/u/0/i/s?hl=pt-BR&amp;c=133</t>
  </si>
  <si>
    <t>12/13/2019 08:24:16</t>
  </si>
  <si>
    <t>mail.google.com/sync/u/0/i/s?hl=pt-BR&amp;c=135</t>
  </si>
  <si>
    <t>12/13/2019 08:24:28</t>
  </si>
  <si>
    <t>12/13/2019 08:24:35</t>
  </si>
  <si>
    <t>mail.google.com/sync/u/0/i/s?hl=pt-BR&amp;c=141</t>
  </si>
  <si>
    <t>12/13/2019 08:24:37</t>
  </si>
  <si>
    <t>12/13/2019 08:25:19</t>
  </si>
  <si>
    <t>mail.google.com/sync/u/0/i/s?hl=pt-BR&amp;c=143</t>
  </si>
  <si>
    <t>12/13/2019 08:26:44</t>
  </si>
  <si>
    <t>12/13/2019 08:20:24</t>
  </si>
  <si>
    <t>12/13/2019 08:22:34</t>
  </si>
  <si>
    <t>12/13/2019 08:25:17</t>
  </si>
  <si>
    <t>c1f0fed9-4ac9-4689-9f63-a66438824c89.tmp</t>
  </si>
  <si>
    <t>\\acsfs\profiles$\milenaas\Downloads\c1f0fed9-4ac9-4689-9f63-a66438824c89.tmp</t>
  </si>
  <si>
    <t>12/13/2019 08:25:59</t>
  </si>
  <si>
    <t>12/13/2019 08:27:44</t>
  </si>
  <si>
    <t>9f6a7acd-436e-4a23-b198-61ff4955279f.tmp</t>
  </si>
  <si>
    <t>\\acsfs\profiles$\ERICALSR\Downloads\9f6a7acd-436e-4a23-b198-61ff4955279f.tmp</t>
  </si>
  <si>
    <t>12/13/2019 08:26:35</t>
  </si>
  <si>
    <t>12/13/2019 08:23:47</t>
  </si>
  <si>
    <t>12/13/2019 08:28:44</t>
  </si>
  <si>
    <t>lu17180no702.tmp</t>
  </si>
  <si>
    <t>\\acsfs\profiles$\dhiulliananads\My Documents\lu17180no702.tmp</t>
  </si>
  <si>
    <t>\\acsfs\profiles$\dhiulliananads\My Documents\lu17180no702.tmp\</t>
  </si>
  <si>
    <t>\\acsfs\profiles$\dhiulliananads\My Documents\lu17180no702.tmp\META-INF\</t>
  </si>
  <si>
    <t>\\acsfs\profiles$\dhiulliananads\My Documents\lu17180no702.tmp\Thumbnails\</t>
  </si>
  <si>
    <t>12/13/2019 08:23:23</t>
  </si>
  <si>
    <t>5197e9e2-48de-4cea-b049-65fbcad326cb.tmp</t>
  </si>
  <si>
    <t>\\acsfs\profiles$\geovannasm\Downloads\5197e9e2-48de-4cea-b049-65fbcad326cb.tmp</t>
  </si>
  <si>
    <t>12/13/2019 08:26:52</t>
  </si>
  <si>
    <t>704f6fbe-9ad8-4f67-b3e4-234d0effdb25.tmp</t>
  </si>
  <si>
    <t>\\acsfs\profiles$\geovannasm\Downloads\704f6fbe-9ad8-4f67-b3e4-234d0effdb25.tmp</t>
  </si>
  <si>
    <t>12/13/2019 08:26:54</t>
  </si>
  <si>
    <t>fbd5a617-050f-4985-a6fe-3ae521756d8e.tmp</t>
  </si>
  <si>
    <t>\\acsfs\profiles$\geovannasm\Downloads\fbd5a617-050f-4985-a6fe-3ae521756d8e.tmp</t>
  </si>
  <si>
    <t>mail.google.com/_/upload?authuser=0&amp;dcp=asu-n&amp;upload_id=AEnB2UpyE14wh_QNh2TkkQ_2CEdK6f6--bXfslFKhs5W2DmDnrIYVWWIbUdvLuLeKh-paXTYuWVAVOgZS84c3DGTG_CN2jdKBhrQUwvKV48VDPXhbzTe-Eg&amp;upload_protocol=resumable</t>
  </si>
  <si>
    <t>sandyyd@algartech.com;</t>
  </si>
  <si>
    <t>C:\Users\eduardost\OneDrive - Grupo Algar\2019\MESA\Algar Tech - Mesas Digitais.pptx\</t>
  </si>
  <si>
    <t>sandyyd@algartech.com</t>
  </si>
  <si>
    <t>12/13/2019 08:25:30</t>
  </si>
  <si>
    <t>12/13/2019 08:29:43</t>
  </si>
  <si>
    <t>073757d7-15bf-4323-bb5a-4346faf33f48.tmp</t>
  </si>
  <si>
    <t>\\acsfs\profiles$\isabellegtds\Downloads\073757d7-15bf-4323-bb5a-4346faf33f48.tmp</t>
  </si>
  <si>
    <t>12/13/2019 08:27:49</t>
  </si>
  <si>
    <t>edea8234-c874-4221-9502-d5426300f8a0.tmp</t>
  </si>
  <si>
    <t>\\acsfs\profiles$\isabellegtds\Downloads\edea8234-c874-4221-9502-d5426300f8a0.tmp</t>
  </si>
  <si>
    <t>12/13/2019 08:25:36</t>
  </si>
  <si>
    <t>12/13/2019 08:29:06</t>
  </si>
  <si>
    <t>12/13/2019 08:30:43</t>
  </si>
  <si>
    <t>12/13/2019 08:29:36</t>
  </si>
  <si>
    <t>12/13/2019 08:25:47</t>
  </si>
  <si>
    <t>mail.google.com/sync/u/0/i/s?hl=pt-BR&amp;c=146</t>
  </si>
  <si>
    <t>12/13/2019 08:25:50</t>
  </si>
  <si>
    <t>mail.google.com/sync/u/0/i/s?hl=pt-BR&amp;c=148</t>
  </si>
  <si>
    <t>12/13/2019 08:26:05</t>
  </si>
  <si>
    <t>mail.google.com/sync/u/0/i/s?hl=pt-BR&amp;c=150</t>
  </si>
  <si>
    <t>12/13/2019 08:26:20</t>
  </si>
  <si>
    <t>12/13/2019 08:26:26</t>
  </si>
  <si>
    <t>mail.google.com/sync/u/0/i/s?hl=pt-BR&amp;c=155</t>
  </si>
  <si>
    <t>12/13/2019 08:26:38</t>
  </si>
  <si>
    <t>mail.google.com/sync/u/0/i/s?hl=pt-BR&amp;c=158</t>
  </si>
  <si>
    <t>12/13/2019 08:27:02</t>
  </si>
  <si>
    <t>mail.google.com/sync/u/0/i/s?hl=pt-BR&amp;c=160</t>
  </si>
  <si>
    <t>12/13/2019 08:27:13</t>
  </si>
  <si>
    <t>mail.google.com/sync/u/0/i/s?hl=pt-BR&amp;c=162</t>
  </si>
  <si>
    <t>12/13/2019 08:27:28</t>
  </si>
  <si>
    <t>12/13/2019 08:27:50</t>
  </si>
  <si>
    <t>12/13/2019 08:27:55</t>
  </si>
  <si>
    <t>12/13/2019 08:28:21</t>
  </si>
  <si>
    <t>mail.google.com/sync/u/0/i/s?hl=pt-BR&amp;c=172</t>
  </si>
  <si>
    <t>12/13/2019 08:29:17</t>
  </si>
  <si>
    <t>12/13/2019 08:31:44</t>
  </si>
  <si>
    <t>1f6367e0-a257-464f-9bce-ee303203df0d.tmp</t>
  </si>
  <si>
    <t>\\acsfs\profiles$\milenaas\Downloads\1f6367e0-a257-464f-9bce-ee303203df0d.tmp</t>
  </si>
  <si>
    <t>4866912b-c512-4573-a92a-24d175a37eaf.tmp</t>
  </si>
  <si>
    <t>\\acsfs\profiles$\milenaas\Downloads\4866912b-c512-4573-a92a-24d175a37eaf.tmp</t>
  </si>
  <si>
    <t>12/13/2019 08:28:19</t>
  </si>
  <si>
    <t>963899ac-c197-49f2-844b-9093e6479a65.tmp</t>
  </si>
  <si>
    <t>\\acsfs\profiles$\milenaas\Downloads\963899ac-c197-49f2-844b-9093e6479a65.tmp</t>
  </si>
  <si>
    <t>12/13/2019 08:26:50</t>
  </si>
  <si>
    <t>12/13/2019 08:32:43</t>
  </si>
  <si>
    <t>bddbd82a-d31c-46d6-b8ee-94ed4ba0d261.tmp</t>
  </si>
  <si>
    <t>\\acsfs\profiles$\ERICALSR\Downloads\bddbd82a-d31c-46d6-b8ee-94ed4ba0d261.tmp</t>
  </si>
  <si>
    <t>12/13/2019 08:30:58</t>
  </si>
  <si>
    <t>12/13/2019 08:28:17</t>
  </si>
  <si>
    <t>12/13/2019 08:33:44</t>
  </si>
  <si>
    <t>d0a4218f-4942-40d4-b3b8-b7b4a7bfe64c.tmp</t>
  </si>
  <si>
    <t>\\acsfs\profiles$\YASMINSC\Downloads\d0a4218f-4942-40d4-b3b8-b7b4a7bfe64c.tmp</t>
  </si>
  <si>
    <t>12/13/2019 08:30:34</t>
  </si>
  <si>
    <t>1e332a8e-d4c9-4374-bd38-5e0a35f820dc.tmp</t>
  </si>
  <si>
    <t>\\acsfs\profiles$\YASMINSC\Downloads\1e332a8e-d4c9-4374-bd38-5e0a35f820dc.tmp</t>
  </si>
  <si>
    <t>12/13/2019 08:32:06</t>
  </si>
  <si>
    <t>97ad7b0a-5c55-41d4-b24a-a7cfc07b18d2.tmp</t>
  </si>
  <si>
    <t>\\acsfs\profiles$\YASMINSC\Downloads\97ad7b0a-5c55-41d4-b24a-a7cfc07b18d2.tmp</t>
  </si>
  <si>
    <t>12/13/2019 08:31:37</t>
  </si>
  <si>
    <t>12/13/2019 08:34:43</t>
  </si>
  <si>
    <t>12/13/2019 08:30:21</t>
  </si>
  <si>
    <t>3eee35f1-2b97-46a8-be0c-abc3e57535f3.tmp</t>
  </si>
  <si>
    <t>\\acsfs\profiles$\wenderbnm\Downloads\3eee35f1-2b97-46a8-be0c-abc3e57535f3.tmp</t>
  </si>
  <si>
    <t>12/13/2019 08:31:58</t>
  </si>
  <si>
    <t>121a8ba6-8eca-432f-a2e4-bc1660d4f6ed.tmp</t>
  </si>
  <si>
    <t>\\acsfs\profiles$\wenderbnm\Downloads\121a8ba6-8eca-432f-a2e4-bc1660d4f6ed.tmp</t>
  </si>
  <si>
    <t>12/13/2019 08:33:32</t>
  </si>
  <si>
    <t>12/13/2019 08:35:44</t>
  </si>
  <si>
    <t>197937e7-1ea4-483c-b45c-2113150576dc.tmp</t>
  </si>
  <si>
    <t>\\acsfs\profiles$\kellzylenneasr\Downloads\197937e7-1ea4-483c-b45c-2113150576dc.tmp</t>
  </si>
  <si>
    <t>12/13/2019 08:33:54</t>
  </si>
  <si>
    <t>5cfd41cc-d996-4f5b-9632-b78c8ecebc7a.tmp</t>
  </si>
  <si>
    <t>\\acsfs\profiles$\kellzylenneasr\Downloads\5cfd41cc-d996-4f5b-9632-b78c8ecebc7a.tmp</t>
  </si>
  <si>
    <t>12/13/2019 08:34:21</t>
  </si>
  <si>
    <t>c12b13e8-c4fd-4346-818d-25f655e070c6.tmp</t>
  </si>
  <si>
    <t>\\acsfs\profiles$\larissaad\Downloads\c12b13e8-c4fd-4346-818d-25f655e070c6.tmp</t>
  </si>
  <si>
    <t>12/13/2019 08:34:25</t>
  </si>
  <si>
    <t>c813fda3-e2dc-47bc-a2dc-9db570c5056a.tmp</t>
  </si>
  <si>
    <t>\\acsfs\profiles$\larissaad\Downloads\c813fda3-e2dc-47bc-a2dc-9db570c5056a.tmp</t>
  </si>
  <si>
    <t>12/13/2019 08:31:09</t>
  </si>
  <si>
    <t>12/13/2019 08:32:04</t>
  </si>
  <si>
    <t>decba5b4-3c4b-4d87-90b2-4d91e2e001fb.tmp</t>
  </si>
  <si>
    <t>\\acsfs\profiles$\geovanaasa\Downloads\decba5b4-3c4b-4d87-90b2-4d91e2e001fb.tmp</t>
  </si>
  <si>
    <t>12/13/2019 08:34:12</t>
  </si>
  <si>
    <t>47368c79-bc5f-4a41-922a-0414f4e64f68.tmp</t>
  </si>
  <si>
    <t>\\acsfs\profiles$\geovanaasa\Downloads\47368c79-bc5f-4a41-922a-0414f4e64f68.tmp</t>
  </si>
  <si>
    <t>12/13/2019 08:32:00</t>
  </si>
  <si>
    <t>APLICAÇÃO DE FEED SUPER.PNG</t>
  </si>
  <si>
    <t>\\acsfs\DEPTOS\Operacao\Banco_Votorantim\Qualidade\Eliane\APLICAÇÃO DE FEED SUPER.PNG</t>
  </si>
  <si>
    <t>12/13/2019 08:32:23</t>
  </si>
  <si>
    <t>12/13/2019 08:32:36</t>
  </si>
  <si>
    <t>mail.google.com/sync/u/0/i/s?hl=pt-BR&amp;c=180</t>
  </si>
  <si>
    <t>12/13/2019 08:32:53</t>
  </si>
  <si>
    <t>mail.google.com/sync/u/0/i/s?hl=pt-BR&amp;c=182</t>
  </si>
  <si>
    <t>12/13/2019 08:33:22</t>
  </si>
  <si>
    <t>mail.google.com/sync/u/0/i/s?hl=pt-BR&amp;c=184</t>
  </si>
  <si>
    <t>12/13/2019 08:33:31</t>
  </si>
  <si>
    <t>mail.google.com/sync/u/0/i/s?hl=pt-BR&amp;c=187</t>
  </si>
  <si>
    <t>12/13/2019 08:33:37</t>
  </si>
  <si>
    <t>mail.google.com/sync/u/0/i/s?hl=pt-BR&amp;c=189</t>
  </si>
  <si>
    <t>12/13/2019 08:33:55</t>
  </si>
  <si>
    <t>mail.google.com/sync/u/0/i/s?hl=pt-BR&amp;c=191</t>
  </si>
  <si>
    <t>12/13/2019 08:34:05</t>
  </si>
  <si>
    <t>mail.google.com/sync/u/0/i/s?hl=pt-BR&amp;c=193</t>
  </si>
  <si>
    <t>12/13/2019 08:34:15</t>
  </si>
  <si>
    <t>12/13/2019 08:34:19</t>
  </si>
  <si>
    <t>mail.google.com/sync/u/0/i/s?hl=pt-BR&amp;c=196</t>
  </si>
  <si>
    <t>12/13/2019 08:34:46</t>
  </si>
  <si>
    <t>12/13/2019 08:34:54</t>
  </si>
  <si>
    <t>12/13/2019 08:35:17</t>
  </si>
  <si>
    <t>mail.google.com/sync/u/0/i/s?hl=pt-BR&amp;c=203</t>
  </si>
  <si>
    <t>12/13/2019 08:33:40</t>
  </si>
  <si>
    <t>12/13/2019 08:36:43</t>
  </si>
  <si>
    <t>Check List - BV CARTOES_.xlsx</t>
  </si>
  <si>
    <t>\\acsfs\DEPTOS\Operacao\Banco_Votorantim\Qualidade\Anderson\Jose\Check List - BV CARTOES_.xlsx</t>
  </si>
  <si>
    <t>12/13/2019 08:35:51</t>
  </si>
  <si>
    <t>12/13/2019 08:38:44</t>
  </si>
  <si>
    <t>73605f94-d34a-4955-beba-0c7a7699a6b1.tmp</t>
  </si>
  <si>
    <t>\\acsfs\profiles$\luanarda\Downloads\73605f94-d34a-4955-beba-0c7a7699a6b1.tmp</t>
  </si>
  <si>
    <t>1413d58b-bd2f-4a2d-be47-4acc7675928d.tmp</t>
  </si>
  <si>
    <t>\\acsfs\profiles$\geovannasm\Downloads\1413d58b-bd2f-4a2d-be47-4acc7675928d.tmp</t>
  </si>
  <si>
    <t>12/13/2019 08:38:31</t>
  </si>
  <si>
    <t>12/13/2019 08:40:44</t>
  </si>
  <si>
    <t>12/13/2019 08:39:14</t>
  </si>
  <si>
    <t>mail.google.com/sync/u/0/i/s?hl=pt-BR&amp;c=218</t>
  </si>
  <si>
    <t>12/13/2019 08:39:19</t>
  </si>
  <si>
    <t>mail.google.com/sync/u/0/i/s?hl=pt-BR&amp;c=220</t>
  </si>
  <si>
    <t>12/13/2019 08:40:23</t>
  </si>
  <si>
    <t>mail.google.com/sync/u/0/i/s?hl=pt-BR&amp;c=224</t>
  </si>
  <si>
    <t>12/13/2019 08:40:26</t>
  </si>
  <si>
    <t>12/13/2019 08:40:29</t>
  </si>
  <si>
    <t>12/13/2019 08:36:28</t>
  </si>
  <si>
    <t>12/13/2019 08:39:06</t>
  </si>
  <si>
    <t>12/13/2019 08:41:44</t>
  </si>
  <si>
    <t>a30ebd33-77d0-401c-8cfc-36e4f76d49a5.tmp</t>
  </si>
  <si>
    <t>\\acsfs\profiles$\deboraaa\Downloads\a30ebd33-77d0-401c-8cfc-36e4f76d49a5.tmp</t>
  </si>
  <si>
    <t>12/13/2019 08:39:26</t>
  </si>
  <si>
    <t>12/13/2019 08:42:44</t>
  </si>
  <si>
    <t>12/13/2019 08:41:41</t>
  </si>
  <si>
    <t>12/13/2019 08:41:33</t>
  </si>
  <si>
    <t>C:\Users\heliorg\OneDrive - Grupo Algar\6. Projetos GST\6.5 - Staff GST 4.0\</t>
  </si>
  <si>
    <t>12/13/2019 08:42:43</t>
  </si>
  <si>
    <t>12/13/2019 08:45:44</t>
  </si>
  <si>
    <t>c0ef7fdd-d6cb-4644-878e-16fc4ac504db.tmp</t>
  </si>
  <si>
    <t>\\acsfs\profiles$\larissaad\Downloads\c0ef7fdd-d6cb-4644-878e-16fc4ac504db.tmp</t>
  </si>
  <si>
    <t>12/13/2019 08:44:06</t>
  </si>
  <si>
    <t>12/13/2019 08:44:36</t>
  </si>
  <si>
    <t>12/13/2019 08:43:52</t>
  </si>
  <si>
    <t>12/13/2019 08:41:34</t>
  </si>
  <si>
    <t>12/13/2019 08:43:59</t>
  </si>
  <si>
    <t>mail.google.com/sync/u/0/i/s?hl=pt-BR&amp;c=235</t>
  </si>
  <si>
    <t>12/13/2019 08:48:12</t>
  </si>
  <si>
    <t>12/13/2019 08:50:43</t>
  </si>
  <si>
    <t>7c225832-dac5-4dea-b640-f470aa961ccc.tmp</t>
  </si>
  <si>
    <t>\\acsfs\profiles$\larissaad\Downloads\7c225832-dac5-4dea-b640-f470aa961ccc.tmp</t>
  </si>
  <si>
    <t>12/13/2019 08:45:06</t>
  </si>
  <si>
    <t>12/13/2019 08:46:36</t>
  </si>
  <si>
    <t>12/13/2019 08:47:06</t>
  </si>
  <si>
    <t>12/13/2019 08:49:36</t>
  </si>
  <si>
    <t>12/13/2019 08:46:07</t>
  </si>
  <si>
    <t>12/13/2019 08:49:20</t>
  </si>
  <si>
    <t>12/13/2019 08:48:25</t>
  </si>
  <si>
    <t>12/13/2019 08:53:44</t>
  </si>
  <si>
    <t>61ebfa6b-657b-4e37-ad84-bcadf232e4f4.tmp</t>
  </si>
  <si>
    <t>\\acsfs\profiles$\geovannasm\Downloads\61ebfa6b-657b-4e37-ad84-bcadf232e4f4.tmp</t>
  </si>
  <si>
    <t>12/13/2019 08:48:30</t>
  </si>
  <si>
    <t>c58401a9-51d2-4406-9563-a7f64fcb5d9a.tmp</t>
  </si>
  <si>
    <t>\\acsfs\profiles$\geovannasm\Downloads\c58401a9-51d2-4406-9563-a7f64fcb5d9a.tmp</t>
  </si>
  <si>
    <t>12/13/2019 08:49:37</t>
  </si>
  <si>
    <t>cfdd8c7c-d88e-4a69-91ff-e7102a8bd08a.tmp</t>
  </si>
  <si>
    <t>\\acsfs\profiles$\geovannasm\Downloads\cfdd8c7c-d88e-4a69-91ff-e7102a8bd08a.tmp</t>
  </si>
  <si>
    <t>12/13/2019 08:51:38</t>
  </si>
  <si>
    <t>a5918bfc-6112-4177-8583-935a3942e006.tmp</t>
  </si>
  <si>
    <t>\\acsfs\profiles$\KARENDSR\Downloads\a5918bfc-6112-4177-8583-935a3942e006.tmp</t>
  </si>
  <si>
    <t>12/13/2019 08:52:44</t>
  </si>
  <si>
    <t>25179f4e-761c-4db2-bb5e-404ae64b80e0.tmp</t>
  </si>
  <si>
    <t>\\acsfs\profiles$\KARENDSR\Downloads\25179f4e-761c-4db2-bb5e-404ae64b80e0.tmp</t>
  </si>
  <si>
    <t>12/13/2019 08:52:13</t>
  </si>
  <si>
    <t>12/13/2019 08:54:43</t>
  </si>
  <si>
    <t>12/13/2019 08:50:40</t>
  </si>
  <si>
    <t>12/13/2019 08:55:44</t>
  </si>
  <si>
    <t>0cd8f3f2-1647-4026-a5b3-4edab7db5294.tmp</t>
  </si>
  <si>
    <t>\\acsfs\profiles$\kellzylenneasr\Downloads\0cd8f3f2-1647-4026-a5b3-4edab7db5294.tmp</t>
  </si>
  <si>
    <t>12/13/2019 08:51:18</t>
  </si>
  <si>
    <t>4b3b57cb-2448-4a6a-8b61-976bc46dec38.tmp</t>
  </si>
  <si>
    <t>\\acsfs\profiles$\kellzylenneasr\Downloads\4b3b57cb-2448-4a6a-8b61-976bc46dec38.tmp</t>
  </si>
  <si>
    <t>12/13/2019 08:50:06</t>
  </si>
  <si>
    <t>12/13/2019 08:50:36</t>
  </si>
  <si>
    <t>12/13/2019 08:51:06</t>
  </si>
  <si>
    <t>12/13/2019 08:51:36</t>
  </si>
  <si>
    <t>12/13/2019 08:52:06</t>
  </si>
  <si>
    <t>12/13/2019 08:52:36</t>
  </si>
  <si>
    <t>12/13/2019 08:54:04</t>
  </si>
  <si>
    <t>https://udpmailboxap01.acs.com.br:8443/h/search;jsessionid=ofuoizv82zc91qp3tlu30albl?si=0&amp;so=0&amp;sc=43035&amp;st=conversation&amp;action=compose</t>
  </si>
  <si>
    <t>jo;</t>
  </si>
  <si>
    <t>https://jo</t>
  </si>
  <si>
    <t>12/13/2019 08:54:34</t>
  </si>
  <si>
    <t>jo;joaopsan@algartech.com;</t>
  </si>
  <si>
    <t>https://jo,joaopsan@algartech.com</t>
  </si>
  <si>
    <t>12/13/2019 08:54:56</t>
  </si>
  <si>
    <t>12/13/2019 08:56:15</t>
  </si>
  <si>
    <t>12/13/2019 08:57:44</t>
  </si>
  <si>
    <t>221ba6cf-171c-4cb1-9ba8-9b1e2cfae4ea.tmp</t>
  </si>
  <si>
    <t>\\acsfs\profiles$\gabrielhca\Downloads\221ba6cf-171c-4cb1-9ba8-9b1e2cfae4ea.tmp</t>
  </si>
  <si>
    <t>12/13/2019 08:55:58</t>
  </si>
  <si>
    <t>12/13/2019 08:58:43</t>
  </si>
  <si>
    <t>c93a79e7-bfa4-45f3-bb51-c50ad31e03b6.tmp</t>
  </si>
  <si>
    <t>\\acsfs\profiles$\yurics\Downloads\c93a79e7-bfa4-45f3-bb51-c50ad31e03b6.tmp</t>
  </si>
  <si>
    <t>12/13/2019 08:58:04</t>
  </si>
  <si>
    <t>12/13/2019 08:59:44</t>
  </si>
  <si>
    <t>4e63c9dd-c9fc-478b-bb8a-ff624d8690f5.tmp</t>
  </si>
  <si>
    <t>\\acsfs\profiles$\LUCASNS\Downloads\4e63c9dd-c9fc-478b-bb8a-ff624d8690f5.tmp</t>
  </si>
  <si>
    <t>12/13/2019 08:58:13</t>
  </si>
  <si>
    <t>0dde7ea8-6dc1-4489-949c-aef5eef99403.tmp</t>
  </si>
  <si>
    <t>\\acsfs\profiles$\LUCASNS\Downloads\0dde7ea8-6dc1-4489-949c-aef5eef99403.tmp</t>
  </si>
  <si>
    <t>12/13/2019 08:56:54</t>
  </si>
  <si>
    <t>12/13/2019 09:00:43</t>
  </si>
  <si>
    <t>12/13/2019 08:59:20</t>
  </si>
  <si>
    <t>bb8d755d-39c5-415f-b627-e3aa7eb66a9a.tmp</t>
  </si>
  <si>
    <t>\\acsfs\profiles$\PEDROHAB\Downloads\bb8d755d-39c5-415f-b627-e3aa7eb66a9a.tmp</t>
  </si>
  <si>
    <t>12/13/2019 08:59:21</t>
  </si>
  <si>
    <t>e741ebc2-21c8-4dd2-8824-d764027cb38b.tmp</t>
  </si>
  <si>
    <t>\\acsfs\profiles$\PEDROHAB\Downloads\e741ebc2-21c8-4dd2-8824-d764027cb38b.tmp</t>
  </si>
  <si>
    <t>12/13/2019 09:00:17</t>
  </si>
  <si>
    <t>ac6080bc-10af-4663-ab0a-3113a3d77015.tmp</t>
  </si>
  <si>
    <t>\\acsfs\profiles$\PEDROHAB\Downloads\ac6080bc-10af-4663-ab0a-3113a3d77015.tmp</t>
  </si>
  <si>
    <t>12/13/2019 09:00:47</t>
  </si>
  <si>
    <t>12/13/2019 09:02:43</t>
  </si>
  <si>
    <t>0b6db337-485b-4d52-a4eb-4924bea04e14.tmp</t>
  </si>
  <si>
    <t>\\acsfs\profiles$\matheushds\Downloads\0b6db337-485b-4d52-a4eb-4924bea04e14.tmp</t>
  </si>
  <si>
    <t>12/13/2019 08:57:11</t>
  </si>
  <si>
    <t>6e73e4a6-28cc-4965-b9e4-03f34ae5ba4c.tmp</t>
  </si>
  <si>
    <t>\\acsfs\profiles$\gabrielhca\Downloads\6e73e4a6-28cc-4965-b9e4-03f34ae5ba4c.tmp</t>
  </si>
  <si>
    <t>12/13/2019 08:59:07</t>
  </si>
  <si>
    <t>3643755e-a528-4d98-96c8-40ca520eb684.tmp</t>
  </si>
  <si>
    <t>\\acsfs\profiles$\gabrielhca\Downloads\3643755e-a528-4d98-96c8-40ca520eb684.tmp</t>
  </si>
  <si>
    <t>12/13/2019 08:59:11</t>
  </si>
  <si>
    <t>38141d2a-16d0-44e4-9d96-f9850b87f674.tmp</t>
  </si>
  <si>
    <t>\\acsfs\profiles$\gabrielhca\Downloads\38141d2a-16d0-44e4-9d96-f9850b87f674.tmp</t>
  </si>
  <si>
    <t>12/13/2019 08:59:17</t>
  </si>
  <si>
    <t>6095f3d8-2d6e-4ec2-9494-33476d9e7e7d.tmp</t>
  </si>
  <si>
    <t>\\acsfs\profiles$\gabrielhca\Downloads\6095f3d8-2d6e-4ec2-9494-33476d9e7e7d.tmp</t>
  </si>
  <si>
    <t>12/13/2019 08:59:38</t>
  </si>
  <si>
    <t>12/13/2019 09:03:44</t>
  </si>
  <si>
    <t>12/13/2019 08:59:04</t>
  </si>
  <si>
    <t>3de528e7-8e87-443a-8a02-a2ee76029b8b.tmp</t>
  </si>
  <si>
    <t>\\acsfs\profiles$\KARENDSR\Downloads\3de528e7-8e87-443a-8a02-a2ee76029b8b.tmp</t>
  </si>
  <si>
    <t>12/13/2019 08:59:10</t>
  </si>
  <si>
    <t>4badd737-efba-4893-8314-e6c70eee7b31.tmp</t>
  </si>
  <si>
    <t>\\acsfs\profiles$\KARENDSR\Downloads\4badd737-efba-4893-8314-e6c70eee7b31.tmp</t>
  </si>
  <si>
    <t>12/13/2019 09:00:10</t>
  </si>
  <si>
    <t>089a7069-1754-481f-93a6-7aef31948f6d.tmp</t>
  </si>
  <si>
    <t>\\acsfs\profiles$\raicabog\Downloads\089a7069-1754-481f-93a6-7aef31948f6d.tmp</t>
  </si>
  <si>
    <t>12/13/2019 09:02:06</t>
  </si>
  <si>
    <t>12/13/2019 09:05:44</t>
  </si>
  <si>
    <t>12/13/2019 09:03:32</t>
  </si>
  <si>
    <t>ulog_AcroARM2_ARM2Update_a9473871-eb7b-4719-ba46-35125c58e0e7_5359ed33-a50f-4ece-87d6-fbe12853fe0a_0.log</t>
  </si>
  <si>
    <t>C:\Users\davimvs\AppData\Roaming\Adobe\LogTransport2\Logs\ulog_AcroARM2_ARM2Update_a9473871-eb7b-4719-ba46-35125c58e0e7_5359ed33-a50f-4ece-87d6-fbe12853fe0a_0.log\</t>
  </si>
  <si>
    <t>12/13/2019 09:03:33</t>
  </si>
  <si>
    <t>ulog_AcroARM2_Reader_a9473871-eb7b-4719-ba46-35125c58e0e7_0d0d8bc0-3606-4e3c-8ac8-c630efb5809e_0.log</t>
  </si>
  <si>
    <t>C:\Users\davimvs\AppData\Roaming\Adobe\LogTransport2\Logs\ulog_AcroARM2_Reader_a9473871-eb7b-4719-ba46-35125c58e0e7_0d0d8bc0-3606-4e3c-8ac8-c630efb5809e_0.log\</t>
  </si>
  <si>
    <t>ulog_AcroARM2_Reader_a9473871-eb7b-4719-ba46-35125c58e0e7_8d058452-e8b5-4cb8-a825-22f6d830b43f_0.log</t>
  </si>
  <si>
    <t>C:\Users\davimvs\AppData\Roaming\Adobe\LogTransport2\Logs\ulog_AcroARM2_Reader_a9473871-eb7b-4719-ba46-35125c58e0e7_8d058452-e8b5-4cb8-a825-22f6d830b43f_0.log\</t>
  </si>
  <si>
    <t>C:\Users\Flavia\Desktop\BANCO DE HORAS\</t>
  </si>
  <si>
    <t>Sinttec MG.CSV</t>
  </si>
  <si>
    <t>Sitepd PR (Flex).CSV</t>
  </si>
  <si>
    <t>mail.google.com/_/upload?authuser=0&amp;dcp=asu-n&amp;upload_id=AEnB2UrQaurR6SFaBFnCj7djegX90WPaWDQcLIYSDR2y_ezBaZrq1_OcBVtmXkV3YYqCJp8XI43kj7rw9eaXCvtbN85OXiWw-g&amp;upload_protocol=resumable</t>
  </si>
  <si>
    <t>SPPD MS.CSV</t>
  </si>
  <si>
    <t>Sitepd PR.CSV</t>
  </si>
  <si>
    <t>Consolidado CONTA CORRENTE BANCO DE HORAS_028_029_DEZ.xlsm</t>
  </si>
  <si>
    <t>12/13/2019 09:04:33</t>
  </si>
  <si>
    <t>12/13/2019 09:06:43</t>
  </si>
  <si>
    <t>franciscoeag@algartech.com.br;marciellasn@algartech.com.br;vanusaos@algartech.com.br;</t>
  </si>
  <si>
    <t>RES: CARTÃO CORPORATIVO</t>
  </si>
  <si>
    <t>Rotina.xlsx</t>
  </si>
  <si>
    <t>franciscoeag@algartech.com.br,marciellasn@algartech.com.br,vanusaos@algartech.com.br</t>
  </si>
  <si>
    <t>12/13/2019 09:03:20</t>
  </si>
  <si>
    <t>12/13/2019 09:07:44</t>
  </si>
  <si>
    <t>12/13/2019 09:10:33</t>
  </si>
  <si>
    <t>12/13/2019 09:13:44</t>
  </si>
  <si>
    <t>12/13/2019 09:11:00</t>
  </si>
  <si>
    <t>8bad4f0c-311b-490a-aa6d-8942eaca62e5.tmp</t>
  </si>
  <si>
    <t>\\acsfs\profiles$\yurics\Downloads\8bad4f0c-311b-490a-aa6d-8942eaca62e5.tmp</t>
  </si>
  <si>
    <t>12/13/2019 09:11:30</t>
  </si>
  <si>
    <t>f73654a3-64ad-405c-b73f-0f15bcee5d11.tmp</t>
  </si>
  <si>
    <t>\\acsfs\profiles$\yurics\Downloads\f73654a3-64ad-405c-b73f-0f15bcee5d11.tmp</t>
  </si>
  <si>
    <t>12/13/2019 09:11:47</t>
  </si>
  <si>
    <t>378d2252-8a81-4237-b50f-8475260fbb5f.tmp</t>
  </si>
  <si>
    <t>\\acsfs\profiles$\yurics\Downloads\378d2252-8a81-4237-b50f-8475260fbb5f.tmp</t>
  </si>
  <si>
    <t>12/13/2019 09:11:48</t>
  </si>
  <si>
    <t>12/13/2019 09:10:38</t>
  </si>
  <si>
    <t>12/13/2019 09:14:43</t>
  </si>
  <si>
    <t>12/13/2019 09:11:43</t>
  </si>
  <si>
    <t>12/13/2019 09:12:04</t>
  </si>
  <si>
    <t>cb7c439a-9a17-4e6c-bc77-eddf59be9bcf.tmp</t>
  </si>
  <si>
    <t>\\acsfs\profiles$\sarahbal\Downloads\cb7c439a-9a17-4e6c-bc77-eddf59be9bcf.tmp</t>
  </si>
  <si>
    <t>12/13/2019 09:13:38</t>
  </si>
  <si>
    <t>12/13/2019 09:16:44</t>
  </si>
  <si>
    <t>mail.google.com/sync/u/0/i/s?hl=pt-BR&amp;c=589</t>
  </si>
  <si>
    <t>12/13/2019 09:13:41</t>
  </si>
  <si>
    <t>mail.google.com/sync/u/0/i/s?hl=pt-BR&amp;c=593</t>
  </si>
  <si>
    <t>12/13/2019 09:13:54</t>
  </si>
  <si>
    <t>mail.google.com/sync/u/0/i/s?hl=pt-BR&amp;c=595</t>
  </si>
  <si>
    <t>12/13/2019 09:14:29</t>
  </si>
  <si>
    <t>mail.google.com/sync/u/0/i/s?hl=pt-BR&amp;c=598</t>
  </si>
  <si>
    <t>12/13/2019 09:14:30</t>
  </si>
  <si>
    <t>mail.google.com/sync/u/0/i/s?hl=pt-BR&amp;c=601</t>
  </si>
  <si>
    <t>12/13/2019 09:14:45</t>
  </si>
  <si>
    <t>eb9a2f2f-7a15-477c-8fb2-37493091f5a6.tmp</t>
  </si>
  <si>
    <t>\\acsfs\profiles$\milenaas\Downloads\eb9a2f2f-7a15-477c-8fb2-37493091f5a6.tmp</t>
  </si>
  <si>
    <t>12/13/2019 09:18:44</t>
  </si>
  <si>
    <t>\\acsfs\Deptos\Engenharia\8 - Service Desk Data Center\</t>
  </si>
  <si>
    <t>\\acsfs\Deptos\Engenharia\8 - Service Desk Data Center\Thumbs.db</t>
  </si>
  <si>
    <t>\\acsfs\Deptos\Engenharia\8 - Service Desk Data Center\8.3 - Documentos Pessoais\Laralisa\Thumbs.db</t>
  </si>
  <si>
    <t>\\acsfs\Deptos\Engenharia\8 - Service Desk Data Center\8.3 - Documentos Pessoais\</t>
  </si>
  <si>
    <t>\\acsfs\Deptos\Engenharia\8 - Service Desk Data Center\8.3 - Documentos Pessoais\Thumbs.db</t>
  </si>
  <si>
    <t>12/13/2019 09:19:18</t>
  </si>
  <si>
    <t>12/13/2019 09:20:44</t>
  </si>
  <si>
    <t>Sistemas -.txt</t>
  </si>
  <si>
    <t>\\acsfs\profiles$\larissaad\My Documents\Sistemas -.txt</t>
  </si>
  <si>
    <t>12/13/2019 09:19:56</t>
  </si>
  <si>
    <t>12/13/2019 09:21:43</t>
  </si>
  <si>
    <t>12/13/2019 09:20:24</t>
  </si>
  <si>
    <t>12/13/2019 09:20:25</t>
  </si>
  <si>
    <t>12/13/2019 09:20:26</t>
  </si>
  <si>
    <t>12/13/2019 09:20:27</t>
  </si>
  <si>
    <t>12/13/2019 09:20:28</t>
  </si>
  <si>
    <t>12/13/2019 09:20:29</t>
  </si>
  <si>
    <t>12/13/2019 09:20:30</t>
  </si>
  <si>
    <t>12/13/2019 09:22:01</t>
  </si>
  <si>
    <t>12/13/2019 09:22:44</t>
  </si>
  <si>
    <t>901ff439-0b1a-4bfd-89a0-8261cff0e285.tmp</t>
  </si>
  <si>
    <t>\\acsfs\profiles$\leticiala\Downloads\901ff439-0b1a-4bfd-89a0-8261cff0e285.tmp</t>
  </si>
  <si>
    <t>12/13/2019 09:22:13</t>
  </si>
  <si>
    <t>b9a990a3-8a9e-4280-881a-6d5782b7db06.tmp</t>
  </si>
  <si>
    <t>\\acsfs\profiles$\leticiala\Downloads\b9a990a3-8a9e-4280-881a-6d5782b7db06.tmp</t>
  </si>
  <si>
    <t>12/13/2019 09:23:28</t>
  </si>
  <si>
    <t>12/13/2019 09:23:44</t>
  </si>
  <si>
    <t>2b242ff8-7026-41a9-ac05-dc777c2be790.tmp</t>
  </si>
  <si>
    <t>\\acsfs\profiles$\adrielyas\Downloads\2b242ff8-7026-41a9-ac05-dc777c2be790.tmp</t>
  </si>
  <si>
    <t>12/13/2019 09:24:44</t>
  </si>
  <si>
    <t>d2fd5d39-6dd3-47e7-9495-410c26a2fa04.tmp</t>
  </si>
  <si>
    <t>\\acsfs\profiles$\gabrielarb\Downloads\d2fd5d39-6dd3-47e7-9495-410c26a2fa04.tmp</t>
  </si>
  <si>
    <t>12/13/2019 09:23:39</t>
  </si>
  <si>
    <t>5866c895-87fc-4587-8298-eae89a9e0162.tmp</t>
  </si>
  <si>
    <t>\\acsfs\profiles$\LUCASNS\Downloads\5866c895-87fc-4587-8298-eae89a9e0162.tmp</t>
  </si>
  <si>
    <t>12/13/2019 09:22:40</t>
  </si>
  <si>
    <t>10.200.66.41</t>
  </si>
  <si>
    <t>76a39692-d183-41ca-9fa3-6cd57e77265b.tmp</t>
  </si>
  <si>
    <t>\\acsfs\profiles$\JOAOVAL\Downloads\76a39692-d183-41ca-9fa3-6cd57e77265b.tmp</t>
  </si>
  <si>
    <t>8e6344fd-b3d0-4f9d-8e4f-44e822149a54.tmp</t>
  </si>
  <si>
    <t>\\acsfs\profiles$\JOAOVAL\Downloads\8e6344fd-b3d0-4f9d-8e4f-44e822149a54.tmp</t>
  </si>
  <si>
    <t>12/13/2019 09:20:07</t>
  </si>
  <si>
    <t>6490a841-c22c-4335-bd44-1579a92b44fc.tmp</t>
  </si>
  <si>
    <t>\\acsfs\profiles$\sarahbal\Downloads\6490a841-c22c-4335-bd44-1579a92b44fc.tmp</t>
  </si>
  <si>
    <t>12/13/2019 09:23:52</t>
  </si>
  <si>
    <t>12/13/2019 09:25:44</t>
  </si>
  <si>
    <t>12/13/2019 09:24:05</t>
  </si>
  <si>
    <t>12/13/2019 09:24:35</t>
  </si>
  <si>
    <t>12/13/2019 09:25:06</t>
  </si>
  <si>
    <t>ed320cad-91bc-4f96-b003-650f555cfb16.tmp</t>
  </si>
  <si>
    <t>\\acsfs\profiles$\valeriasda\Downloads\ed320cad-91bc-4f96-b003-650f555cfb16.tmp</t>
  </si>
  <si>
    <t>12/13/2019 09:20:31</t>
  </si>
  <si>
    <t>12/13/2019 09:26:45</t>
  </si>
  <si>
    <t>12/13/2019 09:20:32</t>
  </si>
  <si>
    <t>12/13/2019 09:20:33</t>
  </si>
  <si>
    <t>12/13/2019 09:20:34</t>
  </si>
  <si>
    <t>12/13/2019 09:20:35</t>
  </si>
  <si>
    <t>12/13/2019 09:20:36</t>
  </si>
  <si>
    <t>12/13/2019 09:20:51</t>
  </si>
  <si>
    <t>12/13/2019 09:20:54</t>
  </si>
  <si>
    <t>12/13/2019 09:25:41</t>
  </si>
  <si>
    <t>12/13/2019 09:23:19</t>
  </si>
  <si>
    <t>12/13/2019 09:23:42</t>
  </si>
  <si>
    <t>12/13/2019 09:27:44</t>
  </si>
  <si>
    <t>bee13d3c-a5df-47e2-b07c-0f38c2cdf74e.tmp</t>
  </si>
  <si>
    <t>\\acsfs\profiles$\leticiala\Downloads\bee13d3c-a5df-47e2-b07c-0f38c2cdf74e.tmp</t>
  </si>
  <si>
    <t>12/13/2019 09:25:33</t>
  </si>
  <si>
    <t>12/13/2019 09:28:45</t>
  </si>
  <si>
    <t>012b5b34-40f5-4bd6-a194-fc3b197c9e50.tmp</t>
  </si>
  <si>
    <t>\\acsfs\profiles$\yurics\Downloads\012b5b34-40f5-4bd6-a194-fc3b197c9e50.tmp</t>
  </si>
  <si>
    <t>12/13/2019 09:25:50</t>
  </si>
  <si>
    <t>12/13/2019 09:29:44</t>
  </si>
  <si>
    <t>3768a802-1246-452d-94f1-fac727c7a4da.tmp</t>
  </si>
  <si>
    <t>\\acsfs\profiles$\sarahbal\Downloads\3768a802-1246-452d-94f1-fac727c7a4da.tmp</t>
  </si>
  <si>
    <t>12/13/2019 09:27:26</t>
  </si>
  <si>
    <t>D0-67-E5-FF-1C-3B</t>
  </si>
  <si>
    <t>VOTORANT-FB003</t>
  </si>
  <si>
    <t>12/13/2019 09:25:35</t>
  </si>
  <si>
    <t>12/13/2019 09:30:45</t>
  </si>
  <si>
    <t>12/13/2019 09:28:05</t>
  </si>
  <si>
    <t>12/13/2019 09:28:35</t>
  </si>
  <si>
    <t>12/13/2019 09:26:41</t>
  </si>
  <si>
    <t>12/13/2019 09:31:44</t>
  </si>
  <si>
    <t>12/13/2019 09:29:53</t>
  </si>
  <si>
    <t>12/13/2019 09:26:09</t>
  </si>
  <si>
    <t>12/13/2019 09:26:10</t>
  </si>
  <si>
    <t>lu7512zkci.tmp</t>
  </si>
  <si>
    <t>\\acsfs\profiles$\kamillacr\My Documents\lu7512zkci.tmp</t>
  </si>
  <si>
    <t>\\acsfs\profiles$\kamillacr\My Documents\lu7512zkci.tmp\</t>
  </si>
  <si>
    <t>\\acsfs\profiles$\kamillacr\My Documents\lu7512zkci.tmp\META-INF\</t>
  </si>
  <si>
    <t>\\acsfs\profiles$\kamillacr\My Documents\lu7512zkci.tmp\Thumbnails\</t>
  </si>
  <si>
    <t>12/13/2019 09:29:04</t>
  </si>
  <si>
    <t>12/13/2019 09:32:44</t>
  </si>
  <si>
    <t>d20d0279-3351-4922-a42f-532f7c36bf54.tmp</t>
  </si>
  <si>
    <t>\\acsfs\profiles$\JOAOVAL\Downloads\d20d0279-3351-4922-a42f-532f7c36bf54.tmp</t>
  </si>
  <si>
    <t>12/13/2019 09:31:05</t>
  </si>
  <si>
    <t>0c24be73-d520-40a5-8429-92279294a14f.tmp</t>
  </si>
  <si>
    <t>\\acsfs\profiles$\JOAOVAL\Downloads\0c24be73-d520-40a5-8429-92279294a14f.tmp</t>
  </si>
  <si>
    <t>12/13/2019 09:31:56</t>
  </si>
  <si>
    <t>12/13/2019 09:33:44</t>
  </si>
  <si>
    <t>\\acsfs\profiles$\deborahsi\My Documents\</t>
  </si>
  <si>
    <t>Textos hist..txt</t>
  </si>
  <si>
    <t>\\acsfs\profiles$\deborahsi\My Documents\Textos hist..txt</t>
  </si>
  <si>
    <t>12/13/2019 09:30:35</t>
  </si>
  <si>
    <t>12/13/2019 09:33:12</t>
  </si>
  <si>
    <t>anapscl@algartech.com;fabiolacc@algartecnologia.com.br;fredericobs@algartecnologia.com.br;michelecdc@algartech.com;micheless@algartech.com;rafaelaas@algartech.com;</t>
  </si>
  <si>
    <t>MIS Mesa de Decisão - Dezembro</t>
  </si>
  <si>
    <t>Relatório Mesa de Decisão.xlsx</t>
  </si>
  <si>
    <t>anapscl@algartech.com,fabiolacc@algartecnologia.com.br,fredericobs@algartecnologia.com.br,michelecdc@algartech.com,micheless@algartech.com,rafaelaas@algartech.com</t>
  </si>
  <si>
    <t>12/13/2019 09:31:52</t>
  </si>
  <si>
    <t>5e524e22-14f9-4c62-b1a3-1c5cbd84212d.tmp</t>
  </si>
  <si>
    <t>\\acsfs\profiles$\adrielyas\Downloads\5e524e22-14f9-4c62-b1a3-1c5cbd84212d.tmp</t>
  </si>
  <si>
    <t>12/13/2019 09:31:15</t>
  </si>
  <si>
    <t>12/13/2019 09:34:44</t>
  </si>
  <si>
    <t>2f708078-c947-4eb2-b906-de9671298e9a.tmp</t>
  </si>
  <si>
    <t>\\acsfs\profiles$\gabrielarb\Downloads\2f708078-c947-4eb2-b906-de9671298e9a.tmp</t>
  </si>
  <si>
    <t>12/13/2019 09:35:44</t>
  </si>
  <si>
    <t>12/13/2019 09:32:05</t>
  </si>
  <si>
    <t>12/13/2019 09:32:35</t>
  </si>
  <si>
    <t>12/13/2019 09:33:35</t>
  </si>
  <si>
    <t>12/13/2019 09:34:05</t>
  </si>
  <si>
    <t>12/13/2019 09:34:35</t>
  </si>
  <si>
    <t>12/13/2019 09:31:41</t>
  </si>
  <si>
    <t>12/13/2019 09:36:44</t>
  </si>
  <si>
    <t>12/13/2019 09:32:41</t>
  </si>
  <si>
    <t>12/13/2019 09:32:08</t>
  </si>
  <si>
    <t>12/13/2019 09:37:43</t>
  </si>
  <si>
    <t>dbae3d64-f237-4983-92aa-83e55e848b3f.tmp</t>
  </si>
  <si>
    <t>\\acsfs\profiles$\JOAOVAL\Downloads\dbae3d64-f237-4983-92aa-83e55e848b3f.tmp</t>
  </si>
  <si>
    <t>12/13/2019 09:37:25</t>
  </si>
  <si>
    <t>d8d371fa-9a2e-49f8-abf0-fa765cdcbc15.tmp</t>
  </si>
  <si>
    <t>\\acsfs\profiles$\luanaldsi\Downloads\d8d371fa-9a2e-49f8-abf0-fa765cdcbc15.tmp</t>
  </si>
  <si>
    <t>12/13/2019 09:37:27</t>
  </si>
  <si>
    <t>442eca47-5c2e-4f3f-a026-5ab0efa74909.tmp</t>
  </si>
  <si>
    <t>\\acsfs\profiles$\luanaldsi\Downloads\442eca47-5c2e-4f3f-a026-5ab0efa74909.tmp</t>
  </si>
  <si>
    <t>12/13/2019 09:37:28</t>
  </si>
  <si>
    <t>f7e87021-109c-480d-9656-10848cc64a74.tmp</t>
  </si>
  <si>
    <t>\\acsfs\profiles$\luanaldsi\Downloads\f7e87021-109c-480d-9656-10848cc64a74.tmp</t>
  </si>
  <si>
    <t>12/13/2019 09:36:51</t>
  </si>
  <si>
    <t>12/13/2019 09:38:44</t>
  </si>
  <si>
    <t>12/13/2019 09:36:56</t>
  </si>
  <si>
    <t>12/13/2019 09:39:44</t>
  </si>
  <si>
    <t>b8bc960a-cc7f-47e2-8b83-2e12998aea62.tmp</t>
  </si>
  <si>
    <t>\\acsfs\profiles$\alessandraan\Downloads\b8bc960a-cc7f-47e2-8b83-2e12998aea62.tmp</t>
  </si>
  <si>
    <t>f0f8d1ce-e45b-4431-8aa7-5f0acbc5e3c3.tmp</t>
  </si>
  <si>
    <t>\\acsfs\profiles$\alessandraan\Downloads\f0f8d1ce-e45b-4431-8aa7-5f0acbc5e3c3.tmp</t>
  </si>
  <si>
    <t>12/13/2019 09:36:57</t>
  </si>
  <si>
    <t>07e996a7-7f32-4eb7-a9a1-f14bdf0e35e1.tmp</t>
  </si>
  <si>
    <t>\\acsfs\profiles$\alessandraan\Downloads\07e996a7-7f32-4eb7-a9a1-f14bdf0e35e1.tmp</t>
  </si>
  <si>
    <t>12/13/2019 09:37:00</t>
  </si>
  <si>
    <t>960d86f1-d86c-45f8-b4d6-dc660c955eee.tmp</t>
  </si>
  <si>
    <t>\\acsfs\profiles$\alessandraan\Downloads\960d86f1-d86c-45f8-b4d6-dc660c955eee.tmp</t>
  </si>
  <si>
    <t>12/13/2019 09:38:06</t>
  </si>
  <si>
    <t>376871f1-9dc5-40d1-9426-a65877d4789f.tmp</t>
  </si>
  <si>
    <t>\\acsfs\profiles$\alessandraan\Downloads\376871f1-9dc5-40d1-9426-a65877d4789f.tmp</t>
  </si>
  <si>
    <t>12/13/2019 09:39:28</t>
  </si>
  <si>
    <t>12/13/2019 09:36:13</t>
  </si>
  <si>
    <t>12/13/2019 09:41:45</t>
  </si>
  <si>
    <t>12/13/2019 09:36:30</t>
  </si>
  <si>
    <t>12/13/2019 09:36:38</t>
  </si>
  <si>
    <t>12/13/2019 09:37:57</t>
  </si>
  <si>
    <t>12/13/2019 09:39:25</t>
  </si>
  <si>
    <t>\\acsfs\DEPTOS\Operacao\Banco_Votorantim\Comum\CONSIGNADO\</t>
  </si>
  <si>
    <t>\\acsfs\DEPTOS\Operacao\Banco_Votorantim\Comum\CHAT\Thumbs.db</t>
  </si>
  <si>
    <t>12/13/2019 09:39:51</t>
  </si>
  <si>
    <t>mail.google.com/_/upload?authuser=0&amp;dcp=asu-n&amp;upload_id=AEnB2UoribETF5rvQXv7XiVKdFLYbgThm8gY5Zy7EpTzTmyWUInCVo1SxypBlXuBewIZk962m25niIuIIuNZ49q_38mvqITl3PyaCcYJdkHJ5tKAn2-qs0A&amp;upload_protocol=resumable</t>
  </si>
  <si>
    <t>REPASSE KELLY BARRA.xlsx</t>
  </si>
  <si>
    <t>12/13/2019 09:39:19</t>
  </si>
  <si>
    <t>12/13/2019 09:42:45</t>
  </si>
  <si>
    <t>d557b52c-5069-4e51-bd00-0020b02e2966.tmp</t>
  </si>
  <si>
    <t>\\acsfs\profiles$\luanaldsi\Downloads\d557b52c-5069-4e51-bd00-0020b02e2966.tmp</t>
  </si>
  <si>
    <t>12/13/2019 09:40:37</t>
  </si>
  <si>
    <t>12/13/2019 09:44:45</t>
  </si>
  <si>
    <t>12/13/2019 09:41:01</t>
  </si>
  <si>
    <t>12/13/2019 09:41:29</t>
  </si>
  <si>
    <t>12/13/2019 09:41:47</t>
  </si>
  <si>
    <t>12/13/2019 09:46:45</t>
  </si>
  <si>
    <t>carla.campisi@bradesco.com.br;</t>
  </si>
  <si>
    <t>Filas CRC AMEX</t>
  </si>
  <si>
    <t>CRC AMEX.xlsx</t>
  </si>
  <si>
    <t>carla.campisi@bradesco.com.br</t>
  </si>
  <si>
    <t>12/13/2019 09:41:27</t>
  </si>
  <si>
    <t>12/13/2019 09:43:16</t>
  </si>
  <si>
    <t>12/13/2019 09:47:20</t>
  </si>
  <si>
    <t>12/13/2019 09:47:44</t>
  </si>
  <si>
    <t>12/13/2019 09:47:21</t>
  </si>
  <si>
    <t>12/13/2019 09:47:22</t>
  </si>
  <si>
    <t>12/13/2019 09:47:23</t>
  </si>
  <si>
    <t>12/13/2019 09:47:24</t>
  </si>
  <si>
    <t>12/13/2019 09:47:25</t>
  </si>
  <si>
    <t>12/13/2019 09:45:48</t>
  </si>
  <si>
    <t>12/13/2019 09:48:45</t>
  </si>
  <si>
    <t>10.200.67.157</t>
  </si>
  <si>
    <t>12/13/2019 09:45:49</t>
  </si>
  <si>
    <t>12/13/2019 09:49:44</t>
  </si>
  <si>
    <t>ba577393-7fc6-495c-9570-695cc5efc84c.tmp</t>
  </si>
  <si>
    <t>\\acsfs\profiles$\gabrielarb\Downloads\ba577393-7fc6-495c-9570-695cc5efc84c.tmp</t>
  </si>
  <si>
    <t>12/13/2019 09:48:38</t>
  </si>
  <si>
    <t>12/13/2019 09:48:39</t>
  </si>
  <si>
    <t>12/13/2019 09:48:40</t>
  </si>
  <si>
    <t>12/13/2019 09:48:41</t>
  </si>
  <si>
    <t>12/13/2019 09:48:42</t>
  </si>
  <si>
    <t>12/13/2019 09:48:59</t>
  </si>
  <si>
    <t>12/13/2019 09:49:01</t>
  </si>
  <si>
    <t>12/13/2019 09:49:02</t>
  </si>
  <si>
    <t>12/13/2019 09:49:05</t>
  </si>
  <si>
    <t>mail.google.com/mail/u/0/jserror?script=https://mail.google.com/mail/u/0/#inbox&amp;error=no&amp;line=not available&amp;txz=p</t>
  </si>
  <si>
    <t>12/13/2019 09:49:06</t>
  </si>
  <si>
    <t>12/13/2019 09:49:12</t>
  </si>
  <si>
    <t>mail.google.com/mail/u/0/jserror?script=https://mail.google.com/mail/u/0/#drafts&amp;error=no&amp;line=not available&amp;txz=p</t>
  </si>
  <si>
    <t>12/13/2019 09:46:53</t>
  </si>
  <si>
    <t>12/13/2019 09:46:55</t>
  </si>
  <si>
    <t>12/13/2019 09:46:59</t>
  </si>
  <si>
    <t>12/13/2019 09:47:43</t>
  </si>
  <si>
    <t>12/13/2019 09:50:45</t>
  </si>
  <si>
    <t>d829da34-1a64-4197-a1e2-39c789234a53.tmp</t>
  </si>
  <si>
    <t>\\acsfs\profiles$\larissaad\Downloads\d829da34-1a64-4197-a1e2-39c789234a53.tmp</t>
  </si>
  <si>
    <t>12/13/2019 09:46:35</t>
  </si>
  <si>
    <t>12/13/2019 09:47:05</t>
  </si>
  <si>
    <t>12/13/2019 09:49:35</t>
  </si>
  <si>
    <t>12/13/2019 09:47:17</t>
  </si>
  <si>
    <t>12/13/2019 09:48:46</t>
  </si>
  <si>
    <t>12/13/2019 09:51:45</t>
  </si>
  <si>
    <t>C:\Users\lucineiaale\Desktop\TAP E BP\</t>
  </si>
  <si>
    <t>OBZ – Renegociação Telefonia - BP 2020.xlsx</t>
  </si>
  <si>
    <t>ances,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missionid,pict,pictu,picture,quotabytesused,rpermissions,shar,shareable,shared,sharedw,sharedwithmedate,subscribed�,thumbnailversion,title,userpermission(role),userpermission(role)�,workspaceids</t>
  </si>
  <si>
    <t>12/13/2019 09:48:27</t>
  </si>
  <si>
    <t>12/13/2019 09:52:45</t>
  </si>
  <si>
    <t>ab9ab664-0ed6-4458-838c-f50d431c5875.tmp</t>
  </si>
  <si>
    <t>\\acsfs\profiles$\leticiala\Downloads\ab9ab664-0ed6-4458-838c-f50d431c5875.tmp</t>
  </si>
  <si>
    <t>12/13/2019 09:47:26</t>
  </si>
  <si>
    <t>12/13/2019 09:47:27</t>
  </si>
  <si>
    <t>12/13/2019 09:53:45</t>
  </si>
  <si>
    <t>12/13/2019 09:47:28</t>
  </si>
  <si>
    <t>12/13/2019 09:47:29</t>
  </si>
  <si>
    <t>12/13/2019 09:47:30</t>
  </si>
  <si>
    <t>12/13/2019 09:47:31</t>
  </si>
  <si>
    <t>12/13/2019 09:47:32</t>
  </si>
  <si>
    <t>12/13/2019 09:47:33</t>
  </si>
  <si>
    <t>12/13/2019 09:47:34</t>
  </si>
  <si>
    <t>12/13/2019 09:47:35</t>
  </si>
  <si>
    <t>12/13/2019 09:47:36</t>
  </si>
  <si>
    <t>12/13/2019 09:47:37</t>
  </si>
  <si>
    <t>12/13/2019 09:47:38</t>
  </si>
  <si>
    <t>12/13/2019 09:47:39</t>
  </si>
  <si>
    <t>12/13/2019 09:47:40</t>
  </si>
  <si>
    <t>12/13/2019 09:51:00</t>
  </si>
  <si>
    <t>12/13/2019 09:51:10</t>
  </si>
  <si>
    <t>12/13/2019 09:47:41</t>
  </si>
  <si>
    <t>12/13/2019 09:47:42</t>
  </si>
  <si>
    <t>12/13/2019 09:47:45</t>
  </si>
  <si>
    <t>12/13/2019 09:47:46</t>
  </si>
  <si>
    <t>12/13/2019 09:47:47</t>
  </si>
  <si>
    <t>12/13/2019 09:47:48</t>
  </si>
  <si>
    <t>12/13/2019 09:47:49</t>
  </si>
  <si>
    <t>12/13/2019 09:47:50</t>
  </si>
  <si>
    <t>12/13/2019 09:47:51</t>
  </si>
  <si>
    <t>12/13/2019 09:47:52</t>
  </si>
  <si>
    <t>12/13/2019 09:47:53</t>
  </si>
  <si>
    <t>12/13/2019 09:47:54</t>
  </si>
  <si>
    <t>12/13/2019 09:47:55</t>
  </si>
  <si>
    <t>12/13/2019 09:47:56</t>
  </si>
  <si>
    <t>12/13/2019 09:47:57</t>
  </si>
  <si>
    <t>12/13/2019 09:47:58</t>
  </si>
  <si>
    <t>12/13/2019 09:47:59</t>
  </si>
  <si>
    <t>12/13/2019 09:48:00</t>
  </si>
  <si>
    <t>12/13/2019 09:48:01</t>
  </si>
  <si>
    <t>12/13/2019 09:50:25</t>
  </si>
  <si>
    <t>8e329f37-622b-4cbd-a8c0-392738466033.tmp</t>
  </si>
  <si>
    <t>\\acsfs\profiles$\deborahsi\Downloads\8e329f37-622b-4cbd-a8c0-392738466033.tmp</t>
  </si>
  <si>
    <t>12/13/2019 09:49:36</t>
  </si>
  <si>
    <t>12/13/2019 09:54:45</t>
  </si>
  <si>
    <t>mail.google.com/sync/u/0/i/s?hl=pt-br&amp;c=34</t>
  </si>
  <si>
    <t>12/13/2019 09:49:42</t>
  </si>
  <si>
    <t>mail.google.com/sync/u/0/i/s?hl=pt-br&amp;c=39</t>
  </si>
  <si>
    <t>12/13/2019 09:50:15</t>
  </si>
  <si>
    <t>mail.google.com/sync/u/0/i/s?hl=pt-br&amp;c=44</t>
  </si>
  <si>
    <t>12/13/2019 09:50:19</t>
  </si>
  <si>
    <t>mail.google.com/sync/u/0/i/s?hl=pt-br&amp;c=47</t>
  </si>
  <si>
    <t>12/13/2019 09:50:22</t>
  </si>
  <si>
    <t>mail.google.com/sync/u/0/i/s?hl=pt-br&amp;c=50</t>
  </si>
  <si>
    <t>12/13/2019 09:50:27</t>
  </si>
  <si>
    <t>mail.google.com/mail/u/0/jserror?script=https://mail.google.com/mail/u/0/#inbox?compose=dmwnwrrrlzbkfmdxhfclnxbkkbcrwqftvxlmdsbnsxpfbtrhqlbmkpbvfqzsrssltfdqqmfzzhvv&amp;error=no&amp;line=not available&amp;txz=p</t>
  </si>
  <si>
    <t>mail.google.com/sync/u/0/i/s?hl=pt-br&amp;c=53</t>
  </si>
  <si>
    <t>12/13/2019 09:51:25</t>
  </si>
  <si>
    <t>12/13/2019 09:53:41</t>
  </si>
  <si>
    <t>12/13/2019 09:54:25</t>
  </si>
  <si>
    <t>mail.google.com/sync/u/0/i/s?hl=pt-br&amp;c=14</t>
  </si>
  <si>
    <t>12/13/2019 09:53:55</t>
  </si>
  <si>
    <t>12/13/2019 09:56:45</t>
  </si>
  <si>
    <t>12/13/2019 09:54:01</t>
  </si>
  <si>
    <t>12/13/2019 09:58:45</t>
  </si>
  <si>
    <t>\\acsfs\Deptos\Operacao\Banco_Votorantim\Qualidade\Fernanda\Pasta de ligaçoes para Mutant\</t>
  </si>
  <si>
    <t>Não confirmado 428821.crdownload</t>
  </si>
  <si>
    <t>\\acsfs\Deptos\Operacao\Banco_Votorantim\Qualidade\Fernanda\Pasta de ligaçoes para Mutant\Não confirmado 428821.crdownload</t>
  </si>
  <si>
    <t>12/13/2019 09:54:02</t>
  </si>
  <si>
    <t>VALERIA SENA DE ARAUJO.htm:Zone.Identifier</t>
  </si>
  <si>
    <t>\\acsfs\Deptos\Operacao\Banco_Votorantim\Qualidade\Fernanda\Pasta de ligaçoes para Mutant\VALERIA SENA DE ARAUJO.htm:Zone.Identifier</t>
  </si>
  <si>
    <t>12/13/2019 09:55:12</t>
  </si>
  <si>
    <t>Não confirmado 172184.crdownload</t>
  </si>
  <si>
    <t>\\acsfs\Deptos\Operacao\Banco_Votorantim\Qualidade\Fernanda\Pasta de ligaçoes para Mutant\Não confirmado 172184.crdownload</t>
  </si>
  <si>
    <t>12/13/2019 09:55:13</t>
  </si>
  <si>
    <t>view.htm:Zone.Identifier</t>
  </si>
  <si>
    <t>\\acsfs\Deptos\Operacao\Banco_Votorantim\Qualidade\Fernanda\Pasta de ligaçoes para Mutant\view.htm:Zone.Identifier</t>
  </si>
  <si>
    <t>12/13/2019 09:56:07</t>
  </si>
  <si>
    <t>ffcd9655-e4f5-44d4-be1d-9358271746ce.tmp</t>
  </si>
  <si>
    <t>\\acsfs\profiles$\dhiulliananads\Downloads\ffcd9655-e4f5-44d4-be1d-9358271746ce.tmp</t>
  </si>
  <si>
    <t>12/13/2019 09:53:25</t>
  </si>
  <si>
    <t>clau.sganzerla@algar.com.br;josycoa@algartech.com;marco.goncalves@algar.com.br;marco.richieri@bv.com.br;</t>
  </si>
  <si>
    <t>\\acsfs\DEPTOS\Governança da Estratégia\M&amp;A e Parcerias\Sell Side\Data Center\2019 - Nimbus\Q&amp;A\</t>
  </si>
  <si>
    <t>2019_12_11_QA_ODATA respostas BV.xlsx</t>
  </si>
  <si>
    <t>clau.sganzerla@algar.com.br,josycoa@algartech.com,marco.goncalves@algar.com.br,marco.richieri@bv.com.br</t>
  </si>
  <si>
    <t>12/13/2019 09:58:48</t>
  </si>
  <si>
    <t>12/13/2019 09:59:45</t>
  </si>
  <si>
    <t>12/13/2019 09:54:41</t>
  </si>
  <si>
    <t>12/13/2019 09:58:19</t>
  </si>
  <si>
    <t>12/13/2019 09:58:20</t>
  </si>
  <si>
    <t>12/13/2019 10:00:25</t>
  </si>
  <si>
    <t>12/13/2019 10:01:45</t>
  </si>
  <si>
    <t>12/13/2019 09:58:50</t>
  </si>
  <si>
    <t>12/13/2019 10:02:46</t>
  </si>
  <si>
    <t>holerite.url:favicon</t>
  </si>
  <si>
    <t>\\acsfs\profiles$\jessykacal\Favorites\holerite.url:favicon</t>
  </si>
  <si>
    <t>\\acsfs\profiles$\jessykacal\Favorites\holerite.url\</t>
  </si>
  <si>
    <t>\\acsfs\profiles$\jessykacal\Favorites\holerite.url\:favicon:$DATA</t>
  </si>
  <si>
    <t>holerite.url</t>
  </si>
  <si>
    <t>\\acsfs\profiles$\jessykacal\Favorites\holerite.url</t>
  </si>
  <si>
    <t>12/13/2019 10:00:29</t>
  </si>
  <si>
    <t>c15e5005-cb49-4ceb-9155-2ae14033f9a5.tmp</t>
  </si>
  <si>
    <t>\\acsfs\profiles$\jessykacal\Downloads\c15e5005-cb49-4ceb-9155-2ae14033f9a5.tmp</t>
  </si>
  <si>
    <t>12/13/2019 10:00:36</t>
  </si>
  <si>
    <t>e7192722-b4c4-48a1-81cf-9e524a7ad801.tmp</t>
  </si>
  <si>
    <t>\\acsfs\profiles$\jessykacal\Downloads\e7192722-b4c4-48a1-81cf-9e524a7ad801.tmp</t>
  </si>
  <si>
    <t>12/13/2019 09:57:53</t>
  </si>
  <si>
    <t>12/13/2019 10:03:45</t>
  </si>
  <si>
    <t>\\acsfs\Deptos\Operacao\Banco_Votorantim\Qualidade\Fernanda\ligaçoes para Mutant\</t>
  </si>
  <si>
    <t>Não confirmado 831774.crdownload</t>
  </si>
  <si>
    <t>\\acsfs\Deptos\Operacao\Banco_Votorantim\Qualidade\Fernanda\ligaçoes para Mutant\Não confirmado 831774.crdownload</t>
  </si>
  <si>
    <t>12/13/2019 09:57:54</t>
  </si>
  <si>
    <t>Rafaela Marques.htm:Zone.Identifier</t>
  </si>
  <si>
    <t>\\acsfs\Deptos\Operacao\Banco_Votorantim\Qualidade\Fernanda\ligaçoes para Mutant\Rafaela Marques.htm:Zone.Identifier</t>
  </si>
  <si>
    <t>12/13/2019 09:59:42</t>
  </si>
  <si>
    <t>12/13/2019 10:04:46</t>
  </si>
  <si>
    <t>12/13/2019 09:59:53</t>
  </si>
  <si>
    <t>https://collectit.softwatch.com/collectit/windows/browsing_info3.php</t>
  </si>
  <si>
    <t>browsinginfo.zip</t>
  </si>
  <si>
    <t>C:\temp\CollectIT\browsinginfo.zip\</t>
  </si>
  <si>
    <t>browsing_info.dat</t>
  </si>
  <si>
    <t>12/13/2019 10:00:41</t>
  </si>
  <si>
    <t>12/13/2019 10:03:10</t>
  </si>
  <si>
    <t>mail.google.com/mail/u/0/jserror?script=https://mail.google.com/mail/u/0/#inbox?compose=dmwnwrrrlzbkfmdxhfclnxbkkbcrwqftvxlmdsbnsxpfbtrhqlbmkpbvfqzsrssltfdqqmfzzhvv&amp;line=not available&amp;error_in_body=1&amp;txz=pe</t>
  </si>
  <si>
    <t>12/13/2019 10:03:17</t>
  </si>
  <si>
    <t>mail.google.com/sync/u/0/i/s?hl=pt-br&amp;c=55</t>
  </si>
  <si>
    <t>12/13/2019 10:03:30</t>
  </si>
  <si>
    <t>12/13/2019 10:03:37</t>
  </si>
  <si>
    <t>mail.google.com/sync/u/0/i/s?hl=pt-br&amp;c=61</t>
  </si>
  <si>
    <t>12/13/2019 10:03:57</t>
  </si>
  <si>
    <t>12/13/2019 10:04:01</t>
  </si>
  <si>
    <t>mail.google.com/sync/u/0/i/s?hl=pt-br&amp;c=65</t>
  </si>
  <si>
    <t>12/13/2019 10:04:06</t>
  </si>
  <si>
    <t>mail.google.com/sync/u/0/i/s?hl=pt-br&amp;c=67</t>
  </si>
  <si>
    <t>12/13/2019 10:04:18</t>
  </si>
  <si>
    <t>12/13/2019 10:04:21</t>
  </si>
  <si>
    <t>mail.google.com/sync/u/0/i/s?hl=pt-br&amp;c=70</t>
  </si>
  <si>
    <t>12/13/2019 10:04:22</t>
  </si>
  <si>
    <t>12/13/2019 10:05:45</t>
  </si>
  <si>
    <t>12/13/2019 10:01:06</t>
  </si>
  <si>
    <t>12/13/2019 10:01:36</t>
  </si>
  <si>
    <t>12/13/2019 10:02:06</t>
  </si>
  <si>
    <t>12/13/2019 10:02:17</t>
  </si>
  <si>
    <t>adrianimv@algartech.com.br;alandsfj@algartech.com.br;anapaps@algartech.com.br;cesaradsg@algartech.com.br;denisems@algartech.com.br;erikasl@algartech.com.br;fernandass@algartech.com.br;franciellemn@algartech.com.br;grizanibda@algartech.com.br;ideniraa@algartech.com.br;ludimilafd@algartech.com.br;mariaads@algartech.com.br;marinalsc@algartech.com.br;naianefo@algartech.com.br;quelencf@algartech.com.br;rosaliamfv@algartech.com.br;sauloss@algartech.com.br;talouanecsr@algartech.com.br;whelingtoncg@algartech.com.br;</t>
  </si>
  <si>
    <t>ENC: Relatório de pendencia EBTA/CPB - 13/12/2019</t>
  </si>
  <si>
    <t>2019-12-13_REGUA DE PENDENCIAS.xlsx</t>
  </si>
  <si>
    <t>adrianimv@algartech.com.br,alandsfj@algartech.com.br,anapaps@algartech.com.br,cesaradsg@algartech.com.br,denisems@algartech.com.br,erikasl@algartech.com.br,fernandass@algartech.com.br,franciellemn@algartech.com.br,grizanibda@algartech.com.br,ideniraa@algartech.com.br,ludimilafd@algartech.com.br,mariaads@algartech.com.br,marinalsc@algartech.com.br,naianefo@algartech.com.br,quelencf@algartech.com.br,rosaliamfv@algartech.com.br,sauloss@algartech.com.br,talouanecsr@algartech.com.br,whelingtoncg@algartech.com.br</t>
  </si>
  <si>
    <t>12/13/2019 10:02:56</t>
  </si>
  <si>
    <t>12/13/2019 10:07:45</t>
  </si>
  <si>
    <t>cc9c92a8-a50e-4b2f-a785-d048167c9d3d.tmp</t>
  </si>
  <si>
    <t>\\acsfs\profiles$\luanaldsi\Downloads\cc9c92a8-a50e-4b2f-a785-d048167c9d3d.tmp</t>
  </si>
  <si>
    <t>12/13/2019 10:09:45</t>
  </si>
  <si>
    <t>Relatório Exames Periódicos - 32ª Parcial 2019.xlsb</t>
  </si>
  <si>
    <t>12/13/2019 10:06:21</t>
  </si>
  <si>
    <t>42f020ff-2d53-4532-a368-adfe428ce028.tmp</t>
  </si>
  <si>
    <t>\\acsfs\profiles$\wenderbnm\Downloads\42f020ff-2d53-4532-a368-adfe428ce028.tmp</t>
  </si>
  <si>
    <t>12/13/2019 10:07:54</t>
  </si>
  <si>
    <t>thaisbrs@algartech.com</t>
  </si>
  <si>
    <t>C:\Users\thaisbrs\Desktop\</t>
  </si>
  <si>
    <t>12/13/2019 10:07:28</t>
  </si>
  <si>
    <t>12/13/2019 10:07:30</t>
  </si>
  <si>
    <t>12/13/2019 10:08:33</t>
  </si>
  <si>
    <t>12/13/2019 10:04:38</t>
  </si>
  <si>
    <t>12/13/2019 10:10:45</t>
  </si>
  <si>
    <t>mail.google.com/sync/u/0/i/s?hl=pt-br&amp;c=72</t>
  </si>
  <si>
    <t>12/13/2019 10:04:49</t>
  </si>
  <si>
    <t>12/13/2019 10:04:56</t>
  </si>
  <si>
    <t>mail.google.com/sync/u/0/i/s?hl=pt-br&amp;c=74</t>
  </si>
  <si>
    <t>12/13/2019 10:05:24</t>
  </si>
  <si>
    <t>12/13/2019 10:05:25</t>
  </si>
  <si>
    <t>12/13/2019 10:05:28</t>
  </si>
  <si>
    <t>mail.google.com/sync/u/0/i/s?hl=pt-br&amp;c=77</t>
  </si>
  <si>
    <t>12/13/2019 10:05:42</t>
  </si>
  <si>
    <t>12/13/2019 10:05:50</t>
  </si>
  <si>
    <t>12/13/2019 10:05:54</t>
  </si>
  <si>
    <t>mail.google.com/sync/u/0/i/s?hl=pt-br&amp;c=80</t>
  </si>
  <si>
    <t>12/13/2019 10:08:22</t>
  </si>
  <si>
    <t>9669b94c-fd91-4721-b118-de0000f2f823.tmp</t>
  </si>
  <si>
    <t>\\acsfs\profiles$\paulovadc\Downloads\9669b94c-fd91-4721-b118-de0000f2f823.tmp</t>
  </si>
  <si>
    <t>12/13/2019 10:05:58</t>
  </si>
  <si>
    <t>mail.google.com/sync/u/0/i/s?hl=pt-br&amp;c=82</t>
  </si>
  <si>
    <t>12/13/2019 10:06:12</t>
  </si>
  <si>
    <t>12/13/2019 10:06:13</t>
  </si>
  <si>
    <t>12/13/2019 10:06:16</t>
  </si>
  <si>
    <t>mail.google.com/sync/u/0/i/s?hl=pt-br&amp;c=86</t>
  </si>
  <si>
    <t>12/13/2019 10:06:27</t>
  </si>
  <si>
    <t>12/13/2019 10:06:28</t>
  </si>
  <si>
    <t>12/13/2019 10:06:32</t>
  </si>
  <si>
    <t>mail.google.com/sync/u/0/i/s?hl=pt-br&amp;c=92</t>
  </si>
  <si>
    <t>12/13/2019 10:06:37</t>
  </si>
  <si>
    <t>12/13/2019 10:06:38</t>
  </si>
  <si>
    <t>12/13/2019 10:06:40</t>
  </si>
  <si>
    <t>mail.google.com/sync/u/0/i/s?hl=pt-br&amp;c=98</t>
  </si>
  <si>
    <t>12/13/2019 10:06:42</t>
  </si>
  <si>
    <t>12/13/2019 10:06:48</t>
  </si>
  <si>
    <t>mail.google.com/sync/u/0/i/s?hl=pt-br&amp;c=100</t>
  </si>
  <si>
    <t>12/13/2019 10:07:18</t>
  </si>
  <si>
    <t>12/13/2019 10:07:27</t>
  </si>
  <si>
    <t>mail.google.com/sync/u/0/i/s?hl=pt-br&amp;c=103</t>
  </si>
  <si>
    <t>12/13/2019 10:07:31</t>
  </si>
  <si>
    <t>12/13/2019 10:06:06</t>
  </si>
  <si>
    <t>12/13/2019 10:07:33</t>
  </si>
  <si>
    <t>mail.google.com/sync/u/0/i/s?hl=pt-br&amp;c=105</t>
  </si>
  <si>
    <t>12/13/2019 10:07:36</t>
  </si>
  <si>
    <t>mail.google.com/sync/u/0/i/s?hl=pt-br&amp;c=108</t>
  </si>
  <si>
    <t>12/13/2019 10:07:39</t>
  </si>
  <si>
    <t>mail.google.com/sync/u/0/i/s?hl=pt-br&amp;c=110</t>
  </si>
  <si>
    <t>12/13/2019 10:07:15</t>
  </si>
  <si>
    <t>\\acsfs\profiles$\cristianodab\Contacts\</t>
  </si>
  <si>
    <t>CRISTIANO DE ANDRADE BARBOSA (12453).contact</t>
  </si>
  <si>
    <t>\\acsfs\profiles$\cristianodab\Contacts\CRISTIANO DE ANDRADE BARBOSA (12453).contact</t>
  </si>
  <si>
    <t>\\acsfs\profiles$\cristianodab\My Documents\My Videos\</t>
  </si>
  <si>
    <t>\\acsfs\profiles$\cristianodab\My Documents\My Videos\desktop.ini</t>
  </si>
  <si>
    <t>\\acsfs\profiles$\cristianodab\My Documents\My Pictures\</t>
  </si>
  <si>
    <t>\\acsfs\profiles$\cristianodab\My Documents\My Pictures\desktop.ini</t>
  </si>
  <si>
    <t>12/13/2019 10:07:29</t>
  </si>
  <si>
    <t>\\acsfs\profiles$\cristianodab\Contacts\desktop.ini</t>
  </si>
  <si>
    <t>\\acsfs\profiles$\cristianodab\Favorites\</t>
  </si>
  <si>
    <t>\\acsfs\profiles$\cristianodab\Favorites\desktop.ini</t>
  </si>
  <si>
    <t>\\acsfs\profiles$\cristianodab\My Documents\My Music\</t>
  </si>
  <si>
    <t>\\acsfs\profiles$\cristianodab\My Documents\My Music\desktop.ini</t>
  </si>
  <si>
    <t>\\acsfs\profiles$\cristianodab\Searches\</t>
  </si>
  <si>
    <t>\\acsfs\profiles$\cristianodab\Searches\desktop.ini</t>
  </si>
  <si>
    <t>12/13/2019 10:07:32</t>
  </si>
  <si>
    <t>\\acsfs\profiles$\cristianodab\Downloads\</t>
  </si>
  <si>
    <t>\\acsfs\profiles$\cristianodab\Downloads\desktop.ini</t>
  </si>
  <si>
    <t>\\acsfs\profiles$\cristianodab\My Documents\</t>
  </si>
  <si>
    <t>\\acsfs\profiles$\cristianodab\My Documents\desktop.ini</t>
  </si>
  <si>
    <t>\\acsfs\profiles$\cristianodab\Saved Games\</t>
  </si>
  <si>
    <t>\\acsfs\profiles$\cristianodab\Saved Games\desktop.ini</t>
  </si>
  <si>
    <t>\\acsfs\profiles$\cristianodab\Favorites\Links for Brasil\</t>
  </si>
  <si>
    <t>\\acsfs\profiles$\cristianodab\Favorites\Links for Brasil\desktop.ini</t>
  </si>
  <si>
    <t>\\acsfs\profiles$\cristianodab\Favorites\Links for Brasil\Microsoft Brasil.url</t>
  </si>
  <si>
    <t>\\acsfs\profiles$\cristianodab\Favorites\Links for Brasil\Windows Brasil.url</t>
  </si>
  <si>
    <t>\\acsfs\profiles$\cristianodab\Favorites\Links for Brasil\MSN Brasil.url</t>
  </si>
  <si>
    <t>12/13/2019 10:07:46</t>
  </si>
  <si>
    <t>12/13/2019 10:08:03</t>
  </si>
  <si>
    <t>mail.google.com/_/upload?authuser=0&amp;dcp=asu-n&amp;upload_id=AEnB2Uof6SWTH60XKdnvjPSppcMONPTLBZPw5aThGL3dsIQP1I430yzgVf61h-9m3R1kd_mtLFw_nYUXQJmtgAAyN3yflXOnnw&amp;upload_protocol=resumable</t>
  </si>
  <si>
    <t>SL XXXXX FACEBOOK - NOV E DEZ.19 - PARTE 1.xlsb</t>
  </si>
  <si>
    <t>12/13/2019 10:12:48</t>
  </si>
  <si>
    <t>12/13/2019 10:13:45</t>
  </si>
  <si>
    <t>12/13/2019 10:10:24</t>
  </si>
  <si>
    <t>lu17180no706.tmp</t>
  </si>
  <si>
    <t>\\acsfs\profiles$\dhiulliananads\My Documents\lu17180no706.tmp</t>
  </si>
  <si>
    <t>\\acsfs\profiles$\dhiulliananads\My Documents\lu17180no706.tmp\</t>
  </si>
  <si>
    <t>\\acsfs\profiles$\dhiulliananads\My Documents\lu17180no706.tmp\META-INF\</t>
  </si>
  <si>
    <t>\\acsfs\profiles$\dhiulliananads\My Documents\lu17180no706.tmp\Thumbnails\</t>
  </si>
  <si>
    <t>12/13/2019 10:10:12</t>
  </si>
  <si>
    <t>454f1999-b302-4d63-8b5b-96f8c263d902.tmp</t>
  </si>
  <si>
    <t>\\acsfs\profiles$\geovannasm\Downloads\454f1999-b302-4d63-8b5b-96f8c263d902.tmp</t>
  </si>
  <si>
    <t>12/13/2019 10:12:14</t>
  </si>
  <si>
    <t>12/13/2019 10:10:15</t>
  </si>
  <si>
    <t>12/13/2019 10:14:45</t>
  </si>
  <si>
    <t>79952b47-70ff-4b4f-b61d-56dce21eecd9.tmp</t>
  </si>
  <si>
    <t>\\acsfs\profiles$\cintiadcf\Downloads\79952b47-70ff-4b4f-b61d-56dce21eecd9.tmp</t>
  </si>
  <si>
    <t>12/13/2019 10:10:22</t>
  </si>
  <si>
    <t>12/13/2019 10:12:44</t>
  </si>
  <si>
    <t>12/13/2019 10:11:36</t>
  </si>
  <si>
    <t>12/13/2019 10:15:46</t>
  </si>
  <si>
    <t>12/13/2019 10:12:06</t>
  </si>
  <si>
    <t>12/13/2019 10:12:36</t>
  </si>
  <si>
    <t>12/13/2019 10:13:06</t>
  </si>
  <si>
    <t>12/13/2019 10:13:36</t>
  </si>
  <si>
    <t>12/13/2019 10:14:06</t>
  </si>
  <si>
    <t>12/13/2019 10:14:36</t>
  </si>
  <si>
    <t>12/13/2019 10:11:42</t>
  </si>
  <si>
    <t>12/13/2019 10:12:42</t>
  </si>
  <si>
    <t>12/13/2019 10:13:46</t>
  </si>
  <si>
    <t>mail.google.com/sync/u/0/i/s?hl=pt-br&amp;c=140</t>
  </si>
  <si>
    <t>supervisaobancovotorantim@algartech.com;talmaiardo@algartech.com;</t>
  </si>
  <si>
    <t>supervisaobancovotorantim@algartech.com,talmaiardo@algartech.com</t>
  </si>
  <si>
    <t>12/13/2019 10:14:50</t>
  </si>
  <si>
    <t>mail.google.com/sync/u/0/i/s?hl=pt-br&amp;c=143</t>
  </si>
  <si>
    <t>12/13/2019 10:13:26</t>
  </si>
  <si>
    <t>12/13/2019 10:16:45</t>
  </si>
  <si>
    <t>lu7512zkcm.tmp</t>
  </si>
  <si>
    <t>\\acsfs\profiles$\kamillacr\My Documents\lu7512zkcm.tmp</t>
  </si>
  <si>
    <t>\\acsfs\profiles$\kamillacr\My Documents\lu7512zkcm.tmp\</t>
  </si>
  <si>
    <t>\\acsfs\profiles$\kamillacr\My Documents\lu7512zkcm.tmp\META-INF\</t>
  </si>
  <si>
    <t>\\acsfs\profiles$\kamillacr\My Documents\lu7512zkcm.tmp\Thumbnails\</t>
  </si>
  <si>
    <t>12/13/2019 10:18:45</t>
  </si>
  <si>
    <t>78-2B-CB-C1-06-5B</t>
  </si>
  <si>
    <t>VOTORANT-IB006</t>
  </si>
  <si>
    <t>vanessacgs</t>
  </si>
  <si>
    <t>\\acsfs\profiles$\vanessacgs\Favorites\citrix.url\</t>
  </si>
  <si>
    <t>\\acsfs\profiles$\vanessacgs\Favorites\citrix.url\:favicon:$DATA</t>
  </si>
  <si>
    <t>12/13/2019 10:14:07</t>
  </si>
  <si>
    <t>\\acsfs\profiles$\vanessacgs\Favorites\</t>
  </si>
  <si>
    <t>\\acsfs\profiles$\vanessacgs\Favorites\citrix.url</t>
  </si>
  <si>
    <t>12/13/2019 10:16:19</t>
  </si>
  <si>
    <t>12/13/2019 10:19:45</t>
  </si>
  <si>
    <t>e6e6b117-61cf-4b5e-9900-8eead0b25ef0.tmp</t>
  </si>
  <si>
    <t>\\acsfs\profiles$\gabrielarb\Downloads\e6e6b117-61cf-4b5e-9900-8eead0b25ef0.tmp</t>
  </si>
  <si>
    <t>12/13/2019 10:15:25</t>
  </si>
  <si>
    <t>12/13/2019 10:15:26</t>
  </si>
  <si>
    <t>12/13/2019 10:15:27</t>
  </si>
  <si>
    <t>12/13/2019 10:15:39</t>
  </si>
  <si>
    <t>12/13/2019 10:15:06</t>
  </si>
  <si>
    <t>12/13/2019 10:20:45</t>
  </si>
  <si>
    <t>12/13/2019 10:15:36</t>
  </si>
  <si>
    <t>12/13/2019 10:18:07</t>
  </si>
  <si>
    <t>12/13/2019 10:19:37</t>
  </si>
  <si>
    <t>12/13/2019 10:15:51</t>
  </si>
  <si>
    <t>browsinginfo.zip\</t>
  </si>
  <si>
    <t>12/13/2019 10:17:42</t>
  </si>
  <si>
    <t>12/13/2019 10:18:42</t>
  </si>
  <si>
    <t>12/13/2019 10:21:31</t>
  </si>
  <si>
    <t>12/13/2019 10:21:46</t>
  </si>
  <si>
    <t>\\acsfs\profiles$\matheushds\My Documents\Download.pdf</t>
  </si>
  <si>
    <t>12/13/2019 10:23:38</t>
  </si>
  <si>
    <t>12/13/2019 10:24:45</t>
  </si>
  <si>
    <t>12/13/2019 10:20:56</t>
  </si>
  <si>
    <t>12/13/2019 10:19:36</t>
  </si>
  <si>
    <t>5230bc1e-d3b3-4869-b66b-256d2e8a350f.tmp</t>
  </si>
  <si>
    <t>\\acsfs\profiles$\sarahbal\Downloads\5230bc1e-d3b3-4869-b66b-256d2e8a350f.tmp</t>
  </si>
  <si>
    <t>12/13/2019 10:23:58</t>
  </si>
  <si>
    <t>30484874-8515-41c6-87e2-b80de1bfb948.tmp</t>
  </si>
  <si>
    <t>\\acsfs\profiles$\sarahbal\Downloads\30484874-8515-41c6-87e2-b80de1bfb948.tmp</t>
  </si>
  <si>
    <t>12/13/2019 10:20:07</t>
  </si>
  <si>
    <t>12/13/2019 10:25:45</t>
  </si>
  <si>
    <t>12/13/2019 10:21:07</t>
  </si>
  <si>
    <t>12/13/2019 10:21:38</t>
  </si>
  <si>
    <t>12/13/2019 10:22:08</t>
  </si>
  <si>
    <t>12/13/2019 10:24:08</t>
  </si>
  <si>
    <t>12/13/2019 10:24:38</t>
  </si>
  <si>
    <t>12/13/2019 10:23:42</t>
  </si>
  <si>
    <t>12/13/2019 10:24:42</t>
  </si>
  <si>
    <t>12/13/2019 10:21:49</t>
  </si>
  <si>
    <t>12/13/2019 10:26:45</t>
  </si>
  <si>
    <t>Horas Trabalhadas_Elaine.xlsx</t>
  </si>
  <si>
    <t>12/13/2019 10:23:47</t>
  </si>
  <si>
    <t>12/13/2019 10:24:53</t>
  </si>
  <si>
    <t>12/13/2019 10:24:33</t>
  </si>
  <si>
    <t>12/13/2019 10:27:44</t>
  </si>
  <si>
    <t>12/13/2019 10:24:36</t>
  </si>
  <si>
    <t>12/13/2019 10:28:45</t>
  </si>
  <si>
    <t>5b2e2c6b-fcc5-4aed-95a6-2e1ec1c0897b.tmp</t>
  </si>
  <si>
    <t>\\acsfs\profiles$\dhiulliananads\Downloads\5b2e2c6b-fcc5-4aed-95a6-2e1ec1c0897b.tmp</t>
  </si>
  <si>
    <t>12/13/2019 10:25:10</t>
  </si>
  <si>
    <t>12/13/2019 10:28:04</t>
  </si>
  <si>
    <t>12/13/2019 10:29:44</t>
  </si>
  <si>
    <t>37f411c4-e2e8-4198-9338-b6e8220d40a0.tmp</t>
  </si>
  <si>
    <t>\\acsfs\profiles$\isabellegtds\Downloads\37f411c4-e2e8-4198-9338-b6e8220d40a0.tmp</t>
  </si>
  <si>
    <t>12/13/2019 10:28:13</t>
  </si>
  <si>
    <t>9e433e4c-101c-472a-8004-e0dcea0d997f.tmp</t>
  </si>
  <si>
    <t>\\acsfs\profiles$\isabellegtds\Downloads\9e433e4c-101c-472a-8004-e0dcea0d997f.tmp</t>
  </si>
  <si>
    <t>12/13/2019 10:25:07</t>
  </si>
  <si>
    <t>12/13/2019 10:26:47</t>
  </si>
  <si>
    <t>12/13/2019 10:26:48</t>
  </si>
  <si>
    <t>12/13/2019 10:26:58</t>
  </si>
  <si>
    <t>12/13/2019 10:27:30</t>
  </si>
  <si>
    <t>12/13/2019 10:27:32</t>
  </si>
  <si>
    <t>12/13/2019 10:27:33</t>
  </si>
  <si>
    <t>12/13/2019 10:27:49</t>
  </si>
  <si>
    <t>12/13/2019 10:28:21</t>
  </si>
  <si>
    <t>12/13/2019 10:28:22</t>
  </si>
  <si>
    <t>12/13/2019 10:28:24</t>
  </si>
  <si>
    <t>12/13/2019 10:28:11</t>
  </si>
  <si>
    <t>12/13/2019 10:30:45</t>
  </si>
  <si>
    <t>d47fe0e7-b4b2-4a96-baef-a277686ec5a2.tmp</t>
  </si>
  <si>
    <t>\\acsfs\profiles$\larissaad\Downloads\d47fe0e7-b4b2-4a96-baef-a277686ec5a2.tmp</t>
  </si>
  <si>
    <t>12/13/2019 10:25:08</t>
  </si>
  <si>
    <t>12/13/2019 10:28:09</t>
  </si>
  <si>
    <t>12/13/2019 10:28:39</t>
  </si>
  <si>
    <t>12/13/2019 10:29:10</t>
  </si>
  <si>
    <t>12/13/2019 10:29:40</t>
  </si>
  <si>
    <t>12/13/2019 10:29:42</t>
  </si>
  <si>
    <t>12/13/2019 10:30:40</t>
  </si>
  <si>
    <t>12/13/2019 10:31:45</t>
  </si>
  <si>
    <t>12/13/2019 10:28:51</t>
  </si>
  <si>
    <t>12/13/2019 10:31:03</t>
  </si>
  <si>
    <t>12/13/2019 10:32:45</t>
  </si>
  <si>
    <t>4b4eea30-d7da-401a-b6f3-b81e2d1f4d0f.tmp</t>
  </si>
  <si>
    <t>\\acsfs\profiles$\marcellewdl\Downloads\4b4eea30-d7da-401a-b6f3-b81e2d1f4d0f.tmp</t>
  </si>
  <si>
    <t>12/13/2019 10:30:08</t>
  </si>
  <si>
    <t>12/13/2019 10:33:45</t>
  </si>
  <si>
    <t>12/13/2019 10:30:09</t>
  </si>
  <si>
    <t>lu17180no70b.tmp</t>
  </si>
  <si>
    <t>\\acsfs\profiles$\dhiulliananads\My Documents\lu17180no70b.tmp</t>
  </si>
  <si>
    <t>\\acsfs\profiles$\dhiulliananads\My Documents\lu17180no70b.tmp\</t>
  </si>
  <si>
    <t>\\acsfs\profiles$\dhiulliananads\My Documents\lu17180no70b.tmp\META-INF\</t>
  </si>
  <si>
    <t>\\acsfs\profiles$\dhiulliananads\My Documents\lu17180no70b.tmp\Thumbnails\</t>
  </si>
  <si>
    <t>12/13/2019 10:32:20</t>
  </si>
  <si>
    <t>lu17180no70g.tmp</t>
  </si>
  <si>
    <t>\\acsfs\profiles$\dhiulliananads\My Documents\lu17180no70g.tmp</t>
  </si>
  <si>
    <t>\\acsfs\profiles$\dhiulliananads\My Documents\lu17180no70g.tmp\</t>
  </si>
  <si>
    <t>\\acsfs\profiles$\dhiulliananads\My Documents\lu17180no70g.tmp\META-INF\</t>
  </si>
  <si>
    <t>\\acsfs\profiles$\dhiulliananads\My Documents\lu17180no70g.tmp\Thumbnails\</t>
  </si>
  <si>
    <t>12/13/2019 10:31:42</t>
  </si>
  <si>
    <t>12/13/2019 10:34:45</t>
  </si>
  <si>
    <t>12/13/2019 10:31:43</t>
  </si>
  <si>
    <t>12/13/2019 10:31:46</t>
  </si>
  <si>
    <t>12/13/2019 10:31:47</t>
  </si>
  <si>
    <t>12/13/2019 10:31:49</t>
  </si>
  <si>
    <t>12/13/2019 10:31:50</t>
  </si>
  <si>
    <t>12/13/2019 10:30:10</t>
  </si>
  <si>
    <t>12/13/2019 10:35:45</t>
  </si>
  <si>
    <t>12/13/2019 10:31:10</t>
  </si>
  <si>
    <t>12/13/2019 10:31:40</t>
  </si>
  <si>
    <t>12/13/2019 10:30:42</t>
  </si>
  <si>
    <t>12/13/2019 10:36:45</t>
  </si>
  <si>
    <t>12/13/2019 10:33:41</t>
  </si>
  <si>
    <t>47c85620-7736-4534-9b26-72a7a33271ce.tmp</t>
  </si>
  <si>
    <t>\\acsfs\profiles$\leonardobb\Downloads\47c85620-7736-4534-9b26-72a7a33271ce.tmp</t>
  </si>
  <si>
    <t>12/13/2019 10:35:15</t>
  </si>
  <si>
    <t>2faa1a15-ee47-4663-8936-b5748d77f070.tmp</t>
  </si>
  <si>
    <t>\\acsfs\profiles$\leonardobb\Downloads\2faa1a15-ee47-4663-8936-b5748d77f070.tmp</t>
  </si>
  <si>
    <t>12/13/2019 10:35:47</t>
  </si>
  <si>
    <t>d611422c-2f39-4f0c-8029-70fadc69f911.tmp</t>
  </si>
  <si>
    <t>\\acsfs\profiles$\leonardobb\Downloads\d611422c-2f39-4f0c-8029-70fadc69f911.tmp</t>
  </si>
  <si>
    <t>12/13/2019 10:36:07</t>
  </si>
  <si>
    <t>722ef262-149f-4df4-b882-2eef78ef2dba.tmp</t>
  </si>
  <si>
    <t>\\acsfs\profiles$\leonardobb\Downloads\722ef262-149f-4df4-b882-2eef78ef2dba.tmp</t>
  </si>
  <si>
    <t>12/13/2019 10:36:51</t>
  </si>
  <si>
    <t>12/13/2019 10:38:45</t>
  </si>
  <si>
    <t>12/13/2019 10:34:01</t>
  </si>
  <si>
    <t>12/13/2019 10:37:31</t>
  </si>
  <si>
    <t>12/13/2019 10:37:07</t>
  </si>
  <si>
    <t>lu17180no70l.tmp</t>
  </si>
  <si>
    <t>\\acsfs\profiles$\dhiulliananads\My Documents\lu17180no70l.tmp</t>
  </si>
  <si>
    <t>\\acsfs\profiles$\dhiulliananads\My Documents\lu17180no70l.tmp\</t>
  </si>
  <si>
    <t>\\acsfs\profiles$\dhiulliananads\My Documents\lu17180no70l.tmp\META-INF\</t>
  </si>
  <si>
    <t>\\acsfs\profiles$\dhiulliananads\My Documents\lu17180no70l.tmp\Thumbnails\</t>
  </si>
  <si>
    <t>12/13/2019 10:35:49</t>
  </si>
  <si>
    <t>12/13/2019 10:39:46</t>
  </si>
  <si>
    <t>12/13/2019 10:35:51</t>
  </si>
  <si>
    <t>12/13/2019 10:36:02</t>
  </si>
  <si>
    <t>12/13/2019 10:36:03</t>
  </si>
  <si>
    <t>12/13/2019 10:38:56</t>
  </si>
  <si>
    <t>12/13/2019 10:38:57</t>
  </si>
  <si>
    <t>12/13/2019 10:39:42</t>
  </si>
  <si>
    <t>12/13/2019 10:40:45</t>
  </si>
  <si>
    <t>c:\users\adilsonloj\desktop\</t>
  </si>
  <si>
    <t>formulário - feedback registrado desvio yasmin.doc</t>
  </si>
  <si>
    <t>12/13/2019 10:36:57</t>
  </si>
  <si>
    <t>12/13/2019 10:35:42</t>
  </si>
  <si>
    <t>12/13/2019 10:36:42</t>
  </si>
  <si>
    <t>12/13/2019 10:37:19</t>
  </si>
  <si>
    <t>mail.google.com/sync/u/0/i/s?hl=pt-br&amp;c=10</t>
  </si>
  <si>
    <t>12/13/2019 10:37:42</t>
  </si>
  <si>
    <t>mail.google.com/sync/u/0/i/s?hl=pt-br&amp;c=12</t>
  </si>
  <si>
    <t>12/13/2019 10:38:08</t>
  </si>
  <si>
    <t>mail.google.com/sync/u/0/i/s?hl=pt-br&amp;c=15</t>
  </si>
  <si>
    <t>12/13/2019 10:38:31</t>
  </si>
  <si>
    <t>mail.google.com/sync/u/0/i/s?hl=pt-br&amp;c=17</t>
  </si>
  <si>
    <t>12/13/2019 10:38:37</t>
  </si>
  <si>
    <t>mail.google.com/sync/u/0/i/s?hl=pt-br&amp;c=19</t>
  </si>
  <si>
    <t>12/13/2019 10:38:42</t>
  </si>
  <si>
    <t>mail.google.com/sync/u/0/i/s?hl=pt-br&amp;c=21</t>
  </si>
  <si>
    <t>mail.google.com/sync/u/0/i/s?hl=pt-br&amp;c=24</t>
  </si>
  <si>
    <t>12/13/2019 10:39:08</t>
  </si>
  <si>
    <t>mail.google.com/sync/u/0/i/s?hl=pt-br&amp;c=26</t>
  </si>
  <si>
    <t>12/13/2019 10:39:04</t>
  </si>
  <si>
    <t>mail.google.com/_/upload?authuser=0&amp;dcp=asu-n&amp;upload_id=AEnB2UoWtZNrsQW_ZUaG3o10KMGkmzdSA7x00Y3bn1qepKb7X1WJDq5qP1hTZVt7Bld_ixV2RBEdh-qAUaRMuRkZ9AD6WajwnQ&amp;upload_protocol=resumable</t>
  </si>
  <si>
    <t>alessandroam@algartech.com;si@algartech.com;sustentacao_bradesco@algartech.com.br;</t>
  </si>
  <si>
    <t>alessandroam@algartech.com,si@algartech.com,sustentacao_bradesco@algartech.com.br</t>
  </si>
  <si>
    <t>12/13/2019 10:36:29</t>
  </si>
  <si>
    <t>12/13/2019 10:41:45</t>
  </si>
  <si>
    <t>RES: ROTINA DIRETORIA Dez2019 - UCB</t>
  </si>
  <si>
    <t>Rotina Acompanhamento VIP.xlsx</t>
  </si>
  <si>
    <t>12/13/2019 10:41:26</t>
  </si>
  <si>
    <t>12/13/2019 10:42:45</t>
  </si>
  <si>
    <t>f935b095-f3e1-468c-871b-ddc6ec212164.tmp</t>
  </si>
  <si>
    <t>\\acsfs\profiles$\luanaldsi\Downloads\f935b095-f3e1-468c-871b-ddc6ec212164.tmp</t>
  </si>
  <si>
    <t>12/13/2019 10:38:50</t>
  </si>
  <si>
    <t>12/13/2019 10:43:45</t>
  </si>
  <si>
    <t>12/13/2019 10:40:19</t>
  </si>
  <si>
    <t>12/13/2019 10:44:45</t>
  </si>
  <si>
    <t>12/13/2019 10:40:24</t>
  </si>
  <si>
    <t>12/13/2019 10:40:28</t>
  </si>
  <si>
    <t>12/13/2019 10:42:28</t>
  </si>
  <si>
    <t>12/13/2019 10:42:30</t>
  </si>
  <si>
    <t>12/13/2019 10:40:21</t>
  </si>
  <si>
    <t>12/13/2019 10:45:45</t>
  </si>
  <si>
    <t>formulário - feedback registrado desvio pedro.doc</t>
  </si>
  <si>
    <t>12/13/2019 10:41:16</t>
  </si>
  <si>
    <t>formulário - feedback registrado desvio jonatan.doc</t>
  </si>
  <si>
    <t>12/13/2019 10:41:37</t>
  </si>
  <si>
    <t>formulário - feedback registrado desvio isabelle.doc</t>
  </si>
  <si>
    <t>12/13/2019 10:41:50</t>
  </si>
  <si>
    <t>formulário - aviso de 1ª advertência disciplinar valeria.doc</t>
  </si>
  <si>
    <t>12/13/2019 10:41:57</t>
  </si>
  <si>
    <t>formulário - aviso de 1ª advertência disciplinar quindaiza.doc</t>
  </si>
  <si>
    <t>12/13/2019 10:42:13</t>
  </si>
  <si>
    <t>formulário - aviso de 1ª advertência disciplinar thyago.doc</t>
  </si>
  <si>
    <t>12/13/2019 10:43:53</t>
  </si>
  <si>
    <t>12/13/2019 10:41:42</t>
  </si>
  <si>
    <t>12/13/2019 10:42:42</t>
  </si>
  <si>
    <t>12/13/2019 10:41:20</t>
  </si>
  <si>
    <t>5cf43daa-e834-4287-bb5e-2cbfdacb7656.tmp</t>
  </si>
  <si>
    <t>\\acsfs\profiles$\gabrielafs\Downloads\5cf43daa-e834-4287-bb5e-2cbfdacb7656.tmp</t>
  </si>
  <si>
    <t>12/13/2019 10:41:21</t>
  </si>
  <si>
    <t>4f013672-7ffa-4d42-9715-4361831f6484.tmp</t>
  </si>
  <si>
    <t>\\acsfs\profiles$\gabrielafs\Downloads\4f013672-7ffa-4d42-9715-4361831f6484.tmp</t>
  </si>
  <si>
    <t>12/13/2019 10:41:22</t>
  </si>
  <si>
    <t>9feb38ad-a3ee-47c8-8b96-bf168cf0b6ea.tmp</t>
  </si>
  <si>
    <t>\\acsfs\profiles$\gabrielafs\Downloads\9feb38ad-a3ee-47c8-8b96-bf168cf0b6ea.tmp</t>
  </si>
  <si>
    <t>12/13/2019 10:42:26</t>
  </si>
  <si>
    <t>86a60b03-9d8d-4206-948d-e1dc885d9582.tmp</t>
  </si>
  <si>
    <t>\\acsfs\profiles$\gabrielafs\Downloads\86a60b03-9d8d-4206-948d-e1dc885d9582.tmp</t>
  </si>
  <si>
    <t>12/13/2019 10:42:27</t>
  </si>
  <si>
    <t>bbbd8be9-9d8d-4f8b-922a-0d0ff3087610.tmp</t>
  </si>
  <si>
    <t>\\acsfs\profiles$\gabrielafs\Downloads\bbbd8be9-9d8d-4f8b-922a-0d0ff3087610.tmp</t>
  </si>
  <si>
    <t>12/13/2019 10:42:32</t>
  </si>
  <si>
    <t>0ff89c0b-628a-40c4-8e97-613adb795912.tmp</t>
  </si>
  <si>
    <t>\\acsfs\profiles$\gabrielafs\Downloads\0ff89c0b-628a-40c4-8e97-613adb795912.tmp</t>
  </si>
  <si>
    <t>12/13/2019 10:43:47</t>
  </si>
  <si>
    <t>2eeb84e3-70f7-4f55-af09-afa2a2d95dfd.tmp</t>
  </si>
  <si>
    <t>\\acsfs\profiles$\gabrielafs\Downloads\2eeb84e3-70f7-4f55-af09-afa2a2d95dfd.tmp</t>
  </si>
  <si>
    <t>12/13/2019 10:44:58</t>
  </si>
  <si>
    <t>12/13/2019 10:47:45</t>
  </si>
  <si>
    <t>ffbab48b-3612-49d0-aece-906eb8c0faa7.tmp</t>
  </si>
  <si>
    <t>\\acsfs\profiles$\leticiala\Downloads\ffbab48b-3612-49d0-aece-906eb8c0faa7.tmp</t>
  </si>
  <si>
    <t>12/13/2019 10:47:47</t>
  </si>
  <si>
    <t>12/13/2019 10:48:44</t>
  </si>
  <si>
    <t>12/13/2019 10:49:35</t>
  </si>
  <si>
    <t>12/13/2019 10:49:45</t>
  </si>
  <si>
    <t>12/13/2019 10:45:20</t>
  </si>
  <si>
    <t>12/13/2019 10:50:44</t>
  </si>
  <si>
    <t>b3e73c12-b838-403b-8092-9ab8766161d7.tmp</t>
  </si>
  <si>
    <t>\\acsfs\profiles$\larissaad\Downloads\b3e73c12-b838-403b-8092-9ab8766161d7.tmp</t>
  </si>
  <si>
    <t>12/13/2019 10:48:56</t>
  </si>
  <si>
    <t>1335b87b-fdec-487b-9ddc-6ec4fd722f8b.tmp</t>
  </si>
  <si>
    <t>\\acsfs\profiles$\larissaad\Downloads\1335b87b-fdec-487b-9ddc-6ec4fd722f8b.tmp</t>
  </si>
  <si>
    <t>12/13/2019 10:49:17</t>
  </si>
  <si>
    <t>12/13/2019 10:47:42</t>
  </si>
  <si>
    <t>12/13/2019 10:47:52</t>
  </si>
  <si>
    <t>12/13/2019 10:48:42</t>
  </si>
  <si>
    <t>12/13/2019 10:49:02</t>
  </si>
  <si>
    <t>image2019-12-13-075105.pdf</t>
  </si>
  <si>
    <t>12/13/2019 10:48:00</t>
  </si>
  <si>
    <t>C:\Users\mariannacsm\OneDrive - Grupo Algar\0- PMO-POOL\COMPRAS\10 - Consolidação de demandas\</t>
  </si>
  <si>
    <t>12/13/2019 10:47:48</t>
  </si>
  <si>
    <t>12/13/2019 10:51:45</t>
  </si>
  <si>
    <t>Relatorio de Vendas - Auditoria BV Cartoes (Dezembro)__5.xlsx</t>
  </si>
  <si>
    <t>\\acsfs\DEPTOS\Operacao\Banco_Votorantim\Qualidade\Anderson\Jose\Relatorio de Vendas - Auditoria BV Cartoes (Dezembro)__5.xlsx</t>
  </si>
  <si>
    <t>12/13/2019 10:49:58</t>
  </si>
  <si>
    <t>IOT (Fusor de Fibra) GST.xlsx</t>
  </si>
  <si>
    <t>12/13/2019 10:49:55</t>
  </si>
  <si>
    <t>12/13/2019 10:52:44</t>
  </si>
  <si>
    <t>12/13/2019 10:48:33</t>
  </si>
  <si>
    <t>12/13/2019 10:53:45</t>
  </si>
  <si>
    <t>12/13/2019 10:50:15</t>
  </si>
  <si>
    <t>lu17180no70q.tmp</t>
  </si>
  <si>
    <t>\\acsfs\profiles$\dhiulliananads\My Documents\lu17180no70q.tmp</t>
  </si>
  <si>
    <t>\\acsfs\profiles$\dhiulliananads\My Documents\lu17180no70q.tmp\</t>
  </si>
  <si>
    <t>\\acsfs\profiles$\dhiulliananads\My Documents\lu17180no70q.tmp\META-INF\</t>
  </si>
  <si>
    <t>\\acsfs\profiles$\dhiulliananads\My Documents\lu17180no70q.tmp\Thumbnails\</t>
  </si>
  <si>
    <t>12/13/2019 10:53:13</t>
  </si>
  <si>
    <t>\\acsfs\profiles$\cassianogc\My Documents\$RECYCLE.BIN\</t>
  </si>
  <si>
    <t>$IE8RTBZ.txt</t>
  </si>
  <si>
    <t>\\acsfs\profiles$\cassianogc\My Documents\$RECYCLE.BIN\$IE8RTBZ.txt</t>
  </si>
  <si>
    <t>12/13/2019 10:53:20</t>
  </si>
  <si>
    <t>$IFWP2QO.txt</t>
  </si>
  <si>
    <t>\\acsfs\profiles$\cassianogc\My Documents\$RECYCLE.BIN\$IFWP2QO.txt</t>
  </si>
  <si>
    <t>12/13/2019 10:53:26</t>
  </si>
  <si>
    <t>$IW8O998.txt</t>
  </si>
  <si>
    <t>\\acsfs\profiles$\cassianogc\My Documents\$RECYCLE.BIN\$IW8O998.txt</t>
  </si>
  <si>
    <t>12/13/2019 10:53:34</t>
  </si>
  <si>
    <t>$INIC88U.txt</t>
  </si>
  <si>
    <t>\\acsfs\profiles$\cassianogc\My Documents\$RECYCLE.BIN\$INIC88U.txt</t>
  </si>
  <si>
    <t>12/13/2019 10:51:28</t>
  </si>
  <si>
    <t>12/13/2019 10:51:59</t>
  </si>
  <si>
    <t>12/13/2019 10:54:44</t>
  </si>
  <si>
    <t>12/13/2019 10:52:23</t>
  </si>
  <si>
    <t>12/13/2019 10:52:25</t>
  </si>
  <si>
    <t>12/13/2019 10:54:32</t>
  </si>
  <si>
    <t>12/13/2019 10:54:33</t>
  </si>
  <si>
    <t>12/13/2019 10:55:44</t>
  </si>
  <si>
    <t>1037d941-058e-4df5-b97c-0ff5a00a39f6.tmp</t>
  </si>
  <si>
    <t>\\acsfs\profiles$\larissaad\Downloads\1037d941-058e-4df5-b97c-0ff5a00a39f6.tmp</t>
  </si>
  <si>
    <t>12/13/2019 10:52:26</t>
  </si>
  <si>
    <t>05697994-d43f-4486-b17a-bba7e5d82dd3.tmp</t>
  </si>
  <si>
    <t>\\acsfs\profiles$\larissaad\Downloads\05697994-d43f-4486-b17a-bba7e5d82dd3.tmp</t>
  </si>
  <si>
    <t>12/13/2019 10:52:53</t>
  </si>
  <si>
    <t>2ef2851d-4739-40eb-a6b4-621dfab3a190.tmp</t>
  </si>
  <si>
    <t>\\acsfs\profiles$\larissaad\Downloads\2ef2851d-4739-40eb-a6b4-621dfab3a190.tmp</t>
  </si>
  <si>
    <t>12/13/2019 10:54:51</t>
  </si>
  <si>
    <t>12/13/2019 10:53:43</t>
  </si>
  <si>
    <t>12/13/2019 10:54:42</t>
  </si>
  <si>
    <t>12/13/2019 10:54:52</t>
  </si>
  <si>
    <t>12/13/2019 10:53:49</t>
  </si>
  <si>
    <t>mail.google.com/_/upload?authuser=0&amp;dcp=asu-n&amp;upload_id=AEnB2UomRkfDuxpBHmbl7Jrq0Pjaw9dXHG5hPeshKsvpahGSCx0FBaRHvRWNt9CpMYJv1su3NRsQUKUJ84wsVPFW8bF_3ps9ZLaDjjvdAlVy-KejXbvvJt0&amp;upload_protocol=resumable</t>
  </si>
  <si>
    <t>SL XXXXX FACEBOOK - NOV.19 - PARTE 2.xlsb</t>
  </si>
  <si>
    <t>12/13/2019 10:51:49</t>
  </si>
  <si>
    <t>12/13/2019 10:56:44</t>
  </si>
  <si>
    <t>Manutenção corretiva digital.xlsx</t>
  </si>
  <si>
    <t>12/13/2019 10:53:24</t>
  </si>
  <si>
    <t>Rota Certa.xlsx</t>
  </si>
  <si>
    <t>12/13/2019 10:55:33</t>
  </si>
  <si>
    <t>12/13/2019 10:55:51</t>
  </si>
  <si>
    <t>12/13/2019 10:53:02</t>
  </si>
  <si>
    <t>12/13/2019 10:57:45</t>
  </si>
  <si>
    <t>f18ef785-f355-4a1f-8129-b7ddf2a849bc.tmp</t>
  </si>
  <si>
    <t>\\acsfs\profiles$\alicecpbc\Downloads\f18ef785-f355-4a1f-8129-b7ddf2a849bc.tmp</t>
  </si>
  <si>
    <t>12/13/2019 10:52:40</t>
  </si>
  <si>
    <t>32fce58f-c4b2-4394-a202-fb9236645aec.tmp</t>
  </si>
  <si>
    <t>\\acsfs\profiles$\leticiala\Downloads\32fce58f-c4b2-4394-a202-fb9236645aec.tmp</t>
  </si>
  <si>
    <t>12/13/2019 10:55:42</t>
  </si>
  <si>
    <t>442d0b16-1237-4a81-9ca3-3b599fb4863b.tmp</t>
  </si>
  <si>
    <t>\\acsfs\profiles$\luanaldsi\Downloads\442d0b16-1237-4a81-9ca3-3b599fb4863b.tmp</t>
  </si>
  <si>
    <t>12/13/2019 10:56:48</t>
  </si>
  <si>
    <t>12/13/2019 10:58:44</t>
  </si>
  <si>
    <t>12/13/2019 10:57:01</t>
  </si>
  <si>
    <t>12/13/2019 10:53:40</t>
  </si>
  <si>
    <t>$I4297TQ.txt</t>
  </si>
  <si>
    <t>\\acsfs\profiles$\cassianogc\My Documents\$RECYCLE.BIN\$I4297TQ.txt</t>
  </si>
  <si>
    <t>12/13/2019 10:57:30</t>
  </si>
  <si>
    <t>12/13/2019 10:59:45</t>
  </si>
  <si>
    <t>12/13/2019 10:54:46</t>
  </si>
  <si>
    <t>12/13/2019 10:58:52</t>
  </si>
  <si>
    <t>12/13/2019 10:58:54</t>
  </si>
  <si>
    <t>12/13/2019 10:59:01</t>
  </si>
  <si>
    <t>12/13/2019 10:59:06</t>
  </si>
  <si>
    <t>12/13/2019 10:59:29</t>
  </si>
  <si>
    <t>12/13/2019 10:55:20</t>
  </si>
  <si>
    <t>12/13/2019 11:00:44</t>
  </si>
  <si>
    <t>12/13/2019 10:59:24</t>
  </si>
  <si>
    <t>12/13/2019 10:59:42</t>
  </si>
  <si>
    <t>12/13/2019 10:59:40</t>
  </si>
  <si>
    <t>mail.google.com/_/upload?authuser=0&amp;dcp=asu-n&amp;upload_id=AEnB2UqRj9T0fUTudPSnZ5KcAPhAHokZ0GLyMpVoYNGDqWRzerCjqBSMhNDOh41g191HPbN1dvwOswoBj0jjfHL3rLJcP_F3KA&amp;upload_protocol=resumable</t>
  </si>
  <si>
    <t>C:\Users\alefl\OneDrive - Grupo Algar\Bra\Antivirus\reset\</t>
  </si>
  <si>
    <t>OfficeScan agent listing 13-12-2019.csv</t>
  </si>
  <si>
    <t>12/13/2019 10:56:50</t>
  </si>
  <si>
    <t>12/13/2019 11:01:45</t>
  </si>
  <si>
    <t>12/13/2019 11:00:22</t>
  </si>
  <si>
    <t>12/13/2019 11:02:44</t>
  </si>
  <si>
    <t>12/13/2019 11:01:29</t>
  </si>
  <si>
    <t>85e73bfd-3a67-46c4-a25d-f6a14b476276.tmp</t>
  </si>
  <si>
    <t>\\acsfs\profiles$\luanaldsi\Downloads\85e73bfd-3a67-46c4-a25d-f6a14b476276.tmp</t>
  </si>
  <si>
    <t>12/13/2019 11:00:55</t>
  </si>
  <si>
    <t>12/13/2019 11:03:45</t>
  </si>
  <si>
    <t>372a6ca2-e2f9-4142-adbf-4ba9d9e657c8.tmp</t>
  </si>
  <si>
    <t>\\acsfs\profiles$\geovannasm\Downloads\372a6ca2-e2f9-4142-adbf-4ba9d9e657c8.tmp</t>
  </si>
  <si>
    <t>12/13/2019 11:01:05</t>
  </si>
  <si>
    <t>0cce50b0-c75b-4d15-b624-9020080d4176.tmp</t>
  </si>
  <si>
    <t>\\acsfs\profiles$\geovannasm\Downloads\0cce50b0-c75b-4d15-b624-9020080d4176.tmp</t>
  </si>
  <si>
    <t>12/13/2019 11:01:58</t>
  </si>
  <si>
    <t>12/13/2019 11:04:45</t>
  </si>
  <si>
    <t>Receita gerente nov.xlsx</t>
  </si>
  <si>
    <t>12/13/2019 11:00:32</t>
  </si>
  <si>
    <t>12/13/2019 11:03:25</t>
  </si>
  <si>
    <t>12/13/2019 11:04:28</t>
  </si>
  <si>
    <t>12/13/2019 11:00:39</t>
  </si>
  <si>
    <t>12/13/2019 11:05:45</t>
  </si>
  <si>
    <t>12/13/2019 11:01:25</t>
  </si>
  <si>
    <t>12/13/2019 11:02:25</t>
  </si>
  <si>
    <t>12/13/2019 11:02:55</t>
  </si>
  <si>
    <t>12/13/2019 11:00:42</t>
  </si>
  <si>
    <t>12/13/2019 11:03:26</t>
  </si>
  <si>
    <t>12/13/2019 11:03:27</t>
  </si>
  <si>
    <t>12/13/2019 11:03:28</t>
  </si>
  <si>
    <t>12/13/2019 11:03:50</t>
  </si>
  <si>
    <t>12/13/2019 11:03:36</t>
  </si>
  <si>
    <t>12/13/2019 11:06:45</t>
  </si>
  <si>
    <t>12/13/2019 11:04:15</t>
  </si>
  <si>
    <t>12/13/2019 11:04:39</t>
  </si>
  <si>
    <t>12/13/2019 11:09:21</t>
  </si>
  <si>
    <t>12/13/2019 11:09:45</t>
  </si>
  <si>
    <t>12/13/2019 11:09:14</t>
  </si>
  <si>
    <t>12/13/2019 11:10:46</t>
  </si>
  <si>
    <t>12/13/2019 11:05:08</t>
  </si>
  <si>
    <t>12/13/2019 11:07:40</t>
  </si>
  <si>
    <t>12/13/2019 11:07:54</t>
  </si>
  <si>
    <t>2468652d-ddd9-4f5b-8316-6af9f4683d76.tmp</t>
  </si>
  <si>
    <t>\\acsfs\profiles$\larissaad\Downloads\2468652d-ddd9-4f5b-8316-6af9f4683d76.tmp</t>
  </si>
  <si>
    <t>12/13/2019 11:09:46</t>
  </si>
  <si>
    <t>12/13/2019 11:05:42</t>
  </si>
  <si>
    <t>12/13/2019 11:08:42</t>
  </si>
  <si>
    <t>12/13/2019 11:09:37</t>
  </si>
  <si>
    <t>12/13/2019 11:13:45</t>
  </si>
  <si>
    <t>12/13/2019 11:09:43</t>
  </si>
  <si>
    <t>12/13/2019 11:14:46</t>
  </si>
  <si>
    <t>12/13/2019 11:10:13</t>
  </si>
  <si>
    <t>12/13/2019 11:10:47</t>
  </si>
  <si>
    <t>12/13/2019 11:12:31</t>
  </si>
  <si>
    <t>12/13/2019 11:15:45</t>
  </si>
  <si>
    <t>12/13/2019 11:13:02</t>
  </si>
  <si>
    <t>12/13/2019 11:13:32</t>
  </si>
  <si>
    <t>12/13/2019 11:14:02</t>
  </si>
  <si>
    <t>12/13/2019 11:14:33</t>
  </si>
  <si>
    <t>12/13/2019 11:11:43</t>
  </si>
  <si>
    <t>12/13/2019 11:14:43</t>
  </si>
  <si>
    <t>12/13/2019 11:18:07</t>
  </si>
  <si>
    <t>12/13/2019 11:18:46</t>
  </si>
  <si>
    <t>12/13/2019 11:18:08</t>
  </si>
  <si>
    <t>lu17180no712.tmp</t>
  </si>
  <si>
    <t>\\acsfs\profiles$\dhiulliananads\My Documents\lu17180no712.tmp</t>
  </si>
  <si>
    <t>\\acsfs\profiles$\dhiulliananads\My Documents\lu17180no712.tmp\</t>
  </si>
  <si>
    <t>\\acsfs\profiles$\dhiulliananads\My Documents\lu17180no712.tmp\META-INF\</t>
  </si>
  <si>
    <t>\\acsfs\profiles$\dhiulliananads\My Documents\lu17180no712.tmp\Thumbnails\</t>
  </si>
  <si>
    <t>12/13/2019 11:19:11</t>
  </si>
  <si>
    <t>12/13/2019 11:19:45</t>
  </si>
  <si>
    <t>12/13/2019 11:19:12</t>
  </si>
  <si>
    <t>12/13/2019 11:19:21</t>
  </si>
  <si>
    <t>12/13/2019 11:19:26</t>
  </si>
  <si>
    <t>12/13/2019 11:19:27</t>
  </si>
  <si>
    <t>12/13/2019 11:19:36</t>
  </si>
  <si>
    <t>12/13/2019 11:20:46</t>
  </si>
  <si>
    <t>12/13/2019 11:17:56</t>
  </si>
  <si>
    <t>12/13/2019 11:19:59</t>
  </si>
  <si>
    <t>12/13/2019 11:17:20</t>
  </si>
  <si>
    <t>12/13/2019 11:17:39</t>
  </si>
  <si>
    <t>12/13/2019 11:18:01</t>
  </si>
  <si>
    <t>12/13/2019 11:22:20</t>
  </si>
  <si>
    <t>12/13/2019 11:22:46</t>
  </si>
  <si>
    <t>52443d2d-b0f5-4282-9ba0-7953bda6e291.tmp</t>
  </si>
  <si>
    <t>\\acsfs\profiles$\jessykacal\Downloads\52443d2d-b0f5-4282-9ba0-7953bda6e291.tmp</t>
  </si>
  <si>
    <t>12/13/2019 11:19:02</t>
  </si>
  <si>
    <t>12/13/2019 11:23:45</t>
  </si>
  <si>
    <t>05a65c5a-d1e9-4d7e-b809-80d11a437e4a.tmp</t>
  </si>
  <si>
    <t>\\acsfs\profiles$\adrielyas\Downloads\05a65c5a-d1e9-4d7e-b809-80d11a437e4a.tmp</t>
  </si>
  <si>
    <t>12/13/2019 11:20:28</t>
  </si>
  <si>
    <t>12/13/2019 11:24:46</t>
  </si>
  <si>
    <t>12/13/2019 11:20:30</t>
  </si>
  <si>
    <t>12/13/2019 11:20:34</t>
  </si>
  <si>
    <t>12/13/2019 11:20:36</t>
  </si>
  <si>
    <t>12/13/2019 11:20:42</t>
  </si>
  <si>
    <t>12/13/2019 11:20:51</t>
  </si>
  <si>
    <t>12/13/2019 11:21:39</t>
  </si>
  <si>
    <t>12/13/2019 11:22:48</t>
  </si>
  <si>
    <t>12/13/2019 11:22:50</t>
  </si>
  <si>
    <t>12/13/2019 11:22:55</t>
  </si>
  <si>
    <t>12/13/2019 11:22:56</t>
  </si>
  <si>
    <t>12/13/2019 11:20:07</t>
  </si>
  <si>
    <t>12/13/2019 11:25:45</t>
  </si>
  <si>
    <t>12/13/2019 11:20:43</t>
  </si>
  <si>
    <t>12/13/2019 11:23:43</t>
  </si>
  <si>
    <t>12/13/2019 11:23:03</t>
  </si>
  <si>
    <t>12/13/2019 11:21:07</t>
  </si>
  <si>
    <t>12/13/2019 11:26:44</t>
  </si>
  <si>
    <t>12/13/2019 11:28:45</t>
  </si>
  <si>
    <t>12/13/2019 11:26:07</t>
  </si>
  <si>
    <t>12/13/2019 11:24:31</t>
  </si>
  <si>
    <t>C:\Users\vanessasara\OneDrive - Grupo Algar\Ecossistema de Inovação\Prodex\</t>
  </si>
  <si>
    <t>Prodex.xlsx</t>
  </si>
  <si>
    <t>12/13/2019 11:29:31</t>
  </si>
  <si>
    <t>12/13/2019 11:29:45</t>
  </si>
  <si>
    <t>12/13/2019 11:29:33</t>
  </si>
  <si>
    <t>12/13/2019 11:29:34</t>
  </si>
  <si>
    <t>12/13/2019 11:29:35</t>
  </si>
  <si>
    <t>12/13/2019 11:29:37</t>
  </si>
  <si>
    <t>12/13/2019 11:24:59</t>
  </si>
  <si>
    <t>12/13/2019 11:30:45</t>
  </si>
  <si>
    <t>12/13/2019 11:25:00</t>
  </si>
  <si>
    <t>\\acsfs\DEPTOS\Operacao\Banco_Votorantim\Supervisao\SUPERS BV CARTÕES\ADILSON\Thumbs.db</t>
  </si>
  <si>
    <t>12/13/2019 11:26:42</t>
  </si>
  <si>
    <t>12/13/2019 11:27:19</t>
  </si>
  <si>
    <t>12/13/2019 11:27:49</t>
  </si>
  <si>
    <t>12/13/2019 11:28:20</t>
  </si>
  <si>
    <t>12/13/2019 11:28:50</t>
  </si>
  <si>
    <t>12/13/2019 11:26:50</t>
  </si>
  <si>
    <t>6c17c0d5-79cf-4fd1-b1c9-015f5832ae01.tmp</t>
  </si>
  <si>
    <t>\\acsfs\profiles$\valeriasda\Downloads\6c17c0d5-79cf-4fd1-b1c9-015f5832ae01.tmp</t>
  </si>
  <si>
    <t>12/13/2019 11:26:43</t>
  </si>
  <si>
    <t>12/13/2019 11:29:43</t>
  </si>
  <si>
    <t>12/13/2019 11:32:26</t>
  </si>
  <si>
    <t>12/13/2019 11:34:45</t>
  </si>
  <si>
    <t>mail.google.com/_/upload?authuser=0&amp;dcp=asu-n&amp;upload_id=AEnB2Uqmqjy07m_u3_ESvTVuuJqbwxcPrh8eHmzXiOHU569ZdAF98Q2noJg2H6FOAD5Q5Z39HcXaeGwSQ5kskX57XbGhS8MP3HfURG1M_ezhDRhJsAWZ864&amp;upload_protocol=resumable</t>
  </si>
  <si>
    <t>CHEVES ANF-31 JJ.xlsx</t>
  </si>
  <si>
    <t>12/13/2019 11:34:30</t>
  </si>
  <si>
    <t>12/13/2019 11:35:45</t>
  </si>
  <si>
    <t>12/13/2019 11:33:13</t>
  </si>
  <si>
    <t>12/13/2019 11:31:14</t>
  </si>
  <si>
    <t>https://udpmailboxap01.acs.com.br:8443/h/search;jsessionid=o1t47nlpx95p1ebtquod63alt?si=0&amp;so=0&amp;sc=43313&amp;st=conversation&amp;action=compose</t>
  </si>
  <si>
    <t>12/13/2019 11:31:44</t>
  </si>
  <si>
    <t>12/13/2019 11:32:14</t>
  </si>
  <si>
    <t>12/13/2019 11:34:54</t>
  </si>
  <si>
    <t>12/13/2019 11:32:42</t>
  </si>
  <si>
    <t>12/13/2019 11:38:53</t>
  </si>
  <si>
    <t>12/13/2019 11:40:45</t>
  </si>
  <si>
    <t>12/13/2019 11:35:43</t>
  </si>
  <si>
    <t>12/13/2019 11:38:43</t>
  </si>
  <si>
    <t>12/13/2019 11:36:21</t>
  </si>
  <si>
    <t>mail.google.com/_/upload?authuser=0&amp;dcp=asu-n&amp;upload_id=AEnB2Uqx35TQd0BxzigyyzzOSOtbZs-fCJ1_Yp4M-a9XBKoQF3ApRpZOc4DI_96KEdOeC6NOdy43ca_6WAVyEAbEdmAiPoxCBiVXWYq60oiBwGskL6qNAqI&amp;upload_protocol=resumable</t>
  </si>
  <si>
    <t>Detalhamento OPEX - CAPEX - Atualizado Bellon.xlsx</t>
  </si>
  <si>
    <t>12/13/2019 11:44:01</t>
  </si>
  <si>
    <t>12/13/2019 11:44:45</t>
  </si>
  <si>
    <t>9752e7c0-660c-46c0-a890-0b70ca9186cd.tmp</t>
  </si>
  <si>
    <t>\\acsfs\profiles$\cintiadcf\Downloads\9752e7c0-660c-46c0-a890-0b70ca9186cd.tmp</t>
  </si>
  <si>
    <t>12/13/2019 11:43:21</t>
  </si>
  <si>
    <t>12/13/2019 11:43:22</t>
  </si>
  <si>
    <t>12/13/2019 11:43:31</t>
  </si>
  <si>
    <t>12/13/2019 11:40:14</t>
  </si>
  <si>
    <t>12/13/2019 11:45:44</t>
  </si>
  <si>
    <t>12/13/2019 11:40:44</t>
  </si>
  <si>
    <t>12/13/2019 11:41:14</t>
  </si>
  <si>
    <t>12/13/2019 11:41:43</t>
  </si>
  <si>
    <t>12/13/2019 11:44:43</t>
  </si>
  <si>
    <t>12/13/2019 11:42:37</t>
  </si>
  <si>
    <t>12/13/2019 11:47:45</t>
  </si>
  <si>
    <t>12/13/2019 11:46:27</t>
  </si>
  <si>
    <t>12/13/2019 11:48:44</t>
  </si>
  <si>
    <t>12/13/2019 11:48:20</t>
  </si>
  <si>
    <t>12/13/2019 11:47:44</t>
  </si>
  <si>
    <t>12/13/2019 11:49:45</t>
  </si>
  <si>
    <t>Modelo DW</t>
  </si>
  <si>
    <t>12/13/2019 11:47:43</t>
  </si>
  <si>
    <t>12/13/2019 11:50:44</t>
  </si>
  <si>
    <t>12/13/2019 11:46:19</t>
  </si>
  <si>
    <t>de6a5273-48ea-4214-b068-2a7375567582.tmp</t>
  </si>
  <si>
    <t>\\acsfs\profiles$\geovanaasa\Downloads\de6a5273-48ea-4214-b068-2a7375567582.tmp</t>
  </si>
  <si>
    <t>12/13/2019 11:49:14</t>
  </si>
  <si>
    <t>12/13/2019 11:53:45</t>
  </si>
  <si>
    <t>lu17180no71f.tmp</t>
  </si>
  <si>
    <t>\\acsfs\profiles$\dhiulliananads\My Documents\lu17180no71f.tmp</t>
  </si>
  <si>
    <t>\\acsfs\profiles$\dhiulliananads\My Documents\lu17180no71f.tmp\</t>
  </si>
  <si>
    <t>\\acsfs\profiles$\dhiulliananads\My Documents\lu17180no71f.tmp\META-INF\</t>
  </si>
  <si>
    <t>\\acsfs\profiles$\dhiulliananads\My Documents\lu17180no71f.tmp\Thumbnails\</t>
  </si>
  <si>
    <t>12/13/2019 11:49:18</t>
  </si>
  <si>
    <t>lu17180no71k.tmp</t>
  </si>
  <si>
    <t>\\acsfs\profiles$\dhiulliananads\My Documents\lu17180no71k.tmp</t>
  </si>
  <si>
    <t>\\acsfs\profiles$\dhiulliananads\My Documents\lu17180no71k.tmp\</t>
  </si>
  <si>
    <t>\\acsfs\profiles$\dhiulliananads\My Documents\lu17180no71k.tmp\META-INF\</t>
  </si>
  <si>
    <t>\\acsfs\profiles$\dhiulliananads\My Documents\lu17180no71k.tmp\Thumbnails\</t>
  </si>
  <si>
    <t>12/13/2019 11:49:36</t>
  </si>
  <si>
    <t>lu17180no71o.tmp</t>
  </si>
  <si>
    <t>\\acsfs\profiles$\dhiulliananads\My Documents\lu17180no71o.tmp</t>
  </si>
  <si>
    <t>\\acsfs\profiles$\dhiulliananads\My Documents\lu17180no71o.tmp\</t>
  </si>
  <si>
    <t>\\acsfs\profiles$\dhiulliananads\My Documents\lu17180no71o.tmp\META-INF\</t>
  </si>
  <si>
    <t>\\acsfs\profiles$\dhiulliananads\My Documents\lu17180no71o.tmp\Thumbnails\</t>
  </si>
  <si>
    <t>12/13/2019 11:52:42</t>
  </si>
  <si>
    <t>12/13/2019 11:54:45</t>
  </si>
  <si>
    <t>12/13/2019 11:52:43</t>
  </si>
  <si>
    <t>12/13/2019 11:53:02</t>
  </si>
  <si>
    <t>12/13/2019 11:53:03</t>
  </si>
  <si>
    <t>12/13/2019 11:50:43</t>
  </si>
  <si>
    <t>12/13/2019 11:55:45</t>
  </si>
  <si>
    <t>12/13/2019 11:53:43</t>
  </si>
  <si>
    <t>12/13/2019 11:56:16</t>
  </si>
  <si>
    <t>12/13/2019 11:56:46</t>
  </si>
  <si>
    <t>342e5a03-011e-48b7-8ea6-ea7f01048e91.tmp</t>
  </si>
  <si>
    <t>\\acsfs\profiles$\leonardobb\Downloads\342e5a03-011e-48b7-8ea6-ea7f01048e91.tmp</t>
  </si>
  <si>
    <t>12/13/2019 11:54:22</t>
  </si>
  <si>
    <t>12/13/2019 11:57:04</t>
  </si>
  <si>
    <t>12/13/2019 11:59:45</t>
  </si>
  <si>
    <t>12/13/2019 11:57:21</t>
  </si>
  <si>
    <t>12/13/2019 11:57:22</t>
  </si>
  <si>
    <t>12/13/2019 11:57:27</t>
  </si>
  <si>
    <t>12/13/2019 11:57:28</t>
  </si>
  <si>
    <t>12/13/2019 11:57:29</t>
  </si>
  <si>
    <t>12/13/2019 11:57:30</t>
  </si>
  <si>
    <t>12/13/2019 11:58:38</t>
  </si>
  <si>
    <t>12/13/2019 11:58:39</t>
  </si>
  <si>
    <t>12/13/2019 11:58:47</t>
  </si>
  <si>
    <t>12/13/2019 11:58:51</t>
  </si>
  <si>
    <t>12/13/2019 11:59:20</t>
  </si>
  <si>
    <t>12/13/2019 11:59:22</t>
  </si>
  <si>
    <t>12/13/2019 11:59:23</t>
  </si>
  <si>
    <t>12/13/2019 11:55:47</t>
  </si>
  <si>
    <t>12/13/2019 12:00:46</t>
  </si>
  <si>
    <t>12/13/2019 11:57:03</t>
  </si>
  <si>
    <t>12/13/2019 11:58:36</t>
  </si>
  <si>
    <t>12/13/2019 11:56:43</t>
  </si>
  <si>
    <t>12/13/2019 11:59:43</t>
  </si>
  <si>
    <t>12/13/2019 11:59:32</t>
  </si>
  <si>
    <t>12/13/2019 12:01:45</t>
  </si>
  <si>
    <t>12/13/2019 11:59:33</t>
  </si>
  <si>
    <t>lu7512zkcq.tmp</t>
  </si>
  <si>
    <t>\\acsfs\profiles$\kamillacr\My Documents\lu7512zkcq.tmp</t>
  </si>
  <si>
    <t>\\acsfs\profiles$\kamillacr\My Documents\lu7512zkcq.tmp\</t>
  </si>
  <si>
    <t>\\acsfs\profiles$\kamillacr\My Documents\lu7512zkcq.tmp\META-INF\</t>
  </si>
  <si>
    <t>\\acsfs\profiles$\kamillacr\My Documents\lu7512zkcq.tmp\Thumbnails\</t>
  </si>
  <si>
    <t>12/13/2019 12:00:14</t>
  </si>
  <si>
    <t>12/13/2019 12:02:46</t>
  </si>
  <si>
    <t>12/13/2019 11:59:06</t>
  </si>
  <si>
    <t>12/13/2019 12:03:22</t>
  </si>
  <si>
    <t>12/13/2019 12:03:46</t>
  </si>
  <si>
    <t>12/13/2019 12:00:13</t>
  </si>
  <si>
    <t>12/13/2019 12:04:46</t>
  </si>
  <si>
    <t>12/13/2019 12:02:43</t>
  </si>
  <si>
    <t>12/13/2019 12:05:45</t>
  </si>
  <si>
    <t>12/13/2019 12:06:53</t>
  </si>
  <si>
    <t>12/13/2019 12:09:45</t>
  </si>
  <si>
    <t>12/13/2019 12:07:01</t>
  </si>
  <si>
    <t>12/13/2019 12:07:03</t>
  </si>
  <si>
    <t>12/13/2019 12:07:04</t>
  </si>
  <si>
    <t>12/13/2019 12:05:43</t>
  </si>
  <si>
    <t>12/13/2019 12:10:45</t>
  </si>
  <si>
    <t>12/13/2019 12:07:55</t>
  </si>
  <si>
    <t>12/13/2019 12:08:43</t>
  </si>
  <si>
    <t>12/13/2019 12:06:43</t>
  </si>
  <si>
    <t>C:\Users\mariannacsm\OneDrive - Grupo Algar\0- PMO-POOL\Projetos Compras\Simplificação do Processo de Compras\</t>
  </si>
  <si>
    <t>Template horas_Simplificação da Cadeia de Compras.xlsx</t>
  </si>
  <si>
    <t>12/13/2019 12:10:41</t>
  </si>
  <si>
    <t>12/13/2019 12:11:45</t>
  </si>
  <si>
    <t>12/13/2019 12:11:17</t>
  </si>
  <si>
    <t>12/13/2019 12:13:45</t>
  </si>
  <si>
    <t>12/13/2019 12:13:10</t>
  </si>
  <si>
    <t>12/13/2019 12:14:45</t>
  </si>
  <si>
    <t>d2e442e4-f452-4ffe-91cf-59cf35967279.tmp</t>
  </si>
  <si>
    <t>\\acsfs\profiles$\sarahbal\Downloads\d2e442e4-f452-4ffe-91cf-59cf35967279.tmp</t>
  </si>
  <si>
    <t>12/13/2019 12:10:29</t>
  </si>
  <si>
    <t>12/13/2019 12:15:45</t>
  </si>
  <si>
    <t>12/13/2019 12:10:14</t>
  </si>
  <si>
    <t>12/13/2019 12:10:44</t>
  </si>
  <si>
    <t>12/13/2019 12:12:45</t>
  </si>
  <si>
    <t>12/13/2019 12:13:14</t>
  </si>
  <si>
    <t>12/13/2019 12:14:44</t>
  </si>
  <si>
    <t>12/13/2019 12:11:46</t>
  </si>
  <si>
    <t>12/13/2019 12:13:53</t>
  </si>
  <si>
    <t>12/13/2019 12:16:45</t>
  </si>
  <si>
    <t>10.201.30.45</t>
  </si>
  <si>
    <t>C:\Users\andremg\Desktop\Projeto Yahsat\POP\PP-0227 - Filas de tratamento de demandas.docx\</t>
  </si>
  <si>
    <t>actionitems,ance,ances,ancest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,displaynam,displayname,domain,e recuperação de gravações comprobatórias' and title contains 'docx' and trashed = false and '1uohrpomhxwdyfy1l1flcmntg8axhve0a' in parents&amp;fields=kind,emailaddress,explicitlytrashed,fil,file(kind,fileextension,fileid,filesize,flaggedforabuse,foldercolor,folderfeatures,hasaugmentedpermissions,haschildfolde,haschildfolders,hasthumbnail,hasvisitorpermission,hasvisitorpermissions,hidden,id,id),items(deleted,items(kind,ken,kind,labels(starred,lastmodifyi,lastmodifyinguser(kind,lastviewedbymedate,mimetype,modifiedbymedate,modifieddate,nextpagetoken,nextpagetoken�,oa4z6ysilh-taqqj0a</t>
  </si>
  <si>
    <t>12/13/2019 12:14:36</t>
  </si>
  <si>
    <t>C:\Users\andremg\Desktop\Projeto Yahsat\POP\PP-0224 - Armazenamento e recuperação de gravações comprobatórias.docx\</t>
  </si>
  <si>
    <t>12/13/2019 12:12:40</t>
  </si>
  <si>
    <t>12/13/2019 12:17:45</t>
  </si>
  <si>
    <t>12/13/2019 12:16:56</t>
  </si>
  <si>
    <t>12/13/2019 12:19:45</t>
  </si>
  <si>
    <t>12/13/2019 12:15:14</t>
  </si>
  <si>
    <t>12/13/2019 12:20:45</t>
  </si>
  <si>
    <t>12/13/2019 12:16:14</t>
  </si>
  <si>
    <t>12/13/2019 12:16:44</t>
  </si>
  <si>
    <t>12/13/2019 12:18:20</t>
  </si>
  <si>
    <t>b38ba5b5-d933-4e64-a492-f4201817abfc.tmp</t>
  </si>
  <si>
    <t>\\acsfs\profiles$\gabrielafs\Downloads\b38ba5b5-d933-4e64-a492-f4201817abfc.tmp</t>
  </si>
  <si>
    <t>12/13/2019 12:17:44</t>
  </si>
  <si>
    <t>12/13/2019 12:21:45</t>
  </si>
  <si>
    <t>12/13/2019 11:42:02</t>
  </si>
  <si>
    <t>12/13/2019 12:22:44</t>
  </si>
  <si>
    <t>C:\Users\almirsn\Downloads\</t>
  </si>
  <si>
    <t>Farol Migração RCP V11 27.02.18.xlsx</t>
  </si>
  <si>
    <t>12/13/2019 12:21:41</t>
  </si>
  <si>
    <t>12/13/2019 12:25:44</t>
  </si>
  <si>
    <t>12/13/2019 12:21:43</t>
  </si>
  <si>
    <t>12/13/2019 12:21:44</t>
  </si>
  <si>
    <t>12/13/2019 12:21:49</t>
  </si>
  <si>
    <t>12/13/2019 12:21:40</t>
  </si>
  <si>
    <t>ulog_AcroARM2_ARM2Update_a9473871-eb7b-4719-ba46-35125c58e0e7_c435177a-79c0-4e7f-87fe-116e855cdeff_0.log</t>
  </si>
  <si>
    <t>C:\Users\davimvs\AppData\Roaming\Adobe\LogTransport2\Logs\ulog_AcroARM2_ARM2Update_a9473871-eb7b-4719-ba46-35125c58e0e7_c435177a-79c0-4e7f-87fe-116e855cdeff_0.log\</t>
  </si>
  <si>
    <t>ulog_AcroARM2_Reader_a9473871-eb7b-4719-ba46-35125c58e0e7_67f92f49-0f97-4215-9074-edc50c836edb_0.log</t>
  </si>
  <si>
    <t>C:\Users\davimvs\AppData\Roaming\Adobe\LogTransport2\Logs\ulog_AcroARM2_Reader_a9473871-eb7b-4719-ba46-35125c58e0e7_67f92f49-0f97-4215-9074-edc50c836edb_0.log\</t>
  </si>
  <si>
    <t>ulog_Acrobat12_Reader_a9473871-eb7b-4719-ba46-35125c58e0e7_f74e0f97-f096-440b-9431-6ebed4d71c31_0.log</t>
  </si>
  <si>
    <t>C:\Users\davimvs\AppData\Roaming\Adobe\LogTransport2\Logs\ulog_Acrobat12_Reader_a9473871-eb7b-4719-ba46-35125c58e0e7_f74e0f97-f096-440b-9431-6ebed4d71c31_0.log\</t>
  </si>
  <si>
    <t>12/13/2019 12:22:14</t>
  </si>
  <si>
    <t>12/13/2019 12:23:14</t>
  </si>
  <si>
    <t>12/13/2019 12:21:26</t>
  </si>
  <si>
    <t>12/13/2019 12:22:42</t>
  </si>
  <si>
    <t>12/13/2019 12:20:48</t>
  </si>
  <si>
    <t>12/13/2019 12:26:45</t>
  </si>
  <si>
    <t>12/13/2019 12:23:44</t>
  </si>
  <si>
    <t>12/13/2019 12:26:36</t>
  </si>
  <si>
    <t>12/13/2019 12:27:45</t>
  </si>
  <si>
    <t>\\acsfs\profiles$\jessykacal\Favorites\citrix.url:favicon</t>
  </si>
  <si>
    <t>12/13/2019 12:26:37</t>
  </si>
  <si>
    <t>12/13/2019 12:25:56</t>
  </si>
  <si>
    <t>12/13/2019 12:28:46</t>
  </si>
  <si>
    <t>f029dd08-a2ea-4e5c-8719-c697776ec6ba.tmp</t>
  </si>
  <si>
    <t>\\acsfs\profiles$\deborahsi\Downloads\f029dd08-a2ea-4e5c-8719-c697776ec6ba.tmp</t>
  </si>
  <si>
    <t>12/13/2019 12:24:55</t>
  </si>
  <si>
    <t>d7ed7797-484b-48ed-bc1a-e215bed89fd6.tmp</t>
  </si>
  <si>
    <t>\\acsfs\profiles$\isabellegtds\Downloads\d7ed7797-484b-48ed-bc1a-e215bed89fd6.tmp</t>
  </si>
  <si>
    <t>12/13/2019 12:26:21</t>
  </si>
  <si>
    <t>12/13/2019 12:29:45</t>
  </si>
  <si>
    <t>f5af825d-8d73-4483-94a6-aabd5e6c11be.tmp</t>
  </si>
  <si>
    <t>\\acsfs\profiles$\wenderbnm\Downloads\f5af825d-8d73-4483-94a6-aabd5e6c11be.tmp</t>
  </si>
  <si>
    <t>12/13/2019 12:28:45</t>
  </si>
  <si>
    <t>12/13/2019 12:30:46</t>
  </si>
  <si>
    <t>12/13/2019 12:26:43</t>
  </si>
  <si>
    <t>12/13/2019 12:31:46</t>
  </si>
  <si>
    <t>12/13/2019 12:29:43</t>
  </si>
  <si>
    <t>12/13/2019 12:30:19</t>
  </si>
  <si>
    <t>12/13/2019 12:33:45</t>
  </si>
  <si>
    <t>12/13/2019 12:30:20</t>
  </si>
  <si>
    <t>lu17180no71v.tmp</t>
  </si>
  <si>
    <t>\\acsfs\profiles$\dhiulliananads\My Documents\lu17180no71v.tmp</t>
  </si>
  <si>
    <t>\\acsfs\profiles$\dhiulliananads\My Documents\lu17180no71v.tmp\</t>
  </si>
  <si>
    <t>\\acsfs\profiles$\dhiulliananads\My Documents\lu17180no71v.tmp\META-INF\</t>
  </si>
  <si>
    <t>\\acsfs\profiles$\dhiulliananads\My Documents\lu17180no71v.tmp\Thumbnails\</t>
  </si>
  <si>
    <t>12/13/2019 12:30:38</t>
  </si>
  <si>
    <t>lu17180no71z.tmp</t>
  </si>
  <si>
    <t>\\acsfs\profiles$\dhiulliananads\My Documents\lu17180no71z.tmp</t>
  </si>
  <si>
    <t>\\acsfs\profiles$\dhiulliananads\My Documents\lu17180no71z.tmp\</t>
  </si>
  <si>
    <t>\\acsfs\profiles$\dhiulliananads\My Documents\lu17180no71z.tmp\META-INF\</t>
  </si>
  <si>
    <t>\\acsfs\profiles$\dhiulliananads\My Documents\lu17180no71z.tmp\Thumbnails\</t>
  </si>
  <si>
    <t>12/13/2019 12:30:01</t>
  </si>
  <si>
    <t>12/13/2019 12:30:14</t>
  </si>
  <si>
    <t>12/13/2019 12:35:45</t>
  </si>
  <si>
    <t>12/13/2019 12:30:44</t>
  </si>
  <si>
    <t>12/13/2019 12:31:14</t>
  </si>
  <si>
    <t>12/13/2019 12:33:35</t>
  </si>
  <si>
    <t>ulog_AcroARM2_Reader_a9473871-eb7b-4719-ba46-35125c58e0e7_d0114ab6-d275-4859-a894-2982b78d4a72_0.log</t>
  </si>
  <si>
    <t>C:\Users\davimvs\AppData\Roaming\Adobe\LogTransport2\Logs\ulog_AcroARM2_Reader_a9473871-eb7b-4719-ba46-35125c58e0e7_d0114ab6-d275-4859-a894-2982b78d4a72_0.log\</t>
  </si>
  <si>
    <t>12/13/2019 12:32:43</t>
  </si>
  <si>
    <t>12/13/2019 12:36:46</t>
  </si>
  <si>
    <t>12/13/2019 12:35:43</t>
  </si>
  <si>
    <t>12/13/2019 12:31:37</t>
  </si>
  <si>
    <t>12/13/2019 12:39:01</t>
  </si>
  <si>
    <t>12/13/2019 12:39:46</t>
  </si>
  <si>
    <t>12/13/2019 12:37:57</t>
  </si>
  <si>
    <t>bd39a6e0-3f4b-4bdf-b07f-44167a23e3a6.tmp</t>
  </si>
  <si>
    <t>\\acsfs\profiles$\cintiadcf\Downloads\bd39a6e0-3f4b-4bdf-b07f-44167a23e3a6.tmp</t>
  </si>
  <si>
    <t>12/13/2019 12:36:34</t>
  </si>
  <si>
    <t>12/13/2019 12:40:46</t>
  </si>
  <si>
    <t>12/13/2019 12:36:35</t>
  </si>
  <si>
    <t>12/13/2019 12:36:38</t>
  </si>
  <si>
    <t>12/13/2019 12:36:47</t>
  </si>
  <si>
    <t>12/13/2019 12:36:48</t>
  </si>
  <si>
    <t>12/13/2019 12:36:59</t>
  </si>
  <si>
    <t>12/13/2019 12:37:00</t>
  </si>
  <si>
    <t>12/13/2019 12:37:01</t>
  </si>
  <si>
    <t>12/13/2019 12:39:24</t>
  </si>
  <si>
    <t>12/13/2019 12:38:14</t>
  </si>
  <si>
    <t>12/13/2019 12:38:44</t>
  </si>
  <si>
    <t>12/13/2019 12:39:14</t>
  </si>
  <si>
    <t>12/13/2019 12:39:44</t>
  </si>
  <si>
    <t>12/13/2019 12:38:43</t>
  </si>
  <si>
    <t>12/13/2019 12:41:45</t>
  </si>
  <si>
    <t>12/13/2019 12:38:58</t>
  </si>
  <si>
    <t>12/13/2019 12:42:46</t>
  </si>
  <si>
    <t>12/13/2019 12:39:17</t>
  </si>
  <si>
    <t>12/13/2019 12:43:46</t>
  </si>
  <si>
    <t>mail.google.com/_/upload?authuser=0&amp;dcp=asu-n&amp;upload_id=AEnB2Uru4ZHSfTtyZhc6BLXoWVp2vWiQXkDtXxNfMrAjlBJXIkkthVXUH9cEgvR1v1WRvtq1dJxgAKrfQt4Jdqe_PZkV5uVrKR-4IPKhMWOrEdM1ExcqEY8&amp;upload_protocol=resumable</t>
  </si>
  <si>
    <t>henriquebg@algartech.com;leandrosos@algartech.com;marceloat@algartech.com;rafaelbdt@algartech.com;senildapdo@algartech.com;tayseifb@algartech.com;</t>
  </si>
  <si>
    <t>Itens Capacity BMG - Redes.xlsx</t>
  </si>
  <si>
    <t>henriquebg@algartech.com,leandrosos@algartech.com,marceloat@algartech.com,rafaelbdt@algartech.com,senildapdo@algartech.com,tayseifb@algartech.com</t>
  </si>
  <si>
    <t>12/13/2019 12:40:02</t>
  </si>
  <si>
    <t>lu17180no723.tmp</t>
  </si>
  <si>
    <t>\\acsfs\profiles$\dhiulliananads\My Documents\lu17180no723.tmp</t>
  </si>
  <si>
    <t>\\acsfs\profiles$\dhiulliananads\My Documents\lu17180no723.tmp\</t>
  </si>
  <si>
    <t>\\acsfs\profiles$\dhiulliananads\My Documents\lu17180no723.tmp\META-INF\</t>
  </si>
  <si>
    <t>\\acsfs\profiles$\dhiulliananads\My Documents\lu17180no723.tmp\Thumbnails\</t>
  </si>
  <si>
    <t>12/13/2019 12:41:31</t>
  </si>
  <si>
    <t>12/13/2019 12:45:46</t>
  </si>
  <si>
    <t>12/13/2019 12:40:44</t>
  </si>
  <si>
    <t>12/13/2019 12:43:44</t>
  </si>
  <si>
    <t>12/13/2019 12:44:14</t>
  </si>
  <si>
    <t>12/13/2019 12:44:44</t>
  </si>
  <si>
    <t>12/13/2019 12:40:58</t>
  </si>
  <si>
    <t>12/13/2019 12:41:43</t>
  </si>
  <si>
    <t>12/13/2019 12:46:46</t>
  </si>
  <si>
    <t>12/13/2019 12:44:43</t>
  </si>
  <si>
    <t>12/13/2019 12:47:46</t>
  </si>
  <si>
    <t>12/13/2019 12:48:46</t>
  </si>
  <si>
    <t>12/13/2019 12:47:53</t>
  </si>
  <si>
    <t>lu17180no728.tmp</t>
  </si>
  <si>
    <t>\\acsfs\profiles$\dhiulliananads\My Documents\lu17180no728.tmp</t>
  </si>
  <si>
    <t>\\acsfs\profiles$\dhiulliananads\My Documents\lu17180no728.tmp\</t>
  </si>
  <si>
    <t>\\acsfs\profiles$\dhiulliananads\My Documents\lu17180no728.tmp\META-INF\</t>
  </si>
  <si>
    <t>\\acsfs\profiles$\dhiulliananads\My Documents\lu17180no728.tmp\Thumbnails\</t>
  </si>
  <si>
    <t>12/13/2019 12:45:42</t>
  </si>
  <si>
    <t>12/13/2019 12:49:46</t>
  </si>
  <si>
    <t>12/13/2019 12:46:14</t>
  </si>
  <si>
    <t>12/13/2019 12:50:46</t>
  </si>
  <si>
    <t>12/13/2019 12:49:44</t>
  </si>
  <si>
    <t>12/13/2019 12:47:43</t>
  </si>
  <si>
    <t>12/13/2019 12:51:46</t>
  </si>
  <si>
    <t>12/13/2019 12:50:43</t>
  </si>
  <si>
    <t>12/13/2019 12:50:53</t>
  </si>
  <si>
    <t>12/13/2019 12:53:46</t>
  </si>
  <si>
    <t>cac0bc71-93d8-4c17-bfed-05f6dd0fa738.tmp</t>
  </si>
  <si>
    <t>\\acsfs\profiles$\KARENDSR\Downloads\cac0bc71-93d8-4c17-bfed-05f6dd0fa738.tmp</t>
  </si>
  <si>
    <t>12/13/2019 12:51:05</t>
  </si>
  <si>
    <t>d965387e-09a5-4506-b760-6733a50c5e83.tmp</t>
  </si>
  <si>
    <t>\\acsfs\profiles$\KARENDSR\Downloads\d965387e-09a5-4506-b760-6733a50c5e83.tmp</t>
  </si>
  <si>
    <t>12/13/2019 12:51:29</t>
  </si>
  <si>
    <t>c68b1c30-c68e-4458-930b-6bb6c3845201.tmp</t>
  </si>
  <si>
    <t>\\acsfs\profiles$\KARENDSR\Downloads\c68b1c30-c68e-4458-930b-6bb6c3845201.tmp</t>
  </si>
  <si>
    <t>12/13/2019 12:51:49</t>
  </si>
  <si>
    <t>aa4ac0a4-196c-4991-9bb7-89cd90a29b3e.tmp</t>
  </si>
  <si>
    <t>\\acsfs\profiles$\KARENDSR\Downloads\aa4ac0a4-196c-4991-9bb7-89cd90a29b3e.tmp</t>
  </si>
  <si>
    <t>12/13/2019 12:51:10</t>
  </si>
  <si>
    <t>12/13/2019 12:54:46</t>
  </si>
  <si>
    <t>4416e760-1608-4ffb-854e-e0aaffd2bb73.tmp</t>
  </si>
  <si>
    <t>\\acsfs\profiles$\sarahbal\Downloads\4416e760-1608-4ffb-854e-e0aaffd2bb73.tmp</t>
  </si>
  <si>
    <t>12/13/2019 12:51:44</t>
  </si>
  <si>
    <t>12/13/2019 12:55:46</t>
  </si>
  <si>
    <t>12/13/2019 12:52:14</t>
  </si>
  <si>
    <t>12/13/2019 12:52:44</t>
  </si>
  <si>
    <t>12/13/2019 12:53:14</t>
  </si>
  <si>
    <t>12/13/2019 12:53:44</t>
  </si>
  <si>
    <t>12/13/2019 12:53:43</t>
  </si>
  <si>
    <t>12/13/2019 12:56:45</t>
  </si>
  <si>
    <t>12/13/2019 12:52:03</t>
  </si>
  <si>
    <t>12/13/2019 12:53:28</t>
  </si>
  <si>
    <t>12/13/2019 12:53:59</t>
  </si>
  <si>
    <t>12/13/2019 12:54:06</t>
  </si>
  <si>
    <t>12/13/2019 12:53:54</t>
  </si>
  <si>
    <t>12/13/2019 12:58:45</t>
  </si>
  <si>
    <t>12/13/2019 12:53:55</t>
  </si>
  <si>
    <t>lu17180no72d.tmp</t>
  </si>
  <si>
    <t>\\acsfs\profiles$\dhiulliananads\My Documents\lu17180no72d.tmp</t>
  </si>
  <si>
    <t>\\acsfs\profiles$\dhiulliananads\My Documents\lu17180no72d.tmp\</t>
  </si>
  <si>
    <t>\\acsfs\profiles$\dhiulliananads\My Documents\lu17180no72d.tmp\META-INF\</t>
  </si>
  <si>
    <t>\\acsfs\profiles$\dhiulliananads\My Documents\lu17180no72d.tmp\Thumbnails\</t>
  </si>
  <si>
    <t>12/13/2019 12:55:27</t>
  </si>
  <si>
    <t>12/13/2019 12:59:46</t>
  </si>
  <si>
    <t>12/13/2019 12:54:13</t>
  </si>
  <si>
    <t>12/13/2019 12:55:09</t>
  </si>
  <si>
    <t>12/13/2019 12:57:29</t>
  </si>
  <si>
    <t>31c2337e-38b9-4e72-bc43-87ea334cc5ff.tmp</t>
  </si>
  <si>
    <t>\\acsfs\profiles$\adrielyas\Downloads\31c2337e-38b9-4e72-bc43-87ea334cc5ff.tmp</t>
  </si>
  <si>
    <t>12/13/2019 12:58:36</t>
  </si>
  <si>
    <t>e0c24786-873a-4f55-aac8-22f74104bdf5.tmp</t>
  </si>
  <si>
    <t>\\acsfs\profiles$\adrielyas\Downloads\e0c24786-873a-4f55-aac8-22f74104bdf5.tmp</t>
  </si>
  <si>
    <t>12/13/2019 12:59:14</t>
  </si>
  <si>
    <t>12/13/2019 13:00:45</t>
  </si>
  <si>
    <t>12/13/2019 12:56:43</t>
  </si>
  <si>
    <t>12/13/2019 13:01:45</t>
  </si>
  <si>
    <t>12/13/2019 12:59:43</t>
  </si>
  <si>
    <t>12/13/2019 13:00:49</t>
  </si>
  <si>
    <t>12/13/2019 13:02:46</t>
  </si>
  <si>
    <t>10.200.99.144</t>
  </si>
  <si>
    <t>mail.google.com/_/upload?authuser=0&amp;dcp=asu-n&amp;upload_id=AEnB2Uqxp1XqyAAp1CCSyVspU9IuUN73Qr5sHtDd-sTu-H-lox-4dwJayXSZxrb62t8ufniGWhSCtO7y7Hx7jOYG1lQE0zfQBTjY9uLw4cWkLf-JYrVIu-w&amp;upload_protocol=resumable</t>
  </si>
  <si>
    <t>\\udpavonfs01\AVON\06. PCP\JOSÉ AFONSO DA SILVA NETO\BKO\</t>
  </si>
  <si>
    <t>Distribuição Atual Egain.xlsx</t>
  </si>
  <si>
    <t>12/13/2019 12:58:46</t>
  </si>
  <si>
    <t>12/13/2019 13:03:46</t>
  </si>
  <si>
    <t>12/13/2019 13:00:58</t>
  </si>
  <si>
    <t>58c66463-c2c6-4172-b3c0-edbe0675ea96.tmp</t>
  </si>
  <si>
    <t>\\acsfs\profiles$\geovanaasa\Downloads\58c66463-c2c6-4172-b3c0-edbe0675ea96.tmp</t>
  </si>
  <si>
    <t>12/13/2019 13:00:26</t>
  </si>
  <si>
    <t>12/13/2019 13:04:47</t>
  </si>
  <si>
    <t>12/13/2019 13:02:14</t>
  </si>
  <si>
    <t>12/13/2019 13:05:46</t>
  </si>
  <si>
    <t>12/13/2019 13:04:44</t>
  </si>
  <si>
    <t>12/13/2019 13:02:43</t>
  </si>
  <si>
    <t>12/13/2019 13:06:46</t>
  </si>
  <si>
    <t>12/13/2019 13:05:44</t>
  </si>
  <si>
    <t>12/13/2019 13:06:03</t>
  </si>
  <si>
    <t>12/13/2019 13:05:08</t>
  </si>
  <si>
    <t>12/13/2019 13:07:46</t>
  </si>
  <si>
    <t>c4166bb8-ac28-4e37-a4df-e8b435999b8f.tmp</t>
  </si>
  <si>
    <t>\\acsfs\profiles$\leticiala\Downloads\c4166bb8-ac28-4e37-a4df-e8b435999b8f.tmp</t>
  </si>
  <si>
    <t>12/13/2019 13:10:46</t>
  </si>
  <si>
    <t>12/13/2019 13:06:14</t>
  </si>
  <si>
    <t>12/13/2019 13:06:44</t>
  </si>
  <si>
    <t>12/13/2019 13:07:24</t>
  </si>
  <si>
    <t>12/13/2019 13:11:46</t>
  </si>
  <si>
    <t>12/13/2019 13:08:44</t>
  </si>
  <si>
    <t>12/13/2019 13:08:33</t>
  </si>
  <si>
    <t>12/13/2019 13:13:46</t>
  </si>
  <si>
    <t>12/13/2019 13:09:36</t>
  </si>
  <si>
    <t>d2f982cf-dcd2-42f0-b8fe-ff251c49f45c.tmp</t>
  </si>
  <si>
    <t>\\acsfs\profiles$\yurics\Downloads\d2f982cf-dcd2-42f0-b8fe-ff251c49f45c.tmp</t>
  </si>
  <si>
    <t>12/13/2019 13:09:38</t>
  </si>
  <si>
    <t>12/13/2019 13:14:46</t>
  </si>
  <si>
    <t>12/13/2019 13:11:44</t>
  </si>
  <si>
    <t>12/13/2019 13:16:46</t>
  </si>
  <si>
    <t>12/13/2019 13:14:44</t>
  </si>
  <si>
    <t>12/13/2019 13:14:14</t>
  </si>
  <si>
    <t>12/13/2019 13:18:46</t>
  </si>
  <si>
    <t>12/13/2019 13:13:43</t>
  </si>
  <si>
    <t>12/13/2019 13:19:28</t>
  </si>
  <si>
    <t>12/13/2019 13:20:46</t>
  </si>
  <si>
    <t>12/13/2019 13:19:22</t>
  </si>
  <si>
    <t>12/13/2019 13:21:46</t>
  </si>
  <si>
    <t>12/13/2019 13:17:44</t>
  </si>
  <si>
    <t>12/13/2019 13:20:45</t>
  </si>
  <si>
    <t>12/13/2019 13:20:56</t>
  </si>
  <si>
    <t>12/13/2019 13:21:20</t>
  </si>
  <si>
    <t>12/13/2019 13:21:15</t>
  </si>
  <si>
    <t>12/13/2019 13:23:46</t>
  </si>
  <si>
    <t>12/13/2019 13:20:15</t>
  </si>
  <si>
    <t>12/13/2019 13:24:46</t>
  </si>
  <si>
    <t>12/13/2019 13:20:10</t>
  </si>
  <si>
    <t>12/13/2019 13:22:35</t>
  </si>
  <si>
    <t>12/13/2019 13:25:46</t>
  </si>
  <si>
    <t>ulog_AcroARM2_ARM2Update_a9473871-eb7b-4719-ba46-35125c58e0e7_2cecfdba-df11-4dce-a234-5e83541798b6_0.log</t>
  </si>
  <si>
    <t>C:\Users\davimvs\AppData\Roaming\Adobe\LogTransport2\Logs\ulog_AcroARM2_ARM2Update_a9473871-eb7b-4719-ba46-35125c58e0e7_2cecfdba-df11-4dce-a234-5e83541798b6_0.log\</t>
  </si>
  <si>
    <t>ulog_AcroARM2_Reader_a9473871-eb7b-4719-ba46-35125c58e0e7_e7ac65dd-9167-42fe-8daf-2d09a3d5eb66_0.log</t>
  </si>
  <si>
    <t>C:\Users\davimvs\AppData\Roaming\Adobe\LogTransport2\Logs\ulog_AcroARM2_Reader_a9473871-eb7b-4719-ba46-35125c58e0e7_e7ac65dd-9167-42fe-8daf-2d09a3d5eb66_0.log\</t>
  </si>
  <si>
    <t>ulog_Acrobat12_Reader_a9473871-eb7b-4719-ba46-35125c58e0e7_95740b69-57cf-4adc-89de-e1200ce506bd_0.log</t>
  </si>
  <si>
    <t>C:\Users\davimvs\AppData\Roaming\Adobe\LogTransport2\Logs\ulog_Acrobat12_Reader_a9473871-eb7b-4719-ba46-35125c58e0e7_95740b69-57cf-4adc-89de-e1200ce506bd_0.log\</t>
  </si>
  <si>
    <t>12/13/2019 13:23:41</t>
  </si>
  <si>
    <t>ulog_Acrobat12_Reader_a9473871-eb7b-4719-ba46-35125c58e0e7_38aac976-8fe6-4556-83f0-537690e43b4f_0.log</t>
  </si>
  <si>
    <t>C:\Users\davimvs\AppData\Roaming\Adobe\LogTransport2\Logs\ulog_Acrobat12_Reader_a9473871-eb7b-4719-ba46-35125c58e0e7_38aac976-8fe6-4556-83f0-537690e43b4f_0.log\</t>
  </si>
  <si>
    <t>12/13/2019 13:21:55</t>
  </si>
  <si>
    <t>12/13/2019 13:23:44</t>
  </si>
  <si>
    <t>12/13/2019 13:26:46</t>
  </si>
  <si>
    <t>12/13/2019 13:23:33</t>
  </si>
  <si>
    <t>12/13/2019 13:27:45</t>
  </si>
  <si>
    <t>cfb1cd9e-c6d4-4e18-9583-ef98504dc245.tmp</t>
  </si>
  <si>
    <t>\\acsfs\profiles$\ERICALSR\Downloads\cfb1cd9e-c6d4-4e18-9583-ef98504dc245.tmp</t>
  </si>
  <si>
    <t>12/13/2019 13:26:21</t>
  </si>
  <si>
    <t>12/13/2019 13:28:46</t>
  </si>
  <si>
    <t>12/13/2019 13:26:31</t>
  </si>
  <si>
    <t>12/13/2019 13:25:40</t>
  </si>
  <si>
    <t>b8e5568b-fc5b-4989-8320-25ba17a505db.tmp</t>
  </si>
  <si>
    <t>\\acsfs\profiles$\deborahsi\Downloads\b8e5568b-fc5b-4989-8320-25ba17a505db.tmp</t>
  </si>
  <si>
    <t>12/13/2019 13:26:22</t>
  </si>
  <si>
    <t>12/13/2019 13:29:45</t>
  </si>
  <si>
    <t>12/13/2019 13:26:15</t>
  </si>
  <si>
    <t>12/13/2019 13:30:46</t>
  </si>
  <si>
    <t>12/13/2019 13:26:44</t>
  </si>
  <si>
    <t>12/13/2019 13:27:14</t>
  </si>
  <si>
    <t>12/13/2019 13:27:44</t>
  </si>
  <si>
    <t>12/13/2019 13:28:15</t>
  </si>
  <si>
    <t>12/13/2019 13:28:45</t>
  </si>
  <si>
    <t>12/13/2019 13:29:15</t>
  </si>
  <si>
    <t>12/13/2019 13:26:40</t>
  </si>
  <si>
    <t>Atualização Pontuações-MONITORIA.docx</t>
  </si>
  <si>
    <t>\\acsfs\DEPTOS\Operacao\Banco_Votorantim\Qualidade\Eliane\Atualização Pontuações-MONITORIA.docx</t>
  </si>
  <si>
    <t>12/13/2019 13:31:45</t>
  </si>
  <si>
    <t>12/13/2019 13:29:44</t>
  </si>
  <si>
    <t>12/13/2019 13:28:26</t>
  </si>
  <si>
    <t>12/13/2019 13:27:56</t>
  </si>
  <si>
    <t>12/13/2019 13:33:45</t>
  </si>
  <si>
    <t>12/13/2019 13:32:51</t>
  </si>
  <si>
    <t>830e277d-329f-4c29-9e16-34a09e4e8859.tmp</t>
  </si>
  <si>
    <t>\\acsfs\profiles$\geovannasm\Downloads\830e277d-329f-4c29-9e16-34a09e4e8859.tmp</t>
  </si>
  <si>
    <t>12/13/2019 13:33:59</t>
  </si>
  <si>
    <t>12/13/2019 13:34:46</t>
  </si>
  <si>
    <t>12/13/2019 13:30:15</t>
  </si>
  <si>
    <t>12/13/2019 13:35:46</t>
  </si>
  <si>
    <t>12/13/2019 13:30:45</t>
  </si>
  <si>
    <t>12/13/2019 13:30:55</t>
  </si>
  <si>
    <t>12/13/2019 13:36:46</t>
  </si>
  <si>
    <t>Atualização de e-mail no sinergy</t>
  </si>
  <si>
    <t>Dados Sinergy.xlsx</t>
  </si>
  <si>
    <t>12/13/2019 13:32:44</t>
  </si>
  <si>
    <t>12/13/2019 13:35:44</t>
  </si>
  <si>
    <t>12/13/2019 13:34:15</t>
  </si>
  <si>
    <t>12/13/2019 13:33:43</t>
  </si>
  <si>
    <t>a6a51727-fb05-408e-87b4-83b47bb9493a.tmp</t>
  </si>
  <si>
    <t>\\acsfs\profiles$\ERICALSR\Downloads\a6a51727-fb05-408e-87b4-83b47bb9493a.tmp</t>
  </si>
  <si>
    <t>12/13/2019 13:35:22</t>
  </si>
  <si>
    <t>cf89d9ab-ab86-495f-8ab0-dcbcdc7a09a8.tmp</t>
  </si>
  <si>
    <t>\\acsfs\profiles$\ERICALSR\Downloads\cf89d9ab-ab86-495f-8ab0-dcbcdc7a09a8.tmp</t>
  </si>
  <si>
    <t>12/13/2019 13:31:51</t>
  </si>
  <si>
    <t>12/13/2019 13:36:30</t>
  </si>
  <si>
    <t>12/13/2019 13:38:46</t>
  </si>
  <si>
    <t>b18f47f9-0da1-4b5e-aef6-51efed034f99.tmp</t>
  </si>
  <si>
    <t>\\acsfs\profiles$\deborahsi\Downloads\b18f47f9-0da1-4b5e-aef6-51efed034f99.tmp</t>
  </si>
  <si>
    <t>12/13/2019 13:39:13</t>
  </si>
  <si>
    <t>12/13/2019 13:39:46</t>
  </si>
  <si>
    <t>20f01de8-d487-4394-a3ca-b9b74893b2b7.tmp</t>
  </si>
  <si>
    <t>\\acsfs\profiles$\cintiadcf\Downloads\20f01de8-d487-4394-a3ca-b9b74893b2b7.tmp</t>
  </si>
  <si>
    <t>12/13/2019 13:39:05</t>
  </si>
  <si>
    <t>12/13/2019 13:40:46</t>
  </si>
  <si>
    <t>5176ca10-8bd4-402a-afd7-1988a35c2583.tmp</t>
  </si>
  <si>
    <t>\\acsfs\profiles$\larissaad\Downloads\5176ca10-8bd4-402a-afd7-1988a35c2583.tmp</t>
  </si>
  <si>
    <t>12/13/2019 13:38:15</t>
  </si>
  <si>
    <t>12/13/2019 13:38:45</t>
  </si>
  <si>
    <t>12/13/2019 13:39:15</t>
  </si>
  <si>
    <t>12/13/2019 13:39:45</t>
  </si>
  <si>
    <t>12/13/2019 13:38:44</t>
  </si>
  <si>
    <t>12/13/2019 13:41:46</t>
  </si>
  <si>
    <t>mail.google.com/mail/u/0/jserror?script=https://apis.google.com/_/scs/abc-static/_/js/k=gapi.gapi.en.7kwsr24wxfc.o/m=cloudsearch/exm=card,client,config,gapi_iframes,gapi_iframes_style_slide_menu,googleapis_client,plusone/rt=j/sv=1/d=1/ed=1/rs=ahpooo-i9r7ibctuqfj0v-fphrkrs8aihq/cb=gapi.loaded_5&amp;error=script error&amp;line=not available&amp;txz=p</t>
  </si>
  <si>
    <t>12/13/2019 13:39:09</t>
  </si>
  <si>
    <t>12/13/2019 13:37:48</t>
  </si>
  <si>
    <t>12/13/2019 13:37:33</t>
  </si>
  <si>
    <t>12/13/2019 13:42:46</t>
  </si>
  <si>
    <t>629a2833-2976-4d49-8e16-5c0f64e7cda8.tmp</t>
  </si>
  <si>
    <t>\\acsfs\profiles$\JOAOVAL\Downloads\629a2833-2976-4d49-8e16-5c0f64e7cda8.tmp</t>
  </si>
  <si>
    <t>12/13/2019 13:41:15</t>
  </si>
  <si>
    <t>12/13/2019 13:45:46</t>
  </si>
  <si>
    <t>12/13/2019 13:41:45</t>
  </si>
  <si>
    <t>12/13/2019 13:42:15</t>
  </si>
  <si>
    <t>12/13/2019 13:42:45</t>
  </si>
  <si>
    <t>Consultas.xlsx</t>
  </si>
  <si>
    <t>C:\Users\camilat\OneDrive - Grupo Algar\GERENCIAL\FINANCEIRO\Faturamento\340500033\JANEIRO 20\</t>
  </si>
  <si>
    <t>Adequacao Informacoes Box_143652.xlsm</t>
  </si>
  <si>
    <t>Formulário V15_Bruno Santana Rios - Copia.xlsx</t>
  </si>
  <si>
    <t>Formulário V15_Angela Rocha.xlsx</t>
  </si>
  <si>
    <t>Calculadora - Horas Extras Bradesco.xlsx</t>
  </si>
  <si>
    <t>2019-12 - Cassio - Horas Extras Bradesco - Copia.xlsx</t>
  </si>
  <si>
    <t>2019-12 - Scheila - Horas Extras Bradesco.xlsx</t>
  </si>
  <si>
    <t>2019-12 - Carolline Rezende - Horas Extras Bradesco.xlsx</t>
  </si>
  <si>
    <t>2019-12 - Carolline - Horas Extras Bradesco.xlsx</t>
  </si>
  <si>
    <t>2019-12 - Thalles - Horas Extras Bradesco.xlsx</t>
  </si>
  <si>
    <t>12/13/2019 09:14:24</t>
  </si>
  <si>
    <t>Faturamento Consultoria Algar - Janeiro 2020.xlsm</t>
  </si>
  <si>
    <t>12/13/2019 13:02:34</t>
  </si>
  <si>
    <t>12/13/2019 13:42:53</t>
  </si>
  <si>
    <t>12/13/2019 13:43:37</t>
  </si>
  <si>
    <t>c1557390-9ea8-4ffa-b452-0b6e8edb1b93.tmp</t>
  </si>
  <si>
    <t>\\acsfs\profiles$\brendadsl\Downloads\c1557390-9ea8-4ffa-b452-0b6e8edb1b93.tmp</t>
  </si>
  <si>
    <t>12/13/2019 13:43:39</t>
  </si>
  <si>
    <t>7d7e8e8c-96f3-4d65-b42e-981575ade3f2.tmp</t>
  </si>
  <si>
    <t>\\acsfs\profiles$\brendadsl\Downloads\7d7e8e8c-96f3-4d65-b42e-981575ade3f2.tmp</t>
  </si>
  <si>
    <t>12/13/2019 13:43:40</t>
  </si>
  <si>
    <t>aae898b0-6403-4c34-905f-3b55118dc294.tmp</t>
  </si>
  <si>
    <t>\\acsfs\profiles$\brendadsl\Downloads\aae898b0-6403-4c34-905f-3b55118dc294.tmp</t>
  </si>
  <si>
    <t>12/13/2019 13:43:41</t>
  </si>
  <si>
    <t>77dadb56-916a-4337-8bd1-c44baf94b3ce.tmp</t>
  </si>
  <si>
    <t>\\acsfs\profiles$\brendadsl\Downloads\77dadb56-916a-4337-8bd1-c44baf94b3ce.tmp</t>
  </si>
  <si>
    <t>12/13/2019 13:43:42</t>
  </si>
  <si>
    <t>8513e3b4-d191-4ad9-998b-7e74d249ec81.tmp</t>
  </si>
  <si>
    <t>\\acsfs\profiles$\brendadsl\Downloads\8513e3b4-d191-4ad9-998b-7e74d249ec81.tmp</t>
  </si>
  <si>
    <t>12/13/2019 13:44:56</t>
  </si>
  <si>
    <t>8e6a15d2-e72e-4dd3-889d-a71250683dee.tmp</t>
  </si>
  <si>
    <t>\\acsfs\profiles$\brendadsl\Downloads\8e6a15d2-e72e-4dd3-889d-a71250683dee.tmp</t>
  </si>
  <si>
    <t>12/13/2019 13:41:44</t>
  </si>
  <si>
    <t>12/13/2019 13:46:46</t>
  </si>
  <si>
    <t>12/13/2019 13:44:44</t>
  </si>
  <si>
    <t>12/13/2019 13:46:55</t>
  </si>
  <si>
    <t>12/13/2019 13:49:46</t>
  </si>
  <si>
    <t>12/13/2019 13:45:27</t>
  </si>
  <si>
    <t>12/13/2019 13:50:47</t>
  </si>
  <si>
    <t>12/13/2019 13:50:03</t>
  </si>
  <si>
    <t>Bloco 13122019.txt</t>
  </si>
  <si>
    <t>\\acsfs\profiles$\brendadsl\My Documents\Blocos\Blocos Dezembro 2019\Bloco 13122019.txt</t>
  </si>
  <si>
    <t>12/13/2019 13:46:17</t>
  </si>
  <si>
    <t>12/13/2019 13:51:46</t>
  </si>
  <si>
    <t>c5a76721-ad37-49a1-987f-909114f9ca72.tmp</t>
  </si>
  <si>
    <t>\\acsfs\profiles$\KARENJSS\Downloads\c5a76721-ad37-49a1-987f-909114f9ca72.tmp</t>
  </si>
  <si>
    <t>12/13/2019 13:46:51</t>
  </si>
  <si>
    <t>b8738ebd-ff50-4252-b25e-4b4da6b91743.tmp</t>
  </si>
  <si>
    <t>\\acsfs\profiles$\KARENJSS\Downloads\b8738ebd-ff50-4252-b25e-4b4da6b91743.tmp</t>
  </si>
  <si>
    <t>12/13/2019 13:47:01</t>
  </si>
  <si>
    <t>d513ca44-e863-47a5-ba3b-551caaf1ee75.tmp</t>
  </si>
  <si>
    <t>\\acsfs\profiles$\KARENJSS\Downloads\d513ca44-e863-47a5-ba3b-551caaf1ee75.tmp</t>
  </si>
  <si>
    <t>12/13/2019 13:47:44</t>
  </si>
  <si>
    <t>12/13/2019 13:50:44</t>
  </si>
  <si>
    <t>12/13/2019 13:51:05</t>
  </si>
  <si>
    <t>12/13/2019 13:53:47</t>
  </si>
  <si>
    <t>\\acsfs\profiles$\vanessacgs\My Documents\xworkcenter\lex\</t>
  </si>
  <si>
    <t>\\acsfs\profiles$\vanessacgs\My Documents\xworkcenter\lex\temp.tlx</t>
  </si>
  <si>
    <t>12/13/2019 13:51:06</t>
  </si>
  <si>
    <t>12/13/2019 13:51:07</t>
  </si>
  <si>
    <t>12/13/2019 13:51:08</t>
  </si>
  <si>
    <t>12/13/2019 13:51:09</t>
  </si>
  <si>
    <t>12/13/2019 13:51:10</t>
  </si>
  <si>
    <t>12/13/2019 13:51:11</t>
  </si>
  <si>
    <t>12/13/2019 13:51:12</t>
  </si>
  <si>
    <t>12/13/2019 13:51:13</t>
  </si>
  <si>
    <t>12/13/2019 13:51:14</t>
  </si>
  <si>
    <t>12/13/2019 13:51:15</t>
  </si>
  <si>
    <t>12/13/2019 13:51:16</t>
  </si>
  <si>
    <t>12/13/2019 13:51:17</t>
  </si>
  <si>
    <t>12/13/2019 13:51:18</t>
  </si>
  <si>
    <t>12/13/2019 13:51:19</t>
  </si>
  <si>
    <t>12/13/2019 13:51:20</t>
  </si>
  <si>
    <t>12/13/2019 13:50:18</t>
  </si>
  <si>
    <t>12/13/2019 13:54:47</t>
  </si>
  <si>
    <t>ac93205e-8bf1-4c8e-879e-f8ccb76c1c81.tmp</t>
  </si>
  <si>
    <t>\\acsfs\profiles$\bernardopcm\Downloads\ac93205e-8bf1-4c8e-879e-f8ccb76c1c81.tmp</t>
  </si>
  <si>
    <t>12/13/2019 13:50:37</t>
  </si>
  <si>
    <t>9f4932fc-10af-4201-a014-ffc85dc1023a.tmp</t>
  </si>
  <si>
    <t>\\acsfs\profiles$\bernardopcm\Downloads\9f4932fc-10af-4201-a014-ffc85dc1023a.tmp</t>
  </si>
  <si>
    <t>12/13/2019 13:50:57</t>
  </si>
  <si>
    <t>27566587-99a5-45f2-8a34-05d53a5ddcbc.tmp</t>
  </si>
  <si>
    <t>\\acsfs\profiles$\cintiadcf\Downloads\27566587-99a5-45f2-8a34-05d53a5ddcbc.tmp</t>
  </si>
  <si>
    <t>12/13/2019 13:53:23</t>
  </si>
  <si>
    <t>12/13/2019 13:53:24</t>
  </si>
  <si>
    <t>lu153561mpe4a.tmp</t>
  </si>
  <si>
    <t>\\acsfs\profiles$\CINTIADCF\lu153561mpe4a.tmp</t>
  </si>
  <si>
    <t>\\acsfs\profiles$\CINTIADCF\lu153561mpe4a.tmp\</t>
  </si>
  <si>
    <t>\\acsfs\profiles$\CINTIADCF\lu153561mpe4a.tmp\META-INF\</t>
  </si>
  <si>
    <t>\\acsfs\profiles$\CINTIADCF\lu153561mpe4a.tmp\Thumbnails\</t>
  </si>
  <si>
    <t>12/13/2019 13:53:34</t>
  </si>
  <si>
    <t>fec26dd3-d0d3-4933-a310-ce6549d84ac4.tmp</t>
  </si>
  <si>
    <t>\\acsfs\profiles$\cintiadcf\Downloads\fec26dd3-d0d3-4933-a310-ce6549d84ac4.tmp</t>
  </si>
  <si>
    <t>12/13/2019 13:51:33</t>
  </si>
  <si>
    <t>C:\Users\marcoab\Desktop\Fwd_ Oportunidade Sabesp.msg\s137\Termo_de_Referencia_Tecnologia_Centrais_Unificadas_2020 - 09_09_19-V9.2.docx\</t>
  </si>
  <si>
    <t>12/13/2019 13:50:43</t>
  </si>
  <si>
    <t>6a8cedde-3536-4cdd-9c63-d79783d4a115.tmp</t>
  </si>
  <si>
    <t>\\acsfs\profiles$\adrielyas\Downloads\6a8cedde-3536-4cdd-9c63-d79783d4a115.tmp</t>
  </si>
  <si>
    <t>12/13/2019 13:54:14</t>
  </si>
  <si>
    <t>12/13/2019 13:55:46</t>
  </si>
  <si>
    <t>12/13/2019 13:54:19</t>
  </si>
  <si>
    <t>12/13/2019 13:54:33</t>
  </si>
  <si>
    <t>12/13/2019 13:51:55</t>
  </si>
  <si>
    <t>12/13/2019 13:53:16</t>
  </si>
  <si>
    <t>12/13/2019 13:56:47</t>
  </si>
  <si>
    <t>ENC: Deloitte: Propostas Amex Dezembro 2019 CRM:006700000919</t>
  </si>
  <si>
    <t>CONV 9702.xls</t>
  </si>
  <si>
    <t>12/13/2019 13:53:44</t>
  </si>
  <si>
    <t>12/13/2019 13:57:07</t>
  </si>
  <si>
    <t>12/13/2019 13:58:47</t>
  </si>
  <si>
    <t>/o=exchangelabs/ou=exchange administrative group (fydibohf23spdlt)/cn=recipients/cn=fa97b4f41f6b44568346ac119cf955ae-pablo henri;bonfim.silva@bradesco.com.br;carla.rosa@bradesco.com.br;jacqueline.mariano@bradesco.com.br;leandra.cardoso@bradesco.com.br;rodrigocarmo.pereira@bradesco.com.br;tso@algartech.com.br;viviane.virgilio@bradesco.com.br;</t>
  </si>
  <si>
    <t>RES: Atualizar página Expressions.</t>
  </si>
  <si>
    <t>Cópia de ANX_Controle_Expressions___Data_131219.xlsx</t>
  </si>
  <si>
    <t>/o=exchangelabs/ou=exchange administrative group (fydibohf23spdlt)/cn=recipients/cn=fa97b4f41f6b44568346ac119cf955ae-pablo henri,bonfim.silva@bradesco.com.br,carla.rosa@bradesco.com.br,jacqueline.mariano@bradesco.com.br,leandra.cardoso@bradesco.com.br,rodrigocarmo.pereira@bradesco.com.br,tso@algartech.com.br,viviane.virgilio@bradesco.com.br</t>
  </si>
  <si>
    <t>12/13/2019 13:53:45</t>
  </si>
  <si>
    <t>12/13/2019 13:59:47</t>
  </si>
  <si>
    <t>5f35eef3-8b5a-43a4-a0a1-bd748612b7c8.tmp</t>
  </si>
  <si>
    <t>\\acsfs\profiles$\victorgl\Downloads\5f35eef3-8b5a-43a4-a0a1-bd748612b7c8.tmp</t>
  </si>
  <si>
    <t>12/13/2019 13:54:06</t>
  </si>
  <si>
    <t>2e40215b-d542-4464-9b88-bf846da0c753.tmp</t>
  </si>
  <si>
    <t>\\acsfs\profiles$\victorgl\Downloads\2e40215b-d542-4464-9b88-bf846da0c753.tmp</t>
  </si>
  <si>
    <t>12/13/2019 13:57:41</t>
  </si>
  <si>
    <t>0471cc7d-32e2-4b79-b40a-e2f035278925.tmp</t>
  </si>
  <si>
    <t>\\acsfs\profiles$\victorgl\Downloads\0471cc7d-32e2-4b79-b40a-e2f035278925.tmp</t>
  </si>
  <si>
    <t>12/13/2019 13:55:21</t>
  </si>
  <si>
    <t>89021b51-03f0-4fce-9333-4e93ae6fdda5.tmp</t>
  </si>
  <si>
    <t>\\acsfs\profiles$\bernardopcm\Downloads\89021b51-03f0-4fce-9333-4e93ae6fdda5.tmp</t>
  </si>
  <si>
    <t>12/13/2019 13:57:58</t>
  </si>
  <si>
    <t>b1902024-9c19-4bc0-8c65-ca327e0b3d08.tmp</t>
  </si>
  <si>
    <t>\\acsfs\profiles$\sarahbal\Downloads\b1902024-9c19-4bc0-8c65-ca327e0b3d08.tmp</t>
  </si>
  <si>
    <t>12/13/2019 13:58:18</t>
  </si>
  <si>
    <t>12/13/2019 14:00:47</t>
  </si>
  <si>
    <t>C:\Users\rondinelesa\Downloads\</t>
  </si>
  <si>
    <t>Fraseologia URA Genesys 04_10.xlsx</t>
  </si>
  <si>
    <t>12/13/2019 13:56:44</t>
  </si>
  <si>
    <t>12/13/2019 14:01:47</t>
  </si>
  <si>
    <t>12/13/2019 13:59:44</t>
  </si>
  <si>
    <t>12/13/2019 13:59:52</t>
  </si>
  <si>
    <t>12/13/2019 14:01:03</t>
  </si>
  <si>
    <t>12/13/2019 13:59:58</t>
  </si>
  <si>
    <t>12/13/2019 13:56:45</t>
  </si>
  <si>
    <t>89af6466-6de9-4f6c-9462-54f78a48e46a.tmp</t>
  </si>
  <si>
    <t>\\acsfs\profiles$\leonardobb\Downloads\89af6466-6de9-4f6c-9462-54f78a48e46a.tmp</t>
  </si>
  <si>
    <t>12/13/2019 13:59:31</t>
  </si>
  <si>
    <t>1905befe-446c-437e-b55b-bd773259076a.tmp</t>
  </si>
  <si>
    <t>\\acsfs\profiles$\leticiala\Downloads\1905befe-446c-437e-b55b-bd773259076a.tmp</t>
  </si>
  <si>
    <t>12/13/2019 14:00:15</t>
  </si>
  <si>
    <t>7b30f152-2914-4085-ad65-d346b0c003ed.tmp</t>
  </si>
  <si>
    <t>\\acsfs\profiles$\leticiala\Downloads\7b30f152-2914-4085-ad65-d346b0c003ed.tmp</t>
  </si>
  <si>
    <t>12/13/2019 13:57:51</t>
  </si>
  <si>
    <t>12/13/2019 14:02:47</t>
  </si>
  <si>
    <t>0d7e0e54-f19e-4850-9c69-7a6ab9dab501.tmp</t>
  </si>
  <si>
    <t>\\acsfs\profiles$\deboraaa\Downloads\0d7e0e54-f19e-4850-9c69-7a6ab9dab501.tmp</t>
  </si>
  <si>
    <t>12/13/2019 14:01:55</t>
  </si>
  <si>
    <t>12/13/2019 14:04:47</t>
  </si>
  <si>
    <t>ce089d9e-ee8d-4ead-942a-3330c7f9bf3b.tmp</t>
  </si>
  <si>
    <t>\\acsfs\profiles$\victorgl\Downloads\ce089d9e-ee8d-4ead-942a-3330c7f9bf3b.tmp</t>
  </si>
  <si>
    <t>12/13/2019 14:00:05</t>
  </si>
  <si>
    <t>c799b118-69b9-4b6f-9069-02ab37fbe16d.tmp</t>
  </si>
  <si>
    <t>\\acsfs\profiles$\bernardopcm\Downloads\c799b118-69b9-4b6f-9069-02ab37fbe16d.tmp</t>
  </si>
  <si>
    <t>12/13/2019 14:01:48</t>
  </si>
  <si>
    <t>12/13/2019 14:01:27</t>
  </si>
  <si>
    <t>dc57f976-44af-4ac9-93a5-76e3d9f73091.tmp</t>
  </si>
  <si>
    <t>\\acsfs\profiles$\regisadsa\Downloads\dc57f976-44af-4ac9-93a5-76e3d9f73091.tmp</t>
  </si>
  <si>
    <t>12/13/2019 14:02:29</t>
  </si>
  <si>
    <t>211db2ee-9b89-4168-a337-d48ea0fe6311.tmp</t>
  </si>
  <si>
    <t>\\acsfs\profiles$\regisadsa\Downloads\211db2ee-9b89-4168-a337-d48ea0fe6311.tmp</t>
  </si>
  <si>
    <t>12/13/2019 14:00:20</t>
  </si>
  <si>
    <t>12/13/2019 14:05:47</t>
  </si>
  <si>
    <t>ulog_AcroARM2_Reader_a9473871-eb7b-4719-ba46-35125c58e0e7_efd74fa6-1ad8-4a6b-85c4-cb1186856966_0.log</t>
  </si>
  <si>
    <t>C:\Users\davimvs\AppData\Roaming\Adobe\LogTransport2\Logs\ulog_AcroARM2_Reader_a9473871-eb7b-4719-ba46-35125c58e0e7_efd74fa6-1ad8-4a6b-85c4-cb1186856966_0.log\</t>
  </si>
  <si>
    <t>12/13/2019 14:04:04</t>
  </si>
  <si>
    <t>23f0b4c2-0b9e-4e00-a73c-ff3a411cfbad.tmp</t>
  </si>
  <si>
    <t>\\acsfs\profiles$\layonmof\Downloads\23f0b4c2-0b9e-4e00-a73c-ff3a411cfbad.tmp</t>
  </si>
  <si>
    <t>12/13/2019 14:03:10</t>
  </si>
  <si>
    <t>12/13/2019 14:03:23</t>
  </si>
  <si>
    <t>12/13/2019 14:02:44</t>
  </si>
  <si>
    <t>12/13/2019 14:06:47</t>
  </si>
  <si>
    <t>12/13/2019 14:05:44</t>
  </si>
  <si>
    <t>12/13/2019 14:01:37</t>
  </si>
  <si>
    <t>http://browser.pipe.aria.microsoft.com/collector/3.0/?qsp=true&amp;content-type=application/bond-compact-binary&amp;client-id=no_auth&amp;sdk-version=awt-web-cjs-1.2.2&amp;x-apikey=d79e824386c4441cb8c1d4ae15690526-bd443309-5494-444a-aba9-0af9eef99f84-7360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12/13/2019 14:01:38</t>
  </si>
  <si>
    <t>http:///batch?%24ct=multipart%2Fmixed%3B%20boundary%3D%22%3D%3D%3D%3D%3Dubhvus22ynzq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picture�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picture�,thumbnailversion,workspaceids</t>
  </si>
  <si>
    <t>12/13/2019 14:01:39</t>
  </si>
  <si>
    <t>http:///batch?%24ct=multipart%2Fmixed%3B%20boundary%3D%22%3D%3D%3D%3D%3Dw9mtacti0fi4%3D%3D%3D%3D%3D%22&amp;key=AIzaSyAy9VVXHSpS2IJpptzYtGbLP3-3_l0aBk4</t>
  </si>
  <si>
    <t>ancestorhasaugmentedpermissions;containsunsubscribedchildren;dis;displayname;domain;emailaddress;filesize;hasthumbnail;hasvisitorpermissions;id);items(kind;ken;lastmodifyi;lastmodifyinguser(kind;lastviewedbymedate;modifiedbymedate;modifieddate;ontainsunsubscribedchildren;owners(kind;permission;permissionid;picture;picture�;rpermissions;thumbnailversion;workspaceids;</t>
  </si>
  <si>
    <t>http://ancestorhasaugmentedpermissions,containsunsubscribedchildren,dis,displayname,domain,emailaddress,filesize,hasthumbnail,hasvisitorpermissions,id),items(kind,ken,lastmodifyi,lastmodifyinguser(kind,lastviewedbymedate,modifiedbymedate,modifieddate,ontainsunsubscribedchildren,owners(kind,permission,permissionid,picture,picture�,rpermissions,thumbnailversion,workspaceids</t>
  </si>
  <si>
    <t>12/13/2019 14:01:40</t>
  </si>
  <si>
    <t>12/13/2019 14:01:44</t>
  </si>
  <si>
    <t>http:///batch?%24ct=multipart%2Fmixed%3B%20boundary%3D%22%3D%3D%3D%3D%3Dj46xri53n0me%3D%3D%3D%3D%3D%22&amp;key=AIzaSyAy9VVXHSpS2IJpptzYtGbLP3-3_l0aBk4</t>
  </si>
  <si>
    <t>ancestorhasaugmentedpermissions;containsunsubscribedchildren;dis;displayname;domain;emailaddress;file(kind;fileid;filesize;hasthumbnail;hasvisitorpermissions;id;id);items(deleted;items(kind;ken;kind;lastmodifyi;lastmodifyinguser(kind;lastviewedbymedate;modifiedbymedate;modifieddate;ontainsunsubscribedchildren;owners(kind;per;permission;permissionid;picture;picture�;rpermissions;shared;sharedwithmedate;thumbnailversion;title;userpermission(role);workspaceids;</t>
  </si>
  <si>
    <t>http://ancestorhasaugmentedpermissions,containsunsubscribedchildren,dis,displayname,domain,emailaddress,file(kind,fileid,filesize,hasthumbnail,hasvisitorpermissions,id,id),items(deleted,items(kind,ken,kind,lastmodifyi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12/13/2019 14:01:46</t>
  </si>
  <si>
    <t>http:///batch?%24ct=multipart%2Fmixed%3B%20boundary%3D%22%3D%3D%3D%3D%3Dky6lcy36m0nk%3D%3D%3D%3D%3D%22&amp;key=AIzaSyAy9VVXHSpS2IJpptzYtGbLP3-3_l0aBk4</t>
  </si>
  <si>
    <t>ancestorhasaugmen;ancestorhasaugmentedpermissions;containsunsubscribedchildren;dis;displayname;domain;emaila;emailaddress;file(kind;fileid;filesize;hasthumbnail;hasvisitorpermissions;id;id);items(deleted;items(kind;ken;kind;lastmodifyi;lastmodifyinguser(kind;lastviewedbymedate;modifiedbymedate;modifieddate;ontainsunsubscribedchildren;owners(kind;per;permission;permissionid;picture;picture�;rpermissions;shared;sharedwithmedate;thumbnailversion;title;userpermission(role);workspaceids;</t>
  </si>
  <si>
    <t>http://ancestorhasaugmen,ancestorhasaugmentedpermissions,containsunsubscribedchildren,dis,displayname,domain,emaila,emailaddress,file(kind,fileid,filesize,hasthumbnail,hasvisitorpermissions,id,id),items(deleted,items(kind,ken,kind,lastmodifyi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12/13/2019 14:01:49</t>
  </si>
  <si>
    <t>http:///batch?%24ct=multipart%2Fmixed%3B%20boundary%3D%22%3D%3D%3D%3D%3D12l8z385dc90%3D%3D%3D%3D%3D%22&amp;key=AIzaSyAy9VVXHSpS2IJpptzYtGbLP3-3_l0aBk4</t>
  </si>
  <si>
    <t>12/13/2019 14:01:50</t>
  </si>
  <si>
    <t>http:///batch?%24ct=multipart%2Fmixed%3B%20boundary%3D%22%3D%3D%3D%3D%3Dq97logbwlt4p%3D%3D%3D%3D%3D%22&amp;key=AIzaSyAy9VVXHSpS2IJpptzYtGbLP3-3_l0aBk4</t>
  </si>
  <si>
    <t>12/13/2019 14:02:05</t>
  </si>
  <si>
    <t>df678f49-0085-4e33-b44a-3f4b890ba211.tmp</t>
  </si>
  <si>
    <t>\\acsfs\profiles$\geovannasm\Downloads\df678f49-0085-4e33-b44a-3f4b890ba211.tmp</t>
  </si>
  <si>
    <t>12/13/2019 14:03:37</t>
  </si>
  <si>
    <t>12/13/2019 14:08:46</t>
  </si>
  <si>
    <t>10.200.66.73</t>
  </si>
  <si>
    <t>883574ad-5cb4-4c02-8f7c-f62e919f473a.tmp</t>
  </si>
  <si>
    <t>\\acsfs\profiles$\alinepp\Downloads\883574ad-5cb4-4c02-8f7c-f62e919f473a.tmp</t>
  </si>
  <si>
    <t>12/13/2019 14:03:54</t>
  </si>
  <si>
    <t>192ed97d-01dd-47d2-9a64-83d2e7500d7f.tmp</t>
  </si>
  <si>
    <t>\\acsfs\profiles$\alinepp\Downloads\192ed97d-01dd-47d2-9a64-83d2e7500d7f.tmp</t>
  </si>
  <si>
    <t>12/13/2019 14:05:36</t>
  </si>
  <si>
    <t>99933ca3-7223-4103-a368-1c49e6ffa5cb.tmp</t>
  </si>
  <si>
    <t>\\acsfs\profiles$\alinepp\Downloads\99933ca3-7223-4103-a368-1c49e6ffa5cb.tmp</t>
  </si>
  <si>
    <t>12/13/2019 14:06:08</t>
  </si>
  <si>
    <t>2a23f574-6632-48fb-b0e7-1c7155a30949.tmp</t>
  </si>
  <si>
    <t>\\acsfs\profiles$\alinepp\Downloads\2a23f574-6632-48fb-b0e7-1c7155a30949.tmp</t>
  </si>
  <si>
    <t>12/13/2019 14:06:30</t>
  </si>
  <si>
    <t>7e22c129-dd4d-454c-8ba9-49938dc488a8.tmp</t>
  </si>
  <si>
    <t>\\acsfs\profiles$\alinepp\Downloads\7e22c129-dd4d-454c-8ba9-49938dc488a8.tmp</t>
  </si>
  <si>
    <t>12/13/2019 14:07:55</t>
  </si>
  <si>
    <t>12/13/2019 14:07:56</t>
  </si>
  <si>
    <t>lu17180no72m.tmp</t>
  </si>
  <si>
    <t>\\acsfs\profiles$\dhiulliananads\My Documents\lu17180no72m.tmp</t>
  </si>
  <si>
    <t>\\acsfs\profiles$\dhiulliananads\My Documents\lu17180no72m.tmp\</t>
  </si>
  <si>
    <t>\\acsfs\profiles$\dhiulliananads\My Documents\lu17180no72m.tmp\META-INF\</t>
  </si>
  <si>
    <t>\\acsfs\profiles$\dhiulliananads\My Documents\lu17180no72m.tmp\Thumbnails\</t>
  </si>
  <si>
    <t>12/13/2019 14:05:04</t>
  </si>
  <si>
    <t>12/13/2019 14:09:47</t>
  </si>
  <si>
    <t>mail.google.com/_/upload?authuser=0&amp;dcp=asu-n&amp;upload_id=AEnB2UoRvjNzRU7Uv26B2_nR6_SSZ9wl0sLas74cfs74oFL60wz3R9jZDfziVMmSypTgvKASP03YpYoxVr_cInH2vFNbHyT3hQZoHNYUIT5-Fe36DBPRSD8&amp;upload_protocol=resumable</t>
  </si>
  <si>
    <t>fernandaman@algartech.com;izadoramdor@algartech.com;karinars@algartech.com;mirnapw@algartech.com;viniciussg@algartech.com;</t>
  </si>
  <si>
    <t>\\acsfs\DEPTOS\Operacao\PCP\5 - Comum\PLANEJAMENTO WHIRLPOOL\17 - PLANEJAMENTO REVISADO\ticket_526283\17 - PLANEJAMENTO REVISADO\PLANO WHIRLPOOL 2020\EH\02- FEVEREIRO\</t>
  </si>
  <si>
    <t>Estrutura Prevista_Fevereiro 2020.xlsx</t>
  </si>
  <si>
    <t>fernandaman@algartech.com,izadoramdor@algartech.com,karinars@algartech.com,mirnapw@algartech.com,viniciussg@algartech.com</t>
  </si>
  <si>
    <t>12/13/2019 14:07:19</t>
  </si>
  <si>
    <t>8f632e84-151b-46df-b9a0-aa398777f550.tmp</t>
  </si>
  <si>
    <t>\\acsfs\profiles$\regisadsa\Downloads\8f632e84-151b-46df-b9a0-aa398777f550.tmp</t>
  </si>
  <si>
    <t>12/13/2019 14:07:28</t>
  </si>
  <si>
    <t>18c4b992-27b7-4782-8a7b-8631d9a9e295.tmp</t>
  </si>
  <si>
    <t>\\acsfs\profiles$\regisadsa\Downloads\18c4b992-27b7-4782-8a7b-8631d9a9e295.tmp</t>
  </si>
  <si>
    <t>12/13/2019 14:07:43</t>
  </si>
  <si>
    <t>90200ac3-c9ef-4aa6-b2ec-2d7af94310cb.tmp</t>
  </si>
  <si>
    <t>\\acsfs\profiles$\regisadsa\Downloads\90200ac3-c9ef-4aa6-b2ec-2d7af94310cb.tmp</t>
  </si>
  <si>
    <t>12/13/2019 14:08:53</t>
  </si>
  <si>
    <t>990bcf34-f980-47ae-a661-7deba17225ad.tmp</t>
  </si>
  <si>
    <t>\\acsfs\profiles$\sarahbal\Downloads\990bcf34-f980-47ae-a661-7deba17225ad.tmp</t>
  </si>
  <si>
    <t>12/13/2019 14:05:39</t>
  </si>
  <si>
    <t>12/13/2019 14:10:46</t>
  </si>
  <si>
    <t>3abe376a-1dd7-4c0e-95ea-7a962c771331.tmp</t>
  </si>
  <si>
    <t>\\acsfs\profiles$\layonmof\Downloads\3abe376a-1dd7-4c0e-95ea-7a962c771331.tmp</t>
  </si>
  <si>
    <t>12/13/2019 14:06:25</t>
  </si>
  <si>
    <t>ab2f4e8c-8b46-460e-8381-c2a3a1334e99.tmp</t>
  </si>
  <si>
    <t>\\acsfs\profiles$\layonmof\Downloads\ab2f4e8c-8b46-460e-8381-c2a3a1334e99.tmp</t>
  </si>
  <si>
    <t>12/13/2019 14:05:59</t>
  </si>
  <si>
    <t>12/13/2019 14:11:47</t>
  </si>
  <si>
    <t>hugonmo@algartech.com;</t>
  </si>
  <si>
    <t>RES: Modelo de dados - Rotinas</t>
  </si>
  <si>
    <t>Cópia de Rotinas para importação.xlsx</t>
  </si>
  <si>
    <t>hugonmo@algartech.com</t>
  </si>
  <si>
    <t>12/13/2019 14:07:00</t>
  </si>
  <si>
    <t>VIP UCB Rotinas para importação.xlsx</t>
  </si>
  <si>
    <t>12/13/2019 14:08:38</t>
  </si>
  <si>
    <t>12/13/2019 14:08:39</t>
  </si>
  <si>
    <t>12/13/2019 14:09:03</t>
  </si>
  <si>
    <t>e9040a31-78a1-43f7-b68e-e6f9b0806694.tmp</t>
  </si>
  <si>
    <t>\\acsfs\profiles$\geovannasm\Downloads\e9040a31-78a1-43f7-b68e-e6f9b0806694.tmp</t>
  </si>
  <si>
    <t>12/13/2019 14:09:12</t>
  </si>
  <si>
    <t>3fa76e7f-108c-49e7-ae2b-59e8c5b533d8.tmp</t>
  </si>
  <si>
    <t>\\acsfs\profiles$\geovannasm\Downloads\3fa76e7f-108c-49e7-ae2b-59e8c5b533d8.tmp</t>
  </si>
  <si>
    <t>12/13/2019 14:12:23</t>
  </si>
  <si>
    <t>12/13/2019 14:13:47</t>
  </si>
  <si>
    <t>12/13/2019 14:09:27</t>
  </si>
  <si>
    <t>12/13/2019 14:14:46</t>
  </si>
  <si>
    <t>49f95409-2e6f-43b6-aa85-7572caa22f11.tmp</t>
  </si>
  <si>
    <t>\\acsfs\profiles$\gabrielarb\Downloads\49f95409-2e6f-43b6-aa85-7572caa22f11.tmp</t>
  </si>
  <si>
    <t>12/13/2019 14:10:40</t>
  </si>
  <si>
    <t>42958df8-4c7f-4dc3-bdaf-42f9b8f3bff9.tmp</t>
  </si>
  <si>
    <t>\\acsfs\profiles$\gabrielarb\Downloads\42958df8-4c7f-4dc3-bdaf-42f9b8f3bff9.tmp</t>
  </si>
  <si>
    <t>12/13/2019 14:12:14</t>
  </si>
  <si>
    <t>40e4ed4d-cb2d-4610-8e12-d52f27397e7b.tmp</t>
  </si>
  <si>
    <t>\\acsfs\profiles$\gabrielarb\Downloads\40e4ed4d-cb2d-4610-8e12-d52f27397e7b.tmp</t>
  </si>
  <si>
    <t>12/13/2019 14:13:11</t>
  </si>
  <si>
    <t>29e62905-2f95-42ec-a8a9-e528b9dcfda1.tmp</t>
  </si>
  <si>
    <t>\\acsfs\profiles$\gabrielarb\Downloads\29e62905-2f95-42ec-a8a9-e528b9dcfda1.tmp</t>
  </si>
  <si>
    <t>12/13/2019 14:13:37</t>
  </si>
  <si>
    <t>12/13/2019 14:13:19</t>
  </si>
  <si>
    <t>12/13/2019 14:15:47</t>
  </si>
  <si>
    <t>12/13/2019 14:14:21</t>
  </si>
  <si>
    <t>12/13/2019 14:14:22</t>
  </si>
  <si>
    <t>12/13/2019 14:14:23</t>
  </si>
  <si>
    <t>12/13/2019 14:14:24</t>
  </si>
  <si>
    <t>12/13/2019 14:14:26</t>
  </si>
  <si>
    <t>12/13/2019 14:11:48</t>
  </si>
  <si>
    <t>4275c244-8b31-40f5-b1af-ee078f3acdad.tmp</t>
  </si>
  <si>
    <t>\\acsfs\profiles$\layonmof\Downloads\4275c244-8b31-40f5-b1af-ee078f3acdad.tmp</t>
  </si>
  <si>
    <t>5687dfa5-1982-4f32-a80b-8e293bb0d7b8.tmp</t>
  </si>
  <si>
    <t>\\acsfs\profiles$\layonmof\Downloads\5687dfa5-1982-4f32-a80b-8e293bb0d7b8.tmp</t>
  </si>
  <si>
    <t>12/13/2019 14:11:26</t>
  </si>
  <si>
    <t>/o=exchangelabs/ou=exchange administrative group (fydibohf23spdlt)/cn=recipients/cn=f34f0f8b632a4aaa9dc5211574750aca-debora oliv;thaismo@algartech.com;</t>
  </si>
  <si>
    <t>ENC: ERRO GESTOR ANNAISA</t>
  </si>
  <si>
    <t>ERRO GESTOR ANNAISA.xlsx</t>
  </si>
  <si>
    <t>/o=exchangelabs/ou=exchange administrative group (fydibohf23spdlt)/cn=recipients/cn=f34f0f8b632a4aaa9dc5211574750aca-debora oliv,thaismo@algartech.com</t>
  </si>
  <si>
    <t>12/13/2019 14:14:15</t>
  </si>
  <si>
    <t>12/13/2019 14:16:46</t>
  </si>
  <si>
    <t>lu17180no72r.tmp</t>
  </si>
  <si>
    <t>\\acsfs\profiles$\dhiulliananads\My Documents\lu17180no72r.tmp</t>
  </si>
  <si>
    <t>\\acsfs\profiles$\dhiulliananads\My Documents\lu17180no72r.tmp\</t>
  </si>
  <si>
    <t>\\acsfs\profiles$\dhiulliananads\My Documents\lu17180no72r.tmp\META-INF\</t>
  </si>
  <si>
    <t>12/13/2019 14:11:22</t>
  </si>
  <si>
    <t>mail.google.com/sync/u/0/i/s?hl=pt-br&amp;c=331</t>
  </si>
  <si>
    <t>12/13/2019 14:11:44</t>
  </si>
  <si>
    <t>12/13/2019 14:11:55</t>
  </si>
  <si>
    <t>mail.google.com/sync/u/0/i/s?hl=pt-br&amp;c=334</t>
  </si>
  <si>
    <t>12/13/2019 14:12:18</t>
  </si>
  <si>
    <t>mail.google.com/sync/u/0/i/s?hl=pt-br&amp;c=336</t>
  </si>
  <si>
    <t>\\acsfs\profiles$\dhiulliananads\My Documents\lu17180no72r.tmp\Thumbnails\</t>
  </si>
  <si>
    <t>12/13/2019 14:12:25</t>
  </si>
  <si>
    <t>mail.google.com/sync/u/0/i/s?hl=pt-br&amp;c=339</t>
  </si>
  <si>
    <t>12/13/2019 14:12:33</t>
  </si>
  <si>
    <t>mail.google.com/sync/u/0/i/s?hl=pt-br&amp;c=341</t>
  </si>
  <si>
    <t>12/13/2019 14:12:58</t>
  </si>
  <si>
    <t>mail.google.com/sync/u/0/i/s?hl=pt-br&amp;c=343</t>
  </si>
  <si>
    <t>12/13/2019 14:13:16</t>
  </si>
  <si>
    <t>mail.google.com/sync/u/0/i/s?hl=pt-br&amp;c=345</t>
  </si>
  <si>
    <t>12/13/2019 14:13:44</t>
  </si>
  <si>
    <t>12/13/2019 14:15:51</t>
  </si>
  <si>
    <t>12/13/2019 14:16:07</t>
  </si>
  <si>
    <t>12/13/2019 14:18:46</t>
  </si>
  <si>
    <t>lu1419217hqmw.tmp</t>
  </si>
  <si>
    <t>\\acsfs\profiles$\luanarda\lu1419217hqmw.tmp</t>
  </si>
  <si>
    <t>\\acsfs\profiles$\luanarda\lu1419217hqmw.tmp\</t>
  </si>
  <si>
    <t>\\acsfs\profiles$\luanarda\lu1419217hqmw.tmp\META-INF\</t>
  </si>
  <si>
    <t>\\acsfs\profiles$\luanarda\lu1419217hqmw.tmp\Thumbnails\</t>
  </si>
  <si>
    <t>12/13/2019 14:16:49</t>
  </si>
  <si>
    <t>12/13/2019 14:19:47</t>
  </si>
  <si>
    <t>e653807e-379c-4cdc-8d1c-f22d309b1c46.tmp</t>
  </si>
  <si>
    <t>\\acsfs\profiles$\gabrielarb\Downloads\e653807e-379c-4cdc-8d1c-f22d309b1c46.tmp</t>
  </si>
  <si>
    <t>12/13/2019 14:16:50</t>
  </si>
  <si>
    <t>8823338f-a140-421f-8612-8d4be9a52a53.tmp</t>
  </si>
  <si>
    <t>\\acsfs\profiles$\gabrielarb\Downloads\8823338f-a140-421f-8612-8d4be9a52a53.tmp</t>
  </si>
  <si>
    <t>12/13/2019 14:16:40</t>
  </si>
  <si>
    <t>12/13/2019 14:20:46</t>
  </si>
  <si>
    <t>12/13/2019 14:16:41</t>
  </si>
  <si>
    <t>12/13/2019 14:16:45</t>
  </si>
  <si>
    <t>12/13/2019 14:18:21</t>
  </si>
  <si>
    <t>12/13/2019 14:19:09</t>
  </si>
  <si>
    <t>12/13/2019 14:19:10</t>
  </si>
  <si>
    <t>12/13/2019 14:18:49</t>
  </si>
  <si>
    <t>0b07b1ea-6079-479b-b87f-79a1eaa67406.tmp</t>
  </si>
  <si>
    <t>\\acsfs\profiles$\gabrielamdp\Downloads\0b07b1ea-6079-479b-b87f-79a1eaa67406.tmp</t>
  </si>
  <si>
    <t>12/13/2019 14:18:51</t>
  </si>
  <si>
    <t>fcab016b-399e-4623-98b7-8b72c377268d.tmp</t>
  </si>
  <si>
    <t>\\acsfs\profiles$\gabrielamdp\Downloads\fcab016b-399e-4623-98b7-8b72c377268d.tmp</t>
  </si>
  <si>
    <t>177b6434-d6fc-45d5-b6cd-9be809523aac.tmp</t>
  </si>
  <si>
    <t>\\acsfs\profiles$\gabrielamdp\Downloads\177b6434-d6fc-45d5-b6cd-9be809523aac.tmp</t>
  </si>
  <si>
    <t>12/13/2019 14:18:52</t>
  </si>
  <si>
    <t>3a1dbb3f-5758-47bf-a96a-d51f28d6cf26.tmp</t>
  </si>
  <si>
    <t>\\acsfs\profiles$\gabrielamdp\Downloads\3a1dbb3f-5758-47bf-a96a-d51f28d6cf26.tmp</t>
  </si>
  <si>
    <t>12/13/2019 14:18:53</t>
  </si>
  <si>
    <t>c16f748f-cb5d-4c1a-b552-c2d791529dd1.tmp</t>
  </si>
  <si>
    <t>\\acsfs\profiles$\gabrielamdp\Downloads\c16f748f-cb5d-4c1a-b552-c2d791529dd1.tmp</t>
  </si>
  <si>
    <t>12/13/2019 14:15:38</t>
  </si>
  <si>
    <t>12/13/2019 14:16:31</t>
  </si>
  <si>
    <t>12/13/2019 14:20:26</t>
  </si>
  <si>
    <t>12/13/2019 14:17:45</t>
  </si>
  <si>
    <t>12/13/2019 14:21:47</t>
  </si>
  <si>
    <t>12/13/2019 14:18:14</t>
  </si>
  <si>
    <t>12/13/2019 14:18:24</t>
  </si>
  <si>
    <t>12/13/2019 14:19:12</t>
  </si>
  <si>
    <t>mail.google.com/mail/u/0/jserror?script=https://mail.google.com/mail/u/0/#inbox/fmfcgxwgchdlwhqzngsnvdbljmclqbbc?compose=gtvvlcsbnpsjgqcjcscpsggsqmqwjkgcnhxbtjqstsnbwrhwxcpgrhkgwfjzgrgsfzvcdhmwjvjnd&amp;line=not available&amp;error_in_body=1&amp;txz=pe</t>
  </si>
  <si>
    <t>12/13/2019 14:19:13</t>
  </si>
  <si>
    <t>mail.google.com/sync/u/0/i/s?hl=pt-br&amp;c=349</t>
  </si>
  <si>
    <t>12/13/2019 14:19:23</t>
  </si>
  <si>
    <t>mail.google.com/sync/u/0/i/s?hl=pt-br&amp;c=351</t>
  </si>
  <si>
    <t>12/13/2019 14:19:30</t>
  </si>
  <si>
    <t>mail.google.com/sync/u/0/i/s?hl=pt-br&amp;c=354</t>
  </si>
  <si>
    <t>12/13/2019 14:19:46</t>
  </si>
  <si>
    <t>12/13/2019 14:20:49</t>
  </si>
  <si>
    <t>mail.google.com/sync/u/0/i/s?hl=pt-br&amp;c=358</t>
  </si>
  <si>
    <t>12/13/2019 14:20:52</t>
  </si>
  <si>
    <t>mail.google.com/sync/u/0/i/s?hl=pt-br&amp;c=360</t>
  </si>
  <si>
    <t>12/13/2019 14:20:59</t>
  </si>
  <si>
    <t>12/13/2019 14:21:00</t>
  </si>
  <si>
    <t>12/13/2019 14:20:48</t>
  </si>
  <si>
    <t>96fd9abc-437d-4e1e-9206-a7c9d0244be3.tmp</t>
  </si>
  <si>
    <t>\\acsfs\profiles$\henriqueco\Downloads\96fd9abc-437d-4e1e-9206-a7c9d0244be3.tmp</t>
  </si>
  <si>
    <t>12/13/2019 14:20:13</t>
  </si>
  <si>
    <t>12/13/2019 14:22:46</t>
  </si>
  <si>
    <t>12/13/2019 14:19:08</t>
  </si>
  <si>
    <t>12/13/2019 14:19:33</t>
  </si>
  <si>
    <t>12/13/2019 14:19:29</t>
  </si>
  <si>
    <t>12/13/2019 14:23:47</t>
  </si>
  <si>
    <t>12/13/2019 14:22:32</t>
  </si>
  <si>
    <t>12/13/2019 14:18:41</t>
  </si>
  <si>
    <t>5182ac03-bcea-4ed9-a178-0c79decb4dc1.tmp</t>
  </si>
  <si>
    <t>\\acsfs\profiles$\deborahsi\Downloads\5182ac03-bcea-4ed9-a178-0c79decb4dc1.tmp</t>
  </si>
  <si>
    <t>12/13/2019 14:21:03</t>
  </si>
  <si>
    <t>12/13/2019 14:24:46</t>
  </si>
  <si>
    <t>12/13/2019 14:21:04</t>
  </si>
  <si>
    <t>12/13/2019 14:21:05</t>
  </si>
  <si>
    <t>12/13/2019 14:21:06</t>
  </si>
  <si>
    <t>12/13/2019 14:21:07</t>
  </si>
  <si>
    <t>12/13/2019 14:23:02</t>
  </si>
  <si>
    <t>d95bd577-4362-43b5-a73e-d5defad88dfb.tmp</t>
  </si>
  <si>
    <t>\\acsfs\profiles$\gabrielarb\Downloads\d95bd577-4362-43b5-a73e-d5defad88dfb.tmp</t>
  </si>
  <si>
    <t>12/13/2019 14:23:03</t>
  </si>
  <si>
    <t>c3739e74-11cd-4b8e-b88c-acb160aeb527.tmp</t>
  </si>
  <si>
    <t>\\acsfs\profiles$\gabrielarb\Downloads\c3739e74-11cd-4b8e-b88c-acb160aeb527.tmp</t>
  </si>
  <si>
    <t>12/13/2019 14:20:37</t>
  </si>
  <si>
    <t>12/13/2019 14:25:47</t>
  </si>
  <si>
    <t>12/13/2019 14:21:12</t>
  </si>
  <si>
    <t>12/13/2019 14:21:14</t>
  </si>
  <si>
    <t>12/13/2019 14:21:16</t>
  </si>
  <si>
    <t>12/13/2019 14:23:16</t>
  </si>
  <si>
    <t>13-12 SEXTA.txt</t>
  </si>
  <si>
    <t>\\acsfs\profiles$\gabrielamdp\My Documents\13-12 SEXTA.txt</t>
  </si>
  <si>
    <t>12/13/2019 14:23:21</t>
  </si>
  <si>
    <t>12/13/2019 14:23:30</t>
  </si>
  <si>
    <t>e65990a6-58cb-4e84-8fe4-8a231158fd8d.tmp</t>
  </si>
  <si>
    <t>\\acsfs\profiles$\gabrielamdp\Downloads\e65990a6-58cb-4e84-8fe4-8a231158fd8d.tmp</t>
  </si>
  <si>
    <t>12/13/2019 14:22:57</t>
  </si>
  <si>
    <t>920cc57f-464e-49e5-b512-42b91e8c52b2.tmp</t>
  </si>
  <si>
    <t>\\acsfs\profiles$\felipetds\Downloads\920cc57f-464e-49e5-b512-42b91e8c52b2.tmp</t>
  </si>
  <si>
    <t>12/13/2019 14:20:53</t>
  </si>
  <si>
    <t>12/13/2019 14:21:36</t>
  </si>
  <si>
    <t>12/13/2019 14:26:46</t>
  </si>
  <si>
    <t>12/13/2019 14:21:08</t>
  </si>
  <si>
    <t>mail.google.com/sync/u/0/i/s?hl=pt-br&amp;c=362</t>
  </si>
  <si>
    <t>12/13/2019 14:21:19</t>
  </si>
  <si>
    <t>mail.google.com/sync/u/0/i/s?hl=pt-br&amp;c=365</t>
  </si>
  <si>
    <t>12/13/2019 14:21:24</t>
  </si>
  <si>
    <t>mail.google.com/sync/u/0/i/s?hl=pt-br&amp;c=368</t>
  </si>
  <si>
    <t>12/13/2019 14:25:40</t>
  </si>
  <si>
    <t>\\acsfs\Deptos\Operacao\Banco_Votorantim\Supervisao\Rai Carlos\</t>
  </si>
  <si>
    <t>\\acsfs\Deptos\Operacao\Banco_Votorantim\Supervisao\Rai Carlos\BD Equipe Skill Especifico.xlsx</t>
  </si>
  <si>
    <t>12/13/2019 14:21:58</t>
  </si>
  <si>
    <t>722b940d-25aa-4156-8f1f-cd1c76210871.tmp</t>
  </si>
  <si>
    <t>\\acsfs\profiles$\henriqueco\Downloads\722b940d-25aa-4156-8f1f-cd1c76210871.tmp</t>
  </si>
  <si>
    <t>12/13/2019 14:22:06</t>
  </si>
  <si>
    <t>12/13/2019 14:23:35</t>
  </si>
  <si>
    <t>32f379e1-fb02-457a-817f-4edb24bbccd7.tmp</t>
  </si>
  <si>
    <t>\\acsfs\profiles$\henriqueco\Downloads\32f379e1-fb02-457a-817f-4edb24bbccd7.tmp</t>
  </si>
  <si>
    <t>12/13/2019 14:22:53</t>
  </si>
  <si>
    <t>12/13/2019 14:27:47</t>
  </si>
  <si>
    <t>12/13/2019 14:26:23</t>
  </si>
  <si>
    <t>12/13/2019 14:28:30</t>
  </si>
  <si>
    <t>12/13/2019 14:30:47</t>
  </si>
  <si>
    <t>12/13/2019 14:29:08</t>
  </si>
  <si>
    <t>12/13/2019 14:29:09</t>
  </si>
  <si>
    <t>12/13/2019 14:29:17</t>
  </si>
  <si>
    <t>12/13/2019 14:29:19</t>
  </si>
  <si>
    <t>12/13/2019 14:29:22</t>
  </si>
  <si>
    <t>12/13/2019 14:30:19</t>
  </si>
  <si>
    <t>12/13/2019 14:31:47</t>
  </si>
  <si>
    <t>43e2525f-1d6f-40ac-8e18-6614a10115c4.tmp</t>
  </si>
  <si>
    <t>\\acsfs\profiles$\KARENJSS\Downloads\43e2525f-1d6f-40ac-8e18-6614a10115c4.tmp</t>
  </si>
  <si>
    <t>12/13/2019 14:28:04</t>
  </si>
  <si>
    <t>37f1a344-df1c-4453-bd4b-8a7df42c76a5.tmp</t>
  </si>
  <si>
    <t>\\acsfs\profiles$\geovannasm\Downloads\37f1a344-df1c-4453-bd4b-8a7df42c76a5.tmp</t>
  </si>
  <si>
    <t>12/13/2019 14:24:57</t>
  </si>
  <si>
    <t>12/13/2019 14:34:47</t>
  </si>
  <si>
    <t>e4e117d4-b740-4ae3-aa0f-8828e6a3255e.tmp</t>
  </si>
  <si>
    <t>\\acsfs\profiles$\gabrielarb\Downloads\e4e117d4-b740-4ae3-aa0f-8828e6a3255e.tmp</t>
  </si>
  <si>
    <t>12/13/2019 14:25:36</t>
  </si>
  <si>
    <t>3fe3b6c1-8745-4b69-b40c-225172a9a305.tmp</t>
  </si>
  <si>
    <t>\\acsfs\profiles$\gabrielarb\Downloads\3fe3b6c1-8745-4b69-b40c-225172a9a305.tmp</t>
  </si>
  <si>
    <t>12/13/2019 14:25:55</t>
  </si>
  <si>
    <t>e4ddfe3e-db74-452d-b63a-fda8191509c8.tmp</t>
  </si>
  <si>
    <t>\\acsfs\profiles$\gabrielarb\Downloads\e4ddfe3e-db74-452d-b63a-fda8191509c8.tmp</t>
  </si>
  <si>
    <t>12/13/2019 14:26:13</t>
  </si>
  <si>
    <t>191e7bf3-f41a-44e2-adce-a42c305eddb6.tmp</t>
  </si>
  <si>
    <t>\\acsfs\profiles$\gabrielarb\Downloads\191e7bf3-f41a-44e2-adce-a42c305eddb6.tmp</t>
  </si>
  <si>
    <t>12/13/2019 14:32:25</t>
  </si>
  <si>
    <t>12/13/2019 14:32:42</t>
  </si>
  <si>
    <t>10.200.66.157</t>
  </si>
  <si>
    <t>74-86-7A-FB-19-1A</t>
  </si>
  <si>
    <t>VOTORANT-GB015</t>
  </si>
  <si>
    <t>694ef337-b4cc-41ef-815a-ffdd78232e25.tmp</t>
  </si>
  <si>
    <t>\\acsfs\profiles$\vivianibfs\Downloads\694ef337-b4cc-41ef-815a-ffdd78232e25.tmp</t>
  </si>
  <si>
    <t>12/13/2019 14:31:54</t>
  </si>
  <si>
    <t>e29049aa-6238-4fb8-ad18-1d3824f64e53.tmp</t>
  </si>
  <si>
    <t>\\acsfs\profiles$\vivianibfs\Downloads\e29049aa-6238-4fb8-ad18-1d3824f64e53.tmp</t>
  </si>
  <si>
    <t>12/13/2019 14:32:09</t>
  </si>
  <si>
    <t>fa31366e-b671-4e37-91de-9b0f9edffc64.tmp</t>
  </si>
  <si>
    <t>\\acsfs\profiles$\vivianibfs\Downloads\fa31366e-b671-4e37-91de-9b0f9edffc64.tmp</t>
  </si>
  <si>
    <t>12/13/2019 14:32:12</t>
  </si>
  <si>
    <t>46ea81ea-96d4-41c7-bd38-5afd3dec7458.tmp</t>
  </si>
  <si>
    <t>\\acsfs\profiles$\vivianibfs\Downloads\46ea81ea-96d4-41c7-bd38-5afd3dec7458.tmp</t>
  </si>
  <si>
    <t>12/13/2019 14:32:13</t>
  </si>
  <si>
    <t>ab82ddb2-74e6-4d24-a3f2-85fd1cd629be.tmp</t>
  </si>
  <si>
    <t>\\acsfs\profiles$\sarahbal\Downloads\ab82ddb2-74e6-4d24-a3f2-85fd1cd629be.tmp</t>
  </si>
  <si>
    <t>12/13/2019 14:34:22</t>
  </si>
  <si>
    <t>12/13/2019 14:35:47</t>
  </si>
  <si>
    <t>12/13/2019 14:32:43</t>
  </si>
  <si>
    <t>ad836440-72c7-4916-a700-595b8a963871; sp=9da3590e-0f2e-469c-adb8-dd634efc67f6; remember_user_token=eyjfcmfpbhmionsibwvzc2fnzsi6ilcxc3lnreewt1rszexdswtnbuvrtvrba1phmxdhv3bmywk5wleybg1twghjtuuxsljwttbueulzswpfmu56wxlnemd3tnpjdu56rtrprfv4tmlkzcisimv4cci6ijiwm</t>
  </si>
  <si>
    <t>C:\Users\marcelodsd\Downloads\</t>
  </si>
  <si>
    <t>12/13/2019 14:32:57</t>
  </si>
  <si>
    <t>12/13/2019 14:33:15</t>
  </si>
  <si>
    <t>12/13/2019 14:36:05</t>
  </si>
  <si>
    <t>12/13/2019 14:36:47</t>
  </si>
  <si>
    <t>6007c3c2-af11-442d-bf03-5a0d07c83b15.tmp</t>
  </si>
  <si>
    <t>\\acsfs\profiles$\rosileiam\Downloads\6007c3c2-af11-442d-bf03-5a0d07c83b15.tmp</t>
  </si>
  <si>
    <t>12/13/2019 14:33:16</t>
  </si>
  <si>
    <t>0888a4f3-27dc-475b-b4a5-c263a6698c00.tmp</t>
  </si>
  <si>
    <t>\\acsfs\profiles$\geovannasm\Downloads\0888a4f3-27dc-475b-b4a5-c263a6698c00.tmp</t>
  </si>
  <si>
    <t>12/13/2019 14:34:33</t>
  </si>
  <si>
    <t>10.200.61.92</t>
  </si>
  <si>
    <t>C:\Users\leandrolds\Downloads\</t>
  </si>
  <si>
    <t>bu financeira 2020 (1).xlsx</t>
  </si>
  <si>
    <t>12/13/2019 14:34:34</t>
  </si>
  <si>
    <t>mail.google.com/_/upload?authuser=0&amp;dcp=asu-n&amp;upload_id=AEnB2UrALKFo1EWT4T_5idRpcVc_ZpRQiJIvQwZ7SNYxWXIF2YTV_7jj_UVQMLSGFcMe4-SyUzIVcxTH6s4FkiY1I3hA3MAlVjnBJI8_ZmjZS5Swx_eowoQ&amp;upload_protocol=resumable</t>
  </si>
  <si>
    <t>12/13/2019 14:38:24</t>
  </si>
  <si>
    <t>12/13/2019 14:38:47</t>
  </si>
  <si>
    <t>\\acsfs\profiles$\KARENJSS\Contacts\</t>
  </si>
  <si>
    <t>Karen Jane Santos Silva (19).contact</t>
  </si>
  <si>
    <t>\\acsfs\profiles$\KARENJSS\Contacts\Karen Jane Santos Silva (19).contact</t>
  </si>
  <si>
    <t>12/13/2019 14:38:35</t>
  </si>
  <si>
    <t>\\acsfs\profiles$\KARENJSS\My Documents\My Videos\</t>
  </si>
  <si>
    <t>\\acsfs\profiles$\KARENJSS\My Documents\My Videos\desktop.ini</t>
  </si>
  <si>
    <t>12/13/2019 14:38:36</t>
  </si>
  <si>
    <t>\\acsfs\profiles$\KARENJSS\My Documents\My Pictures\</t>
  </si>
  <si>
    <t>\\acsfs\profiles$\KARENJSS\My Documents\My Pictures\desktop.ini</t>
  </si>
  <si>
    <t>12/13/2019 14:35:18</t>
  </si>
  <si>
    <t>12/13/2019 14:39:47</t>
  </si>
  <si>
    <t>12/13/2019 14:35:19</t>
  </si>
  <si>
    <t>12/13/2019 14:35:21</t>
  </si>
  <si>
    <t>12/13/2019 14:35:26</t>
  </si>
  <si>
    <t>12/13/2019 14:35:28</t>
  </si>
  <si>
    <t>12/13/2019 14:35:29</t>
  </si>
  <si>
    <t>12/13/2019 14:35:30</t>
  </si>
  <si>
    <t>12/13/2019 14:35:31</t>
  </si>
  <si>
    <t>12/13/2019 14:35:32</t>
  </si>
  <si>
    <t>12/13/2019 14:35:33</t>
  </si>
  <si>
    <t>12/13/2019 14:35:34</t>
  </si>
  <si>
    <t>12/13/2019 14:35:35</t>
  </si>
  <si>
    <t>12/13/2019 14:35:38</t>
  </si>
  <si>
    <t>12/13/2019 14:35:41</t>
  </si>
  <si>
    <t>12/13/2019 14:35:42</t>
  </si>
  <si>
    <t>12/13/2019 14:35:52</t>
  </si>
  <si>
    <t>12/13/2019 14:35:56</t>
  </si>
  <si>
    <t>12/13/2019 14:36:06</t>
  </si>
  <si>
    <t>12/13/2019 14:36:07</t>
  </si>
  <si>
    <t>12/13/2019 14:36:09</t>
  </si>
  <si>
    <t>12/13/2019 14:36:12</t>
  </si>
  <si>
    <t>12/13/2019 14:36:17</t>
  </si>
  <si>
    <t>12/13/2019 14:36:16</t>
  </si>
  <si>
    <t>b3a2380c-6cdf-4051-a8ed-38e661b62880.tmp</t>
  </si>
  <si>
    <t>\\acsfs\profiles$\gabrielarb\Downloads\b3a2380c-6cdf-4051-a8ed-38e661b62880.tmp</t>
  </si>
  <si>
    <t>2ba1ae8b-04ad-4987-b8c5-b05966ec8257.tmp</t>
  </si>
  <si>
    <t>\\acsfs\profiles$\gabrielarb\Downloads\2ba1ae8b-04ad-4987-b8c5-b05966ec8257.tmp</t>
  </si>
  <si>
    <t>12/13/2019 14:37:25</t>
  </si>
  <si>
    <t>d6762e07-1251-4159-b1be-d6c8dca4436f.tmp</t>
  </si>
  <si>
    <t>\\acsfs\profiles$\gabrielarb\Downloads\d6762e07-1251-4159-b1be-d6c8dca4436f.tmp</t>
  </si>
  <si>
    <t>12/13/2019 12:00:53</t>
  </si>
  <si>
    <t>mail.google.com/_/upload?authuser=2&amp;dcp=asu-n&amp;upload_id=AEnB2UpCoKkSUYBrgV7V3nagb2Gx-MOZGqAXdt4v4Vi1-hpjFgT21uquDrWCwk6RS_zXaal6HIna_1UGEZTFTGOgXqgI9u3hR-LBvBNm_4SUsOJ4v_isBLs&amp;upload_protocol=resumable</t>
  </si>
  <si>
    <t>Métricas Electrolux - Atualizado até 30Nov.xlsb</t>
  </si>
  <si>
    <t>12/13/2019 14:38:16</t>
  </si>
  <si>
    <t>12/13/2019 14:40:47</t>
  </si>
  <si>
    <t>12/13/2019 14:36:01</t>
  </si>
  <si>
    <t>\\acsfs\profiles$\layonmof\My Documents\</t>
  </si>
  <si>
    <t>Usar.txt</t>
  </si>
  <si>
    <t>\\acsfs\profiles$\layonmof\My Documents\Usar.txt</t>
  </si>
  <si>
    <t>12/13/2019 14:36:03</t>
  </si>
  <si>
    <t>12/13/2019 14:36:04</t>
  </si>
  <si>
    <t>12/13/2019 14:37:46</t>
  </si>
  <si>
    <t>12/13/2019 14:39:11</t>
  </si>
  <si>
    <t>12/13/2019 14:41:47</t>
  </si>
  <si>
    <t>\\acsfs\profiles$\KARENDSR\Contacts\</t>
  </si>
  <si>
    <t>KAREN DE SOUZA RODRIGUES (15).contact</t>
  </si>
  <si>
    <t>\\acsfs\profiles$\KARENDSR\Contacts\KAREN DE SOUZA RODRIGUES (15).contact</t>
  </si>
  <si>
    <t>12/13/2019 14:39:18</t>
  </si>
  <si>
    <t>\\acsfs\profiles$\KARENDSR\My Documents\My Videos\</t>
  </si>
  <si>
    <t>\\acsfs\profiles$\KARENDSR\My Documents\My Videos\desktop.ini</t>
  </si>
  <si>
    <t>\\acsfs\profiles$\KARENDSR\My Documents\My Pictures\</t>
  </si>
  <si>
    <t>\\acsfs\profiles$\KARENDSR\My Documents\My Pictures\desktop.ini</t>
  </si>
  <si>
    <t>12/13/2019 14:39:19</t>
  </si>
  <si>
    <t>\\acsfs\profiles$\KARENDSR\Contacts\desktop.ini</t>
  </si>
  <si>
    <t>\\acsfs\profiles$\KARENDSR\Favorites\</t>
  </si>
  <si>
    <t>\\acsfs\profiles$\KARENDSR\Favorites\desktop.ini</t>
  </si>
  <si>
    <t>12/13/2019 14:39:20</t>
  </si>
  <si>
    <t>\\acsfs\profiles$\KARENDSR\My Documents\My Music\</t>
  </si>
  <si>
    <t>\\acsfs\profiles$\KARENDSR\My Documents\My Music\desktop.ini</t>
  </si>
  <si>
    <t>12/13/2019 14:39:21</t>
  </si>
  <si>
    <t>\\acsfs\profiles$\KARENDSR\Searches\</t>
  </si>
  <si>
    <t>\\acsfs\profiles$\KARENDSR\Searches\desktop.ini</t>
  </si>
  <si>
    <t>\\acsfs\profiles$\KARENDSR\Downloads\desktop.ini</t>
  </si>
  <si>
    <t>12/13/2019 14:39:22</t>
  </si>
  <si>
    <t>\\acsfs\profiles$\KARENDSR\My Documents\desktop.ini</t>
  </si>
  <si>
    <t>\\acsfs\profiles$\KARENDSR\Saved Games\</t>
  </si>
  <si>
    <t>\\acsfs\profiles$\KARENDSR\Saved Games\desktop.ini</t>
  </si>
  <si>
    <t>12/13/2019 14:39:23</t>
  </si>
  <si>
    <t>12/13/2019 14:39:33</t>
  </si>
  <si>
    <t>\\acsfs\profiles$\KARENDSR\Favorites\Links for Brasil\desktop.ini</t>
  </si>
  <si>
    <t>12/13/2019 14:39:34</t>
  </si>
  <si>
    <t>12/13/2019 14:40:42</t>
  </si>
  <si>
    <t>2982637c-dc10-41a0-83b4-e31d716c9df9.tmp</t>
  </si>
  <si>
    <t>\\acsfs\profiles$\KARENDSR\Downloads\2982637c-dc10-41a0-83b4-e31d716c9df9.tmp</t>
  </si>
  <si>
    <t>12/13/2019 14:38:00</t>
  </si>
  <si>
    <t>279972fb-3990-4028-b66e-cc64bc229331.tmp</t>
  </si>
  <si>
    <t>\\acsfs\profiles$\rosileiam\Downloads\279972fb-3990-4028-b66e-cc64bc229331.tmp</t>
  </si>
  <si>
    <t>12/13/2019 14:43:47</t>
  </si>
  <si>
    <t>12/13/2019 14:38:37</t>
  </si>
  <si>
    <t>\\acsfs\profiles$\KARENJSS\Contacts\desktop.ini</t>
  </si>
  <si>
    <t>12/13/2019 14:38:38</t>
  </si>
  <si>
    <t>\\acsfs\profiles$\KARENJSS\Favorites\</t>
  </si>
  <si>
    <t>\\acsfs\profiles$\KARENJSS\Favorites\desktop.ini</t>
  </si>
  <si>
    <t>12/13/2019 14:38:39</t>
  </si>
  <si>
    <t>\\acsfs\profiles$\KARENJSS\My Documents\My Music\</t>
  </si>
  <si>
    <t>\\acsfs\profiles$\KARENJSS\My Documents\My Music\desktop.ini</t>
  </si>
  <si>
    <t>12/13/2019 14:38:40</t>
  </si>
  <si>
    <t>\\acsfs\profiles$\KARENJSS\Searches\</t>
  </si>
  <si>
    <t>\\acsfs\profiles$\KARENJSS\Searches\desktop.ini</t>
  </si>
  <si>
    <t>\\acsfs\profiles$\KARENJSS\Downloads\desktop.ini</t>
  </si>
  <si>
    <t>12/13/2019 14:38:41</t>
  </si>
  <si>
    <t>\\acsfs\profiles$\KARENJSS\My Documents\</t>
  </si>
  <si>
    <t>\\acsfs\profiles$\KARENJSS\My Documents\desktop.ini</t>
  </si>
  <si>
    <t>12/13/2019 14:38:42</t>
  </si>
  <si>
    <t>12/13/2019 14:38:43</t>
  </si>
  <si>
    <t>\\acsfs\profiles$\KARENJSS\Saved Games\</t>
  </si>
  <si>
    <t>\\acsfs\profiles$\KARENJSS\Saved Games\desktop.ini</t>
  </si>
  <si>
    <t>12/13/2019 14:38:57</t>
  </si>
  <si>
    <t>\\acsfs\profiles$\KARENJSS\Favorites\Links for Brasil\desktop.ini</t>
  </si>
  <si>
    <t>12/13/2019 14:38:58</t>
  </si>
  <si>
    <t>12/13/2019 14:38:59</t>
  </si>
  <si>
    <t>12/13/2019 14:40:31</t>
  </si>
  <si>
    <t>89bfdd03-ed5c-42df-9bcc-0d6243603044.tmp</t>
  </si>
  <si>
    <t>\\acsfs\profiles$\KARENJSS\Downloads\89bfdd03-ed5c-42df-9bcc-0d6243603044.tmp</t>
  </si>
  <si>
    <t>12/13/2019 14:41:20</t>
  </si>
  <si>
    <t>ea7352c5-4e07-4ab4-8afc-8d78e7899c42.tmp</t>
  </si>
  <si>
    <t>\\acsfs\profiles$\KARENJSS\Downloads\ea7352c5-4e07-4ab4-8afc-8d78e7899c42.tmp</t>
  </si>
  <si>
    <t>12/13/2019 14:41:58</t>
  </si>
  <si>
    <t>4b614e2e-4ae4-4f55-ae0f-88c4647b1637.tmp</t>
  </si>
  <si>
    <t>\\acsfs\profiles$\KARENJSS\Downloads\4b614e2e-4ae4-4f55-ae0f-88c4647b1637.tmp</t>
  </si>
  <si>
    <t>12/13/2019 14:43:06</t>
  </si>
  <si>
    <t>cd5a1b2b-2dfc-41a7-9dc8-11ea5cc459a3.tmp</t>
  </si>
  <si>
    <t>\\acsfs\profiles$\KARENJSS\Downloads\cd5a1b2b-2dfc-41a7-9dc8-11ea5cc459a3.tmp</t>
  </si>
  <si>
    <t>12/13/2019 14:40:19</t>
  </si>
  <si>
    <t>12/13/2019 14:44:47</t>
  </si>
  <si>
    <t>d87769c6-3bd2-4200-8045-5a3751dcdd6b.tmp</t>
  </si>
  <si>
    <t>\\acsfs\profiles$\victorgl\Downloads\d87769c6-3bd2-4200-8045-5a3751dcdd6b.tmp</t>
  </si>
  <si>
    <t>12/13/2019 14:40:51</t>
  </si>
  <si>
    <t>a5839b7e-dbc1-4ce7-8832-3528259366bc.tmp</t>
  </si>
  <si>
    <t>\\acsfs\profiles$\victorgl\Downloads\a5839b7e-dbc1-4ce7-8832-3528259366bc.tmp</t>
  </si>
  <si>
    <t>12/13/2019 14:42:28</t>
  </si>
  <si>
    <t>4a15b827-9261-481a-8e02-f8efe188b952.tmp</t>
  </si>
  <si>
    <t>\\acsfs\profiles$\bernardopcm\Downloads\4a15b827-9261-481a-8e02-f8efe188b952.tmp</t>
  </si>
  <si>
    <t>12/13/2019 14:40:02</t>
  </si>
  <si>
    <t>Consolidado Tarefas.xlsx</t>
  </si>
  <si>
    <t>ancest,containsunsubscribedchildren,displayname,domain,emailaddress,filesize,id),lastmodifyinguser(kind,lastviewedbymedate,modifiedbymedate,ontainsunsubscribedchildren,owners(kind,permissionid,pictu,picture,rpermissions,workspaceids</t>
  </si>
  <si>
    <t>12/13/2019 14:41:29</t>
  </si>
  <si>
    <t>6_ymo-pfhm74bqjhyvs8q_w1ymww?opendrive=false&amp;reason=102&amp;synctype=0&amp;errorrecovery=false&amp;fields=kind;ance;ancestorhasaugmentedpermissions;containsunsubscribedchildren;displayname;domain;emailaddress;filesize;hasthumbnail;hasvisitorpe;hasvisitorpermissions;id);items(kind;ken;lastmodifyinguser(kind;lastviewedbymedate;modifiedbymedate;modifieddate;ontainsunsubscribedchildren;owners(kind;permission;permissionid;pic;pict;picture;rafaelggs@algartech.com;rpermissions;talmaiardo@algartech.com;thumbnailversion;workspaceids;</t>
  </si>
  <si>
    <t>6_ymo-pfhm74bqjhyvs8q_w1ymww?opendrive=false&amp;reason=102&amp;synctype=0&amp;errorrecovery=false&amp;fields=kind,ance,ancestorhasaugmentedpermissions,containsunsubscribedchildren,displayname,domain,emailaddress,filesize,hasthumbnail,hasvisitorpe,hasvisitorpermissions,id),items(kind,ken,lastmodifyinguser(kind,lastviewedbymedate,modifiedbymedate,modifieddate,ontainsunsubscribedchildren,owners(kind,permission,permissionid,pic,pict,picture,rafaelggs@algartech.com,rpermissions,talmaiardo@algartech.com,thumbnailversion,workspaceids</t>
  </si>
  <si>
    <t>12/13/2019 14:42:12</t>
  </si>
  <si>
    <t>12/13/2019 14:42:57</t>
  </si>
  <si>
    <t>mail.google.com/_/upload?authuser=0&amp;dcp=asu-n&amp;upload_id=AEnB2UphvlOMvc5W1pDuDPbJxYQxt_IG-0VT1y4ii9OGTrFd0Z0vsHhtjPLNO0vN1vaInFTsg1SEMI2RGWa_0YsKxjjn1SMF0Fvpd7zk2VOB1Go4CxM8nac&amp;upload_protocol=resumable</t>
  </si>
  <si>
    <t>ken=ac4w5cnull;ken=ac4w5vhgmc7_2lkgzzawwlsesqwgzsmcfq:1576237687042&amp;buildlabel=drive.web-frontend_20191204.00_p5;</t>
  </si>
  <si>
    <t>ken=ac4w5cnull,ken=ac4w5vhgmc7_2lkgzzawwlsesqwgzsmcfq:1576237687042&amp;buildlabel=drive.web-frontend_20191204.00_p5</t>
  </si>
  <si>
    <t>12/13/2019 14:40:56</t>
  </si>
  <si>
    <t>12/13/2019 14:45:47</t>
  </si>
  <si>
    <t>12/13/2019 14:43:40</t>
  </si>
  <si>
    <t>12/13/2019 14:44:59</t>
  </si>
  <si>
    <t>12/13/2019 14:41:51</t>
  </si>
  <si>
    <t>12/13/2019 14:46:46</t>
  </si>
  <si>
    <t>46e6916f-2c72-46ea-9b4b-3d0aac4d451b.tmp</t>
  </si>
  <si>
    <t>\\acsfs\profiles$\KARENDSR\Downloads\46e6916f-2c72-46ea-9b4b-3d0aac4d451b.tmp</t>
  </si>
  <si>
    <t>12/13/2019 14:42:47</t>
  </si>
  <si>
    <t>e3b0eb8a-2d78-4229-ade4-d2f968c1fc4b.tmp</t>
  </si>
  <si>
    <t>\\acsfs\profiles$\KARENDSR\Downloads\e3b0eb8a-2d78-4229-ade4-d2f968c1fc4b.tmp</t>
  </si>
  <si>
    <t>12/13/2019 14:45:19</t>
  </si>
  <si>
    <t>containsunsubscribedchildren,dis,displayname,domain,emailaddress,explicitlytrashed,file(kind,fileid,filesize,hasthumbnail,hasvisitorpermissions,id,id),items(deleted,items(kind,ken,kind,lastmodifyi,lastmodifyinguser(kind,lastviewedbymedate,mimetype,modifiedbymedate,modifieddate,ontainsunsubscribedchildren,owners(kind,per,permission,permissionid,picture,picture�,quot,rpermissions,shared,sharedwithme,sharedwithmedate,thumbnailversion,title,userpermission(role),workspaceids</t>
  </si>
  <si>
    <t>12/13/2019 14:44:28</t>
  </si>
  <si>
    <t>aeaf0932-5b6d-403f-bfc1-8a06972cbba7.tmp</t>
  </si>
  <si>
    <t>\\acsfs\profiles$\geovannasm\Downloads\aeaf0932-5b6d-403f-bfc1-8a06972cbba7.tmp</t>
  </si>
  <si>
    <t>12/13/2019 14:47:47</t>
  </si>
  <si>
    <t>10.207.12.57</t>
  </si>
  <si>
    <t>\\acsfs\DEPTOS\DME\CME - Coordenacao de Marketing e Estrategia\Gestão da Área\Reuniões de Governança\Outros fóruns\2019\Reunião com Tati - 16-12 - Afonso\</t>
  </si>
  <si>
    <t>Dados Financeiros-NPS-Pipe.xlsx</t>
  </si>
  <si>
    <t>12/13/2019 14:45:52</t>
  </si>
  <si>
    <t>12/13/2019 14:48:47</t>
  </si>
  <si>
    <t>42f731f6-c9cb-4fb8-a3e4-a1c7bf1dbae9.tmp</t>
  </si>
  <si>
    <t>\\acsfs\profiles$\fabianafv\Downloads\42f731f6-c9cb-4fb8-a3e4-a1c7bf1dbae9.tmp</t>
  </si>
  <si>
    <t>12/13/2019 14:45:57</t>
  </si>
  <si>
    <t>8eba9871-f686-461c-81ba-f3629d7d752d.tmp</t>
  </si>
  <si>
    <t>\\acsfs\profiles$\fabianafv\Downloads\8eba9871-f686-461c-81ba-f3629d7d752d.tmp</t>
  </si>
  <si>
    <t>12/13/2019 14:44:36</t>
  </si>
  <si>
    <t>12/13/2019 14:49:47</t>
  </si>
  <si>
    <t>10.200.60.90</t>
  </si>
  <si>
    <t>cristinahs@algartech.com</t>
  </si>
  <si>
    <t>\\acsfs\DEPTOS\Operacao\Pool\2 - Operacoes\AMEX\1 - Gestao da Area\1.1 - Gerente\08 Cristina Herminio\08 Cristina Herminio\Antigos\Clima\PLano 2019\</t>
  </si>
  <si>
    <t>Comentários pesquisa 2019.xlsx</t>
  </si>
  <si>
    <t>12/13/2019 14:49:51</t>
  </si>
  <si>
    <t>12/13/2019 14:50:46</t>
  </si>
  <si>
    <t>12/13/2019 14:49:26</t>
  </si>
  <si>
    <t>af191835-aa93-47d0-bdfc-76334de99c43.tmp</t>
  </si>
  <si>
    <t>\\acsfs\profiles$\gabrielafs\Downloads\af191835-aa93-47d0-bdfc-76334de99c43.tmp</t>
  </si>
  <si>
    <t>12/13/2019 14:49:12</t>
  </si>
  <si>
    <t>12/13/2019 14:53:47</t>
  </si>
  <si>
    <t>12/13/2019 14:49:43</t>
  </si>
  <si>
    <t>.~lock.Fabiana.ods#</t>
  </si>
  <si>
    <t>\\acsfs\profiles$\fabianafv\My Documents\.~lock.Fabiana.ods#</t>
  </si>
  <si>
    <t>12/13/2019 14:53:48</t>
  </si>
  <si>
    <t>12/13/2019 14:55:47</t>
  </si>
  <si>
    <t>mail.google.com/sync/u/0/i/s?hl=pt-BR&amp;c=1431</t>
  </si>
  <si>
    <t>12/13/2019 14:54:00</t>
  </si>
  <si>
    <t>mail.google.com/sync/u/0/i/s?hl=pt-BR&amp;c=1436</t>
  </si>
  <si>
    <t>12/13/2019 14:54:12</t>
  </si>
  <si>
    <t>mail.google.com/sync/u/0/i/s?hl=pt-BR&amp;c=1441</t>
  </si>
  <si>
    <t>12/13/2019 14:54:15</t>
  </si>
  <si>
    <t>mail.google.com/sync/u/0/i/s?hl=pt-BR&amp;c=1446</t>
  </si>
  <si>
    <t>12/13/2019 14:50:41</t>
  </si>
  <si>
    <t>72b21a74-41f3-41f3-bf1e-ab08a428600c.tmp</t>
  </si>
  <si>
    <t>\\acsfs\profiles$\larissaad\Downloads\72b21a74-41f3-41f3-bf1e-ab08a428600c.tmp</t>
  </si>
  <si>
    <t>12/13/2019 14:55:05</t>
  </si>
  <si>
    <t>12/13/2019 14:54:42</t>
  </si>
  <si>
    <t>12/13/2019 14:57:47</t>
  </si>
  <si>
    <t>\\acsfs\profiles$\erichds\My Documents\My Pictures\</t>
  </si>
  <si>
    <t>\\acsfs\profiles$\erichds\My Documents\My Videos\desktop.ini</t>
  </si>
  <si>
    <t>12/13/2019 14:54:45</t>
  </si>
  <si>
    <t>\\acsfs\profiles$\erichds\My Documents\My Videos\</t>
  </si>
  <si>
    <t>12/13/2019 14:54:46</t>
  </si>
  <si>
    <t>12/13/2019 14:54:47</t>
  </si>
  <si>
    <t>12/13/2019 14:54:48</t>
  </si>
  <si>
    <t>12/13/2019 14:54:50</t>
  </si>
  <si>
    <t>\\acsfs\profiles$\erichds\My Documents\My Music\</t>
  </si>
  <si>
    <t>\\acsfs\profiles$\erichds\My Documents\My Pictures\desktop.ini</t>
  </si>
  <si>
    <t>12/13/2019 14:54:52</t>
  </si>
  <si>
    <t>12/13/2019 14:54:54</t>
  </si>
  <si>
    <t>12/13/2019 14:54:55</t>
  </si>
  <si>
    <t>12/13/2019 14:54:56</t>
  </si>
  <si>
    <t>12/13/2019 14:54:58</t>
  </si>
  <si>
    <t>\\acsfs\profiles$\erichds\Contacts\</t>
  </si>
  <si>
    <t>\\acsfs\profiles$\erichds\Contacts\desktop.ini</t>
  </si>
  <si>
    <t>12/13/2019 14:54:59</t>
  </si>
  <si>
    <t>12/13/2019 14:55:00</t>
  </si>
  <si>
    <t>12/13/2019 14:55:01</t>
  </si>
  <si>
    <t>12/13/2019 14:55:03</t>
  </si>
  <si>
    <t>12/13/2019 14:55:04</t>
  </si>
  <si>
    <t>12/13/2019 14:55:06</t>
  </si>
  <si>
    <t>\\acsfs\profiles$\erichds\My Documents\</t>
  </si>
  <si>
    <t>\\acsfs\profiles$\erichds\Favorites\desktop.ini</t>
  </si>
  <si>
    <t>12/13/2019 14:55:07</t>
  </si>
  <si>
    <t>12/13/2019 14:55:08</t>
  </si>
  <si>
    <t>12/13/2019 14:55:09</t>
  </si>
  <si>
    <t>12/13/2019 14:55:11</t>
  </si>
  <si>
    <t>12/13/2019 14:55:12</t>
  </si>
  <si>
    <t>12/13/2019 14:55:13</t>
  </si>
  <si>
    <t>12/13/2019 14:55:15</t>
  </si>
  <si>
    <t>\\acsfs\profiles$\erichds\My Documents\My Music\desktop.ini</t>
  </si>
  <si>
    <t>12/13/2019 14:55:17</t>
  </si>
  <si>
    <t>12/13/2019 14:55:18</t>
  </si>
  <si>
    <t>12/13/2019 14:55:20</t>
  </si>
  <si>
    <t>12/13/2019 14:55:21</t>
  </si>
  <si>
    <t>\\acsfs\profiles$\erichds\Searches\</t>
  </si>
  <si>
    <t>\\acsfs\profiles$\erichds\Searches\desktop.ini</t>
  </si>
  <si>
    <t>12/13/2019 14:55:22</t>
  </si>
  <si>
    <t>12/13/2019 14:55:24</t>
  </si>
  <si>
    <t>12/13/2019 14:55:25</t>
  </si>
  <si>
    <t>12/13/2019 14:55:26</t>
  </si>
  <si>
    <t>12/13/2019 14:55:27</t>
  </si>
  <si>
    <t>\\acsfs\profiles$\erichds\Downloads\desktop.ini</t>
  </si>
  <si>
    <t>12/13/2019 14:55:28</t>
  </si>
  <si>
    <t>12/13/2019 14:55:31</t>
  </si>
  <si>
    <t>\\acsfs\profiles$\erichds\Favorites\</t>
  </si>
  <si>
    <t>\\acsfs\profiles$\erichds\My Documents\desktop.ini</t>
  </si>
  <si>
    <t>12/13/2019 14:55:32</t>
  </si>
  <si>
    <t>12/13/2019 14:55:33</t>
  </si>
  <si>
    <t>12/13/2019 14:55:35</t>
  </si>
  <si>
    <t>12/13/2019 14:55:36</t>
  </si>
  <si>
    <t>12/13/2019 14:55:38</t>
  </si>
  <si>
    <t>12/13/2019 14:55:40</t>
  </si>
  <si>
    <t>\\acsfs\profiles$\erichds\Saved Games\desktop.ini</t>
  </si>
  <si>
    <t>12/13/2019 14:55:42</t>
  </si>
  <si>
    <t>12/13/2019 14:56:09</t>
  </si>
  <si>
    <t>winrt--{S-1-5-21-602162358-764733703-839522115-358591}-.searchconnector-ms</t>
  </si>
  <si>
    <t>\\acsfs\profiles$\erichds\Searches\winrt--{S-1-5-21-602162358-764733703-839522115-358591}-.searchconnector-ms</t>
  </si>
  <si>
    <t>12/13/2019 14:57:43</t>
  </si>
  <si>
    <t>12/13/2019 14:58:47</t>
  </si>
  <si>
    <t>12/13/2019 14:59:46</t>
  </si>
  <si>
    <t>0cd7b03e-102d-45f1-ac62-ddf1bef3f078.tmp</t>
  </si>
  <si>
    <t>\\acsfs\profiles$\gabrielarb\Downloads\0cd7b03e-102d-45f1-ac62-ddf1bef3f078.tmp</t>
  </si>
  <si>
    <t>12/13/2019 14:59:08</t>
  </si>
  <si>
    <t>12/13/2019 14:59:17</t>
  </si>
  <si>
    <t>12/13/2019 15:00:47</t>
  </si>
  <si>
    <t>12/13/2019 14:59:19</t>
  </si>
  <si>
    <t>12/13/2019 14:59:47</t>
  </si>
  <si>
    <t>12/13/2019 14:56:04</t>
  </si>
  <si>
    <t>\\acsfs\profiles$\jessykacal\Contacts\</t>
  </si>
  <si>
    <t>JESSYKA CAROLINE ALVES LIMA (39).contact</t>
  </si>
  <si>
    <t>\\acsfs\profiles$\jessykacal\Contacts\JESSYKA CAROLINE ALVES LIMA (39).contact</t>
  </si>
  <si>
    <t>12/13/2019 14:56:17</t>
  </si>
  <si>
    <t>\\acsfs\profiles$\jessykacal\My Documents\My Videos\</t>
  </si>
  <si>
    <t>\\acsfs\profiles$\jessykacal\My Documents\My Videos\desktop.ini</t>
  </si>
  <si>
    <t>\\acsfs\profiles$\jessykacal\My Documents\My Pictures\</t>
  </si>
  <si>
    <t>\\acsfs\profiles$\jessykacal\My Documents\My Pictures\desktop.ini</t>
  </si>
  <si>
    <t>12/13/2019 14:56:18</t>
  </si>
  <si>
    <t>12/13/2019 14:56:19</t>
  </si>
  <si>
    <t>\\acsfs\profiles$\jessykacal\Contacts\desktop.ini</t>
  </si>
  <si>
    <t>\\acsfs\profiles$\jessykacal\Favorites\desktop.ini</t>
  </si>
  <si>
    <t>12/13/2019 14:56:20</t>
  </si>
  <si>
    <t>\\acsfs\profiles$\jessykacal\My Documents\My Music\</t>
  </si>
  <si>
    <t>\\acsfs\profiles$\jessykacal\My Documents\My Music\desktop.ini</t>
  </si>
  <si>
    <t>12/13/2019 14:56:21</t>
  </si>
  <si>
    <t>12/13/2019 14:56:22</t>
  </si>
  <si>
    <t>\\acsfs\profiles$\jessykacal\Searches\</t>
  </si>
  <si>
    <t>\\acsfs\profiles$\jessykacal\Searches\desktop.ini</t>
  </si>
  <si>
    <t>\\acsfs\profiles$\jessykacal\Downloads\desktop.ini</t>
  </si>
  <si>
    <t>12/13/2019 14:56:23</t>
  </si>
  <si>
    <t>\\acsfs\profiles$\jessykacal\My Documents\</t>
  </si>
  <si>
    <t>\\acsfs\profiles$\jessykacal\My Documents\desktop.ini</t>
  </si>
  <si>
    <t>12/13/2019 14:56:24</t>
  </si>
  <si>
    <t>12/13/2019 14:56:25</t>
  </si>
  <si>
    <t>\\acsfs\profiles$\jessykacal\Saved Games\</t>
  </si>
  <si>
    <t>\\acsfs\profiles$\jessykacal\Saved Games\desktop.ini</t>
  </si>
  <si>
    <t>12/13/2019 14:56:36</t>
  </si>
  <si>
    <t>\\acsfs\profiles$\jessykacal\Favorites\Links for Brasil\</t>
  </si>
  <si>
    <t>\\acsfs\profiles$\jessykacal\Favorites\Links for Brasil\desktop.ini</t>
  </si>
  <si>
    <t>\\acsfs\profiles$\jessykacal\Favorites\Links for Brasil\Microsoft Brasil.url</t>
  </si>
  <si>
    <t>\\acsfs\profiles$\jessykacal\Favorites\Links for Brasil\Windows Brasil.url</t>
  </si>
  <si>
    <t>\\acsfs\profiles$\jessykacal\Favorites\Links for Brasil\MSN Brasil.url</t>
  </si>
  <si>
    <t>12/13/2019 14:59:00</t>
  </si>
  <si>
    <t>Download mat 01.pdf</t>
  </si>
  <si>
    <t>\\acsfs\profiles$\jessykacal\My Documents\Download mat 01.pdf</t>
  </si>
  <si>
    <t>12/13/2019 14:55:54</t>
  </si>
  <si>
    <t>12/13/2019 14:57:06</t>
  </si>
  <si>
    <t>12/13/2019 14:57:16</t>
  </si>
  <si>
    <t>12/13/2019 14:57:35</t>
  </si>
  <si>
    <t>12/13/2019 15:02:47</t>
  </si>
  <si>
    <t>a2e6f4a2-fbde-46cd-90bd-c5269dae6aeb.tmp</t>
  </si>
  <si>
    <t>\\acsfs\profiles$\erichds\Downloads\a2e6f4a2-fbde-46cd-90bd-c5269dae6aeb.tmp</t>
  </si>
  <si>
    <t>12/13/2019 14:59:32</t>
  </si>
  <si>
    <t>2cb53a86-44fa-491a-9abb-12b0cda17a00.tmp</t>
  </si>
  <si>
    <t>\\acsfs\profiles$\erichds\Downloads\2cb53a86-44fa-491a-9abb-12b0cda17a00.tmp</t>
  </si>
  <si>
    <t>12/13/2019 14:59:43</t>
  </si>
  <si>
    <t>95d94246-a662-44ce-9275-fe8e58b6a053.tmp</t>
  </si>
  <si>
    <t>\\acsfs\profiles$\erichds\Downloads\95d94246-a662-44ce-9275-fe8e58b6a053.tmp</t>
  </si>
  <si>
    <t>12/13/2019 15:00:42</t>
  </si>
  <si>
    <t>karinarm</t>
  </si>
  <si>
    <t>\\acsfs\profiles$\karinarm\Downloads\</t>
  </si>
  <si>
    <t>7873c889-2d13-4eed-b37b-023a1b289b92.tmp</t>
  </si>
  <si>
    <t>\\acsfs\profiles$\karinarm\Downloads\7873c889-2d13-4eed-b37b-023a1b289b92.tmp</t>
  </si>
  <si>
    <t>47d8aecd-ba77-4e30-89df-d56c374e3186.tmp</t>
  </si>
  <si>
    <t>\\acsfs\profiles$\luanaldsi\Downloads\47d8aecd-ba77-4e30-89df-d56c374e3186.tmp</t>
  </si>
  <si>
    <t>12/13/2019 15:02:36</t>
  </si>
  <si>
    <t>12/13/2019 15:03:47</t>
  </si>
  <si>
    <t>12/13/2019 15:03:03</t>
  </si>
  <si>
    <t>12/13/2019 14:59:42</t>
  </si>
  <si>
    <t>12/13/2019 15:04:48</t>
  </si>
  <si>
    <t>12/13/2019 15:00:17</t>
  </si>
  <si>
    <t>12/13/2019 15:05:47</t>
  </si>
  <si>
    <t>12/13/2019 15:01:17</t>
  </si>
  <si>
    <t>12/13/2019 15:01:15</t>
  </si>
  <si>
    <t>12/13/2019 15:05:00</t>
  </si>
  <si>
    <t>adrianoms@algartech.com;anapscl@algartech.com;andressacpd@algartech.com;cristinahe@algartech.com;cristinahs@algartech.com;deborahvhw@algartech.com;elencassiapo@algartech.com;elencassiapo@algartech.com.br;eunice.pimenta@algartech.com;fabianapm@algartech.com;fabiolacc@algartecnologia.com.br;fredericobs@algartecnologia.com.br;hyonarafs@algartech.com;julianatem@algartech.com;jussaragp@algartech.com;katiargf@algartech.com;kelencgt@algartech.com;khassiomp@algartech.com;luanaaoli@algartech.com;lucieneili@algartech.com;marcotvo@algartech.com;mariajcb@algartech.com;micheless@algartech.com;micheless@algartech.com.br;priscilalb@algartech.com;priscilalb@algartech.com.br;rafaelaas@algartech.com;sabrinagc@algartech.com;thaisaol@algartech.com.br;</t>
  </si>
  <si>
    <t>adrianoms@algartech.com,anapscl@algartech.com,andressacpd@algartech.com,cristinahe@algartech.com,cristinahs@algartech.com,deborahvhw@algartech.com,elencassiapo@algartech.com,elencassiapo@algartech.com.br,eunice.pimenta@algartech.com,fabianapm@algartech.com,fabiolacc@algartecnologia.com.br,fredericobs@algartecnologia.com.br,hyonarafs@algartech.com,julianatem@algartech.com,jussaragp@algartech.com,katiargf@algartech.com,kelencgt@algartech.com,khassiomp@algartech.com,luanaaoli@algartech.com,lucieneili@algartech.com,marcotvo@algartech.com,mariajcb@algartech.com,micheless@algartech.com,micheless@algartech.com.br,priscilalb@algartech.com,priscilalb@algartech.com.br,rafaelaas@algartech.com,sabrinagc@algartech.com,thaisaol@algartech.com.br</t>
  </si>
  <si>
    <t>12/13/2019 15:04:32</t>
  </si>
  <si>
    <t>12/13/2019 15:06:48</t>
  </si>
  <si>
    <t>12/13/2019 15:02:43</t>
  </si>
  <si>
    <t>12/13/2019 15:07:47</t>
  </si>
  <si>
    <t>cc58b1bc-3b48-4024-9e09-c86b594eb354.tmp</t>
  </si>
  <si>
    <t>\\acsfs\profiles$\karinarm\Downloads\cc58b1bc-3b48-4024-9e09-c86b594eb354.tmp</t>
  </si>
  <si>
    <t>12/13/2019 15:03:32</t>
  </si>
  <si>
    <t>24efb7a4-e187-406a-ba16-c181b20bd8e4.tmp</t>
  </si>
  <si>
    <t>\\acsfs\profiles$\karinarm\Downloads\24efb7a4-e187-406a-ba16-c181b20bd8e4.tmp</t>
  </si>
  <si>
    <t>12/13/2019 15:06:12</t>
  </si>
  <si>
    <t>12/13/2019 15:08:47</t>
  </si>
  <si>
    <t>12/13/2019 15:09:25</t>
  </si>
  <si>
    <t>12/13/2019 15:10:47</t>
  </si>
  <si>
    <t>12/13/2019 15:09:16</t>
  </si>
  <si>
    <t>13-12.xlsx</t>
  </si>
  <si>
    <t>12/13/2019 15:07:04</t>
  </si>
  <si>
    <t>12/13/2019 15:07:43</t>
  </si>
  <si>
    <t>12/13/2019 15:10:02</t>
  </si>
  <si>
    <t>12/13/2019 15:11:47</t>
  </si>
  <si>
    <t>12/13/2019 15:07:34</t>
  </si>
  <si>
    <t>373c90e3-aae7-4a4c-864b-abc70acb78f2.tmp</t>
  </si>
  <si>
    <t>\\acsfs\profiles$\ERICALSR\Downloads\373c90e3-aae7-4a4c-864b-abc70acb78f2.tmp</t>
  </si>
  <si>
    <t>c10c36be-e5a0-4ab3-ab9f-8c3507ae0b45.tmp</t>
  </si>
  <si>
    <t>\\acsfs\profiles$\geovannasm\Downloads\c10c36be-e5a0-4ab3-ab9f-8c3507ae0b45.tmp</t>
  </si>
  <si>
    <t>12/13/2019 15:07:14</t>
  </si>
  <si>
    <t>43b3531e-af9e-41a8-b95b-5e905bf66234.tmp</t>
  </si>
  <si>
    <t>\\acsfs\profiles$\geovannasm\Downloads\43b3531e-af9e-41a8-b95b-5e905bf66234.tmp</t>
  </si>
  <si>
    <t>12/13/2019 15:10:06</t>
  </si>
  <si>
    <t>12/13/2019 15:12:47</t>
  </si>
  <si>
    <t>27335dab-b0ec-4eae-8a7a-fc499a706308.tmp</t>
  </si>
  <si>
    <t>\\acsfs\profiles$\erichds\Downloads\27335dab-b0ec-4eae-8a7a-fc499a706308.tmp</t>
  </si>
  <si>
    <t>12/13/2019 15:12:17</t>
  </si>
  <si>
    <t>12/13/2019 15:13:47</t>
  </si>
  <si>
    <t>12/13/2019 15:08:57</t>
  </si>
  <si>
    <t>2019-12 - Thalles - Horas Extras Bradesco - Copia.xlsx</t>
  </si>
  <si>
    <t>12/13/2019 15:10:44</t>
  </si>
  <si>
    <t>12/13/2019 15:15:48</t>
  </si>
  <si>
    <t>12/13/2019 15:11:19</t>
  </si>
  <si>
    <t>12/13/2019 15:11:28</t>
  </si>
  <si>
    <t>12/13/2019 15:11:37</t>
  </si>
  <si>
    <t>12/13/2019 15:13:44</t>
  </si>
  <si>
    <t>12/13/2019 15:13:46</t>
  </si>
  <si>
    <t>12/13/2019 15:13:53</t>
  </si>
  <si>
    <t>12/13/2019 15:13:54</t>
  </si>
  <si>
    <t>12/13/2019 15:14:14</t>
  </si>
  <si>
    <t>12/13/2019 15:10:42</t>
  </si>
  <si>
    <t>\\acsfs\DEPTOS\Operacao\Banco_Votorantim\Supervisao\SUPERS BV CARTÕES\ADILSON\Comissão\</t>
  </si>
  <si>
    <t>Comissão Novembro - OFICIAL.xlsx</t>
  </si>
  <si>
    <t>\\acsfs\DEPTOS\Operacao\Banco_Votorantim\Supervisao\SUPERS BV CARTÕES\ADILSON\Comissão\Comissão Novembro - OFICIAL.xlsx</t>
  </si>
  <si>
    <t>12/13/2019 15:11:22</t>
  </si>
  <si>
    <t>Comissão Novembro - OFICIAL.pdf</t>
  </si>
  <si>
    <t>\\acsfs\DEPTOS\Operacao\Banco_Votorantim\Supervisao\SUPERS BV CARTÕES\ADILSON\Comissão\Comissão Novembro - OFICIAL.pdf</t>
  </si>
  <si>
    <t>12/13/2019 15:11:58</t>
  </si>
  <si>
    <t>\\acsfs\DEPTOS\Operacao\Banco_Votorantim\Comum\00 - COMUM - BV CARTÕES\EQUIPE ADILSON\Vendas\Comissão Novembro - OFICIAL.pdf</t>
  </si>
  <si>
    <t>12/13/2019 15:14:52</t>
  </si>
  <si>
    <t>ab8c62a9-a82b-46ad-8d22-9296b329090f.tmp</t>
  </si>
  <si>
    <t>\\acsfs\profiles$\larissaad\Downloads\ab8c62a9-a82b-46ad-8d22-9296b329090f.tmp</t>
  </si>
  <si>
    <t>12/13/2019 15:10:18</t>
  </si>
  <si>
    <t>12/13/2019 15:10:48</t>
  </si>
  <si>
    <t>12/13/2019 15:11:18</t>
  </si>
  <si>
    <t>12/13/2019 15:14:48</t>
  </si>
  <si>
    <t>12/13/2019 15:13:09</t>
  </si>
  <si>
    <t>12/13/2019 15:14:24</t>
  </si>
  <si>
    <t>12/13/2019 15:14:28</t>
  </si>
  <si>
    <t>12/13/2019 15:16:47</t>
  </si>
  <si>
    <t>mail.google.com/_/upload?authuser=1&amp;dcp=asu-n&amp;upload_id=AEnB2UrIjfuJp4tXbgzWtAyJQARHi6eumivPRv0RM-yYj_tFVV7Ru7ETYb5pqodQSFF24kDBhRIa-AJ-q0-dLrK1Xy7MHJurWw&amp;upload_protocol=resumable</t>
  </si>
  <si>
    <t>12/13/2019 15:17:43</t>
  </si>
  <si>
    <t>12/13/2019 15:18:47</t>
  </si>
  <si>
    <t>2019-12 - Luane - Horas Extras Bradesco - Copia.xlsx</t>
  </si>
  <si>
    <t>12/13/2019 15:13:55</t>
  </si>
  <si>
    <t>12/13/2019 15:19:48</t>
  </si>
  <si>
    <t>.~lock.Sem título 1.ods#</t>
  </si>
  <si>
    <t>\\acsfs\profiles$\wenderbnm\Downloads\.~lock.Sem título 1.ods#</t>
  </si>
  <si>
    <t>12/13/2019 15:13:56</t>
  </si>
  <si>
    <t>lu61764315pj1.tmp</t>
  </si>
  <si>
    <t>\\acsfs\profiles$\wenderbnm\Downloads\lu61764315pj1.tmp</t>
  </si>
  <si>
    <t>\\acsfs\profiles$\wenderbnm\Downloads\lu61764315pj1.tmp\</t>
  </si>
  <si>
    <t>\\acsfs\profiles$\wenderbnm\Downloads\lu61764315pj1.tmp\META-INF\</t>
  </si>
  <si>
    <t>\\acsfs\profiles$\wenderbnm\Downloads\lu61764315pj1.tmp\Thumbnails\</t>
  </si>
  <si>
    <t>12/13/2019 15:15:06</t>
  </si>
  <si>
    <t>12/13/2019 15:17:37</t>
  </si>
  <si>
    <t>.~lock.ATIVO.ods#</t>
  </si>
  <si>
    <t>\\acsfs\profiles$\wenderbnm\Downloads\.~lock.ATIVO.ods#</t>
  </si>
  <si>
    <t>12/13/2019 15:17:38</t>
  </si>
  <si>
    <t>lu61764315pj5.tmp</t>
  </si>
  <si>
    <t>\\acsfs\profiles$\wenderbnm\Downloads\lu61764315pj5.tmp</t>
  </si>
  <si>
    <t>\\acsfs\profiles$\wenderbnm\Downloads\lu61764315pj5.tmp\</t>
  </si>
  <si>
    <t>\\acsfs\profiles$\wenderbnm\Downloads\lu61764315pj5.tmp\META-INF\</t>
  </si>
  <si>
    <t>\\acsfs\profiles$\wenderbnm\Downloads\lu61764315pj5.tmp\Thumbnails\</t>
  </si>
  <si>
    <t>12/13/2019 15:16:03</t>
  </si>
  <si>
    <t>12/13/2019 15:19:22</t>
  </si>
  <si>
    <t>12/13/2019 15:20:47</t>
  </si>
  <si>
    <t>12/13/2019 15:19:23</t>
  </si>
  <si>
    <t>12/13/2019 15:19:25</t>
  </si>
  <si>
    <t>12/13/2019 15:19:40</t>
  </si>
  <si>
    <t>12/13/2019 15:15:18</t>
  </si>
  <si>
    <t>12/13/2019 15:16:18</t>
  </si>
  <si>
    <t>12/13/2019 15:18:19</t>
  </si>
  <si>
    <t>12/13/2019 15:18:48</t>
  </si>
  <si>
    <t>12/13/2019 15:15:25</t>
  </si>
  <si>
    <t>a7e1dbad-9817-431e-a72e-2cf3e82777d3.tmp</t>
  </si>
  <si>
    <t>\\acsfs\profiles$\valeriasda\Downloads\a7e1dbad-9817-431e-a72e-2cf3e82777d3.tmp</t>
  </si>
  <si>
    <t>12/13/2019 15:16:53</t>
  </si>
  <si>
    <t>Formulario_Ferias_Irregulares_-_Algar_Tech_MAGDA.xlsm</t>
  </si>
  <si>
    <t>12/13/2019 15:17:58</t>
  </si>
  <si>
    <t>12/13/2019 15:21:48</t>
  </si>
  <si>
    <t>mail.google.com/sync/u/0/i/s?hl=pt-BR&amp;c=93</t>
  </si>
  <si>
    <t>12/13/2019 15:20:19</t>
  </si>
  <si>
    <t>12/13/2019 15:20:25</t>
  </si>
  <si>
    <t>12/13/2019 15:18:18</t>
  </si>
  <si>
    <t>mail.google.com/_/upload?authuser=0&amp;dcp=asu-n&amp;upload_id=AEnB2UpCGFR5tBUBsrCjSVXvklCAAM6bZgbnbxxNaCyPC9mQdC7saGVChoCthkOMDTIF8LiTiiLqe5y4cTCMSELccvsu36OoYxKIsCY4yFrsCjaaZJkyTOc&amp;upload_protocol=resumable</t>
  </si>
  <si>
    <t>12/13/2019 15:20:44</t>
  </si>
  <si>
    <t>12/13/2019 15:22:47</t>
  </si>
  <si>
    <t>3074e578-689f-4f7a-afd4-cca525c5f31f.tmp</t>
  </si>
  <si>
    <t>\\acsfs\profiles$\gabrielarb\Downloads\3074e578-689f-4f7a-afd4-cca525c5f31f.tmp</t>
  </si>
  <si>
    <t>79f353e8-1a8b-4a57-bb42-2a36f3b2d36e.tmp</t>
  </si>
  <si>
    <t>\\acsfs\profiles$\gabrielarb\Downloads\79f353e8-1a8b-4a57-bb42-2a36f3b2d36e.tmp</t>
  </si>
  <si>
    <t>12/13/2019 15:20:27</t>
  </si>
  <si>
    <t>12/13/2019 15:23:48</t>
  </si>
  <si>
    <t>10.200.36.66</t>
  </si>
  <si>
    <t>mail.google.com/_/upload?authuser=0&amp;dcp=asu-n&amp;upload_id=AEnB2UodCqVcygVW0OMuGgC2XEdphpv8RZc77B4Lum9_Bfxrb8Dz3LlfnnO_QFVw-4adyAjeGBu4Mq2M9R_Y7Pz285PnAlcd5Q&amp;upload_protocol=resumable</t>
  </si>
  <si>
    <t>D:\AlgarTech\Planejamento_Engenharia\Opex\Solicitações\Compra 360 Etiquetas BPO 13-12-2019\</t>
  </si>
  <si>
    <t>Formulário Compra 360 Barcodes Fitas BPO.xlsx</t>
  </si>
  <si>
    <t>12/13/2019 15:19:15</t>
  </si>
  <si>
    <t>12/13/2019 15:24:47</t>
  </si>
  <si>
    <t>12/13/2019 15:19:16</t>
  </si>
  <si>
    <t>12/13/2019 15:19:17</t>
  </si>
  <si>
    <t>12/13/2019 15:19:18</t>
  </si>
  <si>
    <t>12/13/2019 15:19:20</t>
  </si>
  <si>
    <t>12/13/2019 15:19:24</t>
  </si>
  <si>
    <t>12/13/2019 15:19:26</t>
  </si>
  <si>
    <t>12/13/2019 15:19:28</t>
  </si>
  <si>
    <t>12/13/2019 15:19:29</t>
  </si>
  <si>
    <t>12/13/2019 15:19:30</t>
  </si>
  <si>
    <t>12/13/2019 15:19:31</t>
  </si>
  <si>
    <t>12/13/2019 15:23:21</t>
  </si>
  <si>
    <t>12/13/2019 15:25:48</t>
  </si>
  <si>
    <t>12/13/2019 15:23:25</t>
  </si>
  <si>
    <t>12/13/2019 15:23:38</t>
  </si>
  <si>
    <t>12/13/2019 15:23:40</t>
  </si>
  <si>
    <t>12/13/2019 15:23:41</t>
  </si>
  <si>
    <t>12/13/2019 15:21:19</t>
  </si>
  <si>
    <t>12/13/2019 15:22:20</t>
  </si>
  <si>
    <t>12/13/2019 15:20:49</t>
  </si>
  <si>
    <t>12/13/2019 15:23:19</t>
  </si>
  <si>
    <t>12/13/2019 15:23:49</t>
  </si>
  <si>
    <t>12/13/2019 15:24:19</t>
  </si>
  <si>
    <t>12/13/2019 15:23:42</t>
  </si>
  <si>
    <t>12/13/2019 15:26:48</t>
  </si>
  <si>
    <t>mail.google.com/_/upload?authuser=1&amp;dcp=asu-n&amp;upload_id=AEnB2UqAE1ApIxVv4sLe6F6z9OAZAxW1K5fU96ZLYcxeytvEVrzOO646aKFeKGm20W-54uw23cC-4jbqSm0bpziVEM4O20DCjQ&amp;upload_protocol=resumable</t>
  </si>
  <si>
    <t>12/13/2019 15:22:54</t>
  </si>
  <si>
    <t>12/13/2019 15:23:31</t>
  </si>
  <si>
    <t>12/13/2019 15:26:09</t>
  </si>
  <si>
    <t>f31494d8-6384-49a6-aef1-1ce0ca62aa37.tmp</t>
  </si>
  <si>
    <t>\\acsfs\profiles$\joycemmdl\Downloads\f31494d8-6384-49a6-aef1-1ce0ca62aa37.tmp</t>
  </si>
  <si>
    <t>12/13/2019 15:28:14</t>
  </si>
  <si>
    <t>12/13/2019 15:29:48</t>
  </si>
  <si>
    <t>12/13/2019 15:25:47</t>
  </si>
  <si>
    <t>c8394657-f71e-47b1-97f3-38f3e5b546ac.tmp</t>
  </si>
  <si>
    <t>\\acsfs\profiles$\sarahbal\Downloads\c8394657-f71e-47b1-97f3-38f3e5b546ac.tmp</t>
  </si>
  <si>
    <t>12/13/2019 15:29:22</t>
  </si>
  <si>
    <t>f7a43ccc-6bc3-4413-aa63-0668220718c8.tmp</t>
  </si>
  <si>
    <t>\\acsfs\profiles$\sarahbal\Downloads\f7a43ccc-6bc3-4413-aa63-0668220718c8.tmp</t>
  </si>
  <si>
    <t>12/13/2019 15:24:55</t>
  </si>
  <si>
    <t>12/13/2019 15:30:47</t>
  </si>
  <si>
    <t>12/13/2019 15:25:01</t>
  </si>
  <si>
    <t>12/13/2019 15:25:03</t>
  </si>
  <si>
    <t>12/13/2019 15:25:08</t>
  </si>
  <si>
    <t>12/13/2019 15:25:09</t>
  </si>
  <si>
    <t>12/13/2019 15:29:10</t>
  </si>
  <si>
    <t>12/13/2019 15:29:52</t>
  </si>
  <si>
    <t>d6855782-1bd4-43b1-9f50-1ff6bf012af8.tmp</t>
  </si>
  <si>
    <t>\\acsfs\profiles$\gabrielamdp\Downloads\d6855782-1bd4-43b1-9f50-1ff6bf012af8.tmp</t>
  </si>
  <si>
    <t>12/13/2019 15:27:49</t>
  </si>
  <si>
    <t>12/13/2019 15:28:19</t>
  </si>
  <si>
    <t>12/13/2019 15:25:53</t>
  </si>
  <si>
    <t>12/13/2019 15:28:54</t>
  </si>
  <si>
    <t>12/13/2019 15:30:00</t>
  </si>
  <si>
    <t>5ee22702-565b-4958-9d2f-aed793c88264.tmp</t>
  </si>
  <si>
    <t>\\acsfs\profiles$\gabrielafs\Downloads\5ee22702-565b-4958-9d2f-aed793c88264.tmp</t>
  </si>
  <si>
    <t>12/13/2019 15:27:56</t>
  </si>
  <si>
    <t>12/13/2019 15:31:48</t>
  </si>
  <si>
    <t>bianca.boari@dxc.com;bvs-centralcartoes@bv.com.br;fernandorsju@algartech.com;marianeps@algartech.com;talmaiardo@algartech.com;thiagordu@algartech.com;</t>
  </si>
  <si>
    <t>bianca.boari@dxc.com,bvs-centralcartoes@bv.com.br,fernandorsju@algartech.com,marianeps@algartech.com,talmaiardo@algartech.com,thiagordu@algartech.com</t>
  </si>
  <si>
    <t>12/13/2019 15:28:06</t>
  </si>
  <si>
    <t>12/13/2019 15:28:25</t>
  </si>
  <si>
    <t>12/13/2019 15:28:34</t>
  </si>
  <si>
    <t>mail.google.com/sync/u/0/i/s?hl=pt-BR&amp;c=79</t>
  </si>
  <si>
    <t>12/13/2019 15:28:38</t>
  </si>
  <si>
    <t>mail.google.com/sync/u/0/i/s?hl=pt-BR&amp;c=81</t>
  </si>
  <si>
    <t>12/13/2019 15:28:26</t>
  </si>
  <si>
    <t>255d8b57-4451-49e0-bd41-c100a31740a3.tmp</t>
  </si>
  <si>
    <t>\\acsfs\profiles$\joycemmdl\Downloads\255d8b57-4451-49e0-bd41-c100a31740a3.tmp</t>
  </si>
  <si>
    <t>12/13/2019 15:28:22</t>
  </si>
  <si>
    <t>12/13/2019 15:32:47</t>
  </si>
  <si>
    <t>12/13/2019 15:28:23</t>
  </si>
  <si>
    <t>12/13/2019 15:28:24</t>
  </si>
  <si>
    <t>12/13/2019 15:28:27</t>
  </si>
  <si>
    <t>12/13/2019 15:30:04</t>
  </si>
  <si>
    <t>12/13/2019 15:33:48</t>
  </si>
  <si>
    <t>46efe110-5294-4573-b578-4ed1b3d70035.tmp</t>
  </si>
  <si>
    <t>\\acsfs\profiles$\alinepp\Downloads\46efe110-5294-4573-b578-4ed1b3d70035.tmp</t>
  </si>
  <si>
    <t>12/13/2019 15:30:44</t>
  </si>
  <si>
    <t>12/13/2019 15:35:48</t>
  </si>
  <si>
    <t>12/13/2019 15:30:52</t>
  </si>
  <si>
    <t>12/13/2019 15:30:58</t>
  </si>
  <si>
    <t>12/13/2019 15:31:00</t>
  </si>
  <si>
    <t>12/13/2019 15:31:05</t>
  </si>
  <si>
    <t>12/13/2019 15:31:06</t>
  </si>
  <si>
    <t>12/13/2019 15:30:49</t>
  </si>
  <si>
    <t>12/13/2019 15:31:19</t>
  </si>
  <si>
    <t>12/13/2019 15:31:50</t>
  </si>
  <si>
    <t>12/13/2019 15:32:50</t>
  </si>
  <si>
    <t>12/13/2019 15:34:20</t>
  </si>
  <si>
    <t>12/13/2019 15:34:50</t>
  </si>
  <si>
    <t>12/13/2019 15:32:40</t>
  </si>
  <si>
    <t>46d68dad-e628-42a9-9ea1-2ebbb49fe909.tmp</t>
  </si>
  <si>
    <t>\\acsfs\profiles$\valeriasda\Downloads\46d68dad-e628-42a9-9ea1-2ebbb49fe909.tmp</t>
  </si>
  <si>
    <t>12/13/2019 15:33:13</t>
  </si>
  <si>
    <t>cc34d366-05f8-4e11-b57a-c45e5f6126e9.tmp</t>
  </si>
  <si>
    <t>\\acsfs\profiles$\valeriasda\Downloads\cc34d366-05f8-4e11-b57a-c45e5f6126e9.tmp</t>
  </si>
  <si>
    <t>12/13/2019 15:33:17</t>
  </si>
  <si>
    <t>2276e17e-8b4e-4fa4-9121-95a6af823a1b.tmp</t>
  </si>
  <si>
    <t>\\acsfs\profiles$\valeriasda\Downloads\2276e17e-8b4e-4fa4-9121-95a6af823a1b.tmp</t>
  </si>
  <si>
    <t>12/13/2019 15:34:23</t>
  </si>
  <si>
    <t>12/13/2019 15:32:07</t>
  </si>
  <si>
    <t>d6e90f72-5605-4010-b6b1-aec628043166.tmp</t>
  </si>
  <si>
    <t>\\acsfs\profiles$\gabrielafs\Downloads\d6e90f72-5605-4010-b6b1-aec628043166.tmp</t>
  </si>
  <si>
    <t>12/13/2019 15:35:50</t>
  </si>
  <si>
    <t>12/13/2019 15:36:47</t>
  </si>
  <si>
    <t>12/13/2019 15:36:12</t>
  </si>
  <si>
    <t>09cf1e0e-669b-4e94-8f1d-c2b7c7c14457.tmp</t>
  </si>
  <si>
    <t>\\acsfs\profiles$\leticiala\Downloads\09cf1e0e-669b-4e94-8f1d-c2b7c7c14457.tmp</t>
  </si>
  <si>
    <t>12/13/2019 15:34:03</t>
  </si>
  <si>
    <t>3722e755-5ea9-4805-858a-5c5f51355d48.tmp</t>
  </si>
  <si>
    <t>\\acsfs\profiles$\geovannasm\Downloads\3722e755-5ea9-4805-858a-5c5f51355d48.tmp</t>
  </si>
  <si>
    <t>12/13/2019 15:37:25</t>
  </si>
  <si>
    <t>12/13/2019 15:38:47</t>
  </si>
  <si>
    <t>c:\users\rodolfogv\desktop\projetos executivos - versão final\</t>
  </si>
  <si>
    <t>capacidade ( geração x contrato ) _ 191213.xlsx</t>
  </si>
  <si>
    <t>12/13/2019 15:33:54</t>
  </si>
  <si>
    <t>12/13/2019 15:37:48</t>
  </si>
  <si>
    <t>12/13/2019 15:39:48</t>
  </si>
  <si>
    <t>43a9c883-b726-4985-a2e3-d89561049cfd.tmp</t>
  </si>
  <si>
    <t>\\acsfs\profiles$\victorgl\Downloads\43a9c883-b726-4985-a2e3-d89561049cfd.tmp</t>
  </si>
  <si>
    <t>12/13/2019 15:38:25</t>
  </si>
  <si>
    <t>12/13/2019 15:40:47</t>
  </si>
  <si>
    <t>12/13/2019 15:38:26</t>
  </si>
  <si>
    <t>12/13/2019 15:38:52</t>
  </si>
  <si>
    <t>12/13/2019 15:38:53</t>
  </si>
  <si>
    <t>12/13/2019 15:38:54</t>
  </si>
  <si>
    <t>12/13/2019 15:38:55</t>
  </si>
  <si>
    <t>12/13/2019 15:39:18</t>
  </si>
  <si>
    <t>12/13/2019 15:39:19</t>
  </si>
  <si>
    <t>12/13/2019 15:39:20</t>
  </si>
  <si>
    <t>12/13/2019 15:36:26</t>
  </si>
  <si>
    <t>b47c6d41-f854-4162-922d-bb6e046df09a.tmp</t>
  </si>
  <si>
    <t>\\acsfs\profiles$\larissaad\Downloads\b47c6d41-f854-4162-922d-bb6e046df09a.tmp</t>
  </si>
  <si>
    <t>12/13/2019 15:36:20</t>
  </si>
  <si>
    <t>12/13/2019 15:38:10</t>
  </si>
  <si>
    <t>c:\users\flavia\downloads\</t>
  </si>
  <si>
    <t>formulario_ferias_irregulares_-_algar_tech_felipi_8212 (1).xlsm</t>
  </si>
  <si>
    <t>12/13/2019 15:39:24</t>
  </si>
  <si>
    <t>12/13/2019 15:41:32</t>
  </si>
  <si>
    <t>12/13/2019 15:41:48</t>
  </si>
  <si>
    <t>12/13/2019 15:39:07</t>
  </si>
  <si>
    <t>12/13/2019 15:42:47</t>
  </si>
  <si>
    <t>017941a5-4e43-4fbe-815b-b5ea955e8713.tmp</t>
  </si>
  <si>
    <t>\\acsfs\profiles$\gabrielarb\Downloads\017941a5-4e43-4fbe-815b-b5ea955e8713.tmp</t>
  </si>
  <si>
    <t>12/13/2019 15:40:29</t>
  </si>
  <si>
    <t>08077f1a-08c6-444d-b4f8-dc7e2a63e594.tmp</t>
  </si>
  <si>
    <t>\\acsfs\profiles$\gabrielhca\Downloads\08077f1a-08c6-444d-b4f8-dc7e2a63e594.tmp</t>
  </si>
  <si>
    <t>12/13/2019 15:40:51</t>
  </si>
  <si>
    <t>12/13/2019 15:40:56</t>
  </si>
  <si>
    <t>12/13/2019 15:40:57</t>
  </si>
  <si>
    <t>12/13/2019 15:40:59</t>
  </si>
  <si>
    <t>12/13/2019 15:41:01</t>
  </si>
  <si>
    <t>12/13/2019 15:41:04</t>
  </si>
  <si>
    <t>12/13/2019 15:41:05</t>
  </si>
  <si>
    <t>12/13/2019 15:41:06</t>
  </si>
  <si>
    <t>12/13/2019 15:41:07</t>
  </si>
  <si>
    <t>12/13/2019 15:41:08</t>
  </si>
  <si>
    <t>12/13/2019 15:41:09</t>
  </si>
  <si>
    <t>12/13/2019 15:41:10</t>
  </si>
  <si>
    <t>12/13/2019 15:41:11</t>
  </si>
  <si>
    <t>12/13/2019 15:41:12</t>
  </si>
  <si>
    <t>12/13/2019 15:41:13</t>
  </si>
  <si>
    <t>12/13/2019 15:41:14</t>
  </si>
  <si>
    <t>12/13/2019 15:41:15</t>
  </si>
  <si>
    <t>12/13/2019 15:41:16</t>
  </si>
  <si>
    <t>12/13/2019 15:41:17</t>
  </si>
  <si>
    <t>12/13/2019 15:41:18</t>
  </si>
  <si>
    <t>12/13/2019 15:41:19</t>
  </si>
  <si>
    <t>12/13/2019 15:41:20</t>
  </si>
  <si>
    <t>\\acsfs\profiles$\julianeas\Saved Games\</t>
  </si>
  <si>
    <t>12/13/2019 15:41:21</t>
  </si>
  <si>
    <t>12/13/2019 15:41:42</t>
  </si>
  <si>
    <t>12/13/2019 15:40:32</t>
  </si>
  <si>
    <t>12/13/2019 15:43:48</t>
  </si>
  <si>
    <t>12/13/2019 15:40:37</t>
  </si>
  <si>
    <t>\\acsfs\profiles$\vanessacgs\My Documents\xworkcenter\logs\</t>
  </si>
  <si>
    <t>XLOG_vanessacgs_13122019_135057.log</t>
  </si>
  <si>
    <t>\\acsfs\profiles$\vanessacgs\My Documents\xworkcenter\logs\XLOG_vanessacgs_13122019_135057.log</t>
  </si>
  <si>
    <t>12/13/2019 15:39:00</t>
  </si>
  <si>
    <t>6a7d8e17-ef05-4ea2-8eb7-4081dac7af49.tmp</t>
  </si>
  <si>
    <t>\\acsfs\profiles$\deborahsi\Downloads\6a7d8e17-ef05-4ea2-8eb7-4081dac7af49.tmp</t>
  </si>
  <si>
    <t>12/13/2019 15:40:52</t>
  </si>
  <si>
    <t>guilherme.p.bragagnolo@bradesco.com.br;guilhermet.campos@bradesco.com.br;joaquim.franco@bradesco.com.br;jullian.faria@algartech.com;polati@algartech.com;reginaldom.oliveira@bradesco.com.br;sandra.araujo@bradesco.com.br;tatiane@algartech.com;</t>
  </si>
  <si>
    <t>C:\Comercial\2019\RFP - LOTE FIS\Ultimo Last Call - ESCOPO B\13_12_19\</t>
  </si>
  <si>
    <t>02.c. Planilha da Negociação_Processo40137735I Algar_13_12_2019.xlsx</t>
  </si>
  <si>
    <t>guilherme.p.bragagnolo@bradesco.com.br,guilhermet.campos@bradesco.com.br,joaquim.franco@bradesco.com.br,jullian.faria@algartech.com,polati@algartech.com,reginaldom.oliveira@bradesco.com.br,sandra.araujo@bradesco.com.br,tatiane@algartech.com</t>
  </si>
  <si>
    <t>C:\Users\vanessasara\OneDrive - Grupo Algar\Ecossistema de Inovação\Arquivos - Área\Lab Talks &amp; DTWeek\</t>
  </si>
  <si>
    <t>Participantes Externos (Out_2019).xlsx</t>
  </si>
  <si>
    <t>12/13/2019 15:43:35</t>
  </si>
  <si>
    <t>12/13/2019 15:40:35</t>
  </si>
  <si>
    <t>12/13/2019 15:44:47</t>
  </si>
  <si>
    <t>\\acsfs\profiles$\joycemmdl\My Documents\My Pictures\</t>
  </si>
  <si>
    <t>\\acsfs\profiles$\joycemmdl\My Documents\My Videos\desktop.ini</t>
  </si>
  <si>
    <t>12/13/2019 15:40:36</t>
  </si>
  <si>
    <t>\\acsfs\profiles$\joycemmdl\My Documents\My Videos\</t>
  </si>
  <si>
    <t>12/13/2019 15:40:38</t>
  </si>
  <si>
    <t>12/13/2019 15:40:42</t>
  </si>
  <si>
    <t>\\acsfs\profiles$\joycemmdl\My Documents\My Music\</t>
  </si>
  <si>
    <t>\\acsfs\profiles$\joycemmdl\My Documents\My Pictures\desktop.ini</t>
  </si>
  <si>
    <t>12/13/2019 15:40:43</t>
  </si>
  <si>
    <t>12/13/2019 15:40:44</t>
  </si>
  <si>
    <t>12/13/2019 15:40:45</t>
  </si>
  <si>
    <t>12/13/2019 15:40:46</t>
  </si>
  <si>
    <t>\\acsfs\profiles$\joycemmdl\Contacts\</t>
  </si>
  <si>
    <t>\\acsfs\profiles$\joycemmdl\Contacts\desktop.ini</t>
  </si>
  <si>
    <t>12/13/2019 15:40:49</t>
  </si>
  <si>
    <t>12/13/2019 15:40:50</t>
  </si>
  <si>
    <t>12/13/2019 15:41:00</t>
  </si>
  <si>
    <t>\\acsfs\profiles$\joycemmdl\My Documents\</t>
  </si>
  <si>
    <t>\\acsfs\profiles$\joycemmdl\Favorites\desktop.ini</t>
  </si>
  <si>
    <t>12/13/2019 15:41:02</t>
  </si>
  <si>
    <t>\\acsfs\profiles$\joycemmdl\My Documents\My Music\desktop.ini</t>
  </si>
  <si>
    <t>\\acsfs\profiles$\joycemmdl\Searches\</t>
  </si>
  <si>
    <t>\\acsfs\profiles$\joycemmdl\Searches\desktop.ini</t>
  </si>
  <si>
    <t>12/13/2019 15:41:23</t>
  </si>
  <si>
    <t>12/13/2019 15:41:24</t>
  </si>
  <si>
    <t>12/13/2019 15:41:25</t>
  </si>
  <si>
    <t>12/13/2019 15:41:28</t>
  </si>
  <si>
    <t>\\acsfs\profiles$\joycemmdl\Downloads\desktop.ini</t>
  </si>
  <si>
    <t>12/13/2019 15:41:29</t>
  </si>
  <si>
    <t>12/13/2019 15:41:31</t>
  </si>
  <si>
    <t>\\acsfs\profiles$\joycemmdl\Favorites\</t>
  </si>
  <si>
    <t>\\acsfs\profiles$\joycemmdl\My Documents\desktop.ini</t>
  </si>
  <si>
    <t>12/13/2019 15:41:34</t>
  </si>
  <si>
    <t>12/13/2019 15:41:36</t>
  </si>
  <si>
    <t>12/13/2019 15:41:38</t>
  </si>
  <si>
    <t>12/13/2019 15:41:40</t>
  </si>
  <si>
    <t>\\acsfs\profiles$\joycemmdl\Saved Games\desktop.ini</t>
  </si>
  <si>
    <t>12/13/2019 15:41:41</t>
  </si>
  <si>
    <t>12/13/2019 15:42:41</t>
  </si>
  <si>
    <t>12/13/2019 15:45:47</t>
  </si>
  <si>
    <t>12/13/2019 15:40:19</t>
  </si>
  <si>
    <t>ulog_AcroARM2_ARM2Update_a9473871-eb7b-4719-ba46-35125c58e0e7_0b2513dd-982a-4d33-b31b-09bbad1cdfa7_0.log</t>
  </si>
  <si>
    <t>C:\Users\davimvs\AppData\Roaming\Adobe\LogTransport2\Logs\ulog_AcroARM2_ARM2Update_a9473871-eb7b-4719-ba46-35125c58e0e7_0b2513dd-982a-4d33-b31b-09bbad1cdfa7_0.log\</t>
  </si>
  <si>
    <t>ulog_AcroARM2_Reader_a9473871-eb7b-4719-ba46-35125c58e0e7_ee4fe256-39b0-4c8f-8d4b-22aec45533a9_0.log</t>
  </si>
  <si>
    <t>C:\Users\davimvs\AppData\Roaming\Adobe\LogTransport2\Logs\ulog_AcroARM2_Reader_a9473871-eb7b-4719-ba46-35125c58e0e7_ee4fe256-39b0-4c8f-8d4b-22aec45533a9_0.log\</t>
  </si>
  <si>
    <t>ulog_Acrobat12_Reader_a9473871-eb7b-4719-ba46-35125c58e0e7_fe964ece-1eee-491c-8dcd-9adb3e170403_0.log</t>
  </si>
  <si>
    <t>C:\Users\davimvs\AppData\Roaming\Adobe\LogTransport2\Logs\ulog_Acrobat12_Reader_a9473871-eb7b-4719-ba46-35125c58e0e7_fe964ece-1eee-491c-8dcd-9adb3e170403_0.log\</t>
  </si>
  <si>
    <t>12/13/2019 15:41:51</t>
  </si>
  <si>
    <t>12/13/2019 15:42:21</t>
  </si>
  <si>
    <t>12/13/2019 15:43:21</t>
  </si>
  <si>
    <t>12/13/2019 15:43:51</t>
  </si>
  <si>
    <t>12/13/2019 15:42:10</t>
  </si>
  <si>
    <t>12/13/2019 15:42:59</t>
  </si>
  <si>
    <t>12/13/2019 15:44:35</t>
  </si>
  <si>
    <t>b0ad8f88-43ee-4b37-a34c-9e6aa3e8a055.tmp</t>
  </si>
  <si>
    <t>\\acsfs\profiles$\brendadsl\Downloads\b0ad8f88-43ee-4b37-a34c-9e6aa3e8a055.tmp</t>
  </si>
  <si>
    <t>12/13/2019 15:45:26</t>
  </si>
  <si>
    <t>C:\Users\ricardobal\OneDrive - Grupo Algar\Algar Tecnologia\01 - CLIENTES\MRV\MRV\APLICAÇÃO_MRV\</t>
  </si>
  <si>
    <t>Preço_PCoE_v5 (1).xlsx</t>
  </si>
  <si>
    <t>12/13/2019 15:45:30</t>
  </si>
  <si>
    <t>149374 - BP_MRV.xlsx</t>
  </si>
  <si>
    <t>12/13/2019 15:45:36</t>
  </si>
  <si>
    <t>C:\Users\ricardobal\OneDrive - Grupo Algar\Algar Tecnologia\01 - CLIENTES\MRV\MRV\SERVICE DESK_MRV\</t>
  </si>
  <si>
    <t>BP Fixo Mensal_MRV.xlsb</t>
  </si>
  <si>
    <t>C:\Users\ricardobal\OneDrive - Grupo Algar\Algar Tecnologia\01 - CLIENTES\MRV\MRV\SERVICE DESK_MRV\BP Fixo Mensal_MRV.xlsb\</t>
  </si>
  <si>
    <t>12/13/2019 15:46:02</t>
  </si>
  <si>
    <t>12/13/2019 15:47:48</t>
  </si>
  <si>
    <t>12/13/2019 15:42:48</t>
  </si>
  <si>
    <t>12/13/2019 15:45:55</t>
  </si>
  <si>
    <t>12/13/2019 15:48:47</t>
  </si>
  <si>
    <t>12/13/2019 15:44:18</t>
  </si>
  <si>
    <t>12/13/2019 15:49:47</t>
  </si>
  <si>
    <t>d6e64c5c-fe78-4557-8955-dce0b05bee24.tmp</t>
  </si>
  <si>
    <t>\\acsfs\profiles$\joycemmdl\Downloads\d6e64c5c-fe78-4557-8955-dce0b05bee24.tmp</t>
  </si>
  <si>
    <t>12/13/2019 15:44:53</t>
  </si>
  <si>
    <t>5a711ee7-4d23-49c5-ab4f-8fb4b5481224.tmp</t>
  </si>
  <si>
    <t>\\acsfs\profiles$\joycemmdl\Downloads\5a711ee7-4d23-49c5-ab4f-8fb4b5481224.tmp</t>
  </si>
  <si>
    <t>12/13/2019 15:45:10</t>
  </si>
  <si>
    <t>Unconfirmed 523082.crdownload</t>
  </si>
  <si>
    <t>\\acsfs\profiles$\joycemmdl\Downloads\Unconfirmed 523082.crdownload</t>
  </si>
  <si>
    <t>12/13/2019 15:47:06</t>
  </si>
  <si>
    <t>38ece65f-0fa4-45ce-887c-7317dd3b414d.tmp</t>
  </si>
  <si>
    <t>\\acsfs\profiles$\joycemmdl\Downloads\38ece65f-0fa4-45ce-887c-7317dd3b414d.tmp</t>
  </si>
  <si>
    <t>12/13/2019 15:48:22</t>
  </si>
  <si>
    <t>12/13/2019 15:50:47</t>
  </si>
  <si>
    <t>12/13/2019 15:49:08</t>
  </si>
  <si>
    <t>a36b68f8-406c-42ef-994f-43df2cd1b795.tmp</t>
  </si>
  <si>
    <t>\\acsfs\profiles$\brendadsl\Downloads\a36b68f8-406c-42ef-994f-43df2cd1b795.tmp</t>
  </si>
  <si>
    <t>12/13/2019 15:48:04</t>
  </si>
  <si>
    <t>12/13/2019 15:51:47</t>
  </si>
  <si>
    <t>https://outlook.office365.com/owa/qualidadealgarbv@algartech.com/service.svc?action=createitem&amp;app=mail&amp;n=118</t>
  </si>
  <si>
    <t>12/13/2019 15:49:04</t>
  </si>
  <si>
    <t>12/13/2019 15:49:10</t>
  </si>
  <si>
    <t>Youse Vendas Digitais.xlsx</t>
  </si>
  <si>
    <t>12/13/2019 15:49:13</t>
  </si>
  <si>
    <t>12/13/2019 15:51:04</t>
  </si>
  <si>
    <t>C:\Users\elainemdlp\OD\_Projetos\Em andamento\Expansao Caixa\04 - Controle\PMO\PMO - STATUS DE GOVERNANÇA - Expansao Caixa - 20191111 - Copia.pptx\</t>
  </si>
  <si>
    <t>12/13/2019 15:47:58</t>
  </si>
  <si>
    <t>12/13/2019 15:52:47</t>
  </si>
  <si>
    <t>214cc561-c571-44a1-b3c1-87c3024fcf71.tmp</t>
  </si>
  <si>
    <t>\\acsfs\profiles$\gabrielarb\Downloads\214cc561-c571-44a1-b3c1-87c3024fcf71.tmp</t>
  </si>
  <si>
    <t>12/13/2019 15:49:50</t>
  </si>
  <si>
    <t>12/13/2019 15:53:47</t>
  </si>
  <si>
    <t>ENC: Produtividade CRCe até 12/12</t>
  </si>
  <si>
    <t>12/13/2019 15:51:28</t>
  </si>
  <si>
    <t>12/13/2019 15:55:47</t>
  </si>
  <si>
    <t>12/13/2019 15:51:35</t>
  </si>
  <si>
    <t>12/13/2019 15:51:43</t>
  </si>
  <si>
    <t>12/13/2019 15:51:44</t>
  </si>
  <si>
    <t>12/13/2019 15:51:49</t>
  </si>
  <si>
    <t>12/13/2019 15:51:57</t>
  </si>
  <si>
    <t>12/13/2019 15:51:59</t>
  </si>
  <si>
    <t>12/13/2019 15:52:00</t>
  </si>
  <si>
    <t>formulario_ferias_irregulares_-_algar_tech_denis_8126.xlsm</t>
  </si>
  <si>
    <t>12/13/2019 15:54:25</t>
  </si>
  <si>
    <t>formulario_ferias_irregulares_-_algar_tech_diego_8121 (2).xlsm</t>
  </si>
  <si>
    <t>12/13/2019 15:52:38</t>
  </si>
  <si>
    <t>12/13/2019 15:52:55</t>
  </si>
  <si>
    <t>12/13/2019 15:53:00</t>
  </si>
  <si>
    <t>12/13/2019 15:56:46</t>
  </si>
  <si>
    <t>10.200.66.97</t>
  </si>
  <si>
    <t>D0-94-66-B5-5A-F1</t>
  </si>
  <si>
    <t>VOTORANT-ACB020</t>
  </si>
  <si>
    <t>12/13/2019 15:54:02</t>
  </si>
  <si>
    <t>12/13/2019 15:54:03</t>
  </si>
  <si>
    <t>12/13/2019 15:54:05</t>
  </si>
  <si>
    <t>12/13/2019 15:54:06</t>
  </si>
  <si>
    <t>12/13/2019 15:54:07</t>
  </si>
  <si>
    <t>12/13/2019 15:54:08</t>
  </si>
  <si>
    <t>12/13/2019 15:54:09</t>
  </si>
  <si>
    <t>12/13/2019 15:54:10</t>
  </si>
  <si>
    <t>12/13/2019 15:54:11</t>
  </si>
  <si>
    <t>12/13/2019 15:54:12</t>
  </si>
  <si>
    <t>12/13/2019 15:54:13</t>
  </si>
  <si>
    <t>12/13/2019 15:54:14</t>
  </si>
  <si>
    <t>12/13/2019 15:54:18</t>
  </si>
  <si>
    <t>12/13/2019 15:54:20</t>
  </si>
  <si>
    <t>12/13/2019 15:54:21</t>
  </si>
  <si>
    <t>12/13/2019 15:54:32</t>
  </si>
  <si>
    <t>12/13/2019 15:54:36</t>
  </si>
  <si>
    <t>12/13/2019 15:54:37</t>
  </si>
  <si>
    <t>12/13/2019 15:54:41</t>
  </si>
  <si>
    <t>12/13/2019 15:54:42</t>
  </si>
  <si>
    <t>12/13/2019 15:54:51</t>
  </si>
  <si>
    <t>12/13/2019 15:54:52</t>
  </si>
  <si>
    <t>12/13/2019 15:54:54</t>
  </si>
  <si>
    <t>12/13/2019 15:54:55</t>
  </si>
  <si>
    <t>12/13/2019 15:54:56</t>
  </si>
  <si>
    <t>12/13/2019 15:54:58</t>
  </si>
  <si>
    <t>12/13/2019 15:54:59</t>
  </si>
  <si>
    <t>12/13/2019 15:55:02</t>
  </si>
  <si>
    <t>12/13/2019 15:55:04</t>
  </si>
  <si>
    <t>12/13/2019 15:55:06</t>
  </si>
  <si>
    <t>12/13/2019 15:55:08</t>
  </si>
  <si>
    <t>12/13/2019 15:55:10</t>
  </si>
  <si>
    <t>12/13/2019 15:55:12</t>
  </si>
  <si>
    <t>12/13/2019 15:55:13</t>
  </si>
  <si>
    <t>12/13/2019 15:55:39</t>
  </si>
  <si>
    <t>12/13/2019 15:52:52</t>
  </si>
  <si>
    <t>12/13/2019 15:57:47</t>
  </si>
  <si>
    <t>10.200.67.83</t>
  </si>
  <si>
    <t>78-2B-CB-C1-06-E6</t>
  </si>
  <si>
    <t>VOTORANT-FB035</t>
  </si>
  <si>
    <t>1034c9d9-d09a-4083-b633-323e89a84f1f.tmp</t>
  </si>
  <si>
    <t>\\acsfs\profiles$\paulohaf\Downloads\1034c9d9-d09a-4083-b633-323e89a84f1f.tmp</t>
  </si>
  <si>
    <t>12/13/2019 15:54:01</t>
  </si>
  <si>
    <t>9f39fc30-2f61-4953-8877-af754f734181.tmp</t>
  </si>
  <si>
    <t>\\acsfs\profiles$\paulohaf\Downloads\9f39fc30-2f61-4953-8877-af754f734181.tmp</t>
  </si>
  <si>
    <t>43feda5c-e5a8-4a45-9fa3-aab94158b410.tmp</t>
  </si>
  <si>
    <t>\\acsfs\profiles$\paulohaf\Downloads\43feda5c-e5a8-4a45-9fa3-aab94158b410.tmp</t>
  </si>
  <si>
    <t>12/13/2019 15:54:57</t>
  </si>
  <si>
    <t>eed82d06-2368-406f-a4f8-a65eabbd1ecd.tmp</t>
  </si>
  <si>
    <t>\\acsfs\profiles$\paulohaf\Downloads\eed82d06-2368-406f-a4f8-a65eabbd1ecd.tmp</t>
  </si>
  <si>
    <t>12/13/2019 15:56:37</t>
  </si>
  <si>
    <t>12/13/2019 15:57:01</t>
  </si>
  <si>
    <t>a1bd36d6-a45f-478f-9c2d-d481d1e7d48d.tmp</t>
  </si>
  <si>
    <t>\\acsfs\profiles$\karinarm\Downloads\a1bd36d6-a45f-478f-9c2d-d481d1e7d48d.tmp</t>
  </si>
  <si>
    <t>12/13/2019 15:57:08</t>
  </si>
  <si>
    <t>12/13/2019 16:00:47</t>
  </si>
  <si>
    <t>12/13/2019 15:57:13</t>
  </si>
  <si>
    <t>12/13/2019 15:57:19</t>
  </si>
  <si>
    <t>12/13/2019 15:57:20</t>
  </si>
  <si>
    <t>12/13/2019 15:58:40</t>
  </si>
  <si>
    <t>formulario_ferias_irregulares_-_algar_tech_eduardo_8301 (2).xlsm</t>
  </si>
  <si>
    <t>12/13/2019 15:59:19</t>
  </si>
  <si>
    <t>12/13/2019 15:58:42</t>
  </si>
  <si>
    <t>12/13/2019 15:58:50</t>
  </si>
  <si>
    <t>12/13/2019 15:59:05</t>
  </si>
  <si>
    <t>12/13/2019 15:59:20</t>
  </si>
  <si>
    <t>12/13/2019 15:59:39</t>
  </si>
  <si>
    <t>12/13/2019 16:01:47</t>
  </si>
  <si>
    <t>12/13/2019 15:56:28</t>
  </si>
  <si>
    <t>12/13/2019 16:00:50</t>
  </si>
  <si>
    <t>12/13/2019 16:05:47</t>
  </si>
  <si>
    <t>12/13/2019 16:00:51</t>
  </si>
  <si>
    <t>12/13/2019 16:00:53</t>
  </si>
  <si>
    <t>12/13/2019 16:00:56</t>
  </si>
  <si>
    <t>12/13/2019 16:01:31</t>
  </si>
  <si>
    <t>12/13/2019 16:03:33</t>
  </si>
  <si>
    <t>ulog_AcroARM2_Reader_a9473871-eb7b-4719-ba46-35125c58e0e7_c83e1129-5ad1-425a-89d6-e09586209267_0.log</t>
  </si>
  <si>
    <t>C:\Users\davimvs\AppData\Roaming\Adobe\LogTransport2\Logs\ulog_AcroARM2_Reader_a9473871-eb7b-4719-ba46-35125c58e0e7_c83e1129-5ad1-425a-89d6-e09586209267_0.log\</t>
  </si>
  <si>
    <t>12/13/2019 16:00:33</t>
  </si>
  <si>
    <t>12/13/2019 16:04:00</t>
  </si>
  <si>
    <t>12/13/2019 16:06:46</t>
  </si>
  <si>
    <t>https://outlook.office365.com/owa/qualidadealgarbv@algartech.com/service.svc?action=updateitem&amp;app=mail&amp;n=223</t>
  </si>
  <si>
    <t>12/13/2019 16:04:31</t>
  </si>
  <si>
    <t>https://outlook.office365.com/owa/qualidadealgarbv@algartech.com/service.svc?action=updateitem&amp;app=mail&amp;n=228</t>
  </si>
  <si>
    <t>12/13/2019 16:05:00</t>
  </si>
  <si>
    <t>https://outlook.office365.com/owa/qualidadealgarbv@algartech.com/service.svc?action=updateitem&amp;app=mail&amp;n=239</t>
  </si>
  <si>
    <t>12/13/2019 16:05:30</t>
  </si>
  <si>
    <t>https://outlook.office365.com/owa/qualidadealgarbv@algartech.com/service.svc?action=updateitem&amp;app=mail&amp;n=243</t>
  </si>
  <si>
    <t>12/13/2019 16:03:04</t>
  </si>
  <si>
    <t>12/13/2019 16:03:32</t>
  </si>
  <si>
    <t>12/13/2019 16:07:47</t>
  </si>
  <si>
    <t>12a811fc-79d9-47aa-8140-512e508e6f5a.tmp</t>
  </si>
  <si>
    <t>\\acsfs\profiles$\gabrielarb\Downloads\12a811fc-79d9-47aa-8140-512e508e6f5a.tmp</t>
  </si>
  <si>
    <t>12/13/2019 16:06:23</t>
  </si>
  <si>
    <t>12/13/2019 16:10:47</t>
  </si>
  <si>
    <t>12/13/2019 16:06:53</t>
  </si>
  <si>
    <t>12/13/2019 16:05:32</t>
  </si>
  <si>
    <t>formulario_ferias_irregulares_-_algar_tech_gleison_8393.xlsm</t>
  </si>
  <si>
    <t>12/13/2019 16:06:05</t>
  </si>
  <si>
    <t>formulario_ferias_irregulares_-_algar_tech_michel_8149.xlsm</t>
  </si>
  <si>
    <t>12/13/2019 16:06:29</t>
  </si>
  <si>
    <t>formulario_ferias_irregulares_-_algar_tech_nelson_8202.xlsm</t>
  </si>
  <si>
    <t>12/13/2019 16:06:49</t>
  </si>
  <si>
    <t>formulario_ferias_irregulares_-_algar_tech_raphael_8106.xlsm</t>
  </si>
  <si>
    <t>12/13/2019 16:07:15</t>
  </si>
  <si>
    <t>formulario_ferias_irregulares_-_algar_tech_thiago_8113.xlsm</t>
  </si>
  <si>
    <t>12/13/2019 16:08:48</t>
  </si>
  <si>
    <t>formulario_ferias_irregulares_-_algar_tech_jean_8335.xlsm</t>
  </si>
  <si>
    <t>12/13/2019 16:09:28</t>
  </si>
  <si>
    <t>formulario_ferias_irregulares_-_algar_tech_giofrancisco_8292.xlsm</t>
  </si>
  <si>
    <t>12/13/2019 16:06:00</t>
  </si>
  <si>
    <t>12/13/2019 16:11:47</t>
  </si>
  <si>
    <t>https://outlook.office365.com/owa/qualidadealgarbv@algartech.com/service.svc?action=updateitem&amp;app=mail&amp;n=246</t>
  </si>
  <si>
    <t>"id":"aaqkadlmmjljn2mxlwe3odutngzlmc1inmrklwrmnmizodbjztfmzgaqabsoelcigkwvrumu9usscja="}]};"id":"aaqkadlmmjljn2mxlwe3odutngzlmc1inmrklwrmnmizodbjztfmzgaqaccro2ptiifpjsjvxv/kca4="};"id":"aaqkadlmmjljn2mxlwe3odutngzlmc1inmrklwrmnmizodbjztfmzgaqad2sgxvb8cfgstoainshhuc="};"id":"aaqkadlmmjljn2mxlwe3odutngzlmc1inmrklwrmnmizodbjztfmzgaqaii5esm/bofdgljol7yy 6w="};"};{"__type":"itemid:#exchange";</t>
  </si>
  <si>
    <t>https://"id":"aaqkadlmmjljn2mxlwe3odutngzlmc1inmrklwrmnmizodbjztfmzgaqabsoelcigkwvrumu9usscja="}]},"id":"aaqkadlmmjljn2mxlwe3odutngzlmc1inmrklwrmnmizodbjztfmzgaqaccro2ptiifpjsjvxv/kca4="},"id":"aaqkadlmmjljn2mxlwe3odutngzlmc1inmrklwrmnmizodbjztfmzgaqad2sgxvb8cfgstoainshhuc="},"id":"aaqkadlmmjljn2mxlwe3odutngzlmc1inmrklwrmnmizodbjztfmzgaqaii5esm/bofdgljol7yy 6w="},"},{"__type":"itemid:#exchange"</t>
  </si>
  <si>
    <t>12/13/2019 16:06:10</t>
  </si>
  <si>
    <t>https://outlook.office365.com/owa/qualidadealgarbv@algartech.com/service.svc?action=updateitem&amp;app=mail&amp;n=260</t>
  </si>
  <si>
    <t>12/13/2019 16:08:55</t>
  </si>
  <si>
    <t>12/13/2019 16:12:47</t>
  </si>
  <si>
    <t>12/13/2019 16:08:56</t>
  </si>
  <si>
    <t>12/13/2019 13:29:23</t>
  </si>
  <si>
    <t>xPrévia Consolidada_122019.xls (1).xlsx</t>
  </si>
  <si>
    <t>12/13/2019 16:11:26</t>
  </si>
  <si>
    <t>12/13/2019 16:14:47</t>
  </si>
  <si>
    <t>3589bbfa-6c4a-4e71-ac37-6d4e11ee2e33.tmp</t>
  </si>
  <si>
    <t>\\acsfs\profiles$\paulohaf\Downloads\3589bbfa-6c4a-4e71-ac37-6d4e11ee2e33.tmp</t>
  </si>
  <si>
    <t>12/13/2019 16:10:16</t>
  </si>
  <si>
    <t>XLOG_ellencds_13122019_081444.log</t>
  </si>
  <si>
    <t>\\acsfs\profiles$\ellencds\My Documents\xworkcenter\logs\XLOG_ellencds_13122019_081444.log</t>
  </si>
  <si>
    <t>12/13/2019 16:12:53</t>
  </si>
  <si>
    <t>12/13/2019 16:15:46</t>
  </si>
  <si>
    <t>12/13/2019 16:12:55</t>
  </si>
  <si>
    <t>12/13/2019 16:12:31</t>
  </si>
  <si>
    <t>ulog_AcroARM2_ARM2Update_a9473871-eb7b-4719-ba46-35125c58e0e7_992130cd-fded-49c1-8f8b-67c92c5c7b53_0.log</t>
  </si>
  <si>
    <t>C:\Users\davimvs\AppData\Roaming\Adobe\LogTransport2\Logs\ulog_AcroARM2_ARM2Update_a9473871-eb7b-4719-ba46-35125c58e0e7_992130cd-fded-49c1-8f8b-67c92c5c7b53_0.log\</t>
  </si>
  <si>
    <t>12/13/2019 16:12:32</t>
  </si>
  <si>
    <t>ulog_AcroARM2_Reader_a9473871-eb7b-4719-ba46-35125c58e0e7_2e2297f5-a3ac-412e-87bd-b67b9438794a_0.log</t>
  </si>
  <si>
    <t>C:\Users\davimvs\AppData\Roaming\Adobe\LogTransport2\Logs\ulog_AcroARM2_Reader_a9473871-eb7b-4719-ba46-35125c58e0e7_2e2297f5-a3ac-412e-87bd-b67b9438794a_0.log\</t>
  </si>
  <si>
    <t>ulog_Acrobat12_Reader_a9473871-eb7b-4719-ba46-35125c58e0e7_ff3d6145-ce5c-4ee5-b8ac-350ad90d783c_0.log</t>
  </si>
  <si>
    <t>C:\Users\davimvs\AppData\Roaming\Adobe\LogTransport2\Logs\ulog_Acrobat12_Reader_a9473871-eb7b-4719-ba46-35125c58e0e7_ff3d6145-ce5c-4ee5-b8ac-350ad90d783c_0.log\</t>
  </si>
  <si>
    <t>12/13/2019 16:10:49</t>
  </si>
  <si>
    <t>formulario_ferias_irregulares_-_algar_tech_fernando_8436 (1).xlsm</t>
  </si>
  <si>
    <t>12/13/2019 16:13:09</t>
  </si>
  <si>
    <t>12/13/2019 16:16:47</t>
  </si>
  <si>
    <t>12/13/2019 16:14:45</t>
  </si>
  <si>
    <t>12/13/2019 16:19:47</t>
  </si>
  <si>
    <t>12/13/2019 16:15:09</t>
  </si>
  <si>
    <t>12/13/2019 16:20:47</t>
  </si>
  <si>
    <t>12/13/2019 16:15:10</t>
  </si>
  <si>
    <t>12/13/2019 16:15:30</t>
  </si>
  <si>
    <t>12/13/2019 16:17:45</t>
  </si>
  <si>
    <t>12/13/2019 16:17:47</t>
  </si>
  <si>
    <t>12/13/2019 16:17:49</t>
  </si>
  <si>
    <t>12/13/2019 16:17:51</t>
  </si>
  <si>
    <t>12/13/2019 16:17:53</t>
  </si>
  <si>
    <t>12/13/2019 16:17:56</t>
  </si>
  <si>
    <t>12/13/2019 16:17:57</t>
  </si>
  <si>
    <t>12/13/2019 16:16:00</t>
  </si>
  <si>
    <t>95ecc266-a07e-4adf-aee6-01745db57621.tmp</t>
  </si>
  <si>
    <t>\\acsfs\profiles$\gabrielamdp\Downloads\95ecc266-a07e-4adf-aee6-01745db57621.tmp</t>
  </si>
  <si>
    <t>12/13/2019 16:18:44</t>
  </si>
  <si>
    <t>12/13/2019 16:19:04</t>
  </si>
  <si>
    <t>12/13/2019 16:19:21</t>
  </si>
  <si>
    <t>12/13/2019 16:20:39</t>
  </si>
  <si>
    <t>12/13/2019 16:21:46</t>
  </si>
  <si>
    <t>12/13/2019 16:17:23</t>
  </si>
  <si>
    <t>4ef97237-47df-488e-85bb-e44b00118d4a.tmp</t>
  </si>
  <si>
    <t>\\acsfs\profiles$\geovannasm\Downloads\4ef97237-47df-488e-85bb-e44b00118d4a.tmp</t>
  </si>
  <si>
    <t>12/13/2019 16:22:30</t>
  </si>
  <si>
    <t>12/13/2019 16:23:47</t>
  </si>
  <si>
    <t>12/13/2019 16:21:40</t>
  </si>
  <si>
    <t>12/13/2019 16:25:47</t>
  </si>
  <si>
    <t>12/13/2019 16:21:41</t>
  </si>
  <si>
    <t>12/13/2019 16:21:42</t>
  </si>
  <si>
    <t>12/13/2019 16:23:20</t>
  </si>
  <si>
    <t>12/13/2019 16:23:39</t>
  </si>
  <si>
    <t>12/13/2019 16:23:40</t>
  </si>
  <si>
    <t>12/13/2019 16:23:44</t>
  </si>
  <si>
    <t>12/13/2019 16:23:46</t>
  </si>
  <si>
    <t>12/13/2019 16:23:53</t>
  </si>
  <si>
    <t>12/13/2019 16:23:55</t>
  </si>
  <si>
    <t>12/13/2019 16:24:01</t>
  </si>
  <si>
    <t>12/13/2019 16:24:02</t>
  </si>
  <si>
    <t>12/13/2019 16:24:03</t>
  </si>
  <si>
    <t>12/13/2019 16:21:19</t>
  </si>
  <si>
    <t>ee1e1d84-eaac-4857-8eb0-35fa75b36bbe.tmp</t>
  </si>
  <si>
    <t>\\acsfs\profiles$\gabrielamdp\Downloads\ee1e1d84-eaac-4857-8eb0-35fa75b36bbe.tmp</t>
  </si>
  <si>
    <t>12/13/2019 16:23:23</t>
  </si>
  <si>
    <t>87edc433-c801-479d-9376-e06e7c6af96c.tmp</t>
  </si>
  <si>
    <t>\\acsfs\profiles$\valeriasda\Downloads\87edc433-c801-479d-9376-e06e7c6af96c.tmp</t>
  </si>
  <si>
    <t>12/13/2019 16:21:44</t>
  </si>
  <si>
    <t>12/13/2019 16:26:46</t>
  </si>
  <si>
    <t>cae7a1c8-598c-44ef-900f-4f005aa3be2b.tmp</t>
  </si>
  <si>
    <t>\\acsfs\profiles$\ERICALSR\Downloads\cae7a1c8-598c-44ef-900f-4f005aa3be2b.tmp</t>
  </si>
  <si>
    <t>12/13/2019 16:26:26</t>
  </si>
  <si>
    <t>12/13/2019 16:27:47</t>
  </si>
  <si>
    <t>12/13/2019 16:26:39</t>
  </si>
  <si>
    <t>12/13/2019 16:28:47</t>
  </si>
  <si>
    <t>dioniziorn@algartech.com;polati@algartech.com;</t>
  </si>
  <si>
    <t>C:\Comercial\2019\Ferias 2019\</t>
  </si>
  <si>
    <t>HandOver Ferias.xlsx</t>
  </si>
  <si>
    <t>dioniziorn@algartech.com,polati@algartech.com</t>
  </si>
  <si>
    <t>12/13/2019 16:27:13</t>
  </si>
  <si>
    <t>12/13/2019 16:29:47</t>
  </si>
  <si>
    <t>28160b67-3dbc-4eee-8afc-0aa0d91d56cd.tmp</t>
  </si>
  <si>
    <t>\\acsfs\profiles$\wenderbnm\Downloads\28160b67-3dbc-4eee-8afc-0aa0d91d56cd.tmp</t>
  </si>
  <si>
    <t>12/13/2019 16:25:41</t>
  </si>
  <si>
    <t>12/13/2019 16:30:47</t>
  </si>
  <si>
    <t>mail.google.com/sync/u/0/i/s?hl=pt-BR&amp;c=1627</t>
  </si>
  <si>
    <t>12/13/2019 16:25:56</t>
  </si>
  <si>
    <t>mail.google.com/sync/u/0/i/s?hl=pt-BR&amp;c=1630</t>
  </si>
  <si>
    <t>12/13/2019 16:26:10</t>
  </si>
  <si>
    <t>mail.google.com/sync/u/0/i/s?hl=pt-BR&amp;c=1632</t>
  </si>
  <si>
    <t>12/13/2019 16:26:27</t>
  </si>
  <si>
    <t>mail.google.com/sync/u/0/i/s?hl=pt-BR&amp;c=1634</t>
  </si>
  <si>
    <t>12/13/2019 16:26:43</t>
  </si>
  <si>
    <t>mail.google.com/sync/u/0/i/s?hl=pt-BR&amp;c=1636</t>
  </si>
  <si>
    <t>12/13/2019 16:26:59</t>
  </si>
  <si>
    <t>mail.google.com/sync/u/0/i/s?hl=pt-BR&amp;c=1639</t>
  </si>
  <si>
    <t>12/13/2019 16:27:06</t>
  </si>
  <si>
    <t>mail.google.com/sync/u/0/i/s?hl=pt-BR&amp;c=1641</t>
  </si>
  <si>
    <t>12/13/2019 16:27:10</t>
  </si>
  <si>
    <t>mail.google.com/sync/u/0/i/s?hl=pt-BR&amp;c=1643</t>
  </si>
  <si>
    <t>mail.google.com/sync/u/0/i/s?hl=pt-BR&amp;c=1645</t>
  </si>
  <si>
    <t>12/13/2019 16:27:20</t>
  </si>
  <si>
    <t>mail.google.com/_/upload?authuser=0&amp;dcp=asu-n&amp;upload_id=AEnB2UpJZqNwo0jGrd1i6zaSEhAJBU0KLaiGJA7UzF8ecg6fTRvxQ6rvYKVWliMbZD8fRWMOv8zvCh8RjKHu985WVXEApYuOiw&amp;upload_protocol=resumable</t>
  </si>
  <si>
    <t>image2019-12-13-161007.zip</t>
  </si>
  <si>
    <t>C:\Users\adilsonloj\Downloads\image2019-12-13-161007.zip\</t>
  </si>
  <si>
    <t>image2019-12-13-161007.pdf</t>
  </si>
  <si>
    <t>mail.google.com/_/upload?authuser=0&amp;dcp=asu-n&amp;upload_id=AEnB2Ur7bQSiTpWXP3XkrNa9TxzwL9U5NXL1wvGjfknxOyrRizU058BGtYhh3UWu81B4APKmrB_fdivlK56iwwAXCI-qZ0Z_RA&amp;upload_protocol=resumable</t>
  </si>
  <si>
    <t>12/13/2019 16:27:22</t>
  </si>
  <si>
    <t>mail.google.com/sync/u/0/i/s?hl=pt-BR&amp;c=1648</t>
  </si>
  <si>
    <t>12/13/2019 16:27:41</t>
  </si>
  <si>
    <t>mail.google.com/sync/u/0/i/s?hl=pt-BR&amp;c=1650</t>
  </si>
  <si>
    <t>12/13/2019 16:27:53</t>
  </si>
  <si>
    <t>mail.google.com/sync/u/0/i/s?hl=pt-BR&amp;c=1654</t>
  </si>
  <si>
    <t>12/13/2019 16:28:03</t>
  </si>
  <si>
    <t>mail.google.com/sync/u/0/i/s?hl=pt-BR&amp;c=1656</t>
  </si>
  <si>
    <t>12/13/2019 16:26:13</t>
  </si>
  <si>
    <t>12/13/2019 16:26:14</t>
  </si>
  <si>
    <t>12/13/2019 16:26:22</t>
  </si>
  <si>
    <t>12/13/2019 16:26:42</t>
  </si>
  <si>
    <t>12/13/2019 16:26:44</t>
  </si>
  <si>
    <t>12/13/2019 16:27:14</t>
  </si>
  <si>
    <t>12/13/2019 16:28:05</t>
  </si>
  <si>
    <t>12/13/2019 16:27:50</t>
  </si>
  <si>
    <t>12/13/2019 16:27:17</t>
  </si>
  <si>
    <t>12/13/2019 16:28:12</t>
  </si>
  <si>
    <t>8a3c8945-960c-4bb6-9a1d-8e6ad0a61a0f.tmp</t>
  </si>
  <si>
    <t>\\acsfs\profiles$\brendadsl\Downloads\8a3c8945-960c-4bb6-9a1d-8e6ad0a61a0f.tmp</t>
  </si>
  <si>
    <t>12/13/2019 16:30:09</t>
  </si>
  <si>
    <t>12/13/2019 16:35:46</t>
  </si>
  <si>
    <t>12/13/2019 16:30:10</t>
  </si>
  <si>
    <t>12/13/2019 16:31:54</t>
  </si>
  <si>
    <t>12/13/2019 16:31:56</t>
  </si>
  <si>
    <t>12/13/2019 16:32:13</t>
  </si>
  <si>
    <t>12/13/2019 16:32:14</t>
  </si>
  <si>
    <t>12/13/2019 16:32:15</t>
  </si>
  <si>
    <t>12/13/2019 16:32:25</t>
  </si>
  <si>
    <t>12/13/2019 16:32:26</t>
  </si>
  <si>
    <t>12/13/2019 16:32:39</t>
  </si>
  <si>
    <t>12/13/2019 16:32:47</t>
  </si>
  <si>
    <t>12/13/2019 16:32:48</t>
  </si>
  <si>
    <t>12/13/2019 16:34:37</t>
  </si>
  <si>
    <t>12/13/2019 16:31:38</t>
  </si>
  <si>
    <t>8a955056-d9a1-4cb4-bd45-7628522c676b.tmp</t>
  </si>
  <si>
    <t>\\acsfs\profiles$\gabrielafs\Downloads\8a955056-d9a1-4cb4-bd45-7628522c676b.tmp</t>
  </si>
  <si>
    <t>12/13/2019 16:33:54</t>
  </si>
  <si>
    <t>51eea2b7-5f15-4f08-a223-61a767602b3c.tmp</t>
  </si>
  <si>
    <t>\\acsfs\profiles$\gabrielafs\Downloads\51eea2b7-5f15-4f08-a223-61a767602b3c.tmp</t>
  </si>
  <si>
    <t>12/13/2019 16:31:29</t>
  </si>
  <si>
    <t>12/13/2019 16:33:53</t>
  </si>
  <si>
    <t>12/13/2019 16:36:46</t>
  </si>
  <si>
    <t>XLOG_anacdos_13122019_081953.log</t>
  </si>
  <si>
    <t>\\acsfs\profiles$\anacdos\My Documents\xworkcenter\logs\XLOG_anacdos_13122019_081953.log</t>
  </si>
  <si>
    <t>12/13/2019 16:34:12</t>
  </si>
  <si>
    <t>mail.google.com/sync/u/0/i/s?hl=pt-BR&amp;c=159</t>
  </si>
  <si>
    <t>anavbg@algartech.com;bianca.boari@dxc.com;bvs-centralcartoes@bv.com.br;containsunsubscribedchildren;dis;displayname;domain;emailaddress;explicitlytrashed;fernandorsju@algartech.com;file(kind;fileid;filesize;hasthumbnail;hasvisitorpermissions;id;id);items(deleted;items(kind;ken;kind;lastmodifyi;lastmodifyinguser(kind;lastviewedbymedate;marianeps@algartech.com;mimetype;modifiedbymedate;modifieddate;ontainsunsubscribedchildren;owners(kind;per;permission;permissionid;picture;picture�;quot;rpermissions;shared;sharedwithme;sharedwithmedate;talmaiardo@algartech.com;thiagordu@algartech.com;thumbnailversion;title;userpermission(role);workspaceids;</t>
  </si>
  <si>
    <t>anavbg@algartech.com,bianca.boari@dxc.com,bvs-centralcartoes@bv.com.br,containsunsubscribedchildren,dis,displayname,domain,emailaddress,explicitlytrashed,fernandorsju@algartech.com,file(kind,fileid,filesize,hasthumbnail,hasvisitorpermissions,id,id),items(deleted,items(kind,ken,kind,lastmodifyi,lastmodifyinguser(kind,lastviewedbymedate,marianeps@algartech.com,mimetype,modifiedbymedate,modifieddate,ontainsunsubscribedchildren,owners(kind,per,permission,permissionid,picture,picture�,quot,rpermissions,shared,sharedwithme,sharedwithmedate,talmaiardo@algartech.com,thiagordu@algartech.com,thumbnailversion,title,userpermission(role),workspaceids</t>
  </si>
  <si>
    <t>12/13/2019 16:34:40</t>
  </si>
  <si>
    <t>mail.google.com/sync/u/0/i/s?hl=pt-BR&amp;c=161</t>
  </si>
  <si>
    <t>12/13/2019 16:34:44</t>
  </si>
  <si>
    <t>12/13/2019 16:34:47</t>
  </si>
  <si>
    <t>mail.google.com/_/upload?authuser=0&amp;dcp=asu-n&amp;upload_id=AEnB2Uoy5ZtP4hKtolQCH9ODjTfa-rNZc_zmki7g8FstCC20xrqPbUsqFV3428Xhbh9tKvPrjR3sPJGOp3g3JDaOQGwril4gUdQSTulXPjrqQptoYRrhfOc&amp;upload_protocol=resumable</t>
  </si>
  <si>
    <t>C:\Users\fernandaab\Downloads\</t>
  </si>
  <si>
    <t>CPF 396.211.318-55 RAINE DE OLIVEIRA LEITE.pdf</t>
  </si>
  <si>
    <t>12/13/2019 16:34:48</t>
  </si>
  <si>
    <t>mail.google.com/sync/u/0/i/s?hl=pt-BR&amp;c=165</t>
  </si>
  <si>
    <t>12/13/2019 16:35:55</t>
  </si>
  <si>
    <t>mail.google.com/_/upload?authuser=0&amp;dcp=asu-n&amp;upload_id=AEnB2UpTfjMa8laL2TjQVm2rbKQHFpr2yqOd-LUh7vdzpNDJ_5h2pSWwfnpMvKfHl_sxCE7E9p8NN4AMIGqRofA5PBLERSCTX7lkwfxldAwKlidb2kUtH2k&amp;upload_protocol=resumable</t>
  </si>
  <si>
    <t>C:\Users\fernandaab\Desktop\Késia\</t>
  </si>
  <si>
    <t>CPF 39621131855 - OPERADORA ALYNY ALVES_1_6767337216838533655_1_32.wav</t>
  </si>
  <si>
    <t>12/13/2019 16:37:04</t>
  </si>
  <si>
    <t>12/13/2019 16:40:46</t>
  </si>
  <si>
    <t>7a69dee0-5231-46e3-a3f8-c4c80ed837b3.tmp</t>
  </si>
  <si>
    <t>\\acsfs\profiles$\larissaad\Downloads\7a69dee0-5231-46e3-a3f8-c4c80ed837b3.tmp</t>
  </si>
  <si>
    <t>12/13/2019 16:39:00</t>
  </si>
  <si>
    <t>sustentacao_bradesco@algartech.com.br;</t>
  </si>
  <si>
    <t>sustentacao_bradesco@algartech.com.br</t>
  </si>
  <si>
    <t>12/13/2019 16:39:19</t>
  </si>
  <si>
    <t>12/13/2019 16:41:46</t>
  </si>
  <si>
    <t>12/13/2019 16:41:14</t>
  </si>
  <si>
    <t>12/13/2019 16:40:04</t>
  </si>
  <si>
    <t>12/13/2019 16:42:46</t>
  </si>
  <si>
    <t>3b7c790a-c8a0-42b7-a175-e592398649a9.tmp</t>
  </si>
  <si>
    <t>\\acsfs\profiles$\erichds\Downloads\3b7c790a-c8a0-42b7-a175-e592398649a9.tmp</t>
  </si>
  <si>
    <t>12/13/2019 16:41:51</t>
  </si>
  <si>
    <t>12/13/2019 16:45:47</t>
  </si>
  <si>
    <t>12/13/2019 16:42:11</t>
  </si>
  <si>
    <t>12/13/2019 16:42:23</t>
  </si>
  <si>
    <t>12/13/2019 16:43:50</t>
  </si>
  <si>
    <t>12/13/2019 16:44:28</t>
  </si>
  <si>
    <t>12/13/2019 16:42:37</t>
  </si>
  <si>
    <t>12/13/2019 16:46:46</t>
  </si>
  <si>
    <t>7321e4f6-2fdd-4270-a810-6e681ae10aee.tmp</t>
  </si>
  <si>
    <t>\\acsfs\profiles$\rosileiam\Downloads\7321e4f6-2fdd-4270-a810-6e681ae10aee.tmp</t>
  </si>
  <si>
    <t>12/13/2019 16:46:45</t>
  </si>
  <si>
    <t>a2942cc6-0e46-4e12-bf20-2919f40bcc69.tmp</t>
  </si>
  <si>
    <t>\\acsfs\profiles$\henriqueco\Downloads\a2942cc6-0e46-4e12-bf20-2919f40bcc69.tmp</t>
  </si>
  <si>
    <t>12/13/2019 16:46:24</t>
  </si>
  <si>
    <t>12/13/2019 16:47:47</t>
  </si>
  <si>
    <t>e05cbf3a-ba4c-41ef-8b14-02a40b7858ed.tmp</t>
  </si>
  <si>
    <t>\\acsfs\profiles$\karinarm\Downloads\e05cbf3a-ba4c-41ef-8b14-02a40b7858ed.tmp</t>
  </si>
  <si>
    <t>12/13/2019 16:43:19</t>
  </si>
  <si>
    <t>12/13/2019 16:48:47</t>
  </si>
  <si>
    <t>12/13/2019 16:47:33</t>
  </si>
  <si>
    <t>421112ee-8772-4ff8-9433-150cac7560b9.tmp</t>
  </si>
  <si>
    <t>\\acsfs\profiles$\KARENJSS\Downloads\421112ee-8772-4ff8-9433-150cac7560b9.tmp</t>
  </si>
  <si>
    <t>12/13/2019 16:44:27</t>
  </si>
  <si>
    <t>12/13/2019 16:49:47</t>
  </si>
  <si>
    <t>Relatório Exames Periódicos - 32ª Parcial 2019 oficial .xlsb</t>
  </si>
  <si>
    <t>12/13/2019 16:46:38</t>
  </si>
  <si>
    <t>12/13/2019 16:50:46</t>
  </si>
  <si>
    <t>\\acsfs\DEPTOS\Operacao\Banco_Votorantim\Supervisao\SUPERS BV CARTÕES\ADILSON\Vendas\Retratações\</t>
  </si>
  <si>
    <t>Retratações Venda Dezembro.xlsx</t>
  </si>
  <si>
    <t>\\acsfs\DEPTOS\Operacao\Banco_Votorantim\Supervisao\SUPERS BV CARTÕES\ADILSON\Vendas\Retratações\Retratações Venda Dezembro.xlsx</t>
  </si>
  <si>
    <t>12/13/2019 16:47:56</t>
  </si>
  <si>
    <t>\\acsfs\DEPTOS\Operacao\Banco_Votorantim\Comum\00 - COMUM - BV CARTÕES\EQUIPE ADILSON\Retratação Vendas\</t>
  </si>
  <si>
    <t>Retratações Venda Dezembro.pdf</t>
  </si>
  <si>
    <t>\\acsfs\DEPTOS\Operacao\Banco_Votorantim\Comum\00 - COMUM - BV CARTÕES\EQUIPE ADILSON\Retratação Vendas\Retratações Venda Dezembro.pdf</t>
  </si>
  <si>
    <t>12/13/2019 16:46:32</t>
  </si>
  <si>
    <t>12/13/2019 16:46:36</t>
  </si>
  <si>
    <t>12/13/2019 16:46:37</t>
  </si>
  <si>
    <t>12/13/2019 16:46:41</t>
  </si>
  <si>
    <t>12/13/2019 16:47:40</t>
  </si>
  <si>
    <t>12/13/2019 16:48:00</t>
  </si>
  <si>
    <t>12/13/2019 16:48:24</t>
  </si>
  <si>
    <t>12/13/2019 16:12:51</t>
  </si>
  <si>
    <t>12/13/2019 16:52:46</t>
  </si>
  <si>
    <t>almirsn@algartech.com</t>
  </si>
  <si>
    <t>Evolução do Projeto UHV2911.xlsx</t>
  </si>
  <si>
    <t>mail.google.com/_/upload?authuser=0&amp;dcp=asu-n&amp;upload_id=AEnB2UoN97cP3hB-3EsJxcUDg_yC823-d1J9GTqFRphARBglhNoYF53STT8G3g2QQ3WKtUqR08N3wQEAkOvbJFGnKYXmCDmKUQ&amp;upload_protocol=resumable</t>
  </si>
  <si>
    <t>12/13/2019 16:50:42</t>
  </si>
  <si>
    <t>12/13/2019 16:53:47</t>
  </si>
  <si>
    <t>Projeto LGPD - Levantamento Dados Estruturados_teste.xlsx</t>
  </si>
  <si>
    <t>12/13/2019 16:53:10</t>
  </si>
  <si>
    <t>12/13/2019 16:52:13</t>
  </si>
  <si>
    <t>12/13/2019 16:54:46</t>
  </si>
  <si>
    <t>12/13/2019 16:53:22</t>
  </si>
  <si>
    <t>jullian@algartech.com;luciane.moura@bradesco.com.br;nubia.silva@bradesco.com.br;renatofol@algartech.com;</t>
  </si>
  <si>
    <t>jullian@algartech.com,luciane.moura@bradesco.com.br,nubia.silva@bradesco.com.br,renatofol@algartech.com</t>
  </si>
  <si>
    <t>12/13/2019 16:50:33</t>
  </si>
  <si>
    <t>12/13/2019 16:55:47</t>
  </si>
  <si>
    <t>12/13/2019 16:50:45</t>
  </si>
  <si>
    <t>12/13/2019 16:55:59</t>
  </si>
  <si>
    <t>12/13/2019 16:57:47</t>
  </si>
  <si>
    <t>joysi.pereira.k2@youse.com.br;joysi.pereira@youse.com.br;sheila.lopes@youse.com.br;tatiana.varela@youse.com.br;wasleylc@algartech.com;william.koyama@youse.com.br;</t>
  </si>
  <si>
    <t>Forecast Youse SAC e OUVIDORIA - JANEIRO</t>
  </si>
  <si>
    <t>joysi.pereira.k2@youse.com.br,joysi.pereira@youse.com.br,sheila.lopes@youse.com.br,tatiana.varela@youse.com.br,wasleylc@algartech.com,william.koyama@youse.com.br</t>
  </si>
  <si>
    <t>12/13/2019 16:55:28</t>
  </si>
  <si>
    <t>12/13/2019 16:58:46</t>
  </si>
  <si>
    <t>05f24ced-ddac-43d7-a337-a57778558df3.tmp</t>
  </si>
  <si>
    <t>\\acsfs\profiles$\anafaes\Downloads\05f24ced-ddac-43d7-a337-a57778558df3.tmp</t>
  </si>
  <si>
    <t>c36aeded-8312-4ef1-a5f7-49a685e89ac3.tmp</t>
  </si>
  <si>
    <t>\\acsfs\profiles$\anafaes\Downloads\c36aeded-8312-4ef1-a5f7-49a685e89ac3.tmp</t>
  </si>
  <si>
    <t>12/13/2019 16:55:49</t>
  </si>
  <si>
    <t>2b2593c3-652f-476d-9320-154f45c647c2.tmp</t>
  </si>
  <si>
    <t>\\acsfs\profiles$\anafaes\Downloads\2b2593c3-652f-476d-9320-154f45c647c2.tmp</t>
  </si>
  <si>
    <t>12/13/2019 16:56:10</t>
  </si>
  <si>
    <t>cea28a4d-35c0-4b5d-bac3-47baba61facd.tmp</t>
  </si>
  <si>
    <t>\\acsfs\profiles$\anafaes\Downloads\cea28a4d-35c0-4b5d-bac3-47baba61facd.tmp</t>
  </si>
  <si>
    <t>12/13/2019 16:54:26</t>
  </si>
  <si>
    <t>12/13/2019 16:59:47</t>
  </si>
  <si>
    <t>efdead77-7a26-4f3c-b1ba-3d98bc9dcde4.tmp</t>
  </si>
  <si>
    <t>\\acsfs\profiles$\victorgl\Downloads\efdead77-7a26-4f3c-b1ba-3d98bc9dcde4.tmp</t>
  </si>
  <si>
    <t>12/13/2019 16:59:04</t>
  </si>
  <si>
    <t>12/13/2019 17:00:46</t>
  </si>
  <si>
    <t>12/13/2019 16:59:08</t>
  </si>
  <si>
    <t>12/13/2019 16:59:20</t>
  </si>
  <si>
    <t>12/13/2019 16:59:21</t>
  </si>
  <si>
    <t>12/13/2019 16:59:23</t>
  </si>
  <si>
    <t>12/13/2019 17:00:07</t>
  </si>
  <si>
    <t>12/13/2019 16:59:37</t>
  </si>
  <si>
    <t>12/13/2019 17:01:47</t>
  </si>
  <si>
    <t>785399f2-fa94-4364-b744-49ea551ae1a8.tmp</t>
  </si>
  <si>
    <t>\\acsfs\profiles$\KARENDSR\Downloads\785399f2-fa94-4364-b744-49ea551ae1a8.tmp</t>
  </si>
  <si>
    <t>12/13/2019 17:01:26</t>
  </si>
  <si>
    <t>12/13/2019 17:02:47</t>
  </si>
  <si>
    <t>Telefonia SDC e BPO.xlsx</t>
  </si>
  <si>
    <t>12/13/2019 17:00:12</t>
  </si>
  <si>
    <t>12/13/2019 17:03:47</t>
  </si>
  <si>
    <t>0ea27d4e-e74f-4084-8af1-adcadba573c1.tmp</t>
  </si>
  <si>
    <t>\\acsfs\profiles$\anafaes\Downloads\0ea27d4e-e74f-4084-8af1-adcadba573c1.tmp</t>
  </si>
  <si>
    <t>12/13/2019 17:01:20</t>
  </si>
  <si>
    <t>8af356fa-44ee-48f1-bb3f-b15bd732a283.tmp</t>
  </si>
  <si>
    <t>\\acsfs\profiles$\anafaes\Downloads\8af356fa-44ee-48f1-bb3f-b15bd732a283.tmp</t>
  </si>
  <si>
    <t>12/13/2019 17:00:59</t>
  </si>
  <si>
    <t>12/13/2019 17:05:47</t>
  </si>
  <si>
    <t>10.200.67.24</t>
  </si>
  <si>
    <t>74-86-7A-FB-1B-6A</t>
  </si>
  <si>
    <t>VOTORANT-PB004</t>
  </si>
  <si>
    <t>rayltonlvv</t>
  </si>
  <si>
    <t>rayltonlvv@algartech.com</t>
  </si>
  <si>
    <t>12/13/2019 17:01:02</t>
  </si>
  <si>
    <t>12/13/2019 17:01:10</t>
  </si>
  <si>
    <t>12/13/2019 17:01:18</t>
  </si>
  <si>
    <t>12/13/2019 17:01:27</t>
  </si>
  <si>
    <t>12/13/2019 17:02:21</t>
  </si>
  <si>
    <t>mail.google.com/_/upload?authuser=0&amp;dcp=asu-n&amp;upload_id=AEnB2UoZ9I2TgA1abnYYNW23Jiv_2V9BJqNODJc7-Ty5wsCQm21PteGo2e4Fa6wWKR9mJQWQ1nidiTpknkYHw4m_EyzQP2bKEg&amp;upload_protocol=resumable</t>
  </si>
  <si>
    <t>C:\Users\leticiaat\AppData\Local\Genesys\GenesysSoftphone\</t>
  </si>
  <si>
    <t>logs.zip</t>
  </si>
  <si>
    <t>C:\Users\leticiaat\AppData\Local\Genesys\GenesysSoftphone\logs.zip\logs\</t>
  </si>
  <si>
    <t>Softphone.20190903_074355_755.snapshot.log</t>
  </si>
  <si>
    <t>Softphone.20190904_065759_793.snapshot.log</t>
  </si>
  <si>
    <t>Softphone.20190919_065815_322.snapshot.log</t>
  </si>
  <si>
    <t>Softphone.20190925_072034_529.snapshot.log</t>
  </si>
  <si>
    <t>Softphone.20190927_065246_359.snapshot.log</t>
  </si>
  <si>
    <t>Softphone.20191004_070207_066.snapshot.log</t>
  </si>
  <si>
    <t>Softphone.20191008_070122_116.snapshot.log</t>
  </si>
  <si>
    <t>Softphone.20191009_065553_130.snapshot.log</t>
  </si>
  <si>
    <t>Softphone.20191010_065833_973.snapshot.log</t>
  </si>
  <si>
    <t>Softphone.20191011_065201_205.snapshot.log</t>
  </si>
  <si>
    <t>Softphone.20191025_071922_342.snapshot.log</t>
  </si>
  <si>
    <t>Softphone.20191028_070709_085.snapshot.log</t>
  </si>
  <si>
    <t>Softphone.20191029_065949_668.snapshot.log</t>
  </si>
  <si>
    <t>Softphone.20191106_065416_532.snapshot.log</t>
  </si>
  <si>
    <t>Softphone.20191121_070550_023.snapshot.log</t>
  </si>
  <si>
    <t>Softphone.20191125_065513_525.snapshot.log</t>
  </si>
  <si>
    <t>Softphone.20191128_065209_766.snapshot.log</t>
  </si>
  <si>
    <t>Softphone.20191202_073734_634.snapshot.log</t>
  </si>
  <si>
    <t>Softphone.20191204_074100_255.snapshot.log</t>
  </si>
  <si>
    <t>Softphone.20191205_075802_744.snapshot.log</t>
  </si>
  <si>
    <t>Softphone.20191206_095348_531.log</t>
  </si>
  <si>
    <t>Softphone.20191209_085403_555.log</t>
  </si>
  <si>
    <t>Softphone.20191210_075939_832.snapshot.log</t>
  </si>
  <si>
    <t>Softphone.20191210_075939_833.log</t>
  </si>
  <si>
    <t>Softphone.20191210_124805_690.log</t>
  </si>
  <si>
    <t>Softphone.20191211_075527_260.log</t>
  </si>
  <si>
    <t>Softphone.20191212_075428_173.snapshot.log</t>
  </si>
  <si>
    <t>Softphone.20191212_075428_174.log</t>
  </si>
  <si>
    <t>Softphone.20191212_123212_895.snapshot.log</t>
  </si>
  <si>
    <t>Softphone.20191212_123213_075.log</t>
  </si>
  <si>
    <t>Softphone.20191212_123927_551.snapshot.log</t>
  </si>
  <si>
    <t>Softphone.20191212_123927_552.log</t>
  </si>
  <si>
    <t>Softphone.20191212_124704_733.log</t>
  </si>
  <si>
    <t>Softphone.20191213_075659_746.log</t>
  </si>
  <si>
    <t>12/13/2019 17:00:38</t>
  </si>
  <si>
    <t>12/13/2019 17:01:37</t>
  </si>
  <si>
    <t>12/13/2019 17:04:55</t>
  </si>
  <si>
    <t>12/13/2019 17:02:50</t>
  </si>
  <si>
    <t>12/13/2019 17:06:48</t>
  </si>
  <si>
    <t>http:///batch?%24ct=multipart%2Fmixed%3B%20boundary%3D%22%3D%3D%3D%3D%3D2cy2c9pls8ql%3D%3D%3D%3D%3D%22&amp;key=AIzaSyAy9VVXHSpS2IJpptzYtGbLP3-3_l0aBk4</t>
  </si>
  <si>
    <t>12/13/2019 17:02:53</t>
  </si>
  <si>
    <t>http:///batch?%24ct=multipart%2Fmixed%3B%20boundary%3D%22%3D%3D%3D%3D%3D6dww6o1hthsc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3/2019 17:02:57</t>
  </si>
  <si>
    <t>http:///batch?%24ct=multipart%2Fmixed%3B%20boundary%3D%22%3D%3D%3D%3D%3Dmy3i0c35s772%3D%3D%3D%3D%3D%22&amp;key=AIzaSyAy9VVXHSpS2IJpptzYtGbLP3-3_l0aBk4</t>
  </si>
  <si>
    <t>ancestorhasaugmen;ancestorhasaugmentedpermissions;containsunsubscribedchildren;displayname;domain;emaila;emailaddress;file(kind;fileid;filesize;hasthumbnail;hasvisitorpermissions;id;id);items(deleted;ken;kind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,ancestorhasaugmentedpermissions,containsunsubscribedchildren,displayname,domain,emaila,emailaddress,file(kind,fileid,filesize,hasthumbnail,hasvisitorpermissions,id,id),items(deleted,ken,kind,lastmodifyinguser(kind,lastviewedbymedate,modifiedbymedate,modifieddate,ontainsunsubscribedchildren,owners(kind,per,permissionid,picture,rpermissions,shared,sharedwithmedate,thumbnailversion,title,userpermission(role),workspaceids</t>
  </si>
  <si>
    <t>12/13/2019 17:02:59</t>
  </si>
  <si>
    <t>http:///batch?%24ct=multipart%2Fmixed%3B%20boundary%3D%22%3D%3D%3D%3D%3Dihrvv5u2ahu2%3D%3D%3D%3D%3D%22&amp;key=AIzaSyAy9VVXHSpS2IJpptzYtGbLP3-3_l0aBk4</t>
  </si>
  <si>
    <t>http:///batch?%24ct=multipart%2Fmixed%3B%20boundary%3D%22%3D%3D%3D%3D%3D266gyb9x5285%3D%3D%3D%3D%3D%22&amp;key=AIzaSyAy9VVXHSpS2IJpptzYtGbLP3-3_l0aBk4</t>
  </si>
  <si>
    <t>12/13/2019 17:03:05</t>
  </si>
  <si>
    <t>http:///batch?%24ct=multipart%2Fmixed%3B%20boundary%3D%22%3D%3D%3D%3D%3Dl6b1by8edn57%3D%3D%3D%3D%3D%22&amp;key=AIzaSyAy9VVXHSpS2IJpptzYtGbLP3-3_l0aBk4</t>
  </si>
  <si>
    <t>12/13/2019 17:03:06</t>
  </si>
  <si>
    <t>http:///batch?%24ct=multipart%2Fmixed%3B%20boundary%3D%22%3D%3D%3D%3D%3Dv2tw054cnhjo%3D%3D%3D%3D%3D%22&amp;key=AIzaSyAy9VVXHSpS2IJpptzYtGbLP3-3_l0aBk4</t>
  </si>
  <si>
    <t>12/13/2019 17:03:07</t>
  </si>
  <si>
    <t>http:///batch?%24ct=multipart%2Fmixed%3B%20boundary%3D%22%3D%3D%3D%3D%3Dxn524sp53ndh%3D%3D%3D%3D%3D%22&amp;key=AIzaSyAy9VVXHSpS2IJpptzYtGbLP3-3_l0aBk4</t>
  </si>
  <si>
    <t>12/13/2019 17:03:53</t>
  </si>
  <si>
    <t>http:///batch?%24ct=multipart%2Fmixed%3B%20boundary%3D%22%3D%3D%3D%3D%3Dw97o5jj0p45y%3D%3D%3D%3D%3D%22&amp;key=AIzaSyAy9VVXHSpS2IJpptzYtGbLP3-3_l0aBk4</t>
  </si>
  <si>
    <t>12/13/2019 17:03:54</t>
  </si>
  <si>
    <t>http:///batch?%24ct=multipart%2Fmixed%3B%20boundary%3D%22%3D%3D%3D%3D%3Dqoajdspd29es%3D%3D%3D%3D%3D%22&amp;key=AIzaSyAy9VVXHSpS2IJpptzYtGbLP3-3_l0aBk4</t>
  </si>
  <si>
    <t>12/13/2019 17:03:55</t>
  </si>
  <si>
    <t>http:///batch?%24ct=multipart%2Fmixed%3B%20boundary%3D%22%3D%3D%3D%3D%3D6omp1j5y1eno%3D%3D%3D%3D%3D%22&amp;key=AIzaSyAy9VVXHSpS2IJpptzYtGbLP3-3_l0aBk4</t>
  </si>
  <si>
    <t>12/13/2019 17:03:56</t>
  </si>
  <si>
    <t>http:///batch?%24ct=multipart%2Fmixed%3B%20boundary%3D%22%3D%3D%3D%3D%3D8u4iske7dk2n%3D%3D%3D%3D%3D%22&amp;key=AIzaSyAy9VVXHSpS2IJpptzYtGbLP3-3_l0aBk4</t>
  </si>
  <si>
    <t>http:///drive/logImpressions</t>
  </si>
  <si>
    <t>0;0.241;0.241�33�gsa�|};0.668;0];103.19999999774154;107.78000000573229;111.90000000351574;116.48000001150649;119.29499999678228;12.854];136.723;1597.596];21.464;21.464];267.4200000037672;3;3.419999993639067;3.794999996898696;310.1150000002235;4.842;5;510.681;526.110000006156;526.3949999934994;549.2599999997765;550.4050000017742;550.8050000062212;550.9750000055647;551.0249999933876;58.60499999835156;6.009];649.0999999950873;690.7400000054622;700";886.073];898.3250000019325;902.925000002142;91.84999999706633;91.85499999148306;961.8150000023888;:400;["https://drive.google.com/_/drive_fe/_/js/k=drive_fe.main.pt_br.z4p_uid5mok.o/am=bdjcyqij7c_jhwdg/d=1/ct=zgms/rs=afb8gswwtnui0gneightdjtmj7lywtw20w/m=b;["https://fonts.googleapis.com/css?lang=pt-br&amp;family=product+sans|roboto:400;[null;core";css;https://apis.google.com/js/api.js;https://drive.google.com/_/drive_fe/_/ss/k=drive_fe.main.-13zk2a6g6udmq.l.w.o/am=bdjcyqij7c_jhwdg/d=0/ct=zgms/rs=afb8gsxkevkqqego253hcz0aw1gj1pkxra;https://fonts.gstatic.com/s/googlesans/v14/</t>
  </si>
  <si>
    <t>http://0,0.241,0.241�33�gsa�|},0.668,0],103.19999999774154,107.78000000573229,111.90000000351574,116.48000001150649,119.29499999678228,12.854],136.723,1597.596],21.464,21.464],267.4200000037672,3,3.419999993639067,3.794999996898696,310.1150000002235,4.842,5,510.681,526.110000006156,526.3949999934994,549.2599999997765,550.4050000017742,550.8050000062212,550.9750000055647,551.0249999933876,58.60499999835156,6.009],649.0999999950873,690.7400000054622,700",886.073],898.3250000019325,902.925000002142,91.84999999706633,91.85499999148306,961.8150000023888,:400,["https://drive.google.com/_/drive_fe/_/js/k=drive_fe.main.pt_br.z4p_uid5mok.o/am=bdjcyqij7c_jhwdg/d=1/ct=zgms/rs=afb8gswwtnui0gneightdjtmj7lywtw20w/m=b,["https://fonts.googleapis.com/css?lang=pt-br&amp;family=product+sans|roboto:400,[null,core",css,https://apis.google.com/js/api.js,https://drive.google.com/_/drive_fe/_/ss/k=drive_fe.main.-13zk2a6g6udmq.l.w.o/am=bdjcyqij7c_jhwdg/d=0/ct=zgms/rs=afb8gsxkevkqqego253hcz0aw1gj1pkxra,https://fonts.gstatic.com/s/googlesa</t>
  </si>
  <si>
    <t>0;0.241;0.241];0.241�33�gsa�|};0.668;0];1028.1749999994645;103.19999999774154;107.78000000573229;111.90000000351574;1157.9950000013923;116.48000001150649;1172.565000000759;119.29499999678228;12.854];13.59;136.723;15.344;15.344];15.552;15.552];1597.596];17.29999999224674;17.869999996037222;21.464;21.464];21.7;21.7];227.57499999715947;24.699999994481914;267.4200000037672;3;3.419999993639067;3.539999990607612;3.794999996898696;310.1150000002235;32.04000000550877;33.212;33.212];38.19];39.73000000405591;4;4.842;40.7100000011269;43.024999991757795;5;510.681;526.110000006156;526.3949999934994;549.2599999997765;550.4050000017742;550.8050000062212;550.9750000055647;551.0249999933876;58.60499999835156;6.009];649.0999999950873;690.7400000054622;700";886.073];898.3250000019325;902.925000002142;903.3849999977974;904.1799999977229;906.6449999954784;91.84999999706633;91.85499999148306;942.5650000048336;943.4299999993527;949.9349999969127;961.8150000023888;964.9300000019139;:400;["https://clients6.google.com/drive/v2internal</t>
  </si>
  <si>
    <t>http://0,0.241,0.241],0.241�33�gsa�|},0.668,0],1028.1749999994645,103.19999999774154,107.78000000573229,111.90000000351574,1157.9950000013923,116.48000001150649,1172.565000000759,119.29499999678228,12.854],13.59,136.723,15.344,15.344],15.552,15.552],1597.596],17.29999999224674,17.869999996037222,21.464,21.464],21.7,21.7],227.57499999715947,24.699999994481914,267.4200000037672,3,3.419999993639067,3.539999990607612,3.794999996898696,310.1150000002235,32.04000000550877,33.212,33.212],38.19],39.73000000405591,4,4.842,40.7100000011269,43.024999991757795,5,510.681,526.110000006156,526.3949999934994,549.2599999997765,550.4050000017742,550.8050000062212,550.9750000055647,551.0249999933876,58.60499999835156,6.009],649.0999999950873,690.7400000054622,700",886.073],898.3250000019325,902.925000002142,903.3849999977974,904.1799999977229,906.6449999954784,91.84999999706633,91.85499999148306,942.5650000048336,943.4299999993527,949.9349999969127,961.8150000023888,964.9300000019139,:400,["https://clients6.google.com/drive/v2i</t>
  </si>
  <si>
    <t>0;0.241;0.241];0.241�33�gsa�|};0.668;0];1028.1749999994645;103.19999999774154;107.78000000573229;111.90000000351574;1157.9950000013923;116.48000001150649;1172.565000000759;1176.854999997886;1181.0700000060024;119.29499999678228;12.854];1261.515000005602;13.59;1318.889999995008;1319.310000006226;136.723;1408.2699999999022;15.344;15.344];15.552;15.552];1597.596];169.51500000141095;17.29999999224674;17.869999996037222;172.49999998603016;21.464;21.464];21.7;21.7];221.07999998843297;225.10500000498723;227.57499999715947;24.699999994481914;266.5350000024773;267.4200000037672;285.0149999867426;3;3.419999993639067;3.539999990607612;3.794999996898696;310.1150000002235;32.04000000550877;33.212;33.212];38.19];39.73000000405591;4;4.842;40.7100000011269;43.024999991757795;5;510.681;526.110000006156;526.3949999934994;549.2599999997765;550.4050000017742;550.8050000062212;550.9750000055647;551.0249999933876;58.60499999835156;6.009];649.0999999950873;690.7400000054622;700";886.073];898.3250000019325;902.925000002142;903.38499</t>
  </si>
  <si>
    <t>http://0,0.241,0.241],0.241�33�gsa�|},0.668,0],1028.1749999994645,103.19999999774154,107.78000000573229,111.90000000351574,1157.9950000013923,116.48000001150649,1172.565000000759,1176.854999997886,1181.0700000060024,119.29499999678228,12.854],1261.515000005602,13.59,1318.889999995008,1319.310000006226,136.723,1408.2699999999022,15.344,15.344],15.552,15.552],1597.596],169.51500000141095,17.29999999224674,17.869999996037222,172.49999998603016,21.464,21.464],21.7,21.7],221.07999998843297,225.10500000498723,227.57499999715947,24.699999994481914,266.5350000024773,267.4200000037672,285.0149999867426,3,3.419999993639067,3.539999990607612,3.794999996898696,310.1150000002235,32.04000000550877,33.212,33.212],38.19],39.73000000405591,4,4.842,40.7100000011269,43.024999991757795,5,510.681,526.110000006156,526.3949999934994,549.2599999997765,550.4050000017742,550.8050000062212,550.9750000055647,551.0249999933876,58.60499999835156,6.009],649.0999999950873,690.7400000054622,700",886.073],898.3250000019325,902.925000002142,90</t>
  </si>
  <si>
    <t>0;0.241;0.241];0.241�33�gsa�|};0.668;0];1028.1749999994645;103.19999999774154;107.78000000573229;111.90000000351574;1157.9950000013923;116.48000001150649;1172.565000000759;1176.854999997886;1181.0700000060024;119.29499999678228;12.854];1261.515000005602;127.268;13.59;1318.889999995008;1319.310000006226;1330.1099999953294;136.723;1408.2699999999022;15.344;15.344];15.552;15.552];1597.596];169.51500000141095;17.29999999224674;17.869999996037222;172.49999998603016;21.464;21.464];21.7;21.7];221.07999998843297;225.10500000498723;227.57499999715947;24.699999994481914;260.35500000580214;266.5350000024773;267.4200000037672;285.0149999867426;3;3.419999993639067;3.539999990607612;3.794999996898696;310.1150000002235;32.04000000550877;33.212;33.212];38.19];39.73000000405591;4;4.842;40.7100000011269;43.024999991757795;449.344];5;510.681;526.110000006156;526.3949999934994;549.2599999997765;550.4050000017742;550.8050000062212;550.9750000055647;551.0249999933876;58.60499999835156;6.009];649.0999999950873;690.7400000054622;700</t>
  </si>
  <si>
    <t>http://0,0.241,0.241],0.241�33�gsa�|},0.668,0],1028.1749999994645,103.19999999774154,107.78000000573229,111.90000000351574,1157.9950000013923,116.48000001150649,1172.565000000759,1176.854999997886,1181.0700000060024,119.29499999678228,12.854],1261.515000005602,127.268,13.59,1318.889999995008,1319.310000006226,1330.1099999953294,136.723,1408.2699999999022,15.344,15.344],15.552,15.552],1597.596],169.51500000141095,17.29999999224674,17.869999996037222,172.49999998603016,21.464,21.464],21.7,21.7],221.07999998843297,225.10500000498723,227.57499999715947,24.699999994481914,260.35500000580214,266.5350000024773,267.4200000037672,285.0149999867426,3,3.419999993639067,3.539999990607612,3.794999996898696,310.1150000002235,32.04000000550877,33.212,33.212],38.19],39.73000000405591,4,4.842,40.7100000011269,43.024999991757795,449.344],5,510.681,526.110000006156,526.3949999934994,549.2599999997765,550.4050000017742,550.8050000062212,550.9750000055647,551.0249999933876,58.60499999835156,6.009],649.0999999950873,690.7400000054</t>
  </si>
  <si>
    <t>12/13/2019 17:03:57</t>
  </si>
  <si>
    <t>12/13/2019 17:04:06</t>
  </si>
  <si>
    <t>http:///batch?%24ct=multipart%2Fmixed%3B%20boundary%3D%22%3D%3D%3D%3D%3Dld9zi37l19h8%3D%3D%3D%3D%3D%22&amp;key=AIzaSyAy9VVXHSpS2IJpptzYtGbLP3-3_l0aBk4</t>
  </si>
  <si>
    <t>12/13/2019 17:04:07</t>
  </si>
  <si>
    <t>http:///batch?%24ct=multipart%2Fmixed%3B%20boundary%3D%22%3D%3D%3D%3D%3Dow3lsu9o8y1v%3D%3D%3D%3D%3D%22&amp;key=AIzaSyAy9VVXHSpS2IJpptzYtGbLP3-3_l0aBk4</t>
  </si>
  <si>
    <t>12/13/2019 17:06:29</t>
  </si>
  <si>
    <t>12/13/2019 17:07:47</t>
  </si>
  <si>
    <t>\\acsfs\DEPTOS\DME\CME - Coordenacao de Marketing e Estrategia\Gestão de Vendas\Canais\2020\Latam\</t>
  </si>
  <si>
    <t>12/13/2019 17:06:31</t>
  </si>
  <si>
    <t>mail.google.com/_/upload?authuser=1&amp;dcp=asu-n&amp;upload_id=AEnB2Urv5fbDkasFBajQt1chVEhzFrq5SHjxAMtmbyQr5T7urmr2kZUDjMkufqDJK2NdxXUECrZjGvphR2QVIyQn3Zvs6xgSGw&amp;upload_protocol=resumable</t>
  </si>
  <si>
    <t>12/13/2019 17:06:57</t>
  </si>
  <si>
    <t>12/13/2019 17:08:25</t>
  </si>
  <si>
    <t>12/13/2019 17:09:47</t>
  </si>
  <si>
    <t>7ccac869-51e3-4598-b496-ee127ec4d3b2.tmp</t>
  </si>
  <si>
    <t>\\acsfs\profiles$\victorgl\Downloads\7ccac869-51e3-4598-b496-ee127ec4d3b2.tmp</t>
  </si>
  <si>
    <t>12/13/2019 17:05:38</t>
  </si>
  <si>
    <t>12/13/2019 17:10:48</t>
  </si>
  <si>
    <t>12/13/2019 17:05:40</t>
  </si>
  <si>
    <t>12/13/2019 17:06:08</t>
  </si>
  <si>
    <t>7743b9f5-ea22-4a46-bef0-85f5ccb2ba7f.tmp</t>
  </si>
  <si>
    <t>\\acsfs\profiles$\layonmof\Downloads\7743b9f5-ea22-4a46-bef0-85f5ccb2ba7f.tmp</t>
  </si>
  <si>
    <t>12/13/2019 17:10:18</t>
  </si>
  <si>
    <t>12/13/2019 17:13:47</t>
  </si>
  <si>
    <t>12/13/2019 17:12:21</t>
  </si>
  <si>
    <t>12/13/2019 17:14:47</t>
  </si>
  <si>
    <t>12/13/2019 17:11:18</t>
  </si>
  <si>
    <t>12/13/2019 17:15:47</t>
  </si>
  <si>
    <t>12/13/2019 17:11:24</t>
  </si>
  <si>
    <t>12/13/2019 17:11:25</t>
  </si>
  <si>
    <t>12/13/2019 17:11:28</t>
  </si>
  <si>
    <t>12/13/2019 17:12:09</t>
  </si>
  <si>
    <t>1f41ad61-b9db-44e1-b698-dbc8a9b58eaa.tmp</t>
  </si>
  <si>
    <t>\\acsfs\profiles$\layonmof\Downloads\1f41ad61-b9db-44e1-b698-dbc8a9b58eaa.tmp</t>
  </si>
  <si>
    <t>12/13/2019 17:12:51</t>
  </si>
  <si>
    <t>12/13/2019 17:17:47</t>
  </si>
  <si>
    <t>201b35c7-b799-4ff3-a6a3-e4c660f254e4.tmp</t>
  </si>
  <si>
    <t>\\acsfs\profiles$\erichds\Downloads\201b35c7-b799-4ff3-a6a3-e4c660f254e4.tmp</t>
  </si>
  <si>
    <t>12/13/2019 17:16:45</t>
  </si>
  <si>
    <t>danieldom@algartech.com;jullian.faria@algartech.com;jullian@algartech.com;leonardo.calicchio@bradesco.com.br;saramfg@algartech.com;vivianercu@algartech.com;</t>
  </si>
  <si>
    <t>danieldom@algartech.com,jullian.faria@algartech.com,jullian@algartech.com,leonardo.calicchio@bradesco.com.br,saramfg@algartech.com,vivianercu@algartech.com</t>
  </si>
  <si>
    <t>2019-12 - Saulo - Horas Extras Bradesco.xlsx</t>
  </si>
  <si>
    <t>2019-12 - Luane - Horas Extras Bradesco.xlsx</t>
  </si>
  <si>
    <t>12/13/2019 17:16:47</t>
  </si>
  <si>
    <t>mail.google.com/_/upload?authuser=0&amp;dcp=asu-n&amp;upload_id=AEnB2Uq6w0qAq56_vroTOfRINnWTusDQ2MOM2GgTHrtvQpTS2rFZ1Ey3I9XWOdOm4XEMIlRxyQfS0H0TcRNL76xgFmZTVDLbyy8twua1My7uGa5nSCtcVz0&amp;upload_protocol=resumable</t>
  </si>
  <si>
    <t>mail.google.com/_/upload?authuser=0&amp;dcp=asu-n&amp;upload_id=AEnB2UrypBNOP07J_wzC36WsHmCB-Wv0Hu8jYhU0RNgSnUr2aG5djDjf1JUU7QBfvrz00dFoLO3YZcC9nEhoqGwKd_n6ITcgVA&amp;upload_protocol=resumable</t>
  </si>
  <si>
    <t>mail.google.com/_/upload?authuser=0&amp;dcp=asu-n&amp;upload_id=AEnB2UrLLfBBhL9hZvlDMg7qS77tulVZvEy0TeoA7dcX0wSYdAp7Jhj9vmxhHbnwPCUP7_AJavM4bqaUUmzfpHKoWDu_6LHyzOdGbwcs51cmCw4YxE5woV0&amp;upload_protocol=resumable</t>
  </si>
  <si>
    <t>mail.google.com/_/upload?authuser=0&amp;dcp=asu-n&amp;upload_id=AEnB2UqsTy9ey6xitZNPqjHPkSS3Bez8d9WsU2pmRLyf18PCYG3fImjb_yofuHxE6xWbjBxwdDNGi8eKHvjRGFuOUO4uhWzLvw&amp;upload_protocol=resumable</t>
  </si>
  <si>
    <t>12/13/2019 17:20:47</t>
  </si>
  <si>
    <t>12/13/2019 17:16:46</t>
  </si>
  <si>
    <t>12/13/2019 17:17:10</t>
  </si>
  <si>
    <t>12/13/2019 17:19:38</t>
  </si>
  <si>
    <t>12/13/2019 17:19:40</t>
  </si>
  <si>
    <t>12/13/2019 17:18:20</t>
  </si>
  <si>
    <t>mail.google.com/_/upload?authuser=2&amp;dcp=asu-n&amp;upload_id=AEnB2UqS4Sd5DAulYFMUTQf2S9yiYr7Ti3_i8QERh-IB73JWyBRkz_xV8_NBTsVj03MIFtaDHdJpJNTyxjPx2VN790nSPXn2DF7i6uFA31jhTVlaSm9Qf4c&amp;upload_protocol=resumable</t>
  </si>
  <si>
    <t>\\acsfs\ACS\Consultoria de Qualidade\Uberlândia\1. Analistas\Fernando Rodrigues\4. Distribuição de Meta\2019\1. Telecom\1. Dezembro\</t>
  </si>
  <si>
    <t>12/13/2019 17:19:50</t>
  </si>
  <si>
    <t>904c8526-24fd-4e96-8df6-50cfe1ec1835.tmp</t>
  </si>
  <si>
    <t>\\acsfs\profiles$\layonmof\Downloads\904c8526-24fd-4e96-8df6-50cfe1ec1835.tmp</t>
  </si>
  <si>
    <t>12/13/2019 17:16:53</t>
  </si>
  <si>
    <t>12/13/2019 17:18:30</t>
  </si>
  <si>
    <t>12/13/2019 17:16:49</t>
  </si>
  <si>
    <t>12/13/2019 17:16:51</t>
  </si>
  <si>
    <t>12/13/2019 17:19:17</t>
  </si>
  <si>
    <t>12/13/2019 17:20:26</t>
  </si>
  <si>
    <t>12/13/2019 17:21:47</t>
  </si>
  <si>
    <t>raphaelfb</t>
  </si>
  <si>
    <t>https://www.portalsinergyrh.com.br/candidato/curriculo/meuperfil</t>
  </si>
  <si>
    <t>C:\Users\raphaelfb\Pictures\</t>
  </si>
  <si>
    <t>images.jpg</t>
  </si>
  <si>
    <t>12/13/2019 17:24:27</t>
  </si>
  <si>
    <t>12/13/2019 17:26:47</t>
  </si>
  <si>
    <t>mail.google.com/_/upload?authuser=0&amp;dcp=asu-n&amp;upload_id=AEnB2UoTCgGdCwM-zx1kUQoCPntsDii80wWisTeQWMZ8Ifapjkb4EXLUUOrwT55K3bQiJI45qLLYxxXttCRVbhtVqbirFJly5Ftyw3_9SrNmFF0uGOG-zhQ&amp;upload_protocol=resumable</t>
  </si>
  <si>
    <t>C:\Users\daniloasb\Desktop\Projetos Documentos\ELCANO\</t>
  </si>
  <si>
    <t>RVTools_AlgarElcano_2019-11-29 (1).xlsx</t>
  </si>
  <si>
    <t>12/13/2019 17:25:37</t>
  </si>
  <si>
    <t>12/13/2019 17:28:47</t>
  </si>
  <si>
    <t>TALITA SANTOS SILVA CASTRO (10923).contact</t>
  </si>
  <si>
    <t>\\acsfs\profiles$\talitassc\Contacts\TALITA SANTOS SILVA CASTRO (10923).contact</t>
  </si>
  <si>
    <t>12/13/2019 17:25:49</t>
  </si>
  <si>
    <t>12/13/2019 17:25:50</t>
  </si>
  <si>
    <t>12/13/2019 17:25:51</t>
  </si>
  <si>
    <t>12/13/2019 17:25:52</t>
  </si>
  <si>
    <t>12/13/2019 17:25:53</t>
  </si>
  <si>
    <t>12/13/2019 17:25:54</t>
  </si>
  <si>
    <t>12/13/2019 17:25:55</t>
  </si>
  <si>
    <t>12/13/2019 17:26:07</t>
  </si>
  <si>
    <t>12/13/2019 17:26:08</t>
  </si>
  <si>
    <t>12/13/2019 17:25:21</t>
  </si>
  <si>
    <t>12/13/2019 17:30:47</t>
  </si>
  <si>
    <t>12/13/2019 17:25:43</t>
  </si>
  <si>
    <t>12/13/2019 17:25:44</t>
  </si>
  <si>
    <t>12/13/2019 17:27:14</t>
  </si>
  <si>
    <t>12/13/2019 17:29:42</t>
  </si>
  <si>
    <t>12/13/2019 17:30:33</t>
  </si>
  <si>
    <t>12/13/2019 17:31:21</t>
  </si>
  <si>
    <t>12/13/2019 17:34:47</t>
  </si>
  <si>
    <t>25ca1c99-3e3f-4e28-ba7e-c88ce6cd59eb.tmp</t>
  </si>
  <si>
    <t>\\acsfs\profiles$\victorgl\Downloads\25ca1c99-3e3f-4e28-ba7e-c88ce6cd59eb.tmp</t>
  </si>
  <si>
    <t>12/13/2019 17:34:44</t>
  </si>
  <si>
    <t>12/13/2019 17:35:46</t>
  </si>
  <si>
    <t>12/13/2019 17:34:45</t>
  </si>
  <si>
    <t>12/13/2019 17:30:11</t>
  </si>
  <si>
    <t>aecd3037-9a2a-432c-9c36-c027726393f0.tmp</t>
  </si>
  <si>
    <t>\\acsfs\profiles$\gabrielamdp\Downloads\aecd3037-9a2a-432c-9c36-c027726393f0.tmp</t>
  </si>
  <si>
    <t>12/13/2019 17:31:23</t>
  </si>
  <si>
    <t>12/13/2019 17:37:47</t>
  </si>
  <si>
    <t>12/13/2019 17:38:47</t>
  </si>
  <si>
    <t>12/13/2019 17:37:48</t>
  </si>
  <si>
    <t>lu634815f0r.tmp</t>
  </si>
  <si>
    <t>\\acsfs\profiles$\fabianafv\My Documents\lu634815f0r.tmp</t>
  </si>
  <si>
    <t>\\acsfs\profiles$\fabianafv\My Documents\lu634815f0r.tmp\</t>
  </si>
  <si>
    <t>\\acsfs\profiles$\fabianafv\My Documents\lu634815f0r.tmp\META-INF\</t>
  </si>
  <si>
    <t>\\acsfs\profiles$\fabianafv\My Documents\lu634815f0r.tmp\Thumbnails\</t>
  </si>
  <si>
    <t>12/13/2019 17:37:44</t>
  </si>
  <si>
    <t>12/13/2019 17:34:59</t>
  </si>
  <si>
    <t>12/13/2019 17:40:46</t>
  </si>
  <si>
    <t>12/13/2019 17:35:00</t>
  </si>
  <si>
    <t>12/13/2019 17:35:01</t>
  </si>
  <si>
    <t>12/13/2019 17:38:21</t>
  </si>
  <si>
    <t>12/13/2019 17:38:23</t>
  </si>
  <si>
    <t>12/13/2019 17:38:24</t>
  </si>
  <si>
    <t>12/13/2019 17:38:44</t>
  </si>
  <si>
    <t>12/13/2019 17:38:45</t>
  </si>
  <si>
    <t>12/13/2019 17:38:11</t>
  </si>
  <si>
    <t>mail.google.com/_/upload?authuser=2&amp;dcp=asu-n&amp;upload_id=AEnB2Uo_ZR8C0WzkoJ4E-3hpTUy_bOvgT_ZYw6JLSsiTKxOo8YrhqnB9wd_YiZiPlD_CcTVye41CHqc_i1_7wEO_oxgOanAIuP1aCq22ovrwd3PvEX8Ebdg&amp;upload_protocol=resumable</t>
  </si>
  <si>
    <t>Distribuição - 3ª Semana.xls</t>
  </si>
  <si>
    <t>12/13/2019 17:37:08</t>
  </si>
  <si>
    <t>mail.google.com/_/upload?authuser=1&amp;dcp=asu-n&amp;upload_id=AEnB2UrPOUI_AmHRd3cEMeqFdNOd6JVOL667Qe9km987yvBSE8OCusz3J82_1EtbJTcnt0XqOwII9eAIa5IdOha209PpQBoTwsBhrlmZypnM9OdQ7N4K69Y&amp;upload_protocol=resumable</t>
  </si>
  <si>
    <t>Lista Fim de Ano.xlsx</t>
  </si>
  <si>
    <t>12/13/2019 17:39:01</t>
  </si>
  <si>
    <t>12/13/2019 17:43:46</t>
  </si>
  <si>
    <t>12/13/2019 17:40:23</t>
  </si>
  <si>
    <t>12/13/2019 17:45:46</t>
  </si>
  <si>
    <t>12/13/2019 17:44:25</t>
  </si>
  <si>
    <t>12/13/2019 17:47:46</t>
  </si>
  <si>
    <t>85f5bfee-fb2f-4431-8f25-3cdff596dcd4.tmp</t>
  </si>
  <si>
    <t>\\acsfs\profiles$\karinarm\Downloads\85f5bfee-fb2f-4431-8f25-3cdff596dcd4.tmp</t>
  </si>
  <si>
    <t>12/13/2019 17:44:06</t>
  </si>
  <si>
    <t>12/13/2019 17:49:46</t>
  </si>
  <si>
    <t>4a760863-2b15-476f-ac4a-241b03700fb4.tmp</t>
  </si>
  <si>
    <t>\\acsfs\profiles$\victorgl\Downloads\4a760863-2b15-476f-ac4a-241b03700fb4.tmp</t>
  </si>
  <si>
    <t>12/13/2019 17:45:07</t>
  </si>
  <si>
    <t>12/13/2019 17:50:47</t>
  </si>
  <si>
    <t>12/13/2019 17:48:02</t>
  </si>
  <si>
    <t>12/13/2019 17:51:47</t>
  </si>
  <si>
    <t>12/13/2019 17:48:10</t>
  </si>
  <si>
    <t>12/13/2019 17:49:19</t>
  </si>
  <si>
    <t>marcelodsd@algartech.com;thaismo@algartech.com.br;thiagomoli@algartech.com;tiagorpf@algartech.com.br;</t>
  </si>
  <si>
    <t>Modelo Visões</t>
  </si>
  <si>
    <t>marcelodsd@algartech.com,thaismo@algartech.com.br,thiagomoli@algartech.com,tiagorpf@algartech.com.br</t>
  </si>
  <si>
    <t>12/13/2019 17:51:18</t>
  </si>
  <si>
    <t>12/13/2019 17:52:15</t>
  </si>
  <si>
    <t>12/13/2019 17:54:46</t>
  </si>
  <si>
    <t>12/13/2019 17:54:30</t>
  </si>
  <si>
    <t>12/13/2019 17:55:47</t>
  </si>
  <si>
    <t>12/13/2019 17:53:03</t>
  </si>
  <si>
    <t>Holerite_122019_2203266.pdf.n68gw7o.partial</t>
  </si>
  <si>
    <t>\\acsfs\profiles$\ciceraads\Downloads\Holerite_122019_2203266.pdf.n68gw7o.partial</t>
  </si>
  <si>
    <t>12/13/2019 17:55:06</t>
  </si>
  <si>
    <t>12/13/2019 17:58:46</t>
  </si>
  <si>
    <t>\\acsfs\profiles$\thaynaracsl\My Documents\$RECYCLE.BIN\</t>
  </si>
  <si>
    <t>$I1TQX4V.txt</t>
  </si>
  <si>
    <t>\\acsfs\profiles$\thaynaracsl\My Documents\$RECYCLE.BIN\$I1TQX4V.txt</t>
  </si>
  <si>
    <t>12/13/2019 17:55:21</t>
  </si>
  <si>
    <t>$I6I43VR.txt</t>
  </si>
  <si>
    <t>\\acsfs\profiles$\thaynaracsl\My Documents\$RECYCLE.BIN\$I6I43VR.txt</t>
  </si>
  <si>
    <t>12/13/2019 17:57:36</t>
  </si>
  <si>
    <t>2096e816-a3aa-4401-af66-0c8132b01364.tmp</t>
  </si>
  <si>
    <t>\\acsfs\profiles$\anafaes\Downloads\2096e816-a3aa-4401-af66-0c8132b01364.tmp</t>
  </si>
  <si>
    <t>12/13/2019 17:56:07</t>
  </si>
  <si>
    <t>marcelobsa@algartech.com</t>
  </si>
  <si>
    <t>alessandrar@algartech.com;antoniojr@algartech.com;douglassp@algartech.com;polati@algartech.com;</t>
  </si>
  <si>
    <t>C:\Users\marcelobsa\Documents\Prévias GRC\</t>
  </si>
  <si>
    <t>Prévia Consolidada_122019.xlsx</t>
  </si>
  <si>
    <t>alessandrar@algartech.com,antoniojr@algartech.com,douglassp@algartech.com,polati@algartech.com</t>
  </si>
  <si>
    <t>12/13/2019 17:56:26</t>
  </si>
  <si>
    <t>12/13/2019 18:00:46</t>
  </si>
  <si>
    <t>12/13/2019 17:56:32</t>
  </si>
  <si>
    <t>12/13/2019 17:56:40</t>
  </si>
  <si>
    <t>12/13/2019 18:03:02</t>
  </si>
  <si>
    <t>12/13/2019 18:07:47</t>
  </si>
  <si>
    <t>53876e89-cc2a-4f51-8ab8-2949d2ee7f63.tmp</t>
  </si>
  <si>
    <t>\\acsfs\profiles$\erichds\Downloads\53876e89-cc2a-4f51-8ab8-2949d2ee7f63.tmp</t>
  </si>
  <si>
    <t>12/13/2019 18:03:13</t>
  </si>
  <si>
    <t>3d592192-6a60-4d52-ae05-f292222c3530.tmp</t>
  </si>
  <si>
    <t>\\acsfs\profiles$\erichds\Downloads\3d592192-6a60-4d52-ae05-f292222c3530.tmp</t>
  </si>
  <si>
    <t>12/13/2019 18:04:38</t>
  </si>
  <si>
    <t>faaccf2b-116e-4ca5-bca2-b7600f50181c.tmp</t>
  </si>
  <si>
    <t>\\acsfs\profiles$\erichds\Downloads\faaccf2b-116e-4ca5-bca2-b7600f50181c.tmp</t>
  </si>
  <si>
    <t>12/13/2019 18:10:42</t>
  </si>
  <si>
    <t>12/13/2019 18:13:46</t>
  </si>
  <si>
    <t>ce425a43-1808-4b37-9981-98fc08bdbf10.tmp</t>
  </si>
  <si>
    <t>\\acsfs\profiles$\alinepp\Downloads\ce425a43-1808-4b37-9981-98fc08bdbf10.tmp</t>
  </si>
  <si>
    <t>12/13/2019 18:13:07</t>
  </si>
  <si>
    <t>12/13/2019 18:18:47</t>
  </si>
  <si>
    <t>d00a4291-a0de-4ce3-9a89-abeb20bea890.tmp</t>
  </si>
  <si>
    <t>\\acsfs\profiles$\fabianafv\Downloads\d00a4291-a0de-4ce3-9a89-abeb20bea890.tmp</t>
  </si>
  <si>
    <t>12/13/2019 18:17:40</t>
  </si>
  <si>
    <t>12/13/2019 18:20:47</t>
  </si>
  <si>
    <t>mail.google.com/_/upload?authuser=2&amp;dcp=asu-n&amp;upload_id=AEnB2Uqo_Agtuu_Af_28QlAOWcygkI1Gk5kNGZtFg-_q6v1YY8OqyalDQjbkwaAaZqXA3gqaLVFjAVQb2qjpqO6xHrsWyEmDAA&amp;upload_protocol=resumable</t>
  </si>
  <si>
    <t>5º Ciclo_ Planejamento next.xls</t>
  </si>
  <si>
    <t>12/13/2019 18:20:44</t>
  </si>
  <si>
    <t>12/13/2019 18:23:47</t>
  </si>
  <si>
    <t>30dee4de-2e51-4a6f-9c15-1c4819a13cb6.tmp</t>
  </si>
  <si>
    <t>\\acsfs\profiles$\alinepp\Downloads\30dee4de-2e51-4a6f-9c15-1c4819a13cb6.tmp</t>
  </si>
  <si>
    <t>12/13/2019 18:24:53</t>
  </si>
  <si>
    <t>12/13/2019 18:25:47</t>
  </si>
  <si>
    <t>f7d8bfcd-6ab4-4b73-a045-8a0c82c48079.tmp</t>
  </si>
  <si>
    <t>\\acsfs\profiles$\layonmof\Downloads\f7d8bfcd-6ab4-4b73-a045-8a0c82c48079.tmp</t>
  </si>
  <si>
    <t>12/13/2019 18:24:29</t>
  </si>
  <si>
    <t>12/13/2019 18:27:47</t>
  </si>
  <si>
    <t>12/13/2019 18:23:36</t>
  </si>
  <si>
    <t>12/13/2019 18:28:47</t>
  </si>
  <si>
    <t>5aed878c-38ad-451c-a831-d0fc53f6a03f.tmp</t>
  </si>
  <si>
    <t>\\acsfs\profiles$\alinepp\Downloads\5aed878c-38ad-451c-a831-d0fc53f6a03f.tmp</t>
  </si>
  <si>
    <t>12/13/2019 18:29:47</t>
  </si>
  <si>
    <t>12/13/2019 18:33:47</t>
  </si>
  <si>
    <t>mail.google.com/sync/u/0/i/s?hl=pt-BR&amp;c=215</t>
  </si>
  <si>
    <t>12/13/2019 18:29:52</t>
  </si>
  <si>
    <t>12/13/2019 18:30:11</t>
  </si>
  <si>
    <t>12/13/2019 18:34:42</t>
  </si>
  <si>
    <t>12/13/2019 18:35:47</t>
  </si>
  <si>
    <t>deef2fd2-658e-41c1-b4ed-ee641f33525b.tmp</t>
  </si>
  <si>
    <t>\\acsfs\profiles$\gabrielamdp\Downloads\deef2fd2-658e-41c1-b4ed-ee641f33525b.tmp</t>
  </si>
  <si>
    <t>12/13/2019 18:31:45</t>
  </si>
  <si>
    <t>12/13/2019 18:33:38</t>
  </si>
  <si>
    <t>12/13/2019 18:35:41</t>
  </si>
  <si>
    <t>12/13/2019 18:34:18</t>
  </si>
  <si>
    <t>12/13/2019 18:36:47</t>
  </si>
  <si>
    <t>03504e09-6b16-4695-a0a9-9f08f12ce7c4.tmp</t>
  </si>
  <si>
    <t>\\acsfs\profiles$\rosileiam\Downloads\03504e09-6b16-4695-a0a9-9f08f12ce7c4.tmp</t>
  </si>
  <si>
    <t>12/13/2019 18:39:21</t>
  </si>
  <si>
    <t>12/13/2019 18:40:47</t>
  </si>
  <si>
    <t>12/13/2019 18:39:57</t>
  </si>
  <si>
    <t>12/13/2019 18:40:07</t>
  </si>
  <si>
    <t>12/13/2019 18:44:47</t>
  </si>
  <si>
    <t>http:///batch?%24ct=multipart%2Fmixed%3B%20boundary%3D%22%3D%3D%3D%3D%3Df0tdq0ewif94%3D%3D%3D%3D%3D%22&amp;key=AIzaSyAy9VVXHSpS2IJpptzYtGbLP3-3_l0aBk4</t>
  </si>
  <si>
    <t>12/13/2019 17:06:30</t>
  </si>
  <si>
    <t>http:///batch?%24ct=multipart%2Fmixed%3B%20boundary%3D%22%3D%3D%3D%3D%3D49ttlk5pk26o%3D%3D%3D%3D%3D%22&amp;key=AIzaSyAy9VVXHSpS2IJpptzYtGbLP3-3_l0aBk4</t>
  </si>
  <si>
    <t>http:///batch?%24ct=multipart%2Fmixed%3B%20boundary%3D%22%3D%3D%3D%3D%3Do5gbyww49iqp%3D%3D%3D%3D%3D%22&amp;key=AIzaSyAy9VVXHSpS2IJpptzYtGbLP3-3_l0aBk4</t>
  </si>
  <si>
    <t>12/13/2019 17:06:36</t>
  </si>
  <si>
    <t>12/13/2019 17:06:39</t>
  </si>
  <si>
    <t>mail.google.com/_/upload?authuser=0&amp;dcp=asu-n&amp;upload_id=AEnB2Uo773PBNYum7lqe_uZXiZPLxhLxrVx8Z8_-cAKtRE5s1iVguo0oTkaBTjMVCOy82MkVCQw7r099BuBIPRqyJsSeWhrB6C9xikTXeLS4CDX9aqf3LLc&amp;upload_protocol=resumable</t>
  </si>
  <si>
    <t>CPF 894.597.925-53 LUCAS OLIVEIRA CARNEIRA.pdf</t>
  </si>
  <si>
    <t>12/13/2019 17:06:42</t>
  </si>
  <si>
    <t>mail.google.com/sync/u/0/i/s?hl=pt-BR&amp;c=144</t>
  </si>
  <si>
    <t>12/13/2019 17:06:56</t>
  </si>
  <si>
    <t>12/13/2019 17:07:07</t>
  </si>
  <si>
    <t>http:///batch?%24ct=multipart%2Fmixed%3B%20boundary%3D%22%3D%3D%3D%3D%3Dgtp856pdngqq%3D%3D%3D%3D%3D%22&amp;key=AIzaSyAy9VVXHSpS2IJpptzYtGbLP3-3_l0aBk4</t>
  </si>
  <si>
    <t>12/13/2019 17:07:08</t>
  </si>
  <si>
    <t>http:///batch?%24ct=multipart%2Fmixed%3B%20boundary%3D%22%3D%3D%3D%3D%3Dpus704mggdg1%3D%3D%3D%3D%3D%22&amp;key=AIzaSyAy9VVXHSpS2IJpptzYtGbLP3-3_l0aBk4</t>
  </si>
  <si>
    <t>12/13/2019 17:07:09</t>
  </si>
  <si>
    <t>http:///batch?%24ct=multipart%2Fmixed%3B%20boundary%3D%22%3D%3D%3D%3D%3D2wlvymaxewju%3D%3D%3D%3D%3D%22&amp;key=AIzaSyAy9VVXHSpS2IJpptzYtGbLP3-3_l0aBk4</t>
  </si>
  <si>
    <t>12/13/2019 18:44:32</t>
  </si>
  <si>
    <t>12/13/2019 18:45:47</t>
  </si>
  <si>
    <t>433aa53e-5df9-4ef9-a68c-0019a2f623af.tmp</t>
  </si>
  <si>
    <t>\\acsfs\profiles$\gabrielamdp\Downloads\433aa53e-5df9-4ef9-a68c-0019a2f623af.tmp</t>
  </si>
  <si>
    <t>12/13/2019 18:44:00</t>
  </si>
  <si>
    <t>12/13/2019 18:43:21</t>
  </si>
  <si>
    <t>12/13/2019 18:47:46</t>
  </si>
  <si>
    <t>c9926556-439f-4c8f-8465-1c58a44bcbd8.tmp</t>
  </si>
  <si>
    <t>\\acsfs\profiles$\rosileiam\Downloads\c9926556-439f-4c8f-8465-1c58a44bcbd8.tmp</t>
  </si>
  <si>
    <t>12/13/2019 18:44:05</t>
  </si>
  <si>
    <t>12/13/2019 18:49:47</t>
  </si>
  <si>
    <t>10.200.58.159</t>
  </si>
  <si>
    <t>74-86-7A-FB-16-E9</t>
  </si>
  <si>
    <t>VOTORANT-ABB023</t>
  </si>
  <si>
    <t>marianacgs</t>
  </si>
  <si>
    <t>12/13/2019 18:47:07</t>
  </si>
  <si>
    <t>12/13/2019 18:50:46</t>
  </si>
  <si>
    <t>12/13/2019 18:47:11</t>
  </si>
  <si>
    <t>12/13/2019 18:47:05</t>
  </si>
  <si>
    <t>12/13/2019 18:47:19</t>
  </si>
  <si>
    <t>12/13/2019 18:47:48</t>
  </si>
  <si>
    <t>12/13/2019 18:48:00</t>
  </si>
  <si>
    <t>12/13/2019 18:49:58</t>
  </si>
  <si>
    <t>12/13/2019 18:51:47</t>
  </si>
  <si>
    <t>12/13/2019 18:52:44</t>
  </si>
  <si>
    <t>12/13/2019 18:53:47</t>
  </si>
  <si>
    <t>12/13/2019 18:53:46</t>
  </si>
  <si>
    <t>12/13/2019 18:55:47</t>
  </si>
  <si>
    <t>1d842bb4-4af4-4580-b741-a0fdcb03885f.tmp</t>
  </si>
  <si>
    <t>\\acsfs\profiles$\gabrielamdp\Downloads\1d842bb4-4af4-4580-b741-a0fdcb03885f.tmp</t>
  </si>
  <si>
    <t>725b8985-b97b-4c0b-98ff-c2bf85642a55.tmp</t>
  </si>
  <si>
    <t>\\acsfs\profiles$\gabrielamdp\Downloads\725b8985-b97b-4c0b-98ff-c2bf85642a55.tmp</t>
  </si>
  <si>
    <t>1b345d0c-12e9-4132-8fdc-70431c152da8.tmp</t>
  </si>
  <si>
    <t>\\acsfs\profiles$\gabrielamdp\Downloads\1b345d0c-12e9-4132-8fdc-70431c152da8.tmp</t>
  </si>
  <si>
    <t>12/13/2019 18:53:48</t>
  </si>
  <si>
    <t>6c106aab-1df1-4123-9f44-5044403b2359.tmp</t>
  </si>
  <si>
    <t>\\acsfs\profiles$\gabrielamdp\Downloads\6c106aab-1df1-4123-9f44-5044403b2359.tmp</t>
  </si>
  <si>
    <t>07300c64-6448-4485-a548-5b39c68c0cdf.tmp</t>
  </si>
  <si>
    <t>\\acsfs\profiles$\gabrielamdp\Downloads\07300c64-6448-4485-a548-5b39c68c0cdf.tmp</t>
  </si>
  <si>
    <t>12/13/2019 18:52:50</t>
  </si>
  <si>
    <t>12/13/2019 18:52:58</t>
  </si>
  <si>
    <t>12/13/2019 18:57:28</t>
  </si>
  <si>
    <t>12/13/2019 18:58:47</t>
  </si>
  <si>
    <t>12/13/2019 18:56:43</t>
  </si>
  <si>
    <t>12/13/2019 19:00:47</t>
  </si>
  <si>
    <t>a58858b4-9a9a-4543-916f-712a6c4935e1.tmp</t>
  </si>
  <si>
    <t>\\acsfs\profiles$\gabrielamdp\Downloads\a58858b4-9a9a-4543-916f-712a6c4935e1.tmp</t>
  </si>
  <si>
    <t>12/13/2019 18:56:27</t>
  </si>
  <si>
    <t>12/13/2019 18:58:06</t>
  </si>
  <si>
    <t>1dabe4bd-f31e-4423-b436-c1630698fc1e.tmp</t>
  </si>
  <si>
    <t>\\acsfs\profiles$\brendadsl\Downloads\1dabe4bd-f31e-4423-b436-c1630698fc1e.tmp</t>
  </si>
  <si>
    <t>12/13/2019 18:58:39</t>
  </si>
  <si>
    <t>5e99cd90-c0a3-492f-b9a8-86edadd0a46e.tmp</t>
  </si>
  <si>
    <t>\\acsfs\profiles$\brendadsl\Downloads\5e99cd90-c0a3-492f-b9a8-86edadd0a46e.tmp</t>
  </si>
  <si>
    <t>12/13/2019 19:05:05</t>
  </si>
  <si>
    <t>12/13/2019 19:05:48</t>
  </si>
  <si>
    <t>12/13/2019 19:05:21</t>
  </si>
  <si>
    <t>12/13/2019 19:05:38</t>
  </si>
  <si>
    <t>12/13/2019 19:06:20</t>
  </si>
  <si>
    <t>12/13/2019 19:09:48</t>
  </si>
  <si>
    <t>talmaiardo</t>
  </si>
  <si>
    <t>\\acsfs\DEPTOS\EDUCACAO EMPRESARIAL\</t>
  </si>
  <si>
    <t>LEONARDO COSTA BARROS_1_6756685904102891224_1_32.wav</t>
  </si>
  <si>
    <t>Algar_Multimedia Files</t>
  </si>
  <si>
    <t>\\acsfs\DEPTOS\EDUCACAO EMPRESARIAL\LEONARDO COSTA BARROS_1_6756685904102891224_1_32.wav</t>
  </si>
  <si>
    <t>12/13/2019 19:06:11</t>
  </si>
  <si>
    <t>12/13/2019 19:10:47</t>
  </si>
  <si>
    <t>12/13/2019 19:12:00</t>
  </si>
  <si>
    <t>12/13/2019 19:14:47</t>
  </si>
  <si>
    <t>12/13/2019 19:11:40</t>
  </si>
  <si>
    <t>12/13/2019 19:15:48</t>
  </si>
  <si>
    <t>12/13/2019 19:16:29</t>
  </si>
  <si>
    <t>12/13/2019 19:17:48</t>
  </si>
  <si>
    <t>12/13/2019 19:15:50</t>
  </si>
  <si>
    <t>12/13/2019 19:18:47</t>
  </si>
  <si>
    <t>593ea376-2735-44fa-80bc-f805e74e3b29.tmp</t>
  </si>
  <si>
    <t>\\acsfs\profiles$\fabianafv\Downloads\593ea376-2735-44fa-80bc-f805e74e3b29.tmp</t>
  </si>
  <si>
    <t>12/13/2019 19:18:30</t>
  </si>
  <si>
    <t>historico cassiano13.txt</t>
  </si>
  <si>
    <t>\\acsfs\profiles$\cassianogc\My Documents\historico cassiano13.txt</t>
  </si>
  <si>
    <t>12/13/2019 19:20:51</t>
  </si>
  <si>
    <t>12/13/2019 19:25:47</t>
  </si>
  <si>
    <t>12/13/2019 19:26:02</t>
  </si>
  <si>
    <t>12/13/2019 19:29:47</t>
  </si>
  <si>
    <t>12/13/2019 19:26:05</t>
  </si>
  <si>
    <t>12/13/2019 19:26:07</t>
  </si>
  <si>
    <t>12/13/2019 19:26:10</t>
  </si>
  <si>
    <t>12/13/2019 19:26:11</t>
  </si>
  <si>
    <t>12/13/2019 19:26:12</t>
  </si>
  <si>
    <t>12/13/2019 19:26:16</t>
  </si>
  <si>
    <t>12/13/2019 19:26:18</t>
  </si>
  <si>
    <t>12/13/2019 19:28:18</t>
  </si>
  <si>
    <t>12/13/2019 19:29:22</t>
  </si>
  <si>
    <t>12/13/2019 19:33:47</t>
  </si>
  <si>
    <t>\\acsfs\Deptos\Operacao\Banco_Votorantim\Qualidade\Fernanda\RECLAMAÇÃO E OUVIDORIA\CPF 002.918.617-09 Valdenice Rodrigues Vieira.docx\</t>
  </si>
  <si>
    <t>\\acsfs\Deptos\Operacao\Banco_Votorantim\Qualidade\Fernanda\RECLAMAÇÃO E OUVIDORIA\CPF 002.918.617-09 Valdenice Rodrigues Vieira.docx</t>
  </si>
  <si>
    <t>CPF 002.918.617-09 Valdenice Rodrigues Vieira.docx</t>
  </si>
  <si>
    <t>12/13/2019 19:29:32</t>
  </si>
  <si>
    <t>CPF 002.918.617-09 Valdenice Rodrigues Vieira.pdf</t>
  </si>
  <si>
    <t>\\acsfs\Deptos\Operacao\Banco_Votorantim\Qualidade\Fernanda\RECLAMAÇÃO E OUVIDORIA\CPF 002.918.617-09 Valdenice Rodrigues Vieira.pdf</t>
  </si>
  <si>
    <t>12/13/2019 19:30:17</t>
  </si>
  <si>
    <t>12/13/2019 19:31:03</t>
  </si>
  <si>
    <t>12/13/2019 19:31:18</t>
  </si>
  <si>
    <t>mail.google.com/_/upload?authuser=0&amp;dcp=asu-n&amp;upload_id=AEnB2UrqcdNWmRLseu-kpxZdZ1dlC3HLsQahvHloySiZJ3EFH7vIxYJpEVlabZiqfcvJshbI9G_lQt1YGLYZ58RAZ0rTyfWpkw&amp;upload_protocol=resumable</t>
  </si>
  <si>
    <t>C:\Users\TEMP\Desktop\</t>
  </si>
  <si>
    <t>Bruno Gonçalves da Silva_1_6764828066879444304_1_32.wav</t>
  </si>
  <si>
    <t>12/13/2019 19:32:14</t>
  </si>
  <si>
    <t>mail.google.com/sync/u/0/i/s?hl=pt-BR&amp;c=261</t>
  </si>
  <si>
    <t>12/13/2019 19:29:33</t>
  </si>
  <si>
    <t>12/13/2019 19:33:34</t>
  </si>
  <si>
    <t>12/13/2019 19:35:47</t>
  </si>
  <si>
    <t>ulog_AcroARM2_Reader_a9473871-eb7b-4719-ba46-35125c58e0e7_7fba85f2-a667-47d6-85a2-69a1c44db50b_0.log</t>
  </si>
  <si>
    <t>C:\Users\davimvs\AppData\Roaming\Adobe\LogTransport2\Logs\ulog_AcroARM2_Reader_a9473871-eb7b-4719-ba46-35125c58e0e7_7fba85f2-a667-47d6-85a2-69a1c44db50b_0.log\</t>
  </si>
  <si>
    <t>12/13/2019 19:37:01</t>
  </si>
  <si>
    <t>12/13/2019 19:40:47</t>
  </si>
  <si>
    <t>12/13/2019 19:43:03</t>
  </si>
  <si>
    <t>12/13/2019 19:45:47</t>
  </si>
  <si>
    <t>4155f764-c875-4905-9deb-b8f1a8fb32e0.tmp</t>
  </si>
  <si>
    <t>\\acsfs\profiles$\gabrielamdp\Downloads\4155f764-c875-4905-9deb-b8f1a8fb32e0.tmp</t>
  </si>
  <si>
    <t>782c0306-a0d3-4d5c-b5e1-cf4349203212.tmp</t>
  </si>
  <si>
    <t>\\acsfs\profiles$\gabrielamdp\Downloads\782c0306-a0d3-4d5c-b5e1-cf4349203212.tmp</t>
  </si>
  <si>
    <t>12/13/2019 19:43:04</t>
  </si>
  <si>
    <t>9fb83553-271e-4006-a724-2cf0e073beee.tmp</t>
  </si>
  <si>
    <t>\\acsfs\profiles$\gabrielamdp\Downloads\9fb83553-271e-4006-a724-2cf0e073beee.tmp</t>
  </si>
  <si>
    <t>12/13/2019 19:43:05</t>
  </si>
  <si>
    <t>50a3d8c7-7127-43e0-b7f5-386c7958bb03.tmp</t>
  </si>
  <si>
    <t>\\acsfs\profiles$\gabrielamdp\Downloads\50a3d8c7-7127-43e0-b7f5-386c7958bb03.tmp</t>
  </si>
  <si>
    <t>12/13/2019 19:43:07</t>
  </si>
  <si>
    <t>87cca160-36cd-495c-96f3-633a44001ce8.tmp</t>
  </si>
  <si>
    <t>\\acsfs\profiles$\gabrielamdp\Downloads\87cca160-36cd-495c-96f3-633a44001ce8.tmp</t>
  </si>
  <si>
    <t>12/13/2019 19:43:01</t>
  </si>
  <si>
    <t>12/13/2019 19:43:17</t>
  </si>
  <si>
    <t>12/13/2019 19:43:47</t>
  </si>
  <si>
    <t>12/13/2019 19:43:55</t>
  </si>
  <si>
    <t>12/13/2019 19:44:03</t>
  </si>
  <si>
    <t>12/13/2019 19:44:16</t>
  </si>
  <si>
    <t>12/13/2019 19:43:18</t>
  </si>
  <si>
    <t>12/13/2019 19:47:48</t>
  </si>
  <si>
    <t>12/13/2019 19:46:30</t>
  </si>
  <si>
    <t>12/13/2019 19:47:17</t>
  </si>
  <si>
    <t>12/13/2019 19:49:47</t>
  </si>
  <si>
    <t>12/13/2019 19:47:19</t>
  </si>
  <si>
    <t>12/13/2019 19:47:22</t>
  </si>
  <si>
    <t>12/13/2019 19:47:26</t>
  </si>
  <si>
    <t>12/13/2019 19:47:32</t>
  </si>
  <si>
    <t>12/13/2019 19:47:40</t>
  </si>
  <si>
    <t>12/13/2019 19:47:41</t>
  </si>
  <si>
    <t>12/13/2019 19:47:45</t>
  </si>
  <si>
    <t>12/13/2019 19:47:49</t>
  </si>
  <si>
    <t>12/13/2019 19:47:50</t>
  </si>
  <si>
    <t>12/13/2019 19:47:55</t>
  </si>
  <si>
    <t>12/13/2019 19:47:56</t>
  </si>
  <si>
    <t>12/13/2019 19:48:00</t>
  </si>
  <si>
    <t>12/13/2019 19:48:01</t>
  </si>
  <si>
    <t>12/13/2019 19:48:03</t>
  </si>
  <si>
    <t>12/13/2019 19:48:05</t>
  </si>
  <si>
    <t>12/13/2019 19:48:09</t>
  </si>
  <si>
    <t>12/13/2019 19:50:47</t>
  </si>
  <si>
    <t>12/13/2019 19:48:21</t>
  </si>
  <si>
    <t>12/13/2019 19:52:41</t>
  </si>
  <si>
    <t>12/13/2019 19:55:47</t>
  </si>
  <si>
    <t>d9ff0297-6703-487c-94f4-64f856fcbfff.tmp</t>
  </si>
  <si>
    <t>\\acsfs\profiles$\gabrielamdp\Downloads\d9ff0297-6703-487c-94f4-64f856fcbfff.tmp</t>
  </si>
  <si>
    <t>12/13/2019 19:52:42</t>
  </si>
  <si>
    <t>beddfd8f-a30f-4d83-9ccb-f20555eb3e4f.tmp</t>
  </si>
  <si>
    <t>\\acsfs\profiles$\gabrielamdp\Downloads\beddfd8f-a30f-4d83-9ccb-f20555eb3e4f.tmp</t>
  </si>
  <si>
    <t>1fc8ff79-2da5-49aa-8eff-1bb0bd6d132e.tmp</t>
  </si>
  <si>
    <t>\\acsfs\profiles$\gabrielamdp\Downloads\1fc8ff79-2da5-49aa-8eff-1bb0bd6d132e.tmp</t>
  </si>
  <si>
    <t>12/13/2019 19:52:45</t>
  </si>
  <si>
    <t>7ca7d057-5371-4943-8a07-b135dcd105f4.tmp</t>
  </si>
  <si>
    <t>\\acsfs\profiles$\gabrielamdp\Downloads\7ca7d057-5371-4943-8a07-b135dcd105f4.tmp</t>
  </si>
  <si>
    <t>12/13/2019 19:52:46</t>
  </si>
  <si>
    <t>c7c1e2d9-20a8-41ea-a316-f1275ca97217.tmp</t>
  </si>
  <si>
    <t>\\acsfs\profiles$\gabrielamdp\Downloads\c7c1e2d9-20a8-41ea-a316-f1275ca97217.tmp</t>
  </si>
  <si>
    <t>12/13/2019 19:56:56</t>
  </si>
  <si>
    <t>12/13/2019 20:00:47</t>
  </si>
  <si>
    <t>12/13/2019 19:57:08</t>
  </si>
  <si>
    <t>12/13/2019 20:00:53</t>
  </si>
  <si>
    <t>12/13/2019 20:01:47</t>
  </si>
  <si>
    <t>alessandrara</t>
  </si>
  <si>
    <t>\\acsfs\profiles$\alessandrara\My Documents\</t>
  </si>
  <si>
    <t>gtr.txt</t>
  </si>
  <si>
    <t>\\acsfs\profiles$\alessandrara\My Documents\gtr.txt</t>
  </si>
  <si>
    <t>12/13/2019 19:59:53</t>
  </si>
  <si>
    <t>12/13/2019 20:03:47</t>
  </si>
  <si>
    <t>12/13/2019 20:00:17</t>
  </si>
  <si>
    <t>12/13/2019 20:04:47</t>
  </si>
  <si>
    <t>12/13/2019 20:00:27</t>
  </si>
  <si>
    <t>12/13/2019 20:00:28</t>
  </si>
  <si>
    <t>12/13/2019 20:00:29</t>
  </si>
  <si>
    <t>12/13/2019 20:00:30</t>
  </si>
  <si>
    <t>12/13/2019 20:00:38</t>
  </si>
  <si>
    <t>12/13/2019 20:00:39</t>
  </si>
  <si>
    <t>12/13/2019 20:00:42</t>
  </si>
  <si>
    <t>12/13/2019 20:00:44</t>
  </si>
  <si>
    <t>12/13/2019 20:00:46</t>
  </si>
  <si>
    <t>12/13/2019 20:01:31</t>
  </si>
  <si>
    <t>12/13/2019 20:05:47</t>
  </si>
  <si>
    <t>12/13/2019 20:01:04</t>
  </si>
  <si>
    <t>f189066b-c289-42c5-8513-4fbe893bb125.tmp</t>
  </si>
  <si>
    <t>\\acsfs\profiles$\brendadsl\Downloads\f189066b-c289-42c5-8513-4fbe893bb125.tmp</t>
  </si>
  <si>
    <t>12/13/2019 20:04:17</t>
  </si>
  <si>
    <t>12/13/2019 20:06:47</t>
  </si>
  <si>
    <t>12/13/2019 20:05:27</t>
  </si>
  <si>
    <t>12/13/2019 20:09:47</t>
  </si>
  <si>
    <t>d5ab93fc-79eb-4ba0-909b-1e60db17e232.tmp</t>
  </si>
  <si>
    <t>\\acsfs\profiles$\victorgl\Downloads\d5ab93fc-79eb-4ba0-909b-1e60db17e232.tmp</t>
  </si>
  <si>
    <t>12/13/2019 20:06:23</t>
  </si>
  <si>
    <t>12/13/2019 20:10:48</t>
  </si>
  <si>
    <t>d50ceb1d-f5ce-4633-b701-c43ac4472170.tmp</t>
  </si>
  <si>
    <t>\\acsfs\profiles$\gabrielamdp\Downloads\d50ceb1d-f5ce-4633-b701-c43ac4472170.tmp</t>
  </si>
  <si>
    <t>12/13/2019 20:08:29</t>
  </si>
  <si>
    <t>12/13/2019 20:08:58</t>
  </si>
  <si>
    <t>12/13/2019 20:17:14</t>
  </si>
  <si>
    <t>12/13/2019 20:20:48</t>
  </si>
  <si>
    <t>12/13/2019 20:15:54</t>
  </si>
  <si>
    <t>4573d703-5fd2-44a9-8dcb-0483477f805f.tmp</t>
  </si>
  <si>
    <t>\\acsfs\profiles$\layonmof\Downloads\4573d703-5fd2-44a9-8dcb-0483477f805f.tmp</t>
  </si>
  <si>
    <t>12/13/2019 20:16:36</t>
  </si>
  <si>
    <t>9425915c-0af0-446b-b170-65a5835e852a.tmp</t>
  </si>
  <si>
    <t>\\acsfs\profiles$\layonmof\Downloads\9425915c-0af0-446b-b170-65a5835e852a.tmp</t>
  </si>
  <si>
    <t>12/13/2019 20:17:12</t>
  </si>
  <si>
    <t>d8adaf08-84ac-489a-8207-b08fda13a268.tmp</t>
  </si>
  <si>
    <t>\\acsfs\profiles$\layonmof\Downloads\d8adaf08-84ac-489a-8207-b08fda13a268.tmp</t>
  </si>
  <si>
    <t>12/13/2019 20:19:47</t>
  </si>
  <si>
    <t>12/13/2019 20:21:48</t>
  </si>
  <si>
    <t>12/13/2019 20:23:11</t>
  </si>
  <si>
    <t>12/13/2019 20:25:48</t>
  </si>
  <si>
    <t>12/13/2019 20:20:46</t>
  </si>
  <si>
    <t>10.200.66.96</t>
  </si>
  <si>
    <t>D0-94-66-B5-60-54</t>
  </si>
  <si>
    <t>VOTORANT-ACB019</t>
  </si>
  <si>
    <t>12/13/2019 20:23:37</t>
  </si>
  <si>
    <t>a9d4f2d6-a280-4dbb-ae10-b4b0b77b7d2d.tmp</t>
  </si>
  <si>
    <t>\\acsfs\profiles$\layonmof\Downloads\a9d4f2d6-a280-4dbb-ae10-b4b0b77b7d2d.tmp</t>
  </si>
  <si>
    <t>12/13/2019 20:23:38</t>
  </si>
  <si>
    <t>b849e5a5-1c22-4783-a949-c87175938d5e.tmp</t>
  </si>
  <si>
    <t>\\acsfs\profiles$\layonmof\Downloads\b849e5a5-1c22-4783-a949-c87175938d5e.tmp</t>
  </si>
  <si>
    <t>12/13/2019 20:24:37</t>
  </si>
  <si>
    <t>841f9748-a117-44f4-ad7e-8c9e12bbe15c.tmp</t>
  </si>
  <si>
    <t>\\acsfs\profiles$\layonmof\Downloads\841f9748-a117-44f4-ad7e-8c9e12bbe15c.tmp</t>
  </si>
  <si>
    <t>12/13/2019 20:24:32</t>
  </si>
  <si>
    <t>12/13/2019 20:28:48</t>
  </si>
  <si>
    <t>12/13/2019 20:30:15</t>
  </si>
  <si>
    <t>12/13/2019 20:30:48</t>
  </si>
  <si>
    <t>453b5826-9202-4206-9601-a42b75482668.tmp</t>
  </si>
  <si>
    <t>\\acsfs\profiles$\gabrielamdp\Downloads\453b5826-9202-4206-9601-a42b75482668.tmp</t>
  </si>
  <si>
    <t>12/13/2019 20:27:51</t>
  </si>
  <si>
    <t>12/13/2019 20:32:48</t>
  </si>
  <si>
    <t>12/13/2019 20:34:48</t>
  </si>
  <si>
    <t>http://api.viglink.com/api/optimize</t>
  </si>
  <si>
    <t>12/13/2019 20:31:32</t>
  </si>
  <si>
    <t>12/13/2019 20:35:47</t>
  </si>
  <si>
    <t>12/13/2019 20:37:52</t>
  </si>
  <si>
    <t>12/13/2019 20:40:48</t>
  </si>
  <si>
    <t>12/13/2019 20:43:46</t>
  </si>
  <si>
    <t>12/13/2019 20:44:48</t>
  </si>
  <si>
    <t>12/13/2019 20:43:47</t>
  </si>
  <si>
    <t>12/13/2019 20:44:38</t>
  </si>
  <si>
    <t>12/13/2019 20:49:48</t>
  </si>
  <si>
    <t>12/13/2019 20:44:39</t>
  </si>
  <si>
    <t>12/13/2019 20:49:31</t>
  </si>
  <si>
    <t>12/13/2019 20:54:48</t>
  </si>
  <si>
    <t>12/13/2019 20:57:43</t>
  </si>
  <si>
    <t>12/13/2019 20:59:48</t>
  </si>
  <si>
    <t>12/13/2019 20:57:26</t>
  </si>
  <si>
    <t>bgrayenywbdwabdfxvdoe0fctvkjgasmw1dktlxrqljcc0c=;</t>
  </si>
  <si>
    <t>https://bgrayenywbdwabdfxvdoe0fctvkjgasmw1dktlxrqljcc0c=</t>
  </si>
  <si>
    <t>12/13/2019 20:57:27</t>
  </si>
  <si>
    <t>12/13/2019 20:57:28</t>
  </si>
  <si>
    <t>12/13/2019 20:57:32</t>
  </si>
  <si>
    <t>12/13/2019 20:57:36</t>
  </si>
  <si>
    <t>12/13/2019 20:57:37</t>
  </si>
  <si>
    <t>12/13/2019 20:57:39</t>
  </si>
  <si>
    <t>12/13/2019 20:57:40</t>
  </si>
  <si>
    <t>12/13/2019 20:57:41</t>
  </si>
  <si>
    <t>12/13/2019 20:57:44</t>
  </si>
  <si>
    <t>12/13/2019 20:57:47</t>
  </si>
  <si>
    <t>12/13/2019 20:56:42</t>
  </si>
  <si>
    <t>CMDB_BPO_Report_Lucas_13-12-2019.csv</t>
  </si>
  <si>
    <t>12/13/2019 21:00:41</t>
  </si>
  <si>
    <t>12/13/2019 21:03:48</t>
  </si>
  <si>
    <t>e1d07f1e-def9-4379-9ec6-1d0da7a9a2f3.tmp</t>
  </si>
  <si>
    <t>\\acsfs\profiles$\alinepp\Downloads\e1d07f1e-def9-4379-9ec6-1d0da7a9a2f3.tmp</t>
  </si>
  <si>
    <t>12/13/2019 21:02:06</t>
  </si>
  <si>
    <t>12/13/2019 21:04:48</t>
  </si>
  <si>
    <t>12/13/2019 21:14:47</t>
  </si>
  <si>
    <t>12/13/2019 21:19:47</t>
  </si>
  <si>
    <t>12/13/2019 21:14:50</t>
  </si>
  <si>
    <t>12/13/2019 21:14:52</t>
  </si>
  <si>
    <t>12/13/2019 21:14:53</t>
  </si>
  <si>
    <t>12/13/2019 21:14:59</t>
  </si>
  <si>
    <t>12/13/2019 21:15:06</t>
  </si>
  <si>
    <t>12/13/2019 21:22:05</t>
  </si>
  <si>
    <t>12/13/2019 21:23:48</t>
  </si>
  <si>
    <t>12/13/2019 21:31:39</t>
  </si>
  <si>
    <t>12/13/2019 21:33:48</t>
  </si>
  <si>
    <t>12/13/2019 21:31:27</t>
  </si>
  <si>
    <t>12/13/2019 21:34:48</t>
  </si>
  <si>
    <t>e79f1e26-46c5-4945-80df-635f433db391.tmp</t>
  </si>
  <si>
    <t>\\acsfs\profiles$\joycemmdl\Downloads\e79f1e26-46c5-4945-80df-635f433db391.tmp</t>
  </si>
  <si>
    <t>12/13/2019 21:40:14</t>
  </si>
  <si>
    <t>12/13/2019 21:40:48</t>
  </si>
  <si>
    <t>12/13/2019 21:40:24</t>
  </si>
  <si>
    <t>12/13/2019 21:45:47</t>
  </si>
  <si>
    <t>mail.google.com/_/upload?authuser=0&amp;dcp=asu-n&amp;upload_id=AEnB2Uq_BITLMtmoB3MMKWHTvzaZhgIPc5f2hDdZ2IATVoCmUdbj0y50zaF_zojclAX3AZ78IVpfsvg0faE1b5A5SDQIDQr5z3y6mgAOqfc7H5fWp1h_MfA&amp;upload_protocol=resumable</t>
  </si>
  <si>
    <t>\\acsfs\DEPTOS\TH\05. Cargos e Remuneração\11.Estudos de Remuneração Total\</t>
  </si>
  <si>
    <t>Diretores_Meritocracia dez2019.xlsx</t>
  </si>
  <si>
    <t>12/13/2019 21:53:12</t>
  </si>
  <si>
    <t>12/13/2019 21:55:48</t>
  </si>
  <si>
    <t>12/13/2019 21:54:10</t>
  </si>
  <si>
    <t>12/13/2019 22:00:29</t>
  </si>
  <si>
    <t>12/13/2019 22:00:49</t>
  </si>
  <si>
    <t>12/13/2019 22:00:34</t>
  </si>
  <si>
    <t>12/13/2019 21:59:40</t>
  </si>
  <si>
    <t>12/13/2019 22:00:07</t>
  </si>
  <si>
    <t>12/13/2019 22:06:55</t>
  </si>
  <si>
    <t>12/13/2019 22:09:49</t>
  </si>
  <si>
    <t>12/13/2019 22:13:27</t>
  </si>
  <si>
    <t>12/13/2019 22:15:50</t>
  </si>
  <si>
    <t>12/13/2019 22:24:04</t>
  </si>
  <si>
    <t>12/13/2019 22:29:48</t>
  </si>
  <si>
    <t>12/13/2019 22:46:21</t>
  </si>
  <si>
    <t>12/13/2019 22:49:49</t>
  </si>
  <si>
    <t>12/13/2019 22:52:09</t>
  </si>
  <si>
    <t>12/13/2019 22:54:49</t>
  </si>
  <si>
    <t>12/13/2019 23:03:34</t>
  </si>
  <si>
    <t>12/13/2019 23:05:49</t>
  </si>
  <si>
    <t>ulog_AcroARM2_ARM2Update_a9473871-eb7b-4719-ba46-35125c58e0e7_2344b223-86ef-4a0a-873e-6c08ed6690b3_0.log</t>
  </si>
  <si>
    <t>C:\Users\davimvs\AppData\Roaming\Adobe\LogTransport2\Logs\ulog_AcroARM2_ARM2Update_a9473871-eb7b-4719-ba46-35125c58e0e7_2344b223-86ef-4a0a-873e-6c08ed6690b3_0.log\</t>
  </si>
  <si>
    <t>ulog_AcroARM2_Reader_a9473871-eb7b-4719-ba46-35125c58e0e7_711b9d36-24f5-4af7-9be4-f5543cc4d09e_0.log</t>
  </si>
  <si>
    <t>C:\Users\davimvs\AppData\Roaming\Adobe\LogTransport2\Logs\ulog_AcroARM2_Reader_a9473871-eb7b-4719-ba46-35125c58e0e7_711b9d36-24f5-4af7-9be4-f5543cc4d09e_0.log\</t>
  </si>
  <si>
    <t>12/13/2019 23:03:35</t>
  </si>
  <si>
    <t>ulog_AcroARM2_Reader_a9473871-eb7b-4719-ba46-35125c58e0e7_bb5f61b7-51e7-4c4b-8b0b-e85c8e59fc48_0.log</t>
  </si>
  <si>
    <t>C:\Users\davimvs\AppData\Roaming\Adobe\LogTransport2\Logs\ulog_AcroARM2_Reader_a9473871-eb7b-4719-ba46-35125c58e0e7_bb5f61b7-51e7-4c4b-8b0b-e85c8e59fc48_0.log\</t>
  </si>
  <si>
    <t>12/13/2019 23:08:14</t>
  </si>
  <si>
    <t>12/13/2019 23:12:49</t>
  </si>
  <si>
    <t>12/13/2019 23:11:09</t>
  </si>
  <si>
    <t>12/13/2019 23:13:50</t>
  </si>
  <si>
    <t>12/13/2019 23:26:48</t>
  </si>
  <si>
    <t>12/13/2019 23:28:50</t>
  </si>
  <si>
    <t>12/13/2019 23:42:29</t>
  </si>
  <si>
    <t>12/13/2019 23:42:50</t>
  </si>
  <si>
    <t>12/13/2019 23:57:18</t>
  </si>
  <si>
    <t>12/13/2019 23:57:51</t>
  </si>
  <si>
    <t>12/14/2019 00:03:08</t>
  </si>
  <si>
    <t>12/14/2019 00:03:51</t>
  </si>
  <si>
    <t>12/14/2019 00:06:38</t>
  </si>
  <si>
    <t>12/14/2019 00:07:51</t>
  </si>
  <si>
    <t>12/14/2019 00:02:34</t>
  </si>
  <si>
    <t>12/14/2019 00:08:31</t>
  </si>
  <si>
    <t>12/14/2019 00:09:51</t>
  </si>
  <si>
    <t>12/14/2019 00:12:21</t>
  </si>
  <si>
    <t>12/14/2019 00:14:50</t>
  </si>
  <si>
    <t>12/14/2019 00:11:02</t>
  </si>
  <si>
    <t>12/14/2019 00:15:50</t>
  </si>
  <si>
    <t>12/14/2019 00:13:07</t>
  </si>
  <si>
    <t>12/14/2019 00:18:50</t>
  </si>
  <si>
    <t>12/14/2019 01:12:02</t>
  </si>
  <si>
    <t>12/14/2019 01:14:50</t>
  </si>
  <si>
    <t>12/14/2019 01:23:39</t>
  </si>
  <si>
    <t>12/14/2019 01:28:50</t>
  </si>
  <si>
    <t>12/14/2019 02:11:46</t>
  </si>
  <si>
    <t>12/14/2019 02:14:51</t>
  </si>
  <si>
    <t>12/14/2019 02:18:18</t>
  </si>
  <si>
    <t>12/14/2019 02:18:51</t>
  </si>
  <si>
    <t>12/14/2019 02:26:34</t>
  </si>
  <si>
    <t>12/14/2019 02:29:52</t>
  </si>
  <si>
    <t>12/14/2019 02:28:40</t>
  </si>
  <si>
    <t>12/14/2019 02:30:51</t>
  </si>
  <si>
    <t>12/14/2019 02:33:38</t>
  </si>
  <si>
    <t>12/14/2019 02:35:53</t>
  </si>
  <si>
    <t>ulog_AcroARM2_ARM2Update_a9473871-eb7b-4719-ba46-35125c58e0e7_ef8711f2-e9dd-40d5-8f45-cffe539e9b86_0.log</t>
  </si>
  <si>
    <t>C:\Users\davimvs\AppData\Roaming\Adobe\LogTransport2\Logs\ulog_AcroARM2_ARM2Update_a9473871-eb7b-4719-ba46-35125c58e0e7_ef8711f2-e9dd-40d5-8f45-cffe539e9b86_0.log\</t>
  </si>
  <si>
    <t>ulog_AcroARM2_Reader_a9473871-eb7b-4719-ba46-35125c58e0e7_2875034c-89aa-48c7-956f-14fa141b276d_0.log</t>
  </si>
  <si>
    <t>C:\Users\davimvs\AppData\Roaming\Adobe\LogTransport2\Logs\ulog_AcroARM2_Reader_a9473871-eb7b-4719-ba46-35125c58e0e7_2875034c-89aa-48c7-956f-14fa141b276d_0.log\</t>
  </si>
  <si>
    <t>ulog_AcroARM2_Reader_a9473871-eb7b-4719-ba46-35125c58e0e7_c2530bce-1836-44fa-aae6-301fce27056c_0.log</t>
  </si>
  <si>
    <t>C:\Users\davimvs\AppData\Roaming\Adobe\LogTransport2\Logs\ulog_AcroARM2_Reader_a9473871-eb7b-4719-ba46-35125c58e0e7_c2530bce-1836-44fa-aae6-301fce27056c_0.log\</t>
  </si>
  <si>
    <t>12/14/2019 03:22:19</t>
  </si>
  <si>
    <t>12/14/2019 03:23:52</t>
  </si>
  <si>
    <t>12/14/2019 03:24:56</t>
  </si>
  <si>
    <t>12/14/2019 03:27:53</t>
  </si>
  <si>
    <t>12/14/2019 03:32:05</t>
  </si>
  <si>
    <t>12/14/2019 03:32:52</t>
  </si>
  <si>
    <t>12/14/2019 03:39:20</t>
  </si>
  <si>
    <t>12/14/2019 03:42:52</t>
  </si>
  <si>
    <t>12/14/2019 03:46:40</t>
  </si>
  <si>
    <t>12/14/2019 03:49:52</t>
  </si>
  <si>
    <t>12/14/2019 03:45:27</t>
  </si>
  <si>
    <t>12/14/2019 03:50:53</t>
  </si>
  <si>
    <t>12/14/2019 04:01:38</t>
  </si>
  <si>
    <t>12/14/2019 04:03:52</t>
  </si>
  <si>
    <t>12/14/2019 04:14:25</t>
  </si>
  <si>
    <t>12/14/2019 04:17:53</t>
  </si>
  <si>
    <t>12/14/2019 04:15:17</t>
  </si>
  <si>
    <t>12/14/2019 04:18:52</t>
  </si>
  <si>
    <t>12/14/2019 04:18:12</t>
  </si>
  <si>
    <t>12/14/2019 04:20:52</t>
  </si>
  <si>
    <t>12/14/2019 04:23:29</t>
  </si>
  <si>
    <t>12/14/2019 04:24:53</t>
  </si>
  <si>
    <t>12/14/2019 04:35:22</t>
  </si>
  <si>
    <t>12/14/2019 04:38:52</t>
  </si>
  <si>
    <t>12/14/2019 04:40:54</t>
  </si>
  <si>
    <t>12/14/2019 04:44:53</t>
  </si>
  <si>
    <t>12/14/2019 04:45:08</t>
  </si>
  <si>
    <t>12/14/2019 04:45:53</t>
  </si>
  <si>
    <t>12/14/2019 05:22:06</t>
  </si>
  <si>
    <t>12/14/2019 05:24:54</t>
  </si>
  <si>
    <t>12/14/2019 05:26:48</t>
  </si>
  <si>
    <t>12/14/2019 05:28:53</t>
  </si>
  <si>
    <t>12/14/2019 06:03:37</t>
  </si>
  <si>
    <t>12/14/2019 06:05:54</t>
  </si>
  <si>
    <t>ulog_AcroARM2_ARM2Update_a9473871-eb7b-4719-ba46-35125c58e0e7_7020cdc4-0f4f-4b07-b509-c54ecdfac046_0.log</t>
  </si>
  <si>
    <t>C:\Users\davimvs\AppData\Roaming\Adobe\LogTransport2\Logs\ulog_AcroARM2_ARM2Update_a9473871-eb7b-4719-ba46-35125c58e0e7_7020cdc4-0f4f-4b07-b509-c54ecdfac046_0.log\</t>
  </si>
  <si>
    <t>12/14/2019 06:03:38</t>
  </si>
  <si>
    <t>ulog_AcroARM2_Reader_a9473871-eb7b-4719-ba46-35125c58e0e7_7eefd5ce-eab9-4191-90a8-e743c77695ed_0.log</t>
  </si>
  <si>
    <t>C:\Users\davimvs\AppData\Roaming\Adobe\LogTransport2\Logs\ulog_AcroARM2_Reader_a9473871-eb7b-4719-ba46-35125c58e0e7_7eefd5ce-eab9-4191-90a8-e743c77695ed_0.log\</t>
  </si>
  <si>
    <t>ulog_AcroARM2_Reader_a9473871-eb7b-4719-ba46-35125c58e0e7_b78efc37-5272-4627-9c45-dd7341d5a22a_0.log</t>
  </si>
  <si>
    <t>C:\Users\davimvs\AppData\Roaming\Adobe\LogTransport2\Logs\ulog_AcroARM2_Reader_a9473871-eb7b-4719-ba46-35125c58e0e7_b78efc37-5272-4627-9c45-dd7341d5a22a_0.log\</t>
  </si>
  <si>
    <t>12/14/2019 06:38:02</t>
  </si>
  <si>
    <t>12/14/2019 06:38:54</t>
  </si>
  <si>
    <t>12/14/2019 06:37:14</t>
  </si>
  <si>
    <t>12/14/2019 06:39:54</t>
  </si>
  <si>
    <t>12/14/2019 06:39:47</t>
  </si>
  <si>
    <t>12/14/2019 06:43:54</t>
  </si>
  <si>
    <t>12/14/2019 06:42:53</t>
  </si>
  <si>
    <t>12/14/2019 06:47:55</t>
  </si>
  <si>
    <t>12/14/2019 07:07:33</t>
  </si>
  <si>
    <t>12/14/2019 07:07:54</t>
  </si>
  <si>
    <t>12/14/2019 07:12:04</t>
  </si>
  <si>
    <t>12/14/2019 07:14:54</t>
  </si>
  <si>
    <t>12/14/2019 07:13:13</t>
  </si>
  <si>
    <t>12/14/2019 07:18:53</t>
  </si>
  <si>
    <t>12/14/2019 07:28:57</t>
  </si>
  <si>
    <t>12/14/2019 07:30:54</t>
  </si>
  <si>
    <t>mail.google.com/sync/u/0/i/s?hl=pt-BR&amp;c=1930</t>
  </si>
  <si>
    <t>12/14/2019 07:29:05</t>
  </si>
  <si>
    <t>mail.google.com/sync/u/0/i/s?hl=pt-BR&amp;c=1932</t>
  </si>
  <si>
    <t>12/14/2019 07:29:20</t>
  </si>
  <si>
    <t>mail.google.com/sync/u/0/i/s?hl=pt-BR&amp;c=1935</t>
  </si>
  <si>
    <t>12/14/2019 07:29:34</t>
  </si>
  <si>
    <t>mail.google.com/sync/u/0/i/s?hl=pt-BR&amp;c=1937</t>
  </si>
  <si>
    <t>12/14/2019 07:29:40</t>
  </si>
  <si>
    <t>mail.google.com/sync/u/0/i/s?hl=pt-BR&amp;c=1939</t>
  </si>
  <si>
    <t>12/14/2019 07:30:32</t>
  </si>
  <si>
    <t>12/14/2019 07:31:54</t>
  </si>
  <si>
    <t>12/14/2019 07:33:05</t>
  </si>
  <si>
    <t>12/14/2019 07:35:54</t>
  </si>
  <si>
    <t>mail.google.com/_/upload?authuser=0&amp;dcp=asu-n&amp;upload_id=AEnB2Uobj_O5vC_xakfMJrp4UyZEgrxHR1AzLXDBsYwXD2oYxbUCO70kFg4ro3UCwJk5zm_82rsvnBLOkQM95FOhOYlStzyIz1tJbii0otgzXqT2Tn6Au7E&amp;upload_protocol=resumable</t>
  </si>
  <si>
    <t>Tratativas Vendas Novembro.pdf</t>
  </si>
  <si>
    <t>mail.google.com/_/upload?authuser=0&amp;dcp=asu-n&amp;upload_id=AEnB2UpOPEy53qBTC9h_McPP03Gv4gQFsmaH0aaVooJTR0uEFGh8dsuRpbyQzXMSmcYeP1YfZG0eO0hpYu5SKmlwXrld0OAIknap6d4NyFni0lxrAfidlWw&amp;upload_protocol=resumable</t>
  </si>
  <si>
    <t>Tratativas Vendas Novembro 2.pdf</t>
  </si>
  <si>
    <t>12/14/2019 07:33:06</t>
  </si>
  <si>
    <t>mail.google.com/sync/u/0/i/s?hl=pt-BR&amp;c=1979</t>
  </si>
  <si>
    <t>bvcartes-supervisores@algarnet.onmicrosoft.com;qualidadealgarbv@algartech.com;severinojfds@algartech.com;talmaiardo@algartech.com;thiagordu@algartech.com;</t>
  </si>
  <si>
    <t>bvcartes-supervisores@algarnet.onmicrosoft.com,qualidadealgarbv@algartech.com,severinojfds@algartech.com,talmaiardo@algartech.com,thiagordu@algartech.com</t>
  </si>
  <si>
    <t>12/14/2019 07:33:08</t>
  </si>
  <si>
    <t>mail.google.com/sync/u/0/i/s?hl=pt-BR&amp;c=1981</t>
  </si>
  <si>
    <t>12/14/2019 07:33:21</t>
  </si>
  <si>
    <t>mail.google.com/sync/u/0/i/s?hl=pt-BR&amp;c=1984</t>
  </si>
  <si>
    <t>12/14/2019 07:33:38</t>
  </si>
  <si>
    <t>mail.google.com/sync/u/0/i/s?hl=pt-BR&amp;c=1986</t>
  </si>
  <si>
    <t>12/14/2019 07:33:52</t>
  </si>
  <si>
    <t>mail.google.com/sync/u/0/i/s?hl=pt-BR&amp;c=1988</t>
  </si>
  <si>
    <t>12/14/2019 07:34:04</t>
  </si>
  <si>
    <t>mail.google.com/sync/u/0/i/s?hl=pt-BR&amp;c=1991</t>
  </si>
  <si>
    <t>12/14/2019 07:34:19</t>
  </si>
  <si>
    <t>mail.google.com/sync/u/0/i/s?hl=pt-BR&amp;c=1994</t>
  </si>
  <si>
    <t>12/14/2019 07:34:37</t>
  </si>
  <si>
    <t>mail.google.com/sync/u/0/i/s?hl=pt-BR&amp;c=1996</t>
  </si>
  <si>
    <t>12/14/2019 07:30:48</t>
  </si>
  <si>
    <t>12/14/2019 07:38:38</t>
  </si>
  <si>
    <t>12/14/2019 07:40:53</t>
  </si>
  <si>
    <t>12/14/2019 07:43:38</t>
  </si>
  <si>
    <t>12/14/2019 07:45:54</t>
  </si>
  <si>
    <t>12/14/2019 07:43:24</t>
  </si>
  <si>
    <t>12/14/2019 07:46:54</t>
  </si>
  <si>
    <t>12/14/2019 07:48:47</t>
  </si>
  <si>
    <t>12/14/2019 07:49:53</t>
  </si>
  <si>
    <t>12/14/2019 07:46:49</t>
  </si>
  <si>
    <t>12/14/2019 07:50:54</t>
  </si>
  <si>
    <t>12/14/2019 07:47:48</t>
  </si>
  <si>
    <t>12/14/2019 07:49:16</t>
  </si>
  <si>
    <t>12/14/2019 07:49:35</t>
  </si>
  <si>
    <t>12/14/2019 07:54:39</t>
  </si>
  <si>
    <t>12/14/2019 07:55:54</t>
  </si>
  <si>
    <t>12/14/2019 07:54:50</t>
  </si>
  <si>
    <t>12/14/2019 07:52:54</t>
  </si>
  <si>
    <t>64d204c9-ad69-4a1d-a5e5-2420c0ef0a00.tmp</t>
  </si>
  <si>
    <t>\\acsfs\profiles$\luanarda\Downloads\64d204c9-ad69-4a1d-a5e5-2420c0ef0a00.tmp</t>
  </si>
  <si>
    <t>12/14/2019 07:55:05</t>
  </si>
  <si>
    <t>1891ad41-68ce-4bb3-ab65-a4e33701626d.tmp</t>
  </si>
  <si>
    <t>\\acsfs\profiles$\luanarda\Downloads\1891ad41-68ce-4bb3-ab65-a4e33701626d.tmp</t>
  </si>
  <si>
    <t>12/14/2019 07:51:49</t>
  </si>
  <si>
    <t>12/14/2019 07:56:54</t>
  </si>
  <si>
    <t>54acebaa-61f0-41f2-a19c-3558ac788ae8.tmp</t>
  </si>
  <si>
    <t>\\acsfs\profiles$\alicecpbc\Downloads\54acebaa-61f0-41f2-a19c-3558ac788ae8.tmp</t>
  </si>
  <si>
    <t>12/14/2019 07:53:54</t>
  </si>
  <si>
    <t>a1bd5842-ae19-4707-85a2-f7448fc6fc5f.tmp</t>
  </si>
  <si>
    <t>\\acsfs\profiles$\alicecpbc\Downloads\a1bd5842-ae19-4707-85a2-f7448fc6fc5f.tmp</t>
  </si>
  <si>
    <t>12/14/2019 07:54:10</t>
  </si>
  <si>
    <t>12/14/2019 07:57:54</t>
  </si>
  <si>
    <t>12/14/2019 07:55:18</t>
  </si>
  <si>
    <t>12/14/2019 08:00:55</t>
  </si>
  <si>
    <t>12/14/2019 07:55:51</t>
  </si>
  <si>
    <t>12/14/2019 07:58:04</t>
  </si>
  <si>
    <t>12/14/2019 08:01:30</t>
  </si>
  <si>
    <t>12/14/2019 08:04:54</t>
  </si>
  <si>
    <t>12/14/2019 08:01:50</t>
  </si>
  <si>
    <t>3bce93e8-2ac0-49eb-8ffa-39fb0caa5652.tmp</t>
  </si>
  <si>
    <t>\\acsfs\profiles$\paulovadc\Downloads\3bce93e8-2ac0-49eb-8ffa-39fb0caa5652.tmp</t>
  </si>
  <si>
    <t>12/14/2019 08:02:47</t>
  </si>
  <si>
    <t>504162cb-992c-4ae0-8a23-895944aa5264.tmp</t>
  </si>
  <si>
    <t>\\acsfs\profiles$\paulovadc\Downloads\504162cb-992c-4ae0-8a23-895944aa5264.tmp</t>
  </si>
  <si>
    <t>12/14/2019 08:02:16</t>
  </si>
  <si>
    <t>12/14/2019 08:03:16</t>
  </si>
  <si>
    <t>65ddafed-291e-4c8d-8156-3c2b59fa6e53.tmp</t>
  </si>
  <si>
    <t>\\acsfs\profiles$\vivianalds\Downloads\65ddafed-291e-4c8d-8156-3c2b59fa6e53.tmp</t>
  </si>
  <si>
    <t>12/14/2019 08:03:32</t>
  </si>
  <si>
    <t>593abf14-0dde-45a3-b37b-8b8414fc21ea.tmp</t>
  </si>
  <si>
    <t>\\acsfs\profiles$\vivianalds\Downloads\593abf14-0dde-45a3-b37b-8b8414fc21ea.tmp</t>
  </si>
  <si>
    <t>12/14/2019 08:00:52</t>
  </si>
  <si>
    <t>12/14/2019 08:05:54</t>
  </si>
  <si>
    <t>12/14/2019 08:02:28</t>
  </si>
  <si>
    <t>12/14/2019 08:03:08</t>
  </si>
  <si>
    <t>12/14/2019 08:07:54</t>
  </si>
  <si>
    <t>4c8185f4-2e78-48af-b35a-422d695091bd.tmp</t>
  </si>
  <si>
    <t>\\acsfs\profiles$\dhiulliananads\Downloads\4c8185f4-2e78-48af-b35a-422d695091bd.tmp</t>
  </si>
  <si>
    <t>12/14/2019 08:03:52</t>
  </si>
  <si>
    <t>3f43dc41-2417-401a-8ee8-28cf39f4852d.tmp</t>
  </si>
  <si>
    <t>\\acsfs\profiles$\dhiulliananads\Downloads\3f43dc41-2417-401a-8ee8-28cf39f4852d.tmp</t>
  </si>
  <si>
    <t>12/14/2019 08:04:55</t>
  </si>
  <si>
    <t>12/14/2019 08:09:54</t>
  </si>
  <si>
    <t>4accf787-3fdd-45be-aba7-e24f24a4fea4.tmp</t>
  </si>
  <si>
    <t>\\acsfs\profiles$\vivianalds\Downloads\4accf787-3fdd-45be-aba7-e24f24a4fea4.tmp</t>
  </si>
  <si>
    <t>12/14/2019 08:09:07</t>
  </si>
  <si>
    <t>12/14/2019 08:11:54</t>
  </si>
  <si>
    <t>12/14/2019 08:09:25</t>
  </si>
  <si>
    <t>12/14/2019 08:13:54</t>
  </si>
  <si>
    <t>12/14/2019 08:14:15</t>
  </si>
  <si>
    <t>12/14/2019 08:19:54</t>
  </si>
  <si>
    <t>12/14/2019 08:16:32</t>
  </si>
  <si>
    <t>12/14/2019 08:26:30</t>
  </si>
  <si>
    <t>12/14/2019 08:27:54</t>
  </si>
  <si>
    <t>e5027bb5-a856-4d9c-94dc-79ff7b1748fd.tmp</t>
  </si>
  <si>
    <t>\\acsfs\profiles$\dhiulliananads\Downloads\e5027bb5-a856-4d9c-94dc-79ff7b1748fd.tmp</t>
  </si>
  <si>
    <t>12/14/2019 08:26:46</t>
  </si>
  <si>
    <t>12/14/2019 08:28:54</t>
  </si>
  <si>
    <t>3581d7b2-4351-4e4f-bee5-ee585c8136a0.tmp</t>
  </si>
  <si>
    <t>\\acsfs\profiles$\YASMINSC\Downloads\3581d7b2-4351-4e4f-bee5-ee585c8136a0.tmp</t>
  </si>
  <si>
    <t>12/14/2019 08:26:56</t>
  </si>
  <si>
    <t>12/14/2019 08:27:19</t>
  </si>
  <si>
    <t>Pedrohab</t>
  </si>
  <si>
    <t>\\acsfs\profiles$\Pedrohab\My Documents\My Pictures\</t>
  </si>
  <si>
    <t>\\acsfs\profiles$\PEDROHAB\My Documents\My Videos\desktop.ini</t>
  </si>
  <si>
    <t>12/14/2019 08:27:24</t>
  </si>
  <si>
    <t>\\acsfs\profiles$\PEDROHAB\My Documents\My Videos\</t>
  </si>
  <si>
    <t>12/14/2019 08:27:25</t>
  </si>
  <si>
    <t>12/14/2019 08:27:31</t>
  </si>
  <si>
    <t>12/14/2019 08:27:32</t>
  </si>
  <si>
    <t>12/14/2019 08:27:34</t>
  </si>
  <si>
    <t>\\acsfs\profiles$\Pedrohab\My Documents\My Music\</t>
  </si>
  <si>
    <t>\\acsfs\profiles$\PEDROHAB\My Documents\My Pictures\desktop.ini</t>
  </si>
  <si>
    <t>12/14/2019 08:27:36</t>
  </si>
  <si>
    <t>\\acsfs\profiles$\Pedrohab\My Documents\My Videos\</t>
  </si>
  <si>
    <t>12/14/2019 08:27:37</t>
  </si>
  <si>
    <t>12/14/2019 08:27:38</t>
  </si>
  <si>
    <t>12/14/2019 08:27:39</t>
  </si>
  <si>
    <t>12/14/2019 08:27:41</t>
  </si>
  <si>
    <t>\\acsfs\profiles$\PEDROHAB\Contacts\</t>
  </si>
  <si>
    <t>\\acsfs\profiles$\PEDROHAB\Contacts\desktop.ini</t>
  </si>
  <si>
    <t>12/14/2019 08:27:42</t>
  </si>
  <si>
    <t>12/14/2019 08:27:43</t>
  </si>
  <si>
    <t>12/14/2019 08:27:44</t>
  </si>
  <si>
    <t>12/14/2019 08:27:46</t>
  </si>
  <si>
    <t>12/14/2019 08:27:48</t>
  </si>
  <si>
    <t>\\acsfs\profiles$\Pedrohab\My Documents\</t>
  </si>
  <si>
    <t>\\acsfs\profiles$\PEDROHAB\Favorites\desktop.ini</t>
  </si>
  <si>
    <t>12/14/2019 08:27:49</t>
  </si>
  <si>
    <t>12/14/2019 08:27:50</t>
  </si>
  <si>
    <t>12/14/2019 08:27:51</t>
  </si>
  <si>
    <t>12/14/2019 08:27:53</t>
  </si>
  <si>
    <t>12/14/2019 08:27:56</t>
  </si>
  <si>
    <t>12/14/2019 08:27:57</t>
  </si>
  <si>
    <t>\\acsfs\profiles$\PEDROHAB\My Documents\My Music\desktop.ini</t>
  </si>
  <si>
    <t>12/14/2019 08:27:58</t>
  </si>
  <si>
    <t>\\acsfs\profiles$\PEDROHAB\My Documents\My Music\</t>
  </si>
  <si>
    <t>12/14/2019 08:27:59</t>
  </si>
  <si>
    <t>12/14/2019 08:28:00</t>
  </si>
  <si>
    <t>12/14/2019 08:28:01</t>
  </si>
  <si>
    <t>12/14/2019 08:28:02</t>
  </si>
  <si>
    <t>\\acsfs\profiles$\PEDROHAB\Searches\</t>
  </si>
  <si>
    <t>\\acsfs\profiles$\PEDROHAB\Searches\desktop.ini</t>
  </si>
  <si>
    <t>12/14/2019 08:28:03</t>
  </si>
  <si>
    <t>12/14/2019 08:28:05</t>
  </si>
  <si>
    <t>12/14/2019 08:28:06</t>
  </si>
  <si>
    <t>12/14/2019 08:28:08</t>
  </si>
  <si>
    <t>12/14/2019 08:28:09</t>
  </si>
  <si>
    <t>\\acsfs\profiles$\PEDROHAB\Downloads\desktop.ini</t>
  </si>
  <si>
    <t>12/14/2019 08:28:10</t>
  </si>
  <si>
    <t>12/13/2019 23:05:42</t>
  </si>
  <si>
    <t>12/14/2019 08:30:54</t>
  </si>
  <si>
    <t>vendas dezembro.txt</t>
  </si>
  <si>
    <t>\\acsfs\profiles$\joycemmdl\My Documents\vendas dezembro.txt</t>
  </si>
  <si>
    <t>12/13/2019 23:05:44</t>
  </si>
  <si>
    <t>12/13/2019 23:05:46</t>
  </si>
  <si>
    <t>12/14/2019 08:28:56</t>
  </si>
  <si>
    <t>12/14/2019 08:31:54</t>
  </si>
  <si>
    <t>d8799eab-9b97-471c-ba0f-b67ad89621e2.tmp</t>
  </si>
  <si>
    <t>\\acsfs\profiles$\adrielyas\Downloads\d8799eab-9b97-471c-ba0f-b67ad89621e2.tmp</t>
  </si>
  <si>
    <t>12/14/2019 08:29:23</t>
  </si>
  <si>
    <t>12/14/2019 08:30:31</t>
  </si>
  <si>
    <t>92eb969a-9c65-4197-b4d5-f1de4245f579.tmp</t>
  </si>
  <si>
    <t>\\acsfs\profiles$\adrielyas\Downloads\92eb969a-9c65-4197-b4d5-f1de4245f579.tmp</t>
  </si>
  <si>
    <t>12/14/2019 08:28:12</t>
  </si>
  <si>
    <t>12/14/2019 08:33:54</t>
  </si>
  <si>
    <t>0911aa6f-9684-4ea1-8ffc-215b4d703c77.tmp</t>
  </si>
  <si>
    <t>\\acsfs\profiles$\YASMINSC\Downloads\0911aa6f-9684-4ea1-8ffc-215b4d703c77.tmp</t>
  </si>
  <si>
    <t>\\acsfs\profiles$\Pedrohab\Favorites\</t>
  </si>
  <si>
    <t>\\acsfs\profiles$\PEDROHAB\My Documents\desktop.ini</t>
  </si>
  <si>
    <t>12/14/2019 08:28:13</t>
  </si>
  <si>
    <t>\\acsfs\profiles$\PEDROHAB\My Documents\</t>
  </si>
  <si>
    <t>12/14/2019 08:28:15</t>
  </si>
  <si>
    <t>12/14/2019 08:28:16</t>
  </si>
  <si>
    <t>12/14/2019 08:28:17</t>
  </si>
  <si>
    <t>12/14/2019 08:28:18</t>
  </si>
  <si>
    <t>12/14/2019 08:28:20</t>
  </si>
  <si>
    <t>\\acsfs\profiles$\Pedrohab\Downloads\</t>
  </si>
  <si>
    <t>\\acsfs\profiles$\PEDROHAB\Saved Games\desktop.ini</t>
  </si>
  <si>
    <t>12/14/2019 08:28:21</t>
  </si>
  <si>
    <t>12/14/2019 08:28:44</t>
  </si>
  <si>
    <t>winrt--{S-1-5-21-602162358-764733703-839522115-352963}-.searchconnector-ms</t>
  </si>
  <si>
    <t>\\acsfs\profiles$\PEDROHAB\Searches\winrt--{S-1-5-21-602162358-764733703-839522115-352963}-.searchconnector-ms</t>
  </si>
  <si>
    <t>12/14/2019 08:30:38</t>
  </si>
  <si>
    <t>12/14/2019 08:34:54</t>
  </si>
  <si>
    <t>12/14/2019 08:34:00</t>
  </si>
  <si>
    <t>\\acsfs\profiles$\VIVIANALDS\My Documents\</t>
  </si>
  <si>
    <t>.~lock.Vendas.ods#</t>
  </si>
  <si>
    <t>\\acsfs\profiles$\VIVIANALDS\My Documents\.~lock.Vendas.ods#</t>
  </si>
  <si>
    <t>12/14/2019 08:34:01</t>
  </si>
  <si>
    <t>lu16436yw8um.tmp</t>
  </si>
  <si>
    <t>\\acsfs\profiles$\VIVIANALDS\My Documents\lu16436yw8um.tmp</t>
  </si>
  <si>
    <t>\\acsfs\profiles$\VIVIANALDS\My Documents\lu16436yw8um.tmp\</t>
  </si>
  <si>
    <t>\\acsfs\profiles$\VIVIANALDS\My Documents\lu16436yw8um.tmp\META-INF\</t>
  </si>
  <si>
    <t>\\acsfs\profiles$\VIVIANALDS\My Documents\lu16436yw8um.tmp\Thumbnails\</t>
  </si>
  <si>
    <t>12/14/2019 08:30:17</t>
  </si>
  <si>
    <t>12/14/2019 08:35:54</t>
  </si>
  <si>
    <t>54739ac7-33d7-4393-87e7-7a85144b56c2.tmp</t>
  </si>
  <si>
    <t>\\acsfs\profiles$\geovanaasa\Downloads\54739ac7-33d7-4393-87e7-7a85144b56c2.tmp</t>
  </si>
  <si>
    <t>12/14/2019 08:30:33</t>
  </si>
  <si>
    <t>689586cd-2c0a-43f1-9147-985e6132585a.tmp</t>
  </si>
  <si>
    <t>\\acsfs\profiles$\geovanaasa\Downloads\689586cd-2c0a-43f1-9147-985e6132585a.tmp</t>
  </si>
  <si>
    <t>12/14/2019 08:30:35</t>
  </si>
  <si>
    <t>12/14/2019 08:31:35</t>
  </si>
  <si>
    <t>5b82b5e4-fb1c-49ba-9e36-ec10c91933f0.tmp</t>
  </si>
  <si>
    <t>\\acsfs\profiles$\geovanaasa\Downloads\5b82b5e4-fb1c-49ba-9e36-ec10c91933f0.tmp</t>
  </si>
  <si>
    <t>12/14/2019 08:31:39</t>
  </si>
  <si>
    <t>ce89c2c5-15a7-46d8-b379-6b1d359e0f1f.tmp</t>
  </si>
  <si>
    <t>\\acsfs\profiles$\geovanaasa\Downloads\ce89c2c5-15a7-46d8-b379-6b1d359e0f1f.tmp</t>
  </si>
  <si>
    <t>12/14/2019 08:34:09</t>
  </si>
  <si>
    <t>12/14/2019 08:36:54</t>
  </si>
  <si>
    <t>12/14/2019 08:33:58</t>
  </si>
  <si>
    <t>12/14/2019 08:37:54</t>
  </si>
  <si>
    <t>6549754f-fd73-4813-8660-27b59065db5c.tmp</t>
  </si>
  <si>
    <t>\\acsfs\profiles$\dhiulliananads\Downloads\6549754f-fd73-4813-8660-27b59065db5c.tmp</t>
  </si>
  <si>
    <t>12/14/2019 08:34:03</t>
  </si>
  <si>
    <t>\\acsfs\DEPTOS\Operacao\PCP\5 - Comum\JUKA\Login Logout Financeira\RELATORIO DE LOGIN - FINANCEIRA - 11 - 12 - Cópia.xlsm\</t>
  </si>
  <si>
    <t>\\acsfs\DEPTOS\Operacao\PCP\5 - Comum\JUKA\Login Logout Financeira\RELATORIO DE LOGIN - FINANCEIRA - 11 - 12 - Cópia.xlsm\:Zone.Identifier:$DATA</t>
  </si>
  <si>
    <t>12/14/2019 08:34:11</t>
  </si>
  <si>
    <t>\\acsfs\DEPTOS\Operacao\PCP\5 - Comum\JUKA\Login Logout Financeira\</t>
  </si>
  <si>
    <t>RELATORIO DE LOGIN - FINANCEIRA - 11 - 12 - Cópia.xlsm</t>
  </si>
  <si>
    <t>\\acsfs\DEPTOS\Operacao\PCP\5 - Comum\JUKA\Login Logout Financeira\RELATORIO DE LOGIN - FINANCEIRA - 11 - 12 - Cópia.xlsm</t>
  </si>
  <si>
    <t>12/14/2019 08:35:23</t>
  </si>
  <si>
    <t>12/14/2019 08:38:55</t>
  </si>
  <si>
    <t>cbc3761d-bdf1-42eb-8541-e00ced1de13a.tmp</t>
  </si>
  <si>
    <t>\\acsfs\profiles$\PEDROHAB\Downloads\cbc3761d-bdf1-42eb-8541-e00ced1de13a.tmp</t>
  </si>
  <si>
    <t>12/14/2019 08:35:24</t>
  </si>
  <si>
    <t>e3a15294-a36f-45b9-b9c2-68d07e23f373.tmp</t>
  </si>
  <si>
    <t>\\acsfs\profiles$\PEDROHAB\Downloads\e3a15294-a36f-45b9-b9c2-68d07e23f373.tmp</t>
  </si>
  <si>
    <t>12/14/2019 08:36:49</t>
  </si>
  <si>
    <t>a4e61b47-0e61-4ef5-bdff-d6aeb890705f.tmp</t>
  </si>
  <si>
    <t>\\acsfs\profiles$\PEDROHAB\Downloads\a4e61b47-0e61-4ef5-bdff-d6aeb890705f.tmp</t>
  </si>
  <si>
    <t>12/14/2019 08:34:34</t>
  </si>
  <si>
    <t>12/14/2019 08:39:54</t>
  </si>
  <si>
    <t>lu16436yw8uq.tmp</t>
  </si>
  <si>
    <t>\\acsfs\profiles$\VIVIANALDS\My Documents\lu16436yw8uq.tmp</t>
  </si>
  <si>
    <t>\\acsfs\profiles$\VIVIANALDS\My Documents\lu16436yw8uq.tmp\</t>
  </si>
  <si>
    <t>\\acsfs\profiles$\VIVIANALDS\My Documents\lu16436yw8uq.tmp\META-INF\</t>
  </si>
  <si>
    <t>\\acsfs\profiles$\VIVIANALDS\My Documents\lu16436yw8uq.tmp\Thumbnails\</t>
  </si>
  <si>
    <t>12/14/2019 08:41:54</t>
  </si>
  <si>
    <t>12/14/2019 08:42:54</t>
  </si>
  <si>
    <t>\\acsfs\DEPTOS\Operacao\PCP\5 - Comum\JUKA\Login Logout Financeira\F6C35E68.tmp\</t>
  </si>
  <si>
    <t>\\acsfs\DEPTOS\Operacao\PCP\5 - Comum\JUKA\Login Logout Financeira\F6C35E68.tmp\:Zone.Identifier:$DATA</t>
  </si>
  <si>
    <t>12/14/2019 08:42:03</t>
  </si>
  <si>
    <t>RELATORIO DE LOGIN - FINANCEIRA - 12 - 12 -.xlsm</t>
  </si>
  <si>
    <t>\\acsfs\DEPTOS\Operacao\PCP\5 - Comum\JUKA\Login Logout Financeira\RELATORIO DE LOGIN - FINANCEIRA - 12 - 12 -.xlsm</t>
  </si>
  <si>
    <t>12/14/2019 08:41:06</t>
  </si>
  <si>
    <t>12/14/2019 08:43:54</t>
  </si>
  <si>
    <t>12/14/2019 08:43:24</t>
  </si>
  <si>
    <t>12/14/2019 08:45:54</t>
  </si>
  <si>
    <t>12/14/2019 08:42:05</t>
  </si>
  <si>
    <t>12/14/2019 08:46:54</t>
  </si>
  <si>
    <t>12/14/2019 08:46:31</t>
  </si>
  <si>
    <t>12/14/2019 08:48:54</t>
  </si>
  <si>
    <t>12/14/2019 08:50:42</t>
  </si>
  <si>
    <t>12/14/2019 08:53:54</t>
  </si>
  <si>
    <t>62efd236-9936-4e91-9493-bf59f4c7c5e4.tmp</t>
  </si>
  <si>
    <t>\\acsfs\profiles$\YASMINSC\Downloads\62efd236-9936-4e91-9493-bf59f4c7c5e4.tmp</t>
  </si>
  <si>
    <t>12/14/2019 08:53:11</t>
  </si>
  <si>
    <t>12/14/2019 08:55:54</t>
  </si>
  <si>
    <t>12/14/2019 08:57:58</t>
  </si>
  <si>
    <t>12/14/2019 08:59:54</t>
  </si>
  <si>
    <t>12/14/2019 08:59:52</t>
  </si>
  <si>
    <t>12/14/2019 09:00:54</t>
  </si>
  <si>
    <t>12/14/2019 09:01:08</t>
  </si>
  <si>
    <t>12/14/2019 09:04:54</t>
  </si>
  <si>
    <t>c5280bd5-161f-4d1c-b595-b0a142f330d1.tmp</t>
  </si>
  <si>
    <t>\\acsfs\profiles$\paulovadc\Downloads\c5280bd5-161f-4d1c-b595-b0a142f330d1.tmp</t>
  </si>
  <si>
    <t>12/14/2019 09:04:57</t>
  </si>
  <si>
    <t>12/14/2019 09:06:55</t>
  </si>
  <si>
    <t>05a566e7-266b-47a8-9c8d-b55269bbc6cc.tmp</t>
  </si>
  <si>
    <t>\\acsfs\profiles$\alicecpbc\Downloads\05a566e7-266b-47a8-9c8d-b55269bbc6cc.tmp</t>
  </si>
  <si>
    <t>12/14/2019 09:06:03</t>
  </si>
  <si>
    <t>12/14/2019 09:07:54</t>
  </si>
  <si>
    <t>10.200.66.29</t>
  </si>
  <si>
    <t>74-86-7A-FB-17-D6</t>
  </si>
  <si>
    <t>VOTORANT-GB014</t>
  </si>
  <si>
    <t>\\acsfs\profiles$\laranmg\My Documents\xworkcenter\logs\</t>
  </si>
  <si>
    <t>XLOG_laranmg_14122019_090558.log</t>
  </si>
  <si>
    <t>\\acsfs\profiles$\laranmg\My Documents\xworkcenter\logs\XLOG_laranmg_14122019_090558.log</t>
  </si>
  <si>
    <t>12/14/2019 09:12:51</t>
  </si>
  <si>
    <t>12/14/2019 09:14:54</t>
  </si>
  <si>
    <t>12/14/2019 09:16:38</t>
  </si>
  <si>
    <t>12/14/2019 09:18:54</t>
  </si>
  <si>
    <t>16604f8f-56b8-4ca2-bb06-dd55b3751ac0.tmp</t>
  </si>
  <si>
    <t>\\acsfs\profiles$\PEDROHAB\Downloads\16604f8f-56b8-4ca2-bb06-dd55b3751ac0.tmp</t>
  </si>
  <si>
    <t>12/14/2019 09:17:26</t>
  </si>
  <si>
    <t>12/14/2019 09:18:51</t>
  </si>
  <si>
    <t>12/14/2019 09:21:53</t>
  </si>
  <si>
    <t>12/14/2019 09:22:00</t>
  </si>
  <si>
    <t>12/14/2019 09:23:53</t>
  </si>
  <si>
    <t>0d0f0546-e9f5-49a2-8d51-3338be2a7e2e.tmp</t>
  </si>
  <si>
    <t>\\acsfs\profiles$\YASMINSC\Downloads\0d0f0546-e9f5-49a2-8d51-3338be2a7e2e.tmp</t>
  </si>
  <si>
    <t>12/14/2019 09:23:37</t>
  </si>
  <si>
    <t>12/14/2019 09:26:54</t>
  </si>
  <si>
    <t>12/14/2019 09:23:04</t>
  </si>
  <si>
    <t>12/14/2019 09:27:53</t>
  </si>
  <si>
    <t>12/14/2019 09:27:24</t>
  </si>
  <si>
    <t>12/14/2019 09:30:53</t>
  </si>
  <si>
    <t>12/14/2019 09:33:38</t>
  </si>
  <si>
    <t>12/14/2019 09:35:54</t>
  </si>
  <si>
    <t>ulog_AcroARM2_ARM2Update_a9473871-eb7b-4719-ba46-35125c58e0e7_21ddb38b-1e6f-465c-bc4c-7577440a7cf7_0.log</t>
  </si>
  <si>
    <t>C:\Users\davimvs\AppData\Roaming\Adobe\LogTransport2\Logs\ulog_AcroARM2_ARM2Update_a9473871-eb7b-4719-ba46-35125c58e0e7_21ddb38b-1e6f-465c-bc4c-7577440a7cf7_0.log\</t>
  </si>
  <si>
    <t>ulog_AcroARM2_Reader_a9473871-eb7b-4719-ba46-35125c58e0e7_10321e8b-c390-40fe-bf26-f4368f73425a_0.log</t>
  </si>
  <si>
    <t>C:\Users\davimvs\AppData\Roaming\Adobe\LogTransport2\Logs\ulog_AcroARM2_Reader_a9473871-eb7b-4719-ba46-35125c58e0e7_10321e8b-c390-40fe-bf26-f4368f73425a_0.log\</t>
  </si>
  <si>
    <t>12/14/2019 09:33:39</t>
  </si>
  <si>
    <t>ulog_AcroARM2_Reader_a9473871-eb7b-4719-ba46-35125c58e0e7_7c012a92-9200-4491-9e83-329f5ea38c34_0.log</t>
  </si>
  <si>
    <t>C:\Users\davimvs\AppData\Roaming\Adobe\LogTransport2\Logs\ulog_AcroARM2_Reader_a9473871-eb7b-4719-ba46-35125c58e0e7_7c012a92-9200-4491-9e83-329f5ea38c34_0.log\</t>
  </si>
  <si>
    <t>cb766919-f37e-42b9-800b-084fc6d80dae.tmp</t>
  </si>
  <si>
    <t>\\acsfs\profiles$\luanarda\Downloads\cb766919-f37e-42b9-800b-084fc6d80dae.tmp</t>
  </si>
  <si>
    <t>12/14/2019 09:35:19</t>
  </si>
  <si>
    <t>12/14/2019 09:36:53</t>
  </si>
  <si>
    <t>386e51df-3d35-4073-a603-bfe280929c75.tmp</t>
  </si>
  <si>
    <t>\\acsfs\profiles$\adrielyas\Downloads\386e51df-3d35-4073-a603-bfe280929c75.tmp</t>
  </si>
  <si>
    <t>12/14/2019 09:44:25</t>
  </si>
  <si>
    <t>12/14/2019 09:49:53</t>
  </si>
  <si>
    <t>12/14/2019 09:44:26</t>
  </si>
  <si>
    <t>lu16436yw8v4.tmp</t>
  </si>
  <si>
    <t>\\acsfs\profiles$\VIVIANALDS\My Documents\lu16436yw8v4.tmp</t>
  </si>
  <si>
    <t>\\acsfs\profiles$\VIVIANALDS\My Documents\lu16436yw8v4.tmp\</t>
  </si>
  <si>
    <t>\\acsfs\profiles$\VIVIANALDS\My Documents\lu16436yw8v4.tmp\META-INF\</t>
  </si>
  <si>
    <t>\\acsfs\profiles$\VIVIANALDS\My Documents\lu16436yw8v4.tmp\Thumbnails\</t>
  </si>
  <si>
    <t>12/14/2019 09:52:44</t>
  </si>
  <si>
    <t>12/14/2019 09:54:54</t>
  </si>
  <si>
    <t>12/14/2019 09:58:17</t>
  </si>
  <si>
    <t>12/14/2019 10:03:53</t>
  </si>
  <si>
    <t>12/14/2019 10:03:14</t>
  </si>
  <si>
    <t>12/14/2019 10:04:54</t>
  </si>
  <si>
    <t>12/14/2019 10:03:19</t>
  </si>
  <si>
    <t>12/14/2019 10:05:53</t>
  </si>
  <si>
    <t>12/14/2019 10:24:10</t>
  </si>
  <si>
    <t>12/14/2019 10:29:54</t>
  </si>
  <si>
    <t>12/14/2019 10:30:02</t>
  </si>
  <si>
    <t>12/14/2019 10:30:53</t>
  </si>
  <si>
    <t>12/14/2019 10:31:37</t>
  </si>
  <si>
    <t>12/14/2019 10:33:54</t>
  </si>
  <si>
    <t>12/14/2019 10:32:11</t>
  </si>
  <si>
    <t>12/14/2019 10:34:53</t>
  </si>
  <si>
    <t>44851dd0-0050-4383-b329-c631446d55f1.tmp</t>
  </si>
  <si>
    <t>\\acsfs\profiles$\vivianalds\Downloads\44851dd0-0050-4383-b329-c631446d55f1.tmp</t>
  </si>
  <si>
    <t>12/14/2019 10:36:08</t>
  </si>
  <si>
    <t>12/14/2019 10:37:54</t>
  </si>
  <si>
    <t>12/14/2019 10:46:55</t>
  </si>
  <si>
    <t>12/14/2019 10:50:53</t>
  </si>
  <si>
    <t>12/14/2019 10:47:19</t>
  </si>
  <si>
    <t>12/14/2019 10:51:54</t>
  </si>
  <si>
    <t>12/14/2019 10:49:33</t>
  </si>
  <si>
    <t>12/14/2019 10:54:54</t>
  </si>
  <si>
    <t>12/14/2019 10:52:59</t>
  </si>
  <si>
    <t>12/14/2019 10:58:54</t>
  </si>
  <si>
    <t>48229aae-8cd5-41bc-8355-11301083e4a7.tmp</t>
  </si>
  <si>
    <t>\\acsfs\profiles$\YASMINSC\Downloads\48229aae-8cd5-41bc-8355-11301083e4a7.tmp</t>
  </si>
  <si>
    <t>12/14/2019 10:57:43</t>
  </si>
  <si>
    <t>12/14/2019 11:01:53</t>
  </si>
  <si>
    <t>12/14/2019 10:58:25</t>
  </si>
  <si>
    <t>12/14/2019 11:03:53</t>
  </si>
  <si>
    <t>12/14/2019 11:06:12</t>
  </si>
  <si>
    <t>12/14/2019 11:07:54</t>
  </si>
  <si>
    <t>12/14/2019 11:07:45</t>
  </si>
  <si>
    <t>12/14/2019 11:09:54</t>
  </si>
  <si>
    <t>12/14/2019 11:07:46</t>
  </si>
  <si>
    <t>12/14/2019 11:08:01</t>
  </si>
  <si>
    <t>12/14/2019 11:05:45</t>
  </si>
  <si>
    <t>12/14/2019 11:10:53</t>
  </si>
  <si>
    <t>12/14/2019 11:15:11</t>
  </si>
  <si>
    <t>12/14/2019 11:15:54</t>
  </si>
  <si>
    <t>12/14/2019 11:15:30</t>
  </si>
  <si>
    <t>12/14/2019 11:19:25</t>
  </si>
  <si>
    <t>12/14/2019 11:20:54</t>
  </si>
  <si>
    <t>3608e8ff-a42f-44d8-8a9d-7576c7aafa55.tmp</t>
  </si>
  <si>
    <t>\\acsfs\profiles$\geovanaasa\Downloads\3608e8ff-a42f-44d8-8a9d-7576c7aafa55.tmp</t>
  </si>
  <si>
    <t>12/14/2019 11:23:16</t>
  </si>
  <si>
    <t>12/14/2019 11:25:54</t>
  </si>
  <si>
    <t>12/14/2019 11:23:20</t>
  </si>
  <si>
    <t>bvs-centralcartoes@bv.com.br;</t>
  </si>
  <si>
    <t>bvs-centralcartoes@bv.com.br</t>
  </si>
  <si>
    <t>12/14/2019 11:23:40</t>
  </si>
  <si>
    <t>mail.google.com/sync/u/0/i/s?hl=pt-BR&amp;c=228</t>
  </si>
  <si>
    <t>bvcartes-supervisores@algarnet.onmicrosoft.com;bvs-centralcartoes@bv.com.br;</t>
  </si>
  <si>
    <t>bvcartes-supervisores@algarnet.onmicrosoft.com,bvs-centralcartoes@bv.com.br</t>
  </si>
  <si>
    <t>12/14/2019 11:23:52</t>
  </si>
  <si>
    <t>12/14/2019 11:24:03</t>
  </si>
  <si>
    <t>12/14/2019 11:24:04</t>
  </si>
  <si>
    <t>12/14/2019 11:24:12</t>
  </si>
  <si>
    <t>12/14/2019 11:25:07</t>
  </si>
  <si>
    <t>12/14/2019 11:25:09</t>
  </si>
  <si>
    <t>12/14/2019 11:28:54</t>
  </si>
  <si>
    <t>12b45347-ed1a-4493-a307-5b8e9faf392c.tmp</t>
  </si>
  <si>
    <t>\\acsfs\profiles$\YASMINSC\Downloads\12b45347-ed1a-4493-a307-5b8e9faf392c.tmp</t>
  </si>
  <si>
    <t>12/14/2019 11:28:18</t>
  </si>
  <si>
    <t>12/14/2019 11:29:54</t>
  </si>
  <si>
    <t>12/14/2019 11:25:23</t>
  </si>
  <si>
    <t>12/14/2019 11:30:54</t>
  </si>
  <si>
    <t>mail.google.com/sync/u/0/i/s?hl=pt-BR&amp;c=241</t>
  </si>
  <si>
    <t>12/14/2019 11:25:40</t>
  </si>
  <si>
    <t>12/14/2019 11:25:47</t>
  </si>
  <si>
    <t>mail.google.com/sync/u/0/i/s?hl=pt-BR&amp;c=245</t>
  </si>
  <si>
    <t>12/14/2019 11:26:09</t>
  </si>
  <si>
    <t>12/14/2019 11:26:25</t>
  </si>
  <si>
    <t>12/14/2019 11:26:34</t>
  </si>
  <si>
    <t>12/14/2019 11:30:46</t>
  </si>
  <si>
    <t>12/14/2019 11:31:54</t>
  </si>
  <si>
    <t>12/14/2019 11:39:30</t>
  </si>
  <si>
    <t>12/14/2019 11:44:53</t>
  </si>
  <si>
    <t>12/14/2019 11:39:31</t>
  </si>
  <si>
    <t>lu16436yw8vk.tmp</t>
  </si>
  <si>
    <t>\\acsfs\profiles$\VIVIANALDS\My Documents\lu16436yw8vk.tmp</t>
  </si>
  <si>
    <t>\\acsfs\profiles$\VIVIANALDS\My Documents\lu16436yw8vk.tmp\</t>
  </si>
  <si>
    <t>\\acsfs\profiles$\VIVIANALDS\My Documents\lu16436yw8vk.tmp\META-INF\</t>
  </si>
  <si>
    <t>\\acsfs\profiles$\VIVIANALDS\My Documents\lu16436yw8vk.tmp\Thumbnails\</t>
  </si>
  <si>
    <t>12/14/2019 11:41:11</t>
  </si>
  <si>
    <t>12/14/2019 11:45:54</t>
  </si>
  <si>
    <t>c:\users\adilsonloj\appdata\local\temp\</t>
  </si>
  <si>
    <t>.session</t>
  </si>
  <si>
    <t>12/14/2019 11:42:37</t>
  </si>
  <si>
    <t>12/14/2019 11:47:54</t>
  </si>
  <si>
    <t>12/14/2019 11:50:13</t>
  </si>
  <si>
    <t>12/14/2019 11:54:53</t>
  </si>
  <si>
    <t>12/14/2019 11:50:29</t>
  </si>
  <si>
    <t>12/14/2019 11:55:54</t>
  </si>
  <si>
    <t>https://web.vortex.data.microsoft.com/collect/v1?$mscomcookies=false&amp;ext-javascript-msfpc='guid=ea831009606947348acde7b1b66c7dcb&amp;hash=ea83&amp;lv=201909&amp;v=4&amp;lu=1568214380398'</t>
  </si>
  <si>
    <t>12/14/2019 11:56:48</t>
  </si>
  <si>
    <t>12/14/2019 11:58:54</t>
  </si>
  <si>
    <t>12/14/2019 11:56:18</t>
  </si>
  <si>
    <t>12/14/2019 12:00:54</t>
  </si>
  <si>
    <t>12/14/2019 11:58:59</t>
  </si>
  <si>
    <t>12/14/2019 12:02:53</t>
  </si>
  <si>
    <t>12/14/2019 12:00:26</t>
  </si>
  <si>
    <t>12/14/2019 12:05:54</t>
  </si>
  <si>
    <t>12/14/2019 12:14:53</t>
  </si>
  <si>
    <t>12/14/2019 12:17:54</t>
  </si>
  <si>
    <t>12/14/2019 12:14:54</t>
  </si>
  <si>
    <t>12/14/2019 12:16:09</t>
  </si>
  <si>
    <t>12/14/2019 12:16:11</t>
  </si>
  <si>
    <t>lu18936wmnrf.tmp</t>
  </si>
  <si>
    <t>\\acsfs\profiles$\dhiulliananads\My Documents\lu18936wmnrf.tmp</t>
  </si>
  <si>
    <t>\\acsfs\profiles$\dhiulliananads\My Documents\lu18936wmnrf.tmp\</t>
  </si>
  <si>
    <t>\\acsfs\profiles$\dhiulliananads\My Documents\lu18936wmnrf.tmp\META-INF\</t>
  </si>
  <si>
    <t>\\acsfs\profiles$\dhiulliananads\My Documents\lu18936wmnrf.tmp\Thumbnails\</t>
  </si>
  <si>
    <t>12/14/2019 12:17:00</t>
  </si>
  <si>
    <t>12/14/2019 12:19:54</t>
  </si>
  <si>
    <t>12/14/2019 12:25:25</t>
  </si>
  <si>
    <t>12/14/2019 12:28:54</t>
  </si>
  <si>
    <t>12/14/2019 12:30:16</t>
  </si>
  <si>
    <t>12/14/2019 12:33:54</t>
  </si>
  <si>
    <t>f1eb65e4-5706-4e32-a4c3-f8e4b855e03e.tmp</t>
  </si>
  <si>
    <t>\\acsfs\profiles$\PEDROHAB\Downloads\f1eb65e4-5706-4e32-a4c3-f8e4b855e03e.tmp</t>
  </si>
  <si>
    <t>12/14/2019 12:32:29</t>
  </si>
  <si>
    <t>12/14/2019 12:36:54</t>
  </si>
  <si>
    <t>12/14/2019 12:41:15</t>
  </si>
  <si>
    <t>12/14/2019 12:46:54</t>
  </si>
  <si>
    <t>12/14/2019 12:53:57</t>
  </si>
  <si>
    <t>12/14/2019 12:54:54</t>
  </si>
  <si>
    <t>lu16436yw8vu.tmp</t>
  </si>
  <si>
    <t>\\acsfs\profiles$\VIVIANALDS\My Documents\lu16436yw8vu.tmp</t>
  </si>
  <si>
    <t>\\acsfs\profiles$\VIVIANALDS\My Documents\lu16436yw8vu.tmp\</t>
  </si>
  <si>
    <t>\\acsfs\profiles$\VIVIANALDS\My Documents\lu16436yw8vu.tmp\META-INF\</t>
  </si>
  <si>
    <t>\\acsfs\profiles$\VIVIANALDS\My Documents\lu16436yw8vu.tmp\Thumbnails\</t>
  </si>
  <si>
    <t>12/14/2019 12:52:52</t>
  </si>
  <si>
    <t>12/14/2019 12:55:55</t>
  </si>
  <si>
    <t>mail.google.com/sync/u/0/i/s?hl=pt-BR&amp;c=330</t>
  </si>
  <si>
    <t>12/14/2019 12:53:02</t>
  </si>
  <si>
    <t>mail.google.com/sync/u/0/i/s?hl=pt-BR&amp;c=332</t>
  </si>
  <si>
    <t>12/14/2019 12:53:34</t>
  </si>
  <si>
    <t>12/14/2019 12:53:49</t>
  </si>
  <si>
    <t>mail.google.com/sync/u/0/i/s?hl=pt-BR&amp;c=343</t>
  </si>
  <si>
    <t>12/14/2019 12:53:54</t>
  </si>
  <si>
    <t>mail.google.com/sync/u/0/i/s?hl=pt-BR&amp;c=345</t>
  </si>
  <si>
    <t>12/14/2019 12:54:10</t>
  </si>
  <si>
    <t>12/14/2019 12:54:16</t>
  </si>
  <si>
    <t>12/14/2019 12:54:21</t>
  </si>
  <si>
    <t>mail.google.com/sync/u/0/i/s?hl=pt-BR&amp;c=351</t>
  </si>
  <si>
    <t>12/14/2019 12:54:27</t>
  </si>
  <si>
    <t>mail.google.com/sync/u/0/i/s?hl=pt-BR&amp;c=353</t>
  </si>
  <si>
    <t>12/14/2019 12:54:48</t>
  </si>
  <si>
    <t>mail.google.com/sync/u/0/i/s?hl=pt-BR&amp;c=357</t>
  </si>
  <si>
    <t>12/14/2019 12:54:55</t>
  </si>
  <si>
    <t>mail.google.com/sync/u/0/i/s?hl=pt-BR&amp;c=359</t>
  </si>
  <si>
    <t>12/14/2019 12:55:01</t>
  </si>
  <si>
    <t>mail.google.com/sync/u/0/i/s?hl=pt-BR&amp;c=361</t>
  </si>
  <si>
    <t>12/14/2019 12:55:05</t>
  </si>
  <si>
    <t>12/14/2019 12:55:12</t>
  </si>
  <si>
    <t>mail.google.com/sync/u/0/i/s?hl=pt-BR&amp;c=366</t>
  </si>
  <si>
    <t>12/14/2019 12:55:35</t>
  </si>
  <si>
    <t>12/14/2019 12:53:24</t>
  </si>
  <si>
    <t>12/14/2019 12:56:54</t>
  </si>
  <si>
    <t>12/14/2019 12:54:35</t>
  </si>
  <si>
    <t>12/14/2019 12:59:55</t>
  </si>
  <si>
    <t>12/14/2019 12:54:36</t>
  </si>
  <si>
    <t>lu16436yw8vy.tmp</t>
  </si>
  <si>
    <t>\\acsfs\profiles$\VIVIANALDS\My Documents\lu16436yw8vy.tmp</t>
  </si>
  <si>
    <t>\\acsfs\profiles$\VIVIANALDS\My Documents\lu16436yw8vy.tmp\</t>
  </si>
  <si>
    <t>\\acsfs\profiles$\VIVIANALDS\My Documents\lu16436yw8vy.tmp\META-INF\</t>
  </si>
  <si>
    <t>\\acsfs\profiles$\VIVIANALDS\My Documents\lu16436yw8vy.tmp\Thumbnails\</t>
  </si>
  <si>
    <t>12/14/2019 12:56:59</t>
  </si>
  <si>
    <t>lu16436yw8w2.tmp</t>
  </si>
  <si>
    <t>\\acsfs\profiles$\VIVIANALDS\My Documents\lu16436yw8w2.tmp</t>
  </si>
  <si>
    <t>\\acsfs\profiles$\VIVIANALDS\My Documents\lu16436yw8w2.tmp\</t>
  </si>
  <si>
    <t>\\acsfs\profiles$\VIVIANALDS\My Documents\lu16436yw8w2.tmp\META-INF\</t>
  </si>
  <si>
    <t>\\acsfs\profiles$\VIVIANALDS\My Documents\lu16436yw8w2.tmp\Thumbnails\</t>
  </si>
  <si>
    <t>12/14/2019 12:58:56</t>
  </si>
  <si>
    <t>4f5e5820-8cb5-401e-8185-a32d2d01e377.tmp</t>
  </si>
  <si>
    <t>\\acsfs\profiles$\vivianalds\Downloads\4f5e5820-8cb5-401e-8185-a32d2d01e377.tmp</t>
  </si>
  <si>
    <t>12/14/2019 12:56:43</t>
  </si>
  <si>
    <t>12/14/2019 13:01:55</t>
  </si>
  <si>
    <t>12/14/2019 13:03:38</t>
  </si>
  <si>
    <t>12/14/2019 13:05:55</t>
  </si>
  <si>
    <t>ulog_AcroARM2_ARM2Update_a9473871-eb7b-4719-ba46-35125c58e0e7_1a494afe-b0b7-43a4-9a96-98e89b51304b_0.log</t>
  </si>
  <si>
    <t>C:\Users\davimvs\AppData\Roaming\Adobe\LogTransport2\Logs\ulog_AcroARM2_ARM2Update_a9473871-eb7b-4719-ba46-35125c58e0e7_1a494afe-b0b7-43a4-9a96-98e89b51304b_0.log\</t>
  </si>
  <si>
    <t>ulog_AcroARM2_Reader_a9473871-eb7b-4719-ba46-35125c58e0e7_0900f503-c7be-46fe-88a4-0c4d466d45c4_0.log</t>
  </si>
  <si>
    <t>C:\Users\davimvs\AppData\Roaming\Adobe\LogTransport2\Logs\ulog_AcroARM2_Reader_a9473871-eb7b-4719-ba46-35125c58e0e7_0900f503-c7be-46fe-88a4-0c4d466d45c4_0.log\</t>
  </si>
  <si>
    <t>ulog_AcroARM2_Reader_a9473871-eb7b-4719-ba46-35125c58e0e7_eb12ea10-bdce-45f0-8c0f-baf2f6ee473d_0.log</t>
  </si>
  <si>
    <t>C:\Users\davimvs\AppData\Roaming\Adobe\LogTransport2\Logs\ulog_AcroARM2_Reader_a9473871-eb7b-4719-ba46-35125c58e0e7_eb12ea10-bdce-45f0-8c0f-baf2f6ee473d_0.log\</t>
  </si>
  <si>
    <t>12/14/2019 13:04:37</t>
  </si>
  <si>
    <t>mail.google.com/sync/u/0/i/s?hl=pt-BR&amp;c=418</t>
  </si>
  <si>
    <t>12/14/2019 13:05:12</t>
  </si>
  <si>
    <t>12/14/2019 13:06:55</t>
  </si>
  <si>
    <t>C:\Users\joaobab\OneDrive - Grupo Algar\temp\Whirpool\Discador\POC Cobrança\Reporting\</t>
  </si>
  <si>
    <t>Relatório de Categorização Humana - Negócio.xlsx</t>
  </si>
  <si>
    <t>12/14/2019 13:05:09</t>
  </si>
  <si>
    <t>12/14/2019 13:07:55</t>
  </si>
  <si>
    <t>12/14/2019 13:05:10</t>
  </si>
  <si>
    <t>lu18936wmnrj.tmp</t>
  </si>
  <si>
    <t>\\acsfs\profiles$\dhiulliananads\My Documents\lu18936wmnrj.tmp</t>
  </si>
  <si>
    <t>\\acsfs\profiles$\dhiulliananads\My Documents\lu18936wmnrj.tmp\</t>
  </si>
  <si>
    <t>\\acsfs\profiles$\dhiulliananads\My Documents\lu18936wmnrj.tmp\META-INF\</t>
  </si>
  <si>
    <t>\\acsfs\profiles$\dhiulliananads\My Documents\lu18936wmnrj.tmp\Thumbnails\</t>
  </si>
  <si>
    <t>12/14/2019 13:05:14</t>
  </si>
  <si>
    <t>12/14/2019 13:05:15</t>
  </si>
  <si>
    <t>lu18936wmnrn.tmp</t>
  </si>
  <si>
    <t>\\acsfs\profiles$\dhiulliananads\My Documents\lu18936wmnrn.tmp</t>
  </si>
  <si>
    <t>\\acsfs\profiles$\dhiulliananads\My Documents\lu18936wmnrn.tmp\</t>
  </si>
  <si>
    <t>\\acsfs\profiles$\dhiulliananads\My Documents\lu18936wmnrn.tmp\META-INF\</t>
  </si>
  <si>
    <t>\\acsfs\profiles$\dhiulliananads\My Documents\lu18936wmnrn.tmp\Thumbnails\</t>
  </si>
  <si>
    <t>12/14/2019 13:06:15</t>
  </si>
  <si>
    <t>12/14/2019 13:08:54</t>
  </si>
  <si>
    <t>12/14/2019 13:07:40</t>
  </si>
  <si>
    <t>12/14/2019 13:09:55</t>
  </si>
  <si>
    <t>lu16436yw8w9.tmp</t>
  </si>
  <si>
    <t>\\acsfs\profiles$\VIVIANALDS\My Documents\lu16436yw8w9.tmp</t>
  </si>
  <si>
    <t>\\acsfs\profiles$\VIVIANALDS\My Documents\lu16436yw8w9.tmp\</t>
  </si>
  <si>
    <t>\\acsfs\profiles$\VIVIANALDS\My Documents\lu16436yw8w9.tmp\META-INF\</t>
  </si>
  <si>
    <t>\\acsfs\profiles$\VIVIANALDS\My Documents\lu16436yw8w9.tmp\Thumbnails\</t>
  </si>
  <si>
    <t>12/14/2019 13:08:11</t>
  </si>
  <si>
    <t>12/14/2019 13:10:54</t>
  </si>
  <si>
    <t>12/14/2019 13:09:36</t>
  </si>
  <si>
    <t>Inclusão Metlife Dependente.xlsx</t>
  </si>
  <si>
    <t>\\acsfs\DEPTOS\Operacao\Banco_Votorantim\Supervisao\SUPERS BV CARTÕES\ADILSON\Inclusão Metlife Dependente.xlsx</t>
  </si>
  <si>
    <t>12/14/2019 13:12:09</t>
  </si>
  <si>
    <t>12/14/2019 13:14:54</t>
  </si>
  <si>
    <t>12/14/2019 13:20:41</t>
  </si>
  <si>
    <t>12/14/2019 13:22:54</t>
  </si>
  <si>
    <t>12/14/2019 13:20:49</t>
  </si>
  <si>
    <t>12/14/2019 13:24:54</t>
  </si>
  <si>
    <t>12/14/2019 13:20:13</t>
  </si>
  <si>
    <t>lu16436yw8wd.tmp</t>
  </si>
  <si>
    <t>\\acsfs\profiles$\VIVIANALDS\My Documents\lu16436yw8wd.tmp</t>
  </si>
  <si>
    <t>\\acsfs\profiles$\VIVIANALDS\My Documents\lu16436yw8wd.tmp\</t>
  </si>
  <si>
    <t>\\acsfs\profiles$\VIVIANALDS\My Documents\lu16436yw8wd.tmp\META-INF\</t>
  </si>
  <si>
    <t>\\acsfs\profiles$\VIVIANALDS\My Documents\lu16436yw8wd.tmp\Thumbnails\</t>
  </si>
  <si>
    <t>12/14/2019 13:21:20</t>
  </si>
  <si>
    <t>12/14/2019 13:25:53</t>
  </si>
  <si>
    <t>mail.google.com/sync/u/0/i/s?hl=pt-BR&amp;c=429</t>
  </si>
  <si>
    <t>12/14/2019 13:21:24</t>
  </si>
  <si>
    <t>12/14/2019 13:21:32</t>
  </si>
  <si>
    <t>mail.google.com/sync/u/0/i/s?hl=pt-BR&amp;c=433</t>
  </si>
  <si>
    <t>12/14/2019 13:21:47</t>
  </si>
  <si>
    <t>mail.google.com/sync/u/0/i/s?hl=pt-BR&amp;c=436</t>
  </si>
  <si>
    <t>12/14/2019 13:22:07</t>
  </si>
  <si>
    <t>bvcartes-supervisores@algarnet.onmicrosoft.com;bvs-centralcartoes@bv.com.br;eduardo.santana@bv.com.br;</t>
  </si>
  <si>
    <t>bvcartes-supervisores@algarnet.onmicrosoft.com,bvs-centralcartoes@bv.com.br,eduardo.santana@bv.com.br</t>
  </si>
  <si>
    <t>12/14/2019 13:22:25</t>
  </si>
  <si>
    <t>mail.google.com/sync/u/0/i/s?hl=pt-BR&amp;c=440</t>
  </si>
  <si>
    <t>eduardo.santana@bv.com.br;</t>
  </si>
  <si>
    <t>eduardo.santana@bv.com.br</t>
  </si>
  <si>
    <t>12/14/2019 13:22:38</t>
  </si>
  <si>
    <t>mail.google.com/sync/u/0/i/s?hl=pt-BR&amp;c=443</t>
  </si>
  <si>
    <t>12/14/2019 13:22:51</t>
  </si>
  <si>
    <t>mail.google.com/sync/u/0/i/s?hl=pt-BR&amp;c=445</t>
  </si>
  <si>
    <t>12/14/2019 13:22:56</t>
  </si>
  <si>
    <t>mail.google.com/sync/u/0/i/s?hl=pt-BR&amp;c=447</t>
  </si>
  <si>
    <t>12/14/2019 13:23:11</t>
  </si>
  <si>
    <t>mail.google.com/sync/u/0/i/s?hl=pt-BR&amp;c=449</t>
  </si>
  <si>
    <t>12/14/2019 13:23:21</t>
  </si>
  <si>
    <t>mail.google.com/sync/u/0/i/s?hl=pt-BR&amp;c=452</t>
  </si>
  <si>
    <t>12/14/2019 13:23:24</t>
  </si>
  <si>
    <t>mail.google.com/sync/u/0/i/s?hl=pt-BR&amp;c=454</t>
  </si>
  <si>
    <t>12/14/2019 13:23:25</t>
  </si>
  <si>
    <t>mail.google.com/sync/u/0/i/s?hl=pt-BR&amp;c=457</t>
  </si>
  <si>
    <t>12/14/2019 13:30:16</t>
  </si>
  <si>
    <t>12/14/2019 13:34:53</t>
  </si>
  <si>
    <t>lu16436yw8wh.tmp</t>
  </si>
  <si>
    <t>\\acsfs\profiles$\VIVIANALDS\My Documents\lu16436yw8wh.tmp</t>
  </si>
  <si>
    <t>\\acsfs\profiles$\VIVIANALDS\My Documents\lu16436yw8wh.tmp\</t>
  </si>
  <si>
    <t>\\acsfs\profiles$\VIVIANALDS\My Documents\lu16436yw8wh.tmp\META-INF\</t>
  </si>
  <si>
    <t>\\acsfs\profiles$\VIVIANALDS\My Documents\lu16436yw8wh.tmp\Thumbnails\</t>
  </si>
  <si>
    <t>12/14/2019 13:31:28</t>
  </si>
  <si>
    <t>12/14/2019 13:31:29</t>
  </si>
  <si>
    <t>lu16436yw8wl.tmp</t>
  </si>
  <si>
    <t>\\acsfs\profiles$\VIVIANALDS\My Documents\lu16436yw8wl.tmp</t>
  </si>
  <si>
    <t>\\acsfs\profiles$\VIVIANALDS\My Documents\lu16436yw8wl.tmp\</t>
  </si>
  <si>
    <t>\\acsfs\profiles$\VIVIANALDS\My Documents\lu16436yw8wl.tmp\META-INF\</t>
  </si>
  <si>
    <t>\\acsfs\profiles$\VIVIANALDS\My Documents\lu16436yw8wl.tmp\Thumbnails\</t>
  </si>
  <si>
    <t>12/14/2019 13:33:32</t>
  </si>
  <si>
    <t>12/14/2019 13:35:53</t>
  </si>
  <si>
    <t>12/14/2019 13:30:56</t>
  </si>
  <si>
    <t>mail.google.com/sync/u/0/i/s?hl=pt-BR&amp;c=465</t>
  </si>
  <si>
    <t>12/14/2019 13:30:58</t>
  </si>
  <si>
    <t>mail.google.com/sync/u/0/i/s?hl=pt-BR&amp;c=467</t>
  </si>
  <si>
    <t>12/14/2019 13:31:07</t>
  </si>
  <si>
    <t>mail.google.com/sync/u/0/i/s?hl=pt-BR&amp;c=469</t>
  </si>
  <si>
    <t>12/14/2019 13:31:13</t>
  </si>
  <si>
    <t>mail.google.com/sync/u/0/i/s?hl=pt-BR&amp;c=471</t>
  </si>
  <si>
    <t>12/14/2019 13:31:18</t>
  </si>
  <si>
    <t>mail.google.com/sync/u/0/i/s?hl=pt-BR&amp;c=474</t>
  </si>
  <si>
    <t>12/14/2019 13:31:27</t>
  </si>
  <si>
    <t>mail.google.com/sync/u/0/i/s?hl=pt-BR&amp;c=476</t>
  </si>
  <si>
    <t>12/14/2019 13:31:35</t>
  </si>
  <si>
    <t>mail.google.com/sync/u/0/i/s?hl=pt-BR&amp;c=479</t>
  </si>
  <si>
    <t>12/14/2019 13:34:41</t>
  </si>
  <si>
    <t>mail.google.com/sync/u/0/i/s?hl=pt-BR&amp;c=505</t>
  </si>
  <si>
    <t>12/14/2019 13:34:44</t>
  </si>
  <si>
    <t>mail.google.com/sync/u/0/i/s?hl=pt-BR&amp;c=507</t>
  </si>
  <si>
    <t>12/14/2019 13:34:58</t>
  </si>
  <si>
    <t>mail.google.com/sync/u/0/i/s?hl=pt-BR&amp;c=509</t>
  </si>
  <si>
    <t>12/14/2019 13:35:03</t>
  </si>
  <si>
    <t>mail.google.com/sync/u/0/i/s?hl=pt-BR&amp;c=511</t>
  </si>
  <si>
    <t>12/14/2019 13:35:44</t>
  </si>
  <si>
    <t>mail.google.com/sync/u/0/i/s?hl=pt-BR&amp;c=514</t>
  </si>
  <si>
    <t>12/14/2019 13:38:41</t>
  </si>
  <si>
    <t>12/14/2019 13:40:54</t>
  </si>
  <si>
    <t>12/14/2019 13:36:05</t>
  </si>
  <si>
    <t>mail.google.com/sync/u/0/i/s?hl=pt-BR&amp;c=516</t>
  </si>
  <si>
    <t>12/14/2019 13:36:21</t>
  </si>
  <si>
    <t>mail.google.com/sync/u/0/i/s?hl=pt-BR&amp;c=518</t>
  </si>
  <si>
    <t>12/14/2019 13:36:28</t>
  </si>
  <si>
    <t>mail.google.com/sync/u/0/i/s?hl=pt-BR&amp;c=520</t>
  </si>
  <si>
    <t>12/14/2019 13:43:35</t>
  </si>
  <si>
    <t>12/14/2019 13:44:54</t>
  </si>
  <si>
    <t>12/14/2019 13:44:14</t>
  </si>
  <si>
    <t>12/14/2019 13:45:54</t>
  </si>
  <si>
    <t>mail.google.com/sync/u/0/i/s?hl=pt-BR&amp;c=553</t>
  </si>
  <si>
    <t>12/14/2019 13:44:31</t>
  </si>
  <si>
    <t>mail.google.com/sync/u/0/i/s?hl=pt-BR&amp;c=558</t>
  </si>
  <si>
    <t>12/14/2019 13:47:24</t>
  </si>
  <si>
    <t>12/14/2019 13:48:53</t>
  </si>
  <si>
    <t>12/14/2019 13:48:07</t>
  </si>
  <si>
    <t>12/14/2019 13:51:54</t>
  </si>
  <si>
    <t>mail.google.com/sync/u/0/i/s?hl=pt-BR&amp;c=581</t>
  </si>
  <si>
    <t>12/14/2019 13:48:24</t>
  </si>
  <si>
    <t>mail.google.com/sync/u/0/i/s?hl=pt-BR&amp;c=583</t>
  </si>
  <si>
    <t>12/14/2019 13:48:26</t>
  </si>
  <si>
    <t>12/14/2019 13:48:37</t>
  </si>
  <si>
    <t>12/14/2019 13:50:42</t>
  </si>
  <si>
    <t>mail.google.com/sync/u/0/i/s?hl=pt-BR&amp;c=590</t>
  </si>
  <si>
    <t>12/14/2019 13:46:47</t>
  </si>
  <si>
    <t>12/14/2019 13:46:48</t>
  </si>
  <si>
    <t>12/14/2019 13:46:51</t>
  </si>
  <si>
    <t>12/14/2019 13:46:55</t>
  </si>
  <si>
    <t>12/14/2019 13:46:59</t>
  </si>
  <si>
    <t>12/14/2019 13:47:04</t>
  </si>
  <si>
    <t>12/14/2019 13:47:08</t>
  </si>
  <si>
    <t>12/14/2019 13:47:12</t>
  </si>
  <si>
    <t>12/14/2019 13:47:16</t>
  </si>
  <si>
    <t>12/14/2019 13:47:20</t>
  </si>
  <si>
    <t>12/14/2019 13:47:28</t>
  </si>
  <si>
    <t>12/14/2019 13:47:31</t>
  </si>
  <si>
    <t>12/14/2019 13:47:35</t>
  </si>
  <si>
    <t>12/14/2019 13:47:39</t>
  </si>
  <si>
    <t>12/14/2019 13:47:43</t>
  </si>
  <si>
    <t>12/14/2019 13:47:47</t>
  </si>
  <si>
    <t>12/14/2019 13:47:51</t>
  </si>
  <si>
    <t>12/14/2019 13:47:55</t>
  </si>
  <si>
    <t>12/14/2019 13:47:59</t>
  </si>
  <si>
    <t>12/14/2019 13:48:03</t>
  </si>
  <si>
    <t>12/14/2019 13:48:11</t>
  </si>
  <si>
    <t>12/14/2019 13:48:15</t>
  </si>
  <si>
    <t>12/14/2019 13:48:19</t>
  </si>
  <si>
    <t>12/14/2019 13:48:28</t>
  </si>
  <si>
    <t>12/14/2019 13:48:32</t>
  </si>
  <si>
    <t>12/14/2019 13:48:36</t>
  </si>
  <si>
    <t>12/14/2019 13:48:40</t>
  </si>
  <si>
    <t>12/14/2019 13:48:44</t>
  </si>
  <si>
    <t>12/14/2019 13:48:48</t>
  </si>
  <si>
    <t>12/14/2019 13:48:57</t>
  </si>
  <si>
    <t>12/14/2019 13:49:01</t>
  </si>
  <si>
    <t>12/14/2019 13:49:05</t>
  </si>
  <si>
    <t>12/14/2019 13:49:09</t>
  </si>
  <si>
    <t>12/14/2019 13:49:13</t>
  </si>
  <si>
    <t>12/14/2019 13:49:17</t>
  </si>
  <si>
    <t>12/14/2019 13:49:21</t>
  </si>
  <si>
    <t>12/14/2019 13:49:25</t>
  </si>
  <si>
    <t>12/14/2019 13:49:30</t>
  </si>
  <si>
    <t>12/14/2019 13:49:34</t>
  </si>
  <si>
    <t>12/14/2019 13:49:38</t>
  </si>
  <si>
    <t>12/14/2019 13:49:42</t>
  </si>
  <si>
    <t>12/14/2019 13:49:46</t>
  </si>
  <si>
    <t>12/14/2019 13:49:50</t>
  </si>
  <si>
    <t>12/14/2019 13:49:54</t>
  </si>
  <si>
    <t>12/14/2019 13:49:58</t>
  </si>
  <si>
    <t>12/14/2019 13:50:02</t>
  </si>
  <si>
    <t>12/14/2019 13:50:06</t>
  </si>
  <si>
    <t>12/14/2019 13:50:10</t>
  </si>
  <si>
    <t>12/14/2019 13:50:15</t>
  </si>
  <si>
    <t>12/14/2019 13:50:19</t>
  </si>
  <si>
    <t>12/14/2019 13:50:23</t>
  </si>
  <si>
    <t>12/14/2019 13:50:27</t>
  </si>
  <si>
    <t>12/14/2019 13:50:31</t>
  </si>
  <si>
    <t>12/14/2019 13:50:36</t>
  </si>
  <si>
    <t>12/14/2019 13:50:40</t>
  </si>
  <si>
    <t>12/14/2019 13:50:44</t>
  </si>
  <si>
    <t>12/14/2019 13:50:48</t>
  </si>
  <si>
    <t>12/14/2019 13:50:52</t>
  </si>
  <si>
    <t>12/14/2019 13:50:56</t>
  </si>
  <si>
    <t>12/14/2019 13:51:00</t>
  </si>
  <si>
    <t>12/14/2019 13:51:04</t>
  </si>
  <si>
    <t>12/14/2019 13:51:08</t>
  </si>
  <si>
    <t>12/14/2019 13:51:12</t>
  </si>
  <si>
    <t>12/14/2019 13:51:16</t>
  </si>
  <si>
    <t>12/14/2019 13:51:21</t>
  </si>
  <si>
    <t>12/14/2019 13:51:25</t>
  </si>
  <si>
    <t>12/14/2019 13:51:29</t>
  </si>
  <si>
    <t>12/14/2019 13:56:54</t>
  </si>
  <si>
    <t>12/14/2019 13:51:33</t>
  </si>
  <si>
    <t>12/14/2019 13:51:37</t>
  </si>
  <si>
    <t>12/14/2019 13:51:41</t>
  </si>
  <si>
    <t>12/14/2019 13:51:45</t>
  </si>
  <si>
    <t>12/14/2019 13:51:47</t>
  </si>
  <si>
    <t>12/14/2019 13:51:52</t>
  </si>
  <si>
    <t>12/14/2019 13:51:55</t>
  </si>
  <si>
    <t>12/14/2019 13:52:00</t>
  </si>
  <si>
    <t>12/14/2019 13:52:04</t>
  </si>
  <si>
    <t>12/14/2019 13:52:08</t>
  </si>
  <si>
    <t>12/14/2019 13:52:12</t>
  </si>
  <si>
    <t>12/14/2019 13:52:17</t>
  </si>
  <si>
    <t>12/14/2019 13:52:21</t>
  </si>
  <si>
    <t>12/14/2019 13:52:25</t>
  </si>
  <si>
    <t>12/14/2019 13:52:29</t>
  </si>
  <si>
    <t>12/14/2019 13:52:33</t>
  </si>
  <si>
    <t>12/14/2019 13:52:35</t>
  </si>
  <si>
    <t>12/14/2019 13:52:37</t>
  </si>
  <si>
    <t>12/14/2019 13:52:41</t>
  </si>
  <si>
    <t>12/14/2019 13:52:45</t>
  </si>
  <si>
    <t>12/14/2019 13:52:49</t>
  </si>
  <si>
    <t>12/14/2019 13:52:53</t>
  </si>
  <si>
    <t>12/14/2019 13:52:57</t>
  </si>
  <si>
    <t>12/14/2019 13:53:02</t>
  </si>
  <si>
    <t>12/14/2019 13:53:06</t>
  </si>
  <si>
    <t>12/14/2019 13:53:10</t>
  </si>
  <si>
    <t>12/14/2019 13:53:14</t>
  </si>
  <si>
    <t>12/14/2019 13:53:18</t>
  </si>
  <si>
    <t>12/14/2019 13:53:22</t>
  </si>
  <si>
    <t>12/14/2019 13:53:26</t>
  </si>
  <si>
    <t>12/14/2019 13:53:30</t>
  </si>
  <si>
    <t>12/14/2019 13:53:34</t>
  </si>
  <si>
    <t>12/14/2019 13:53:38</t>
  </si>
  <si>
    <t>12/14/2019 13:53:43</t>
  </si>
  <si>
    <t>12/14/2019 13:53:47</t>
  </si>
  <si>
    <t>12/14/2019 13:53:51</t>
  </si>
  <si>
    <t>12/14/2019 13:53:55</t>
  </si>
  <si>
    <t>12/14/2019 13:53:59</t>
  </si>
  <si>
    <t>12/14/2019 13:54:03</t>
  </si>
  <si>
    <t>12/14/2019 13:54:07</t>
  </si>
  <si>
    <t>12/14/2019 13:54:11</t>
  </si>
  <si>
    <t>12/14/2019 13:54:15</t>
  </si>
  <si>
    <t>12/14/2019 13:54:19</t>
  </si>
  <si>
    <t>12/14/2019 13:54:23</t>
  </si>
  <si>
    <t>12/14/2019 13:54:27</t>
  </si>
  <si>
    <t>12/14/2019 13:54:32</t>
  </si>
  <si>
    <t>12/14/2019 13:54:34</t>
  </si>
  <si>
    <t>12/14/2019 13:54:38</t>
  </si>
  <si>
    <t>12/14/2019 13:54:42</t>
  </si>
  <si>
    <t>12/14/2019 13:54:46</t>
  </si>
  <si>
    <t>12/14/2019 13:54:50</t>
  </si>
  <si>
    <t>12/14/2019 13:54:54</t>
  </si>
  <si>
    <t>12/14/2019 13:54:58</t>
  </si>
  <si>
    <t>12/14/2019 13:55:03</t>
  </si>
  <si>
    <t>12/14/2019 13:55:07</t>
  </si>
  <si>
    <t>12/14/2019 13:55:11</t>
  </si>
  <si>
    <t>12/14/2019 13:55:15</t>
  </si>
  <si>
    <t>12/14/2019 13:55:19</t>
  </si>
  <si>
    <t>12/14/2019 13:55:23</t>
  </si>
  <si>
    <t>12/14/2019 13:55:28</t>
  </si>
  <si>
    <t>12/14/2019 13:55:32</t>
  </si>
  <si>
    <t>12/14/2019 13:55:36</t>
  </si>
  <si>
    <t>12/14/2019 13:55:39</t>
  </si>
  <si>
    <t>12/14/2019 13:55:44</t>
  </si>
  <si>
    <t>12/14/2019 13:55:48</t>
  </si>
  <si>
    <t>12/14/2019 13:55:52</t>
  </si>
  <si>
    <t>12/14/2019 13:55:56</t>
  </si>
  <si>
    <t>12/14/2019 13:56:00</t>
  </si>
  <si>
    <t>12/14/2019 13:56:04</t>
  </si>
  <si>
    <t>12/14/2019 13:56:08</t>
  </si>
  <si>
    <t>12/14/2019 13:56:13</t>
  </si>
  <si>
    <t>12/14/2019 13:56:17</t>
  </si>
  <si>
    <t>12/14/2019 13:56:21</t>
  </si>
  <si>
    <t>12/14/2019 13:56:25</t>
  </si>
  <si>
    <t>12/14/2019 13:56:29</t>
  </si>
  <si>
    <t>12/14/2019 13:56:33</t>
  </si>
  <si>
    <t>12/14/2019 14:00:08</t>
  </si>
  <si>
    <t>12/14/2019 14:00:55</t>
  </si>
  <si>
    <t>ulog_AcroARM2_ARM2Update_a9473871-eb7b-4719-ba46-35125c58e0e7_42c4716e-a22c-4973-bb35-2bc9b129c6ef_0.log</t>
  </si>
  <si>
    <t>C:\Users\davimvs\AppData\Roaming\Adobe\LogTransport2\Logs\ulog_AcroARM2_ARM2Update_a9473871-eb7b-4719-ba46-35125c58e0e7_42c4716e-a22c-4973-bb35-2bc9b129c6ef_0.log\</t>
  </si>
  <si>
    <t>ulog_AcroARM2_Reader_a9473871-eb7b-4719-ba46-35125c58e0e7_065fae25-e109-4210-8f34-6f4e3490caff_0.log</t>
  </si>
  <si>
    <t>C:\Users\davimvs\AppData\Roaming\Adobe\LogTransport2\Logs\ulog_AcroARM2_Reader_a9473871-eb7b-4719-ba46-35125c58e0e7_065fae25-e109-4210-8f34-6f4e3490caff_0.log\</t>
  </si>
  <si>
    <t>ulog_AcroARM2_Reader_a9473871-eb7b-4719-ba46-35125c58e0e7_fb3c0014-f9ce-427a-9b48-c14adc639101_0.log</t>
  </si>
  <si>
    <t>C:\Users\davimvs\AppData\Roaming\Adobe\LogTransport2\Logs\ulog_AcroARM2_Reader_a9473871-eb7b-4719-ba46-35125c58e0e7_fb3c0014-f9ce-427a-9b48-c14adc639101_0.log\</t>
  </si>
  <si>
    <t>12/14/2019 13:59:10</t>
  </si>
  <si>
    <t>12/14/2019 14:01:54</t>
  </si>
  <si>
    <t>12/14/2019 13:56:37</t>
  </si>
  <si>
    <t>12/14/2019 13:56:41</t>
  </si>
  <si>
    <t>12/14/2019 13:56:45</t>
  </si>
  <si>
    <t>12/14/2019 13:56:49</t>
  </si>
  <si>
    <t>12/14/2019 13:56:57</t>
  </si>
  <si>
    <t>12/14/2019 13:57:02</t>
  </si>
  <si>
    <t>12/14/2019 13:57:06</t>
  </si>
  <si>
    <t>12/14/2019 13:57:10</t>
  </si>
  <si>
    <t>12/14/2019 13:57:14</t>
  </si>
  <si>
    <t>12/14/2019 13:57:18</t>
  </si>
  <si>
    <t>12/14/2019 13:57:22</t>
  </si>
  <si>
    <t>12/14/2019 13:57:26</t>
  </si>
  <si>
    <t>12/14/2019 13:57:30</t>
  </si>
  <si>
    <t>12/14/2019 13:57:31</t>
  </si>
  <si>
    <t>12/14/2019 13:57:32</t>
  </si>
  <si>
    <t>12/14/2019 13:58:35</t>
  </si>
  <si>
    <t>12/14/2019 14:00:20</t>
  </si>
  <si>
    <t>12/14/2019 14:00:21</t>
  </si>
  <si>
    <t>12/14/2019 14:00:23</t>
  </si>
  <si>
    <t>12/14/2019 14:04:07</t>
  </si>
  <si>
    <t>12/14/2019 14:06:54</t>
  </si>
  <si>
    <t>12/14/2019 14:04:35</t>
  </si>
  <si>
    <t>12/14/2019 14:04:37</t>
  </si>
  <si>
    <t>12/14/2019 14:04:38</t>
  </si>
  <si>
    <t>12/14/2019 14:05:11</t>
  </si>
  <si>
    <t>12/14/2019 14:05:12</t>
  </si>
  <si>
    <t>12/14/2019 14:05:41</t>
  </si>
  <si>
    <t>12/14/2019 14:05:42</t>
  </si>
  <si>
    <t>12/14/2019 14:05:46</t>
  </si>
  <si>
    <t>12/14/2019 14:05:47</t>
  </si>
  <si>
    <t>12/14/2019 14:05:48</t>
  </si>
  <si>
    <t>12/14/2019 14:05:54</t>
  </si>
  <si>
    <t>12/14/2019 14:05:55</t>
  </si>
  <si>
    <t>12/14/2019 14:05:57</t>
  </si>
  <si>
    <t>12/14/2019 14:06:02</t>
  </si>
  <si>
    <t>12/14/2019 14:06:04</t>
  </si>
  <si>
    <t>12/14/2019 14:06:05</t>
  </si>
  <si>
    <t>12/14/2019 14:06:11</t>
  </si>
  <si>
    <t>12/14/2019 14:06:12</t>
  </si>
  <si>
    <t>12/14/2019 14:06:31</t>
  </si>
  <si>
    <t>12/14/2019 14:06:33</t>
  </si>
  <si>
    <t>12/14/2019 14:06:34</t>
  </si>
  <si>
    <t>12/14/2019 14:06:41</t>
  </si>
  <si>
    <t>12/14/2019 14:06:42</t>
  </si>
  <si>
    <t>12/14/2019 14:06:43</t>
  </si>
  <si>
    <t>12/14/2019 14:04:31</t>
  </si>
  <si>
    <t>12/14/2019 14:09:54</t>
  </si>
  <si>
    <t>12/14/2019 14:09:33</t>
  </si>
  <si>
    <t>12/14/2019 14:10:54</t>
  </si>
  <si>
    <t>12/14/2019 14:08:48</t>
  </si>
  <si>
    <t>12/14/2019 14:11:54</t>
  </si>
  <si>
    <t>12/14/2019 14:06:48</t>
  </si>
  <si>
    <t>12/14/2019 14:06:49</t>
  </si>
  <si>
    <t>12/14/2019 14:06:51</t>
  </si>
  <si>
    <t>12/14/2019 14:06:59</t>
  </si>
  <si>
    <t>12/14/2019 14:07:00</t>
  </si>
  <si>
    <t>12/14/2019 14:07:11</t>
  </si>
  <si>
    <t>12/14/2019 14:07:12</t>
  </si>
  <si>
    <t>12/14/2019 14:07:31</t>
  </si>
  <si>
    <t>12/14/2019 14:07:33</t>
  </si>
  <si>
    <t>12/14/2019 14:07:41</t>
  </si>
  <si>
    <t>12/14/2019 14:07:42</t>
  </si>
  <si>
    <t>12/14/2019 14:07:51</t>
  </si>
  <si>
    <t>12/14/2019 14:07:52</t>
  </si>
  <si>
    <t>12/14/2019 14:07:54</t>
  </si>
  <si>
    <t>12/14/2019 14:07:55</t>
  </si>
  <si>
    <t>12/14/2019 14:07:56</t>
  </si>
  <si>
    <t>12/14/2019 14:07:57</t>
  </si>
  <si>
    <t>12/14/2019 14:07:58</t>
  </si>
  <si>
    <t>12/14/2019 14:10:35</t>
  </si>
  <si>
    <t>12/14/2019 14:11:33</t>
  </si>
  <si>
    <t>12/14/2019 14:14:53</t>
  </si>
  <si>
    <t>12/14/2019 14:11:38</t>
  </si>
  <si>
    <t>12/14/2019 14:16:53</t>
  </si>
  <si>
    <t>12/14/2019 14:13:35</t>
  </si>
  <si>
    <t>12/14/2019 14:16:35</t>
  </si>
  <si>
    <t>12/14/2019 14:17:00</t>
  </si>
  <si>
    <t>12/14/2019 14:17:54</t>
  </si>
  <si>
    <t>12/14/2019 14:17:01</t>
  </si>
  <si>
    <t>lu18936wmnrr.tmp</t>
  </si>
  <si>
    <t>\\acsfs\profiles$\dhiulliananads\My Documents\lu18936wmnrr.tmp</t>
  </si>
  <si>
    <t>\\acsfs\profiles$\dhiulliananads\My Documents\lu18936wmnrr.tmp\</t>
  </si>
  <si>
    <t>\\acsfs\profiles$\dhiulliananads\My Documents\lu18936wmnrr.tmp\META-INF\</t>
  </si>
  <si>
    <t>\\acsfs\profiles$\dhiulliananads\My Documents\lu18936wmnrr.tmp\Thumbnails\</t>
  </si>
  <si>
    <t>12/14/2019 14:17:20</t>
  </si>
  <si>
    <t>12/14/2019 14:19:54</t>
  </si>
  <si>
    <t>12/14/2019 14:17:21</t>
  </si>
  <si>
    <t>12/14/2019 14:15:57</t>
  </si>
  <si>
    <t>12/14/2019 14:15:58</t>
  </si>
  <si>
    <t>lu16436yw8wp.tmp</t>
  </si>
  <si>
    <t>\\acsfs\profiles$\VIVIANALDS\My Documents\lu16436yw8wp.tmp</t>
  </si>
  <si>
    <t>\\acsfs\profiles$\VIVIANALDS\My Documents\lu16436yw8wp.tmp\</t>
  </si>
  <si>
    <t>\\acsfs\profiles$\VIVIANALDS\My Documents\lu16436yw8wp.tmp\META-INF\</t>
  </si>
  <si>
    <t>\\acsfs\profiles$\VIVIANALDS\My Documents\lu16436yw8wp.tmp\Thumbnails\</t>
  </si>
  <si>
    <t>12/14/2019 14:15:59</t>
  </si>
  <si>
    <t>12/14/2019 14:16:00</t>
  </si>
  <si>
    <t>lu16436yw8wt.tmp</t>
  </si>
  <si>
    <t>\\acsfs\profiles$\VIVIANALDS\My Documents\lu16436yw8wt.tmp</t>
  </si>
  <si>
    <t>\\acsfs\profiles$\VIVIANALDS\My Documents\lu16436yw8wt.tmp\</t>
  </si>
  <si>
    <t>\\acsfs\profiles$\VIVIANALDS\My Documents\lu16436yw8wt.tmp\META-INF\</t>
  </si>
  <si>
    <t>\\acsfs\profiles$\VIVIANALDS\My Documents\lu16436yw8wt.tmp\Thumbnails\</t>
  </si>
  <si>
    <t>12/14/2019 14:16:30</t>
  </si>
  <si>
    <t>12/14/2019 14:16:31</t>
  </si>
  <si>
    <t>lu16436yw8wx.tmp</t>
  </si>
  <si>
    <t>\\acsfs\profiles$\VIVIANALDS\My Documents\lu16436yw8wx.tmp</t>
  </si>
  <si>
    <t>\\acsfs\profiles$\VIVIANALDS\My Documents\lu16436yw8wx.tmp\</t>
  </si>
  <si>
    <t>\\acsfs\profiles$\VIVIANALDS\My Documents\lu16436yw8wx.tmp\META-INF\</t>
  </si>
  <si>
    <t>\\acsfs\profiles$\VIVIANALDS\My Documents\lu16436yw8wx.tmp\Thumbnails\</t>
  </si>
  <si>
    <t>12/14/2019 14:17:42</t>
  </si>
  <si>
    <t>12/14/2019 14:21:54</t>
  </si>
  <si>
    <t>Layout TV Vendas 1 Atualizado.ppt</t>
  </si>
  <si>
    <t>\\acsfs\DEPTOS\Operacao\Banco_Votorantim\Supervisao\SUPERS BV CARTÕES\Layout TV Vendas 1 Atualizado.ppt</t>
  </si>
  <si>
    <t>\\acsfs\DEPTOS\Operacao\Banco_Votorantim\Supervisao\SUPERS BV CARTÕES\Layout TV Vendas 1 Atualizado.ppt\s4\</t>
  </si>
  <si>
    <t>PowerPoint.MetroBlob10.pptx</t>
  </si>
  <si>
    <t>PowerPoint.MetroBlob11.pptx</t>
  </si>
  <si>
    <t>PowerPoint.MetroBlob12.pptx</t>
  </si>
  <si>
    <t>PowerPoint.MetroBlob13.pptx</t>
  </si>
  <si>
    <t>PowerPoint.MetroBlob14.pptx</t>
  </si>
  <si>
    <t>PowerPoint.MetroBlob15.pptx</t>
  </si>
  <si>
    <t>PowerPoint.MetroBlob16.pptx</t>
  </si>
  <si>
    <t>PowerPoint.MetroBlob17.pptx</t>
  </si>
  <si>
    <t>PowerPoint.MetroBlob6.pptx</t>
  </si>
  <si>
    <t>PowerPoint.MetroBlob7.pptx</t>
  </si>
  <si>
    <t>PowerPoint.MetroBlob8.pptx</t>
  </si>
  <si>
    <t>PowerPoint.MetroBlob9.pptx</t>
  </si>
  <si>
    <t>12/14/2019 14:17:51</t>
  </si>
  <si>
    <t>12/14/2019 14:19:56</t>
  </si>
  <si>
    <t>12/14/2019 14:18:52</t>
  </si>
  <si>
    <t>12/14/2019 14:18:53</t>
  </si>
  <si>
    <t>12/14/2019 14:18:54</t>
  </si>
  <si>
    <t>12/14/2019 14:20:29</t>
  </si>
  <si>
    <t>12/14/2019 14:20:30</t>
  </si>
  <si>
    <t>12/14/2019 14:20:32</t>
  </si>
  <si>
    <t>12/14/2019 14:21:18</t>
  </si>
  <si>
    <t>12/14/2019 14:23:54</t>
  </si>
  <si>
    <t>\\acsfs\profiles$\luanarda\Pausas\</t>
  </si>
  <si>
    <t>\\acsfs\profiles$\luanarda\Pausas\Pausas.txt</t>
  </si>
  <si>
    <t>12/14/2019 14:22:55</t>
  </si>
  <si>
    <t>12/14/2019 14:25:54</t>
  </si>
  <si>
    <t>9a805674-2b35-485f-9deb-314313ad331c.tmp</t>
  </si>
  <si>
    <t>\\acsfs\profiles$\vivianibfs\Downloads\9a805674-2b35-485f-9deb-314313ad331c.tmp</t>
  </si>
  <si>
    <t>12/14/2019 14:22:59</t>
  </si>
  <si>
    <t>ceb31de5-8cf3-4755-aa25-eb2bfc4ca1ba.tmp</t>
  </si>
  <si>
    <t>\\acsfs\profiles$\vivianibfs\Downloads\ceb31de5-8cf3-4755-aa25-eb2bfc4ca1ba.tmp</t>
  </si>
  <si>
    <t>12/14/2019 14:23:03</t>
  </si>
  <si>
    <t>776806d7-0840-499d-8484-cf7de154d709.tmp</t>
  </si>
  <si>
    <t>\\acsfs\profiles$\vivianibfs\Downloads\776806d7-0840-499d-8484-cf7de154d709.tmp</t>
  </si>
  <si>
    <t>12/14/2019 14:24:07</t>
  </si>
  <si>
    <t>4a6f4866-803a-4188-8058-a664b2eb49c6.tmp</t>
  </si>
  <si>
    <t>\\acsfs\profiles$\vivianibfs\Downloads\4a6f4866-803a-4188-8058-a664b2eb49c6.tmp</t>
  </si>
  <si>
    <t>12/14/2019 14:25:05</t>
  </si>
  <si>
    <t>cecce14d-7ea3-415c-a3aa-e6acbf1550a9.tmp</t>
  </si>
  <si>
    <t>\\acsfs\profiles$\vivianibfs\Downloads\cecce14d-7ea3-415c-a3aa-e6acbf1550a9.tmp</t>
  </si>
  <si>
    <t>12/14/2019 14:22:06</t>
  </si>
  <si>
    <t>12/14/2019 14:26:54</t>
  </si>
  <si>
    <t>12/14/2019 14:22:35</t>
  </si>
  <si>
    <t>12/14/2019 14:25:35</t>
  </si>
  <si>
    <t>12/14/2019 14:24:41</t>
  </si>
  <si>
    <t>12/14/2019 14:28:54</t>
  </si>
  <si>
    <t>12/14/2019 14:28:35</t>
  </si>
  <si>
    <t>12/14/2019 14:31:55</t>
  </si>
  <si>
    <t>12/14/2019 14:31:35</t>
  </si>
  <si>
    <t>12/14/2019 14:31:19</t>
  </si>
  <si>
    <t>12/14/2019 14:33:55</t>
  </si>
  <si>
    <t>190f73ac-ec21-478e-a8a3-9512ffa73fd5.tmp</t>
  </si>
  <si>
    <t>\\acsfs\profiles$\PEDROHAB\Downloads\190f73ac-ec21-478e-a8a3-9512ffa73fd5.tmp</t>
  </si>
  <si>
    <t>12/14/2019 14:34:06</t>
  </si>
  <si>
    <t>12/14/2019 14:36:54</t>
  </si>
  <si>
    <t>12/14/2019 14:34:35</t>
  </si>
  <si>
    <t>12/14/2019 14:38:04</t>
  </si>
  <si>
    <t>12/14/2019 14:38:54</t>
  </si>
  <si>
    <t>12/14/2019 14:36:33</t>
  </si>
  <si>
    <t>12/14/2019 14:39:54</t>
  </si>
  <si>
    <t>12/14/2019 14:37:14</t>
  </si>
  <si>
    <t>bc17648b-a65b-4be4-af08-7a2da6d28543.tmp</t>
  </si>
  <si>
    <t>\\acsfs\profiles$\rosileiam\Downloads\bc17648b-a65b-4be4-af08-7a2da6d28543.tmp</t>
  </si>
  <si>
    <t>12/14/2019 14:39:03</t>
  </si>
  <si>
    <t>38efbba6-80eb-4522-a998-64426ac68baf.tmp</t>
  </si>
  <si>
    <t>\\acsfs\profiles$\rosileiam\Downloads\38efbba6-80eb-4522-a998-64426ac68baf.tmp</t>
  </si>
  <si>
    <t>12/14/2019 14:37:35</t>
  </si>
  <si>
    <t>12/14/2019 14:41:54</t>
  </si>
  <si>
    <t>12/14/2019 14:40:35</t>
  </si>
  <si>
    <t>12/14/2019 14:42:16</t>
  </si>
  <si>
    <t>12/14/2019 14:46:54</t>
  </si>
  <si>
    <t>12/14/2019 14:43:35</t>
  </si>
  <si>
    <t>12/14/2019 14:46:35</t>
  </si>
  <si>
    <t>12/14/2019 14:44:38</t>
  </si>
  <si>
    <t>12/14/2019 14:48:54</t>
  </si>
  <si>
    <t>2727fbdf-b087-4575-939b-ec60ff329f98.tmp</t>
  </si>
  <si>
    <t>\\acsfs\profiles$\YASMINSC\Downloads\2727fbdf-b087-4575-939b-ec60ff329f98.tmp</t>
  </si>
  <si>
    <t>12/14/2019 14:47:18</t>
  </si>
  <si>
    <t>12/14/2019 14:51:54</t>
  </si>
  <si>
    <t>12/14/2019 14:49:35</t>
  </si>
  <si>
    <t>12/14/2019 14:52:35</t>
  </si>
  <si>
    <t>12/14/2019 14:56:54</t>
  </si>
  <si>
    <t>12/14/2019 14:55:35</t>
  </si>
  <si>
    <t>12/14/2019 14:57:21</t>
  </si>
  <si>
    <t>12/14/2019 14:59:55</t>
  </si>
  <si>
    <t>12/14/2019 14:58:35</t>
  </si>
  <si>
    <t>12/14/2019 15:01:55</t>
  </si>
  <si>
    <t>12/14/2019 15:00:41</t>
  </si>
  <si>
    <t>12/14/2019 15:00:42</t>
  </si>
  <si>
    <t>12/14/2019 15:00:44</t>
  </si>
  <si>
    <t>12/14/2019 14:59:37</t>
  </si>
  <si>
    <t>12/14/2019 15:03:55</t>
  </si>
  <si>
    <t>12/14/2019 15:03:06</t>
  </si>
  <si>
    <t>12/14/2019 15:04:54</t>
  </si>
  <si>
    <t>12/14/2019 15:00:38</t>
  </si>
  <si>
    <t>12/14/2019 15:04:35</t>
  </si>
  <si>
    <t>12/14/2019 15:06:54</t>
  </si>
  <si>
    <t>12/14/2019 15:06:35</t>
  </si>
  <si>
    <t>12/14/2019 15:10:35</t>
  </si>
  <si>
    <t>12/14/2019 15:11:55</t>
  </si>
  <si>
    <t>12/14/2019 15:11:14</t>
  </si>
  <si>
    <t>12/14/2019 15:15:55</t>
  </si>
  <si>
    <t>12/14/2019 15:12:35</t>
  </si>
  <si>
    <t>12/14/2019 15:16:54</t>
  </si>
  <si>
    <t>12/14/2019 15:16:35</t>
  </si>
  <si>
    <t>12/14/2019 15:15:06</t>
  </si>
  <si>
    <t>12/14/2019 15:17:55</t>
  </si>
  <si>
    <t>12/14/2019 15:16:55</t>
  </si>
  <si>
    <t>12/14/2019 15:18:54</t>
  </si>
  <si>
    <t>12/14/2019 15:15:36</t>
  </si>
  <si>
    <t>12/14/2019 15:19:55</t>
  </si>
  <si>
    <t>12/14/2019 15:18:36</t>
  </si>
  <si>
    <t>12/14/2019 15:21:55</t>
  </si>
  <si>
    <t>12/14/2019 15:21:16</t>
  </si>
  <si>
    <t>12/14/2019 15:21:17</t>
  </si>
  <si>
    <t>12/14/2019 15:21:19</t>
  </si>
  <si>
    <t>12/14/2019 15:21:29</t>
  </si>
  <si>
    <t>12/14/2019 15:23:55</t>
  </si>
  <si>
    <t>eef67234-8a06-407f-ba1f-e233289c94c8.tmp</t>
  </si>
  <si>
    <t>\\acsfs\profiles$\fabianafv\Downloads\eef67234-8a06-407f-ba1f-e233289c94c8.tmp</t>
  </si>
  <si>
    <t>12/14/2019 15:21:35</t>
  </si>
  <si>
    <t>c03780d0-bfb4-4ba3-8cd5-c3a0c0538565.tmp</t>
  </si>
  <si>
    <t>\\acsfs\profiles$\fabianafv\Downloads\c03780d0-bfb4-4ba3-8cd5-c3a0c0538565.tmp</t>
  </si>
  <si>
    <t>12/14/2019 15:21:38</t>
  </si>
  <si>
    <t>b27a0303-d163-4aca-aa0e-66acb2a1911f.tmp</t>
  </si>
  <si>
    <t>\\acsfs\profiles$\fabianafv\Downloads\b27a0303-d163-4aca-aa0e-66acb2a1911f.tmp</t>
  </si>
  <si>
    <t>12/14/2019 15:22:35</t>
  </si>
  <si>
    <t>12/14/2019 15:26:55</t>
  </si>
  <si>
    <t>12/14/2019 15:26:35</t>
  </si>
  <si>
    <t>12/14/2019 15:23:47</t>
  </si>
  <si>
    <t>12/14/2019 15:28:56</t>
  </si>
  <si>
    <t>5aae4ab9-53ca-4f85-ae7d-76b6d3ce6524.tmp</t>
  </si>
  <si>
    <t>\\acsfs\profiles$\fabianafv\Downloads\5aae4ab9-53ca-4f85-ae7d-76b6d3ce6524.tmp</t>
  </si>
  <si>
    <t>12/14/2019 15:28:36</t>
  </si>
  <si>
    <t>12/14/2019 15:31:55</t>
  </si>
  <si>
    <t>12/14/2019 15:30:11</t>
  </si>
  <si>
    <t>12/14/2019 15:34:55</t>
  </si>
  <si>
    <t>2e16b6f2-6f46-4307-a04a-bfda8d38e3c3.tmp</t>
  </si>
  <si>
    <t>\\acsfs\profiles$\rosileiam\Downloads\2e16b6f2-6f46-4307-a04a-bfda8d38e3c3.tmp</t>
  </si>
  <si>
    <t>12/14/2019 15:32:36</t>
  </si>
  <si>
    <t>12/14/2019 15:36:55</t>
  </si>
  <si>
    <t>12/14/2019 15:34:36</t>
  </si>
  <si>
    <t>12/14/2019 15:38:36</t>
  </si>
  <si>
    <t>12/14/2019 15:41:55</t>
  </si>
  <si>
    <t>12/14/2019 15:40:36</t>
  </si>
  <si>
    <t>12/14/2019 15:38:11</t>
  </si>
  <si>
    <t>12/14/2019 15:43:55</t>
  </si>
  <si>
    <t>12/14/2019 15:40:35</t>
  </si>
  <si>
    <t>12/14/2019 15:44:36</t>
  </si>
  <si>
    <t>12/14/2019 15:46:55</t>
  </si>
  <si>
    <t>12/14/2019 15:46:36</t>
  </si>
  <si>
    <t>12/14/2019 15:47:07</t>
  </si>
  <si>
    <t>12/14/2019 15:48:55</t>
  </si>
  <si>
    <t>12/14/2019 15:50:36</t>
  </si>
  <si>
    <t>12/14/2019 15:51:55</t>
  </si>
  <si>
    <t>12/14/2019 15:52:36</t>
  </si>
  <si>
    <t>12/14/2019 15:56:55</t>
  </si>
  <si>
    <t>12/14/2019 15:56:36</t>
  </si>
  <si>
    <t>12/14/2019 15:55:08</t>
  </si>
  <si>
    <t>12/14/2019 15:59:55</t>
  </si>
  <si>
    <t>2d663df3-2374-4d2e-ac23-acc15ff59ce1.tmp</t>
  </si>
  <si>
    <t>\\acsfs\profiles$\rosileiam\Downloads\2d663df3-2374-4d2e-ac23-acc15ff59ce1.tmp</t>
  </si>
  <si>
    <t>12/14/2019 15:58:36</t>
  </si>
  <si>
    <t>12/14/2019 16:01:55</t>
  </si>
  <si>
    <t>12/14/2019 15:59:36</t>
  </si>
  <si>
    <t>12/14/2019 16:04:55</t>
  </si>
  <si>
    <t>12/14/2019 16:02:36</t>
  </si>
  <si>
    <t>12/14/2019 16:06:55</t>
  </si>
  <si>
    <t>12/14/2019 16:04:36</t>
  </si>
  <si>
    <t>12/14/2019 16:06:26</t>
  </si>
  <si>
    <t>12/14/2019 16:10:55</t>
  </si>
  <si>
    <t>12/14/2019 16:08:36</t>
  </si>
  <si>
    <t>12/14/2019 16:11:55</t>
  </si>
  <si>
    <t>12/14/2019 16:09:03</t>
  </si>
  <si>
    <t>12/14/2019 16:09:04</t>
  </si>
  <si>
    <t>12/14/2019 16:09:06</t>
  </si>
  <si>
    <t>12/14/2019 16:10:36</t>
  </si>
  <si>
    <t>12/14/2019 16:14:36</t>
  </si>
  <si>
    <t>12/14/2019 16:16:55</t>
  </si>
  <si>
    <t>12/14/2019 16:16:36</t>
  </si>
  <si>
    <t>12/14/2019 16:17:10</t>
  </si>
  <si>
    <t>12/14/2019 16:20:55</t>
  </si>
  <si>
    <t>12/14/2019 16:18:58</t>
  </si>
  <si>
    <t>12/14/2019 16:21:55</t>
  </si>
  <si>
    <t>12/14/2019 16:18:59</t>
  </si>
  <si>
    <t>12/14/2019 16:19:00</t>
  </si>
  <si>
    <t>12/14/2019 16:19:02</t>
  </si>
  <si>
    <t>12/14/2019 16:19:03</t>
  </si>
  <si>
    <t>12/14/2019 16:19:09</t>
  </si>
  <si>
    <t>12/14/2019 16:19:14</t>
  </si>
  <si>
    <t>12/14/2019 16:19:18</t>
  </si>
  <si>
    <t>12/14/2019 16:19:19</t>
  </si>
  <si>
    <t>12/14/2019 16:19:25</t>
  </si>
  <si>
    <t>12/14/2019 16:19:26</t>
  </si>
  <si>
    <t>12/14/2019 16:19:31</t>
  </si>
  <si>
    <t>12/14/2019 16:19:35</t>
  </si>
  <si>
    <t>12/14/2019 16:19:40</t>
  </si>
  <si>
    <t>12/14/2019 16:19:44</t>
  </si>
  <si>
    <t>12/14/2019 16:19:48</t>
  </si>
  <si>
    <t>12/14/2019 16:19:50</t>
  </si>
  <si>
    <t>12/14/2019 16:19:51</t>
  </si>
  <si>
    <t>12/14/2019 16:19:52</t>
  </si>
  <si>
    <t>12/14/2019 16:22:55</t>
  </si>
  <si>
    <t>12/14/2019 16:19:54</t>
  </si>
  <si>
    <t>12/14/2019 16:19:55</t>
  </si>
  <si>
    <t>12/14/2019 16:19:59</t>
  </si>
  <si>
    <t>12/14/2019 16:20:03</t>
  </si>
  <si>
    <t>12/14/2019 16:20:08</t>
  </si>
  <si>
    <t>12/14/2019 16:20:12</t>
  </si>
  <si>
    <t>12/14/2019 16:20:16</t>
  </si>
  <si>
    <t>12/14/2019 16:20:21</t>
  </si>
  <si>
    <t>12/14/2019 16:20:25</t>
  </si>
  <si>
    <t>12/14/2019 16:20:30</t>
  </si>
  <si>
    <t>12/14/2019 16:20:34</t>
  </si>
  <si>
    <t>12/14/2019 16:20:38</t>
  </si>
  <si>
    <t>12/14/2019 16:20:43</t>
  </si>
  <si>
    <t>12/14/2019 16:20:47</t>
  </si>
  <si>
    <t>12/14/2019 16:20:51</t>
  </si>
  <si>
    <t>12/14/2019 16:21:00</t>
  </si>
  <si>
    <t>12/14/2019 16:21:04</t>
  </si>
  <si>
    <t>12/14/2019 16:21:08</t>
  </si>
  <si>
    <t>12/14/2019 16:21:13</t>
  </si>
  <si>
    <t>12/14/2019 16:21:18</t>
  </si>
  <si>
    <t>12/14/2019 16:21:22</t>
  </si>
  <si>
    <t>12/14/2019 16:21:26</t>
  </si>
  <si>
    <t>12/14/2019 16:21:30</t>
  </si>
  <si>
    <t>12/14/2019 16:21:34</t>
  </si>
  <si>
    <t>12/14/2019 16:21:38</t>
  </si>
  <si>
    <t>12/14/2019 16:21:42</t>
  </si>
  <si>
    <t>12/14/2019 16:21:46</t>
  </si>
  <si>
    <t>12/14/2019 16:21:50</t>
  </si>
  <si>
    <t>12/13/2019 09:58:22</t>
  </si>
  <si>
    <t>12/14/2019 16:23:55</t>
  </si>
  <si>
    <t>C:\Users\filemoncmj\OneDrive - Grupo Algar\01. Algar Tech\01. Projetos de Clientes\47. Prudential\13. Plataforma ISD\</t>
  </si>
  <si>
    <t>Resultado da Avaliação de Área Especialista_ALGAR - v4 - Atualizado em 11dez2019.xlsb</t>
  </si>
  <si>
    <t>12/13/2019 16:07:55</t>
  </si>
  <si>
    <t>Registro de FTE Realizado GIAT Prudential.xlsb</t>
  </si>
  <si>
    <t>12/13/2019 16:16:35</t>
  </si>
  <si>
    <t>mail.google.com/_/upload?authuser=0&amp;dcp=asu-n&amp;upload_id=AEnB2UruYvXQMKARCkdxPGyyvL9i7EDVnE3WnSzEjCWctfLI76XpLLsOLDHB7NZgdBIa4XpdiKEBSDqmkjrgPfKAje3vK8O6xw&amp;upload_protocol=resumable</t>
  </si>
  <si>
    <t>amandacdr@algartech.com;andersonoa@algartech.com;claudia.noe@prudential.com;edilsonrb@algartech.com;filipepdr@algartech.com;paulocdsf@algartech.com;volneifvf@algartech.com;wilsonaapn@algartech.com;</t>
  </si>
  <si>
    <t>151219 - Registro de FTE Realizado GIAT Prudential (Revisado Henrique).xlsb</t>
  </si>
  <si>
    <t>amandacdr@algartech.com,andersonoa@algartech.com,claudia.noe@prudential.com,edilsonrb@algartech.com,filipepdr@algartech.com,paulocdsf@algartech.com,volneifvf@algartech.com,wilsonaapn@algartech.com</t>
  </si>
  <si>
    <t>mail.google.com/_/upload?authuser=0&amp;dcp=asu-n&amp;upload_id=AEnB2Uoo64nemUaS9F0RChAhe6gVMDhx9MrllYnnW8lteUyeB_XZ4cYi5cd8xqTAka6dqRF95Ljg-0Gimbb9hbMcgGsOSiJjPDkrjJ6nJy4vmXdiBqPHhTA&amp;upload_protocol=resumable</t>
  </si>
  <si>
    <t>12/13/2019 16:49:22</t>
  </si>
  <si>
    <t>mail.google.com/_/upload?authuser=0&amp;dcp=asu-n&amp;upload_id=AEnB2Uoz-6cJdkhZZfzbHoFAD_WbBdHZxSjlHlERJz-vEu_hCIBeZ7RLlgfXkh1lgoFHSj2mLDzjXgfTTDxGd4ebLdi4EWWMmlvM3YQdnvurtpHAZvWQ71s&amp;upload_protocol=resumable</t>
  </si>
  <si>
    <t>C:\Users\filemoncmj\OneDrive - Grupo Algar\01. Algar Tech\01. Projetos de Clientes\47. Prudential\17. FTE\Dezembro\HE\</t>
  </si>
  <si>
    <t>151219 - Registro de FTE Realizado GIAT Prudential (com HE Filemon).xlsb</t>
  </si>
  <si>
    <t>mail.google.com/_/upload?authuser=0&amp;dcp=asu-n&amp;upload_id=AEnB2UoL5nrEzHZRPYqa0BnaUVE1k6vjFUs6HfwxEaqgpfrPD7FCM8ya-8LkCfG9vFlmlY0DOHo4qbZk0qXlNHRojqKyRkcYdQ&amp;upload_protocol=resumable</t>
  </si>
  <si>
    <t>151219 - Registro de FTE Realizado ISD Prudential (com HE Filemon).xlsb</t>
  </si>
  <si>
    <t>12/13/2019 16:50:21</t>
  </si>
  <si>
    <t>12/14/2019 16:23:46</t>
  </si>
  <si>
    <t>12/14/2019 16:24:55</t>
  </si>
  <si>
    <t>12/14/2019 16:21:54</t>
  </si>
  <si>
    <t>12/14/2019 16:27:55</t>
  </si>
  <si>
    <t>12/14/2019 16:21:59</t>
  </si>
  <si>
    <t>12/14/2019 16:22:02</t>
  </si>
  <si>
    <t>12/14/2019 16:22:07</t>
  </si>
  <si>
    <t>12/14/2019 16:22:11</t>
  </si>
  <si>
    <t>12/14/2019 16:22:15</t>
  </si>
  <si>
    <t>12/14/2019 16:22:19</t>
  </si>
  <si>
    <t>12/14/2019 16:22:23</t>
  </si>
  <si>
    <t>12/14/2019 16:22:27</t>
  </si>
  <si>
    <t>12/14/2019 16:22:31</t>
  </si>
  <si>
    <t>12/14/2019 16:22:35</t>
  </si>
  <si>
    <t>12/14/2019 16:22:39</t>
  </si>
  <si>
    <t>12/14/2019 16:22:44</t>
  </si>
  <si>
    <t>12/14/2019 16:22:48</t>
  </si>
  <si>
    <t>12/14/2019 16:22:52</t>
  </si>
  <si>
    <t>12/14/2019 16:22:56</t>
  </si>
  <si>
    <t>12/14/2019 16:23:00</t>
  </si>
  <si>
    <t>12/14/2019 16:23:04</t>
  </si>
  <si>
    <t>12/14/2019 16:23:08</t>
  </si>
  <si>
    <t>12/14/2019 16:23:13</t>
  </si>
  <si>
    <t>12/14/2019 16:23:17</t>
  </si>
  <si>
    <t>12/14/2019 16:23:21</t>
  </si>
  <si>
    <t>12/14/2019 16:23:25</t>
  </si>
  <si>
    <t>12/14/2019 16:23:29</t>
  </si>
  <si>
    <t>12/14/2019 16:23:33</t>
  </si>
  <si>
    <t>12/14/2019 16:23:38</t>
  </si>
  <si>
    <t>12/14/2019 16:23:41</t>
  </si>
  <si>
    <t>12/14/2019 16:23:50</t>
  </si>
  <si>
    <t>12/14/2019 16:23:54</t>
  </si>
  <si>
    <t>12/14/2019 16:23:57</t>
  </si>
  <si>
    <t>12/14/2019 16:23:59</t>
  </si>
  <si>
    <t>12/14/2019 16:24:02</t>
  </si>
  <si>
    <t>12/14/2019 16:24:06</t>
  </si>
  <si>
    <t>12/14/2019 16:24:11</t>
  </si>
  <si>
    <t>12/14/2019 16:24:15</t>
  </si>
  <si>
    <t>12/14/2019 16:24:19</t>
  </si>
  <si>
    <t>12/14/2019 16:24:24</t>
  </si>
  <si>
    <t>12/14/2019 16:24:28</t>
  </si>
  <si>
    <t>12/14/2019 16:24:32</t>
  </si>
  <si>
    <t>12/14/2019 16:24:36</t>
  </si>
  <si>
    <t>12/14/2019 16:24:40</t>
  </si>
  <si>
    <t>12/14/2019 16:24:44</t>
  </si>
  <si>
    <t>12/14/2019 16:24:48</t>
  </si>
  <si>
    <t>12/14/2019 16:24:52</t>
  </si>
  <si>
    <t>12/14/2019 16:24:57</t>
  </si>
  <si>
    <t>12/14/2019 16:25:01</t>
  </si>
  <si>
    <t>12/14/2019 16:25:05</t>
  </si>
  <si>
    <t>12/14/2019 16:25:10</t>
  </si>
  <si>
    <t>12/14/2019 16:25:14</t>
  </si>
  <si>
    <t>12/14/2019 16:25:18</t>
  </si>
  <si>
    <t>12/14/2019 16:25:22</t>
  </si>
  <si>
    <t>12/14/2019 16:25:27</t>
  </si>
  <si>
    <t>12/14/2019 16:25:31</t>
  </si>
  <si>
    <t>12/14/2019 16:25:35</t>
  </si>
  <si>
    <t>12/14/2019 16:25:39</t>
  </si>
  <si>
    <t>12/14/2019 16:25:43</t>
  </si>
  <si>
    <t>12/14/2019 16:25:47</t>
  </si>
  <si>
    <t>12/14/2019 16:25:51</t>
  </si>
  <si>
    <t>12/14/2019 16:25:55</t>
  </si>
  <si>
    <t>12/14/2019 16:26:00</t>
  </si>
  <si>
    <t>12/14/2019 16:26:05</t>
  </si>
  <si>
    <t>12/14/2019 16:26:09</t>
  </si>
  <si>
    <t>12/14/2019 16:26:13</t>
  </si>
  <si>
    <t>12/14/2019 16:26:17</t>
  </si>
  <si>
    <t>12/14/2019 16:26:21</t>
  </si>
  <si>
    <t>12/14/2019 16:26:25</t>
  </si>
  <si>
    <t>12/14/2019 16:26:29</t>
  </si>
  <si>
    <t>12/14/2019 16:26:33</t>
  </si>
  <si>
    <t>12/14/2019 16:26:37</t>
  </si>
  <si>
    <t>12/14/2019 16:26:41</t>
  </si>
  <si>
    <t>12/14/2019 16:26:45</t>
  </si>
  <si>
    <t>12/14/2019 16:26:47</t>
  </si>
  <si>
    <t>12/14/2019 16:26:48</t>
  </si>
  <si>
    <t>12/14/2019 16:26:49</t>
  </si>
  <si>
    <t>12/14/2019 16:26:53</t>
  </si>
  <si>
    <t>12/14/2019 16:26:54</t>
  </si>
  <si>
    <t>12/14/2019 16:27:43</t>
  </si>
  <si>
    <t>12/14/2019 16:28:56</t>
  </si>
  <si>
    <t>12/14/2019 16:27:21</t>
  </si>
  <si>
    <t>12/14/2019 16:27:25</t>
  </si>
  <si>
    <t>12/14/2019 16:31:57</t>
  </si>
  <si>
    <t>12/14/2019 16:26:55</t>
  </si>
  <si>
    <t>12/14/2019 16:32:56</t>
  </si>
  <si>
    <t>12/14/2019 16:26:56</t>
  </si>
  <si>
    <t>12/14/2019 16:27:00</t>
  </si>
  <si>
    <t>12/14/2019 16:27:05</t>
  </si>
  <si>
    <t>12/14/2019 16:27:09</t>
  </si>
  <si>
    <t>12/14/2019 16:27:13</t>
  </si>
  <si>
    <t>12/14/2019 16:27:17</t>
  </si>
  <si>
    <t>12/14/2019 16:27:29</t>
  </si>
  <si>
    <t>12/14/2019 16:27:33</t>
  </si>
  <si>
    <t>12/14/2019 16:27:38</t>
  </si>
  <si>
    <t>12/14/2019 16:27:42</t>
  </si>
  <si>
    <t>12/14/2019 16:27:46</t>
  </si>
  <si>
    <t>12/14/2019 16:27:48</t>
  </si>
  <si>
    <t>12/14/2019 16:27:49</t>
  </si>
  <si>
    <t>12/14/2019 16:27:50</t>
  </si>
  <si>
    <t>12/14/2019 16:27:51</t>
  </si>
  <si>
    <t>12/14/2019 16:27:52</t>
  </si>
  <si>
    <t>12/14/2019 16:27:53</t>
  </si>
  <si>
    <t>12/14/2019 16:27:54</t>
  </si>
  <si>
    <t>12/14/2019 16:29:22</t>
  </si>
  <si>
    <t>12/14/2019 16:29:23</t>
  </si>
  <si>
    <t>12/14/2019 16:29:24</t>
  </si>
  <si>
    <t>12/14/2019 16:29:25</t>
  </si>
  <si>
    <t>12/14/2019 16:29:26</t>
  </si>
  <si>
    <t>12/14/2019 16:31:39</t>
  </si>
  <si>
    <t>12/14/2019 16:33:57</t>
  </si>
  <si>
    <t>12/14/2019 16:33:37</t>
  </si>
  <si>
    <t>12/14/2019 16:35:57</t>
  </si>
  <si>
    <t>ulog_AcroARM2_ARM2Update_a9473871-eb7b-4719-ba46-35125c58e0e7_7b65debb-bad1-4780-87d3-7e711afcfcca_0.log</t>
  </si>
  <si>
    <t>C:\Users\davimvs\AppData\Roaming\Adobe\LogTransport2\Logs\ulog_AcroARM2_ARM2Update_a9473871-eb7b-4719-ba46-35125c58e0e7_7b65debb-bad1-4780-87d3-7e711afcfcca_0.log\</t>
  </si>
  <si>
    <t>ulog_AcroARM2_Reader_a9473871-eb7b-4719-ba46-35125c58e0e7_471193ed-601b-403f-9bca-ecbd55cd6b19_0.log</t>
  </si>
  <si>
    <t>C:\Users\davimvs\AppData\Roaming\Adobe\LogTransport2\Logs\ulog_AcroARM2_Reader_a9473871-eb7b-4719-ba46-35125c58e0e7_471193ed-601b-403f-9bca-ecbd55cd6b19_0.log\</t>
  </si>
  <si>
    <t>12/14/2019 16:33:38</t>
  </si>
  <si>
    <t>ulog_AcroARM2_Reader_a9473871-eb7b-4719-ba46-35125c58e0e7_7388f7aa-e2a1-499b-9118-fe9e3cba7194_0.log</t>
  </si>
  <si>
    <t>C:\Users\davimvs\AppData\Roaming\Adobe\LogTransport2\Logs\ulog_AcroARM2_Reader_a9473871-eb7b-4719-ba46-35125c58e0e7_7388f7aa-e2a1-499b-9118-fe9e3cba7194_0.log\</t>
  </si>
  <si>
    <t>12/14/2019 16:32:57</t>
  </si>
  <si>
    <t>12/14/2019 16:37:57</t>
  </si>
  <si>
    <t>12/14/2019 16:34:20</t>
  </si>
  <si>
    <t>12/14/2019 16:35:15</t>
  </si>
  <si>
    <t>12/14/2019 16:35:19</t>
  </si>
  <si>
    <t>12/14/2019 16:38:57</t>
  </si>
  <si>
    <t>12/14/2019 16:42:56</t>
  </si>
  <si>
    <t>12/14/2019 16:39:52</t>
  </si>
  <si>
    <t>12/14/2019 16:39:53</t>
  </si>
  <si>
    <t>12/14/2019 16:39:54</t>
  </si>
  <si>
    <t>12/14/2019 16:39:55</t>
  </si>
  <si>
    <t>12/14/2019 16:40:00</t>
  </si>
  <si>
    <t>12/14/2019 16:40:16</t>
  </si>
  <si>
    <t>12/14/2019 16:40:17</t>
  </si>
  <si>
    <t>12/14/2019 16:40:18</t>
  </si>
  <si>
    <t>12/14/2019 16:40:19</t>
  </si>
  <si>
    <t>12/14/2019 16:40:20</t>
  </si>
  <si>
    <t>12/14/2019 16:40:21</t>
  </si>
  <si>
    <t>12/14/2019 16:40:22</t>
  </si>
  <si>
    <t>12/14/2019 16:40:23</t>
  </si>
  <si>
    <t>12/14/2019 16:40:24</t>
  </si>
  <si>
    <t>12/14/2019 16:40:25</t>
  </si>
  <si>
    <t>12/14/2019 16:40:26</t>
  </si>
  <si>
    <t>12/14/2019 16:40:27</t>
  </si>
  <si>
    <t>12/14/2019 16:40:28</t>
  </si>
  <si>
    <t>12/14/2019 16:39:21</t>
  </si>
  <si>
    <t>12/14/2019 16:43:56</t>
  </si>
  <si>
    <t>12/14/2019 16:46:02</t>
  </si>
  <si>
    <t>12/14/2019 16:47:55</t>
  </si>
  <si>
    <t>12/14/2019 16:46:15</t>
  </si>
  <si>
    <t>12/14/2019 16:47:47</t>
  </si>
  <si>
    <t>12/14/2019 16:52:56</t>
  </si>
  <si>
    <t>12/14/2019 16:52:02</t>
  </si>
  <si>
    <t>12/14/2019 16:52:15</t>
  </si>
  <si>
    <t>12/14/2019 16:52:55</t>
  </si>
  <si>
    <t>12/14/2019 16:53:57</t>
  </si>
  <si>
    <t>12/14/2019 16:53:25</t>
  </si>
  <si>
    <t>12/14/2019 16:56:57</t>
  </si>
  <si>
    <t>12/14/2019 16:55:19</t>
  </si>
  <si>
    <t>12/14/2019 16:57:57</t>
  </si>
  <si>
    <t>12/14/2019 16:58:02</t>
  </si>
  <si>
    <t>12/14/2019 17:02:56</t>
  </si>
  <si>
    <t>12/14/2019 16:58:15</t>
  </si>
  <si>
    <t>12/14/2019 17:01:10</t>
  </si>
  <si>
    <t>12/14/2019 17:03:57</t>
  </si>
  <si>
    <t>12/14/2019 17:03:33</t>
  </si>
  <si>
    <t>12/14/2019 17:05:57</t>
  </si>
  <si>
    <t>12/14/2019 17:02:50</t>
  </si>
  <si>
    <t>12/14/2019 17:07:57</t>
  </si>
  <si>
    <t>12/14/2019 17:04:02</t>
  </si>
  <si>
    <t>12/14/2019 17:04:16</t>
  </si>
  <si>
    <t>12/14/2019 17:04:33</t>
  </si>
  <si>
    <t>12/14/2019 17:08:57</t>
  </si>
  <si>
    <t>12/14/2019 17:03:53</t>
  </si>
  <si>
    <t>12/14/2019 17:10:02</t>
  </si>
  <si>
    <t>12/14/2019 17:12:57</t>
  </si>
  <si>
    <t>12/14/2019 17:10:16</t>
  </si>
  <si>
    <t>12/14/2019 17:10:33</t>
  </si>
  <si>
    <t>12/14/2019 17:16:02</t>
  </si>
  <si>
    <t>12/14/2019 17:17:57</t>
  </si>
  <si>
    <t>12/14/2019 17:16:16</t>
  </si>
  <si>
    <t>12/14/2019 17:14:39</t>
  </si>
  <si>
    <t>12/14/2019 17:18:57</t>
  </si>
  <si>
    <t>5f1ef9ee-eebb-499a-944e-d8ee5dfe3798.tmp</t>
  </si>
  <si>
    <t>\\acsfs\profiles$\fabianafv\Downloads\5f1ef9ee-eebb-499a-944e-d8ee5dfe3798.tmp</t>
  </si>
  <si>
    <t>12/14/2019 17:18:32</t>
  </si>
  <si>
    <t>12/14/2019 17:22:56</t>
  </si>
  <si>
    <t>12/14/2019 17:22:03</t>
  </si>
  <si>
    <t>12/14/2019 17:22:16</t>
  </si>
  <si>
    <t>12/14/2019 17:21:46</t>
  </si>
  <si>
    <t>12/14/2019 17:24:57</t>
  </si>
  <si>
    <t>12/14/2019 17:26:03</t>
  </si>
  <si>
    <t>12/14/2019 17:27:57</t>
  </si>
  <si>
    <t>12/14/2019 17:28:03</t>
  </si>
  <si>
    <t>12/14/2019 17:32:57</t>
  </si>
  <si>
    <t>12/14/2019 17:28:16</t>
  </si>
  <si>
    <t>12/14/2019 17:34:03</t>
  </si>
  <si>
    <t>12/14/2019 17:37:57</t>
  </si>
  <si>
    <t>12/14/2019 17:34:16</t>
  </si>
  <si>
    <t>12/14/2019 17:37:35</t>
  </si>
  <si>
    <t>12/14/2019 17:42:57</t>
  </si>
  <si>
    <t>12/14/2019 17:37:36</t>
  </si>
  <si>
    <t>12/14/2019 17:40:16</t>
  </si>
  <si>
    <t>12/14/2019 17:41:35</t>
  </si>
  <si>
    <t>12/14/2019 17:43:03</t>
  </si>
  <si>
    <t>12/14/2019 17:47:57</t>
  </si>
  <si>
    <t>12/14/2019 17:46:16</t>
  </si>
  <si>
    <t>12/14/2019 17:46:52</t>
  </si>
  <si>
    <t>12/14/2019 17:51:57</t>
  </si>
  <si>
    <t>12/14/2019 17:49:04</t>
  </si>
  <si>
    <t>12/14/2019 17:52:57</t>
  </si>
  <si>
    <t>12/14/2019 17:49:06</t>
  </si>
  <si>
    <t>12/14/2019 17:52:16</t>
  </si>
  <si>
    <t>12/14/2019 17:55:03</t>
  </si>
  <si>
    <t>12/14/2019 17:57:56</t>
  </si>
  <si>
    <t>12/14/2019 17:57:33</t>
  </si>
  <si>
    <t>12/14/2019 18:02:57</t>
  </si>
  <si>
    <t>12/14/2019 17:58:16</t>
  </si>
  <si>
    <t>12/14/2019 18:01:03</t>
  </si>
  <si>
    <t>12/14/2019 18:00:38</t>
  </si>
  <si>
    <t>12/14/2019 18:03:57</t>
  </si>
  <si>
    <t>12/14/2019 18:02:40</t>
  </si>
  <si>
    <t>12/14/2019 18:05:57</t>
  </si>
  <si>
    <t>12/14/2019 18:04:16</t>
  </si>
  <si>
    <t>12/14/2019 18:07:56</t>
  </si>
  <si>
    <t>12/14/2019 18:05:39</t>
  </si>
  <si>
    <t>12/14/2019 18:07:03</t>
  </si>
  <si>
    <t>12/14/2019 18:09:29</t>
  </si>
  <si>
    <t>12/14/2019 18:10:56</t>
  </si>
  <si>
    <t>12/14/2019 18:10:16</t>
  </si>
  <si>
    <t>12/14/2019 18:12:56</t>
  </si>
  <si>
    <t>12/14/2019 18:13:03</t>
  </si>
  <si>
    <t>12/14/2019 18:17:56</t>
  </si>
  <si>
    <t>12/14/2019 18:13:34</t>
  </si>
  <si>
    <t>12/14/2019 18:16:16</t>
  </si>
  <si>
    <t>12/14/2019 18:19:03</t>
  </si>
  <si>
    <t>12/14/2019 18:22:57</t>
  </si>
  <si>
    <t>12/14/2019 18:21:50</t>
  </si>
  <si>
    <t>12/14/2019 18:22:16</t>
  </si>
  <si>
    <t>12/14/2019 18:25:03</t>
  </si>
  <si>
    <t>12/14/2019 18:27:57</t>
  </si>
  <si>
    <t>12/14/2019 18:25:23</t>
  </si>
  <si>
    <t>12/14/2019 18:29:57</t>
  </si>
  <si>
    <t>12/14/2019 18:26:10</t>
  </si>
  <si>
    <t>12/14/2019 18:28:16</t>
  </si>
  <si>
    <t>12/14/2019 18:32:56</t>
  </si>
  <si>
    <t>12/14/2019 18:29:40</t>
  </si>
  <si>
    <t>12/14/2019 18:31:03</t>
  </si>
  <si>
    <t>12/14/2019 18:34:16</t>
  </si>
  <si>
    <t>12/14/2019 18:37:57</t>
  </si>
  <si>
    <t>12/14/2019 18:37:03</t>
  </si>
  <si>
    <t>12/14/2019 18:37:11</t>
  </si>
  <si>
    <t>12/14/2019 18:40:16</t>
  </si>
  <si>
    <t>12/14/2019 18:42:56</t>
  </si>
  <si>
    <t>12/14/2019 18:45:05</t>
  </si>
  <si>
    <t>12/14/2019 18:47:57</t>
  </si>
  <si>
    <t>12/14/2019 18:43:03</t>
  </si>
  <si>
    <t>12/14/2019 18:45:34</t>
  </si>
  <si>
    <t>12/14/2019 18:46:16</t>
  </si>
  <si>
    <t>12/14/2019 18:49:04</t>
  </si>
  <si>
    <t>12/14/2019 18:52:57</t>
  </si>
  <si>
    <t>12/14/2019 18:52:16</t>
  </si>
  <si>
    <t>12/14/2019 18:53:39</t>
  </si>
  <si>
    <t>12/14/2019 18:57:56</t>
  </si>
  <si>
    <t>12/14/2019 18:55:03</t>
  </si>
  <si>
    <t>12/14/2019 18:55:07</t>
  </si>
  <si>
    <t>12/14/2019 18:59:56</t>
  </si>
  <si>
    <t>61ce1057-5d54-489f-b38a-94accb44ca0b.tmp</t>
  </si>
  <si>
    <t>\\acsfs\profiles$\rosileiam\Downloads\61ce1057-5d54-489f-b38a-94accb44ca0b.tmp</t>
  </si>
  <si>
    <t>12/14/2019 18:55:48</t>
  </si>
  <si>
    <t>6a535377-23c9-446d-adf2-9c937a11b5a7.tmp</t>
  </si>
  <si>
    <t>\\acsfs\profiles$\rosileiam\Downloads\6a535377-23c9-446d-adf2-9c937a11b5a7.tmp</t>
  </si>
  <si>
    <t>12/14/2019 18:56:45</t>
  </si>
  <si>
    <t>12/14/2019 18:58:16</t>
  </si>
  <si>
    <t>12/14/2019 19:02:56</t>
  </si>
  <si>
    <t>12/14/2019 19:01:04</t>
  </si>
  <si>
    <t>12/14/2019 19:01:35</t>
  </si>
  <si>
    <t>12/14/2019 19:02:22</t>
  </si>
  <si>
    <t>12/14/2019 19:03:56</t>
  </si>
  <si>
    <t>12/14/2019 19:04:17</t>
  </si>
  <si>
    <t>12/14/2019 19:07:57</t>
  </si>
  <si>
    <t>12/14/2019 19:07:03</t>
  </si>
  <si>
    <t>12/14/2019 19:09:33</t>
  </si>
  <si>
    <t>12/14/2019 19:12:56</t>
  </si>
  <si>
    <t>12/14/2019 19:10:17</t>
  </si>
  <si>
    <t>12/14/2019 19:13:03</t>
  </si>
  <si>
    <t>12/14/2019 19:17:56</t>
  </si>
  <si>
    <t>12/14/2019 19:16:17</t>
  </si>
  <si>
    <t>12/14/2019 19:15:03</t>
  </si>
  <si>
    <t>12/14/2019 19:19:56</t>
  </si>
  <si>
    <t>12/14/2019 19:17:39</t>
  </si>
  <si>
    <t>12/14/2019 19:22:57</t>
  </si>
  <si>
    <t>12/14/2019 19:19:04</t>
  </si>
  <si>
    <t>12/14/2019 19:22:17</t>
  </si>
  <si>
    <t>12/14/2019 19:25:04</t>
  </si>
  <si>
    <t>12/14/2019 19:27:57</t>
  </si>
  <si>
    <t>12/14/2019 19:28:17</t>
  </si>
  <si>
    <t>12/14/2019 19:32:57</t>
  </si>
  <si>
    <t>12/14/2019 19:31:04</t>
  </si>
  <si>
    <t>12/14/2019 19:33:32</t>
  </si>
  <si>
    <t>12/14/2019 19:37:57</t>
  </si>
  <si>
    <t>12/14/2019 19:34:17</t>
  </si>
  <si>
    <t>12/14/2019 19:37:04</t>
  </si>
  <si>
    <t>12/14/2019 19:40:17</t>
  </si>
  <si>
    <t>12/14/2019 19:42:57</t>
  </si>
  <si>
    <t>12/14/2019 19:41:40</t>
  </si>
  <si>
    <t>12/14/2019 19:43:04</t>
  </si>
  <si>
    <t>12/14/2019 19:47:57</t>
  </si>
  <si>
    <t>12/14/2019 19:46:17</t>
  </si>
  <si>
    <t>12/14/2019 19:45:32</t>
  </si>
  <si>
    <t>12/14/2019 19:48:57</t>
  </si>
  <si>
    <t>12/14/2019 19:49:05</t>
  </si>
  <si>
    <t>12/14/2019 19:52:56</t>
  </si>
  <si>
    <t>12/14/2019 19:49:11</t>
  </si>
  <si>
    <t>12/14/2019 19:52:17</t>
  </si>
  <si>
    <t>12/14/2019 19:51:43</t>
  </si>
  <si>
    <t>12/14/2019 19:55:57</t>
  </si>
  <si>
    <t>12/14/2019 19:55:04</t>
  </si>
  <si>
    <t>12/14/2019 19:57:57</t>
  </si>
  <si>
    <t>12/14/2019 19:57:34</t>
  </si>
  <si>
    <t>12/14/2019 20:02:56</t>
  </si>
  <si>
    <t>12/14/2019 19:58:17</t>
  </si>
  <si>
    <t>12/14/2019 20:01:04</t>
  </si>
  <si>
    <t>12/14/2019 20:03:49</t>
  </si>
  <si>
    <t>12/14/2019 20:05:56</t>
  </si>
  <si>
    <t>ulog_AcroARM2_ARM2Update_a9473871-eb7b-4719-ba46-35125c58e0e7_dfc7f774-e981-4a63-8b9e-dc42a0a01d8b_0.log</t>
  </si>
  <si>
    <t>C:\Users\davimvs\AppData\Roaming\Adobe\LogTransport2\Logs\ulog_AcroARM2_ARM2Update_a9473871-eb7b-4719-ba46-35125c58e0e7_dfc7f774-e981-4a63-8b9e-dc42a0a01d8b_0.log\</t>
  </si>
  <si>
    <t>ulog_AcroARM2_Reader_a9473871-eb7b-4719-ba46-35125c58e0e7_41d6560c-e960-4343-8713-81d9ef9f7ef8_0.log</t>
  </si>
  <si>
    <t>C:\Users\davimvs\AppData\Roaming\Adobe\LogTransport2\Logs\ulog_AcroARM2_Reader_a9473871-eb7b-4719-ba46-35125c58e0e7_41d6560c-e960-4343-8713-81d9ef9f7ef8_0.log\</t>
  </si>
  <si>
    <t>12/14/2019 20:03:50</t>
  </si>
  <si>
    <t>ulog_AcroARM2_Reader_a9473871-eb7b-4719-ba46-35125c58e0e7_4d449cd6-f22d-4d38-bfe0-309cd7c56551_0.log</t>
  </si>
  <si>
    <t>C:\Users\davimvs\AppData\Roaming\Adobe\LogTransport2\Logs\ulog_AcroARM2_Reader_a9473871-eb7b-4719-ba46-35125c58e0e7_4d449cd6-f22d-4d38-bfe0-309cd7c56551_0.log\</t>
  </si>
  <si>
    <t>12/14/2019 20:03:53</t>
  </si>
  <si>
    <t>ulog_AcroARM2_ARM2Update_a9473871-eb7b-4719-ba46-35125c58e0e7_f5098b69-02ea-4a84-a777-b403d67acc28_0.log</t>
  </si>
  <si>
    <t>C:\Users\davimvs\AppData\Roaming\Adobe\LogTransport2\Logs\ulog_AcroARM2_ARM2Update_a9473871-eb7b-4719-ba46-35125c58e0e7_f5098b69-02ea-4a84-a777-b403d67acc28_0.log\</t>
  </si>
  <si>
    <t>12/14/2019 20:03:54</t>
  </si>
  <si>
    <t>ulog_AcroARM2_Reader_a9473871-eb7b-4719-ba46-35125c58e0e7_915bad20-a5a3-4589-b8c8-feeb335321a5_0.log</t>
  </si>
  <si>
    <t>C:\Users\davimvs\AppData\Roaming\Adobe\LogTransport2\Logs\ulog_AcroARM2_Reader_a9473871-eb7b-4719-ba46-35125c58e0e7_915bad20-a5a3-4589-b8c8-feeb335321a5_0.log\</t>
  </si>
  <si>
    <t>12/14/2019 20:04:17</t>
  </si>
  <si>
    <t>12/14/2019 20:07:56</t>
  </si>
  <si>
    <t>12/14/2019 20:05:39</t>
  </si>
  <si>
    <t>12/14/2019 20:07:04</t>
  </si>
  <si>
    <t>12/14/2019 20:10:17</t>
  </si>
  <si>
    <t>12/14/2019 20:12:57</t>
  </si>
  <si>
    <t>12/14/2019 20:13:04</t>
  </si>
  <si>
    <t>12/14/2019 20:17:57</t>
  </si>
  <si>
    <t>12/14/2019 20:13:10</t>
  </si>
  <si>
    <t>12/14/2019 20:16:17</t>
  </si>
  <si>
    <t>12/14/2019 20:19:04</t>
  </si>
  <si>
    <t>12/14/2019 20:22:58</t>
  </si>
  <si>
    <t>12/14/2019 20:19:47</t>
  </si>
  <si>
    <t>12/14/2019 20:19:48</t>
  </si>
  <si>
    <t>12/14/2019 20:19:50</t>
  </si>
  <si>
    <t>12/14/2019 20:20:41</t>
  </si>
  <si>
    <t>12/14/2019 20:20:55</t>
  </si>
  <si>
    <t>12/14/2019 20:20:56</t>
  </si>
  <si>
    <t>12/14/2019 20:20:57</t>
  </si>
  <si>
    <t>12/14/2019 20:22:17</t>
  </si>
  <si>
    <t>12/14/2019 20:20:58</t>
  </si>
  <si>
    <t>12/14/2019 20:25:57</t>
  </si>
  <si>
    <t>12/14/2019 20:26:04</t>
  </si>
  <si>
    <t>12/14/2019 20:27:58</t>
  </si>
  <si>
    <t>12/14/2019 20:23:06</t>
  </si>
  <si>
    <t>12/14/2019 20:28:57</t>
  </si>
  <si>
    <t>12/14/2019 20:28:17</t>
  </si>
  <si>
    <t>12/14/2019 20:32:57</t>
  </si>
  <si>
    <t>12/14/2019 20:32:04</t>
  </si>
  <si>
    <t>12/14/2019 20:32:51</t>
  </si>
  <si>
    <t>12/14/2019 20:34:57</t>
  </si>
  <si>
    <t>12/14/2019 20:30:25</t>
  </si>
  <si>
    <t>12/14/2019 20:34:17</t>
  </si>
  <si>
    <t>12/14/2019 20:37:58</t>
  </si>
  <si>
    <t>12/14/2019 20:35:48</t>
  </si>
  <si>
    <t>12/14/2019 20:37:50</t>
  </si>
  <si>
    <t>12/14/2019 20:41:56</t>
  </si>
  <si>
    <t>12/14/2019 20:38:04</t>
  </si>
  <si>
    <t>12/14/2019 20:42:57</t>
  </si>
  <si>
    <t>12/14/2019 20:40:17</t>
  </si>
  <si>
    <t>12/14/2019 20:43:34</t>
  </si>
  <si>
    <t>12/14/2019 20:47:57</t>
  </si>
  <si>
    <t>12/14/2019 20:44:04</t>
  </si>
  <si>
    <t>12/14/2019 20:46:17</t>
  </si>
  <si>
    <t>12/14/2019 20:50:05</t>
  </si>
  <si>
    <t>12/14/2019 20:52:56</t>
  </si>
  <si>
    <t>12/14/2019 20:51:29</t>
  </si>
  <si>
    <t>12/14/2019 20:52:17</t>
  </si>
  <si>
    <t>12/14/2019 20:53:11</t>
  </si>
  <si>
    <t>12/14/2019 20:55:57</t>
  </si>
  <si>
    <t>12/14/2019 20:56:04</t>
  </si>
  <si>
    <t>12/14/2019 20:57:56</t>
  </si>
  <si>
    <t>12/14/2019 20:57:35</t>
  </si>
  <si>
    <t>12/14/2019 20:58:57</t>
  </si>
  <si>
    <t>12/14/2019 20:58:17</t>
  </si>
  <si>
    <t>12/14/2019 21:02:56</t>
  </si>
  <si>
    <t>12/14/2019 20:59:45</t>
  </si>
  <si>
    <t>12/14/2019 21:02:04</t>
  </si>
  <si>
    <t>12/14/2019 21:04:17</t>
  </si>
  <si>
    <t>12/14/2019 21:07:57</t>
  </si>
  <si>
    <t>12/14/2019 21:05:16</t>
  </si>
  <si>
    <t>12/14/2019 21:08:57</t>
  </si>
  <si>
    <t>12/14/2019 21:07:40</t>
  </si>
  <si>
    <t>12/14/2019 21:12:57</t>
  </si>
  <si>
    <t>12/14/2019 21:08:04</t>
  </si>
  <si>
    <t>12/14/2019 21:10:18</t>
  </si>
  <si>
    <t>12/14/2019 21:11:38</t>
  </si>
  <si>
    <t>12/14/2019 21:14:57</t>
  </si>
  <si>
    <t>12/14/2019 21:14:04</t>
  </si>
  <si>
    <t>12/14/2019 21:17:56</t>
  </si>
  <si>
    <t>12/14/2019 21:15:11</t>
  </si>
  <si>
    <t>12/14/2019 21:16:18</t>
  </si>
  <si>
    <t>12/14/2019 21:15:30</t>
  </si>
  <si>
    <t>12/14/2019 21:18:57</t>
  </si>
  <si>
    <t>0780d2db-3ee3-48be-bd9a-b74b215c515c.tmp</t>
  </si>
  <si>
    <t>\\acsfs\profiles$\fabianafv\Downloads\0780d2db-3ee3-48be-bd9a-b74b215c515c.tmp</t>
  </si>
  <si>
    <t>12/14/2019 21:17:05</t>
  </si>
  <si>
    <t>740d9987-d1e7-419a-b677-12e118f84087.tmp</t>
  </si>
  <si>
    <t>\\acsfs\profiles$\fabianafv\Downloads\740d9987-d1e7-419a-b677-12e118f84087.tmp</t>
  </si>
  <si>
    <t>12/14/2019 21:20:05</t>
  </si>
  <si>
    <t>12/14/2019 21:22:57</t>
  </si>
  <si>
    <t>12/14/2019 21:22:18</t>
  </si>
  <si>
    <t>12/14/2019 21:20:09</t>
  </si>
  <si>
    <t>12/14/2019 21:23:56</t>
  </si>
  <si>
    <t>12/14/2019 21:22:48</t>
  </si>
  <si>
    <t>12/14/2019 21:27:57</t>
  </si>
  <si>
    <t>12/14/2019 21:26:05</t>
  </si>
  <si>
    <t>12/14/2019 21:24:31</t>
  </si>
  <si>
    <t>12/14/2019 21:28:56</t>
  </si>
  <si>
    <t>12/14/2019 21:28:49</t>
  </si>
  <si>
    <t>12/14/2019 21:29:57</t>
  </si>
  <si>
    <t>12/14/2019 21:28:18</t>
  </si>
  <si>
    <t>12/14/2019 21:32:57</t>
  </si>
  <si>
    <t>12/14/2019 21:30:40</t>
  </si>
  <si>
    <t>12/14/2019 21:32:05</t>
  </si>
  <si>
    <t>12/14/2019 21:30:51</t>
  </si>
  <si>
    <t>12/14/2019 21:34:57</t>
  </si>
  <si>
    <t>12/14/2019 21:34:18</t>
  </si>
  <si>
    <t>12/14/2019 21:37:57</t>
  </si>
  <si>
    <t>12/14/2019 21:38:05</t>
  </si>
  <si>
    <t>12/14/2019 21:42:57</t>
  </si>
  <si>
    <t>12/14/2019 21:38:31</t>
  </si>
  <si>
    <t>12/14/2019 21:40:18</t>
  </si>
  <si>
    <t>12/14/2019 21:39:47</t>
  </si>
  <si>
    <t>12/14/2019 21:44:57</t>
  </si>
  <si>
    <t>12/14/2019 21:45:50</t>
  </si>
  <si>
    <t>12/14/2019 21:47:58</t>
  </si>
  <si>
    <t>12/14/2019 21:43:04</t>
  </si>
  <si>
    <t>12/14/2019 21:43:05</t>
  </si>
  <si>
    <t>12/14/2019 21:43:07</t>
  </si>
  <si>
    <t>12/14/2019 21:46:02</t>
  </si>
  <si>
    <t>12/14/2019 21:46:18</t>
  </si>
  <si>
    <t>12/14/2019 21:49:05</t>
  </si>
  <si>
    <t>12/14/2019 21:52:58</t>
  </si>
  <si>
    <t>12/14/2019 22:11:36</t>
  </si>
  <si>
    <t>12/14/2019 22:13:57</t>
  </si>
  <si>
    <t>12/14/2019 22:33:12</t>
  </si>
  <si>
    <t>12/14/2019 22:34:57</t>
  </si>
  <si>
    <t>12/14/2019 22:46:59</t>
  </si>
  <si>
    <t>12/14/2019 22:48:57</t>
  </si>
  <si>
    <t>12/14/2019 22:49:27</t>
  </si>
  <si>
    <t>12/14/2019 22:50:58</t>
  </si>
  <si>
    <t>12/14/2019 23:09:53</t>
  </si>
  <si>
    <t>12/14/2019 23:14:58</t>
  </si>
  <si>
    <t>12/14/2019 23:22:18</t>
  </si>
  <si>
    <t>12/14/2019 23:24:58</t>
  </si>
  <si>
    <t>12/14/2019 23:26:53</t>
  </si>
  <si>
    <t>12/14/2019 23:29:57</t>
  </si>
  <si>
    <t>12/14/2019 23:28:52</t>
  </si>
  <si>
    <t>12/14/2019 23:32:57</t>
  </si>
  <si>
    <t>12/14/2019 23:33:37</t>
  </si>
  <si>
    <t>12/14/2019 23:35:57</t>
  </si>
  <si>
    <t>ulog_AcroARM2_Reader_a9473871-eb7b-4719-ba46-35125c58e0e7_dfe23d0b-70fe-4c86-b414-ee89b0acc28f_0.log</t>
  </si>
  <si>
    <t>C:\Users\davimvs\AppData\Roaming\Adobe\LogTransport2\Logs\ulog_AcroARM2_Reader_a9473871-eb7b-4719-ba46-35125c58e0e7_dfe23d0b-70fe-4c86-b414-ee89b0acc28f_0.log\</t>
  </si>
  <si>
    <t>12/14/2019 23:39:25</t>
  </si>
  <si>
    <t>12/14/2019 23:40:57</t>
  </si>
  <si>
    <t>12/14/2019 23:56:47</t>
  </si>
  <si>
    <t>12/14/2019 23:59:57</t>
  </si>
  <si>
    <t>12/15/2019 00:01:47</t>
  </si>
  <si>
    <t>12/15/2019 00:03:58</t>
  </si>
  <si>
    <t>12/15/2019 00:03:09</t>
  </si>
  <si>
    <t>12/15/2019 00:01:40</t>
  </si>
  <si>
    <t>12/15/2019 00:04:58</t>
  </si>
  <si>
    <t>12/15/2019 00:02:36</t>
  </si>
  <si>
    <t>12/15/2019 00:07:58</t>
  </si>
  <si>
    <t>12/15/2019 00:07:37</t>
  </si>
  <si>
    <t>12/15/2019 00:09:58</t>
  </si>
  <si>
    <t>12/15/2019 00:08:27</t>
  </si>
  <si>
    <t>12/15/2019 00:10:00</t>
  </si>
  <si>
    <t>12/15/2019 00:11:59</t>
  </si>
  <si>
    <t>12/15/2019 00:11:16</t>
  </si>
  <si>
    <t>12/15/2019 00:13:59</t>
  </si>
  <si>
    <t>12/15/2019 00:13:20</t>
  </si>
  <si>
    <t>12/15/2019 00:14:59</t>
  </si>
  <si>
    <t>12/15/2019 00:13:01</t>
  </si>
  <si>
    <t>12/15/2019 00:13:30</t>
  </si>
  <si>
    <t>12/15/2019 00:16:00</t>
  </si>
  <si>
    <t>12/15/2019 00:11:03</t>
  </si>
  <si>
    <t>12/15/2019 00:13:06</t>
  </si>
  <si>
    <t>12/15/2019 00:18:59</t>
  </si>
  <si>
    <t>12/15/2019 00:28:51</t>
  </si>
  <si>
    <t>12/15/2019 00:30:58</t>
  </si>
  <si>
    <t>12/15/2019 00:28:52</t>
  </si>
  <si>
    <t>12/15/2019 00:33:59</t>
  </si>
  <si>
    <t>12/15/2019 00:36:40</t>
  </si>
  <si>
    <t>12/15/2019 00:36:59</t>
  </si>
  <si>
    <t>12/15/2019 00:50:07</t>
  </si>
  <si>
    <t>12/15/2019 00:53:59</t>
  </si>
  <si>
    <t>12/15/2019 00:56:46</t>
  </si>
  <si>
    <t>12/15/2019 00:58:59</t>
  </si>
  <si>
    <t>12/15/2019 01:01:06</t>
  </si>
  <si>
    <t>12/15/2019 01:08:58</t>
  </si>
  <si>
    <t>12/15/2019 01:01:43</t>
  </si>
  <si>
    <t>12/15/2019 01:05:14</t>
  </si>
  <si>
    <t>12/15/2019 01:09:58</t>
  </si>
  <si>
    <t>12/15/2019 01:10:58</t>
  </si>
  <si>
    <t>12/15/2019 01:42:01</t>
  </si>
  <si>
    <t>12/15/2019 01:45:58</t>
  </si>
  <si>
    <t>12/15/2019 01:44:52</t>
  </si>
  <si>
    <t>12/15/2019 01:48:59</t>
  </si>
  <si>
    <t>12/15/2019 01:50:59</t>
  </si>
  <si>
    <t>12/15/2019 01:53:58</t>
  </si>
  <si>
    <t>12/15/2019 01:54:25</t>
  </si>
  <si>
    <t>12/15/2019 01:57:59</t>
  </si>
  <si>
    <t>12/15/2019 02:32:53</t>
  </si>
  <si>
    <t>12/15/2019 02:34:59</t>
  </si>
  <si>
    <t>12/15/2019 02:32:01</t>
  </si>
  <si>
    <t>12/15/2019 02:35:59</t>
  </si>
  <si>
    <t>12/15/2019 02:53:40</t>
  </si>
  <si>
    <t>12/15/2019 02:56:59</t>
  </si>
  <si>
    <t>12/15/2019 03:03:34</t>
  </si>
  <si>
    <t>12/15/2019 03:04:59</t>
  </si>
  <si>
    <t>12/15/2019 03:03:38</t>
  </si>
  <si>
    <t>12/15/2019 03:05:58</t>
  </si>
  <si>
    <t>ulog_AcroARM2_ARM2Update_a9473871-eb7b-4719-ba46-35125c58e0e7_94e32bdd-a665-4fe7-82da-307aa0417da5_0.log</t>
  </si>
  <si>
    <t>12/15/2019 03:03:39</t>
  </si>
  <si>
    <t>C:\Users\davimvs\AppData\Roaming\Adobe\LogTransport2\Logs\ulog_AcroARM2_ARM2Update_a9473871-eb7b-4719-ba46-35125c58e0e7_94e32bdd-a665-4fe7-82da-307aa0417da5_0.log\</t>
  </si>
  <si>
    <t>ulog_AcroARM2_Reader_a9473871-eb7b-4719-ba46-35125c58e0e7_846c74a7-d70b-4a26-8186-bc51745ba72b_0.log</t>
  </si>
  <si>
    <t>C:\Users\davimvs\AppData\Roaming\Adobe\LogTransport2\Logs\ulog_AcroARM2_Reader_a9473871-eb7b-4719-ba46-35125c58e0e7_846c74a7-d70b-4a26-8186-bc51745ba72b_0.log\</t>
  </si>
  <si>
    <t>ulog_AcroARM2_Reader_a9473871-eb7b-4719-ba46-35125c58e0e7_e48bdf8d-df38-4be6-927c-eb7e791e8d9c_0.log</t>
  </si>
  <si>
    <t>C:\Users\davimvs\AppData\Roaming\Adobe\LogTransport2\Logs\ulog_AcroARM2_Reader_a9473871-eb7b-4719-ba46-35125c58e0e7_e48bdf8d-df38-4be6-927c-eb7e791e8d9c_0.log\</t>
  </si>
  <si>
    <t>12/15/2019 03:06:09</t>
  </si>
  <si>
    <t>12/15/2019 03:09:58</t>
  </si>
  <si>
    <t>12/15/2019 03:12:39</t>
  </si>
  <si>
    <t>12/15/2019 03:13:59</t>
  </si>
  <si>
    <t>12/15/2019 03:12:48</t>
  </si>
  <si>
    <t>12/15/2019 03:14:58</t>
  </si>
  <si>
    <t>12/15/2019 03:15:04</t>
  </si>
  <si>
    <t>12/15/2019 03:18:58</t>
  </si>
  <si>
    <t>12/15/2019 03:15:09</t>
  </si>
  <si>
    <t>12/15/2019 03:19:59</t>
  </si>
  <si>
    <t>12/15/2019 03:23:10</t>
  </si>
  <si>
    <t>12/15/2019 03:25:59</t>
  </si>
  <si>
    <t>12/15/2019 03:24:10</t>
  </si>
  <si>
    <t>12/15/2019 03:26:59</t>
  </si>
  <si>
    <t>12/15/2019 03:38:34</t>
  </si>
  <si>
    <t>12/15/2019 03:40:59</t>
  </si>
  <si>
    <t>12/15/2019 03:41:23</t>
  </si>
  <si>
    <t>12/15/2019 03:44:00</t>
  </si>
  <si>
    <t>12/15/2019 03:41:25</t>
  </si>
  <si>
    <t>12/15/2019 03:45:59</t>
  </si>
  <si>
    <t>12/15/2019 03:45:11</t>
  </si>
  <si>
    <t>12/15/2019 03:52:42</t>
  </si>
  <si>
    <t>12/15/2019 03:57:59</t>
  </si>
  <si>
    <t>12/15/2019 03:55:52</t>
  </si>
  <si>
    <t>12/15/2019 03:59:59</t>
  </si>
  <si>
    <t>12/15/2019 04:00:50</t>
  </si>
  <si>
    <t>12/15/2019 04:04:59</t>
  </si>
  <si>
    <t>12/15/2019 04:07:48</t>
  </si>
  <si>
    <t>12/15/2019 04:08:59</t>
  </si>
  <si>
    <t>12/15/2019 04:07:49</t>
  </si>
  <si>
    <t>12/15/2019 04:10:58</t>
  </si>
  <si>
    <t>12/15/2019 04:10:05</t>
  </si>
  <si>
    <t>12/15/2019 04:09:05</t>
  </si>
  <si>
    <t>12/15/2019 04:13:59</t>
  </si>
  <si>
    <t>12/15/2019 04:16:53</t>
  </si>
  <si>
    <t>12/15/2019 04:18:58</t>
  </si>
  <si>
    <t>12/15/2019 04:27:07</t>
  </si>
  <si>
    <t>12/15/2019 04:28:58</t>
  </si>
  <si>
    <t>12/15/2019 04:31:40</t>
  </si>
  <si>
    <t>12/15/2019 04:33:58</t>
  </si>
  <si>
    <t>12/15/2019 04:37:37</t>
  </si>
  <si>
    <t>12/15/2019 04:39:59</t>
  </si>
  <si>
    <t>12/15/2019 04:40:13</t>
  </si>
  <si>
    <t>12/15/2019 04:43:00</t>
  </si>
  <si>
    <t>12/15/2019 04:43:59</t>
  </si>
  <si>
    <t>12/15/2019 04:45:59</t>
  </si>
  <si>
    <t>12/15/2019 04:46:03</t>
  </si>
  <si>
    <t>12/15/2019 04:49:59</t>
  </si>
  <si>
    <t>12/15/2019 04:52:42</t>
  </si>
  <si>
    <t>12/15/2019 04:53:59</t>
  </si>
  <si>
    <t>12/15/2019 04:56:45</t>
  </si>
  <si>
    <t>12/15/2019 04:58:59</t>
  </si>
  <si>
    <t>12/15/2019 05:04:10</t>
  </si>
  <si>
    <t>12/15/2019 05:05:58</t>
  </si>
  <si>
    <t>12/15/2019 05:12:13</t>
  </si>
  <si>
    <t>12/15/2019 05:16:00</t>
  </si>
  <si>
    <t>12/15/2019 05:18:48</t>
  </si>
  <si>
    <t>12/15/2019 05:24:00</t>
  </si>
  <si>
    <t>12/15/2019 05:22:10</t>
  </si>
  <si>
    <t>12/15/2019 05:26:00</t>
  </si>
  <si>
    <t>12/15/2019 05:31:32</t>
  </si>
  <si>
    <t>12/15/2019 05:34:01</t>
  </si>
  <si>
    <t>12/15/2019 05:49:22</t>
  </si>
  <si>
    <t>12/15/2019 05:49:59</t>
  </si>
  <si>
    <t>12/15/2019 06:01:09</t>
  </si>
  <si>
    <t>12/15/2019 06:06:00</t>
  </si>
  <si>
    <t>12/15/2019 06:10:32</t>
  </si>
  <si>
    <t>12/15/2019 06:14:00</t>
  </si>
  <si>
    <t>12/15/2019 06:31:52</t>
  </si>
  <si>
    <t>12/15/2019 06:35:00</t>
  </si>
  <si>
    <t>12/15/2019 06:33:39</t>
  </si>
  <si>
    <t>12/15/2019 06:36:00</t>
  </si>
  <si>
    <t>ulog_AcroARM2_ARM2Update_a9473871-eb7b-4719-ba46-35125c58e0e7_2d5c1fe3-0a5c-412a-ae5c-44cbc5a62fc1_0.log</t>
  </si>
  <si>
    <t>C:\Users\davimvs\AppData\Roaming\Adobe\LogTransport2\Logs\ulog_AcroARM2_ARM2Update_a9473871-eb7b-4719-ba46-35125c58e0e7_2d5c1fe3-0a5c-412a-ae5c-44cbc5a62fc1_0.log\</t>
  </si>
  <si>
    <t>ulog_AcroARM2_Reader_a9473871-eb7b-4719-ba46-35125c58e0e7_c15263fd-1478-4d40-beaf-be8ec117e81a_0.log</t>
  </si>
  <si>
    <t>C:\Users\davimvs\AppData\Roaming\Adobe\LogTransport2\Logs\ulog_AcroARM2_Reader_a9473871-eb7b-4719-ba46-35125c58e0e7_c15263fd-1478-4d40-beaf-be8ec117e81a_0.log\</t>
  </si>
  <si>
    <t>ulog_AcroARM2_Reader_a9473871-eb7b-4719-ba46-35125c58e0e7_ebf07471-b9f6-4a66-93af-bf1e12b015f4_0.log</t>
  </si>
  <si>
    <t>C:\Users\davimvs\AppData\Roaming\Adobe\LogTransport2\Logs\ulog_AcroARM2_Reader_a9473871-eb7b-4719-ba46-35125c58e0e7_ebf07471-b9f6-4a66-93af-bf1e12b015f4_0.log\</t>
  </si>
  <si>
    <t>12/15/2019 06:49:21</t>
  </si>
  <si>
    <t>12/15/2019 06:51:59</t>
  </si>
  <si>
    <t>12/15/2019 06:53:20</t>
  </si>
  <si>
    <t>12/15/2019 06:56:59</t>
  </si>
  <si>
    <t>12/15/2019 06:56:46</t>
  </si>
  <si>
    <t>12/15/2019 06:59:00</t>
  </si>
  <si>
    <t>12/15/2019 06:57:22</t>
  </si>
  <si>
    <t>12/15/2019 07:01:00</t>
  </si>
  <si>
    <t>12/15/2019 06:58:32</t>
  </si>
  <si>
    <t>12/15/2019 07:02:00</t>
  </si>
  <si>
    <t>\\acsfs\profiles$\albertofn\Downloads\</t>
  </si>
  <si>
    <t>4430877e-1c53-4b07-9af9-a014b7971946.tmp</t>
  </si>
  <si>
    <t>\\acsfs\profiles$\albertofn\Downloads\4430877e-1c53-4b07-9af9-a014b7971946.tmp</t>
  </si>
  <si>
    <t>12/15/2019 06:59:41</t>
  </si>
  <si>
    <t>\\acsfs\profiles$\albertofn\My Documents\Neto\</t>
  </si>
  <si>
    <t>Novo Documento RTF.rtf</t>
  </si>
  <si>
    <t>\\acsfs\profiles$\albertofn\My Documents\Neto\Novo Documento RTF.rtf</t>
  </si>
  <si>
    <t>12/15/2019 07:02:19</t>
  </si>
  <si>
    <t>12/15/2019 07:04:00</t>
  </si>
  <si>
    <t>12/15/2019 07:21:16</t>
  </si>
  <si>
    <t>12/15/2019 07:23:02</t>
  </si>
  <si>
    <t>12/15/2019 07:30:16</t>
  </si>
  <si>
    <t>12/15/2019 07:32:01</t>
  </si>
  <si>
    <t>\\acsfs\profiles$\albertofn\Downloads\$RECYCLE.BIN\</t>
  </si>
  <si>
    <t>$I4981LP.txt</t>
  </si>
  <si>
    <t>\\acsfs\profiles$\albertofn\Downloads\$RECYCLE.BIN\$I4981LP.txt</t>
  </si>
  <si>
    <t>$IZE76HI.txt</t>
  </si>
  <si>
    <t>\\acsfs\profiles$\albertofn\Downloads\$RECYCLE.BIN\$IZE76HI.txt</t>
  </si>
  <si>
    <t>$IZT2CE9.txt</t>
  </si>
  <si>
    <t>\\acsfs\profiles$\albertofn\Downloads\$RECYCLE.BIN\$IZT2CE9.txt</t>
  </si>
  <si>
    <t>$ILEFKEU.txt</t>
  </si>
  <si>
    <t>\\acsfs\profiles$\albertofn\Downloads\$RECYCLE.BIN\$ILEFKEU.txt</t>
  </si>
  <si>
    <t>12/15/2019 07:30:30</t>
  </si>
  <si>
    <t>$I9WTLMD.rtf</t>
  </si>
  <si>
    <t>\\acsfs\profiles$\albertofn\Downloads\$RECYCLE.BIN\$I9WTLMD.rtf</t>
  </si>
  <si>
    <t>12/15/2019 07:34:14</t>
  </si>
  <si>
    <t>12/15/2019 07:35:01</t>
  </si>
  <si>
    <t>12/15/2019 07:34:00</t>
  </si>
  <si>
    <t>12/15/2019 07:36:01</t>
  </si>
  <si>
    <t>5327a087-ca4f-4ad7-8624-1be785472a74.tmp</t>
  </si>
  <si>
    <t>\\acsfs\profiles$\cintiadcf\Downloads\5327a087-ca4f-4ad7-8624-1be785472a74.tmp</t>
  </si>
  <si>
    <t>12/15/2019 07:34:16</t>
  </si>
  <si>
    <t>12/15/2019 07:34:17</t>
  </si>
  <si>
    <t>1d62cea6-31af-4568-8159-02646a2ea953.tmp</t>
  </si>
  <si>
    <t>\\acsfs\profiles$\cintiadcf\Downloads\1d62cea6-31af-4568-8159-02646a2ea953.tmp</t>
  </si>
  <si>
    <t>12/15/2019 07:35:24</t>
  </si>
  <si>
    <t>12/15/2019 07:37:01</t>
  </si>
  <si>
    <t>Redes2 - CAP5 (1).rtf</t>
  </si>
  <si>
    <t>\\acsfs\profiles$\albertofn\Downloads\Redes2 - CAP5 (1).rtf</t>
  </si>
  <si>
    <t>12/15/2019 07:34:46</t>
  </si>
  <si>
    <t>12/15/2019 07:40:00</t>
  </si>
  <si>
    <t>12/15/2019 07:35:42</t>
  </si>
  <si>
    <t>12/15/2019 07:41:01</t>
  </si>
  <si>
    <t>277537ae-2d08-43cd-9a3a-e8d8c6e45b18.tmp</t>
  </si>
  <si>
    <t>\\acsfs\profiles$\cintiadcf\Downloads\277537ae-2d08-43cd-9a3a-e8d8c6e45b18.tmp</t>
  </si>
  <si>
    <t>12/15/2019 07:38:22</t>
  </si>
  <si>
    <t>12/15/2019 07:42:01</t>
  </si>
  <si>
    <t>$IB6G2FO.c</t>
  </si>
  <si>
    <t>\\acsfs\profiles$\albertofn\Downloads\$RECYCLE.BIN\$IB6G2FO.c</t>
  </si>
  <si>
    <t>12/15/2019 07:42:02</t>
  </si>
  <si>
    <t>12/15/2019 07:46:01</t>
  </si>
  <si>
    <t>12/15/2019 07:42:24</t>
  </si>
  <si>
    <t>12/15/2019 07:47:01</t>
  </si>
  <si>
    <t>12/15/2019 07:51:01</t>
  </si>
  <si>
    <t>12/15/2019 07:58:09</t>
  </si>
  <si>
    <t>12/15/2019 08:01:01</t>
  </si>
  <si>
    <t>12/15/2019 08:05:53</t>
  </si>
  <si>
    <t>12/15/2019 08:10:00</t>
  </si>
  <si>
    <t>12/15/2019 08:12:43</t>
  </si>
  <si>
    <t>12/15/2019 08:14:00</t>
  </si>
  <si>
    <t>0e831999-17ec-4250-a9a4-89f4ca23ef65.tmp</t>
  </si>
  <si>
    <t>\\acsfs\profiles$\isabellegtds\Downloads\0e831999-17ec-4250-a9a4-89f4ca23ef65.tmp</t>
  </si>
  <si>
    <t>12/15/2019 08:14:08</t>
  </si>
  <si>
    <t>12/15/2019 08:19:01</t>
  </si>
  <si>
    <t>fd92f41e-cc9a-4c15-a68c-95944beaee3b.tmp</t>
  </si>
  <si>
    <t>\\acsfs\profiles$\isabellegtds\Downloads\fd92f41e-cc9a-4c15-a68c-95944beaee3b.tmp</t>
  </si>
  <si>
    <t>12/15/2019 08:14:24</t>
  </si>
  <si>
    <t>e6c06ee2-2c52-4827-b999-8f3f5ffd8df4.tmp</t>
  </si>
  <si>
    <t>\\acsfs\profiles$\isabellegtds\Downloads\e6c06ee2-2c52-4827-b999-8f3f5ffd8df4.tmp</t>
  </si>
  <si>
    <t>12/15/2019 08:20:27</t>
  </si>
  <si>
    <t>12/15/2019 08:21:01</t>
  </si>
  <si>
    <t>12/15/2019 08:17:34</t>
  </si>
  <si>
    <t>12/15/2019 08:23:01</t>
  </si>
  <si>
    <t>12/15/2019 08:28:44</t>
  </si>
  <si>
    <t>12/15/2019 08:31:00</t>
  </si>
  <si>
    <t>12/15/2019 08:31:09</t>
  </si>
  <si>
    <t>12/15/2019 08:32:01</t>
  </si>
  <si>
    <t>\\acsfs\profiles$\marcellewdl\My Documents\My Pictures\</t>
  </si>
  <si>
    <t>\\acsfs\profiles$\marcellewdl\My Documents\My Videos\desktop.ini</t>
  </si>
  <si>
    <t>12/15/2019 08:31:11</t>
  </si>
  <si>
    <t>\\acsfs\profiles$\marcellewdl\My Documents\My Videos\</t>
  </si>
  <si>
    <t>12/15/2019 08:31:12</t>
  </si>
  <si>
    <t>12/15/2019 08:31:15</t>
  </si>
  <si>
    <t>12/15/2019 08:31:17</t>
  </si>
  <si>
    <t>12/15/2019 08:32:53</t>
  </si>
  <si>
    <t>12/15/2019 08:35:01</t>
  </si>
  <si>
    <t>12/15/2019 08:30:37</t>
  </si>
  <si>
    <t>12/15/2019 08:36:01</t>
  </si>
  <si>
    <t>12/15/2019 08:31:06</t>
  </si>
  <si>
    <t>e8b324a6-5098-40ee-83ed-9f6b2930b4f3.tmp</t>
  </si>
  <si>
    <t>\\acsfs\profiles$\LUCASNS\Downloads\e8b324a6-5098-40ee-83ed-9f6b2930b4f3.tmp</t>
  </si>
  <si>
    <t>12/15/2019 08:33:41</t>
  </si>
  <si>
    <t>e203751a-b9f4-44d8-b2d7-bcd70fd75142.tmp</t>
  </si>
  <si>
    <t>\\acsfs\profiles$\LUCASNS\Downloads\e203751a-b9f4-44d8-b2d7-bcd70fd75142.tmp</t>
  </si>
  <si>
    <t>12/15/2019 08:34:16</t>
  </si>
  <si>
    <t>799714c1-bcce-48a3-81fd-d4b116a011e3.tmp</t>
  </si>
  <si>
    <t>\\acsfs\profiles$\LUCASNS\Downloads\799714c1-bcce-48a3-81fd-d4b116a011e3.tmp</t>
  </si>
  <si>
    <t>12/15/2019 08:32:48</t>
  </si>
  <si>
    <t>12/15/2019 08:37:00</t>
  </si>
  <si>
    <t>12/15/2019 08:37:16</t>
  </si>
  <si>
    <t>12/15/2019 08:41:02</t>
  </si>
  <si>
    <t>5bc43375-9f73-4317-96e1-c55f0dda35ab.tmp</t>
  </si>
  <si>
    <t>\\acsfs\profiles$\LUCASNS\Downloads\5bc43375-9f73-4317-96e1-c55f0dda35ab.tmp</t>
  </si>
  <si>
    <t>12/15/2019 08:38:07</t>
  </si>
  <si>
    <t>12/15/2019 08:42:01</t>
  </si>
  <si>
    <t>125661d9-23a1-4066-a19c-8dfce0f15055.tmp</t>
  </si>
  <si>
    <t>\\acsfs\profiles$\marcellewdl\Downloads\125661d9-23a1-4066-a19c-8dfce0f15055.tmp</t>
  </si>
  <si>
    <t>12/15/2019 08:39:57</t>
  </si>
  <si>
    <t>12/15/2019 08:40:00</t>
  </si>
  <si>
    <t>9a5fc1df-952c-407f-b469-1f38f4c9fe9b.tmp</t>
  </si>
  <si>
    <t>\\acsfs\profiles$\marcellewdl\Downloads\9a5fc1df-952c-407f-b469-1f38f4c9fe9b.tmp</t>
  </si>
  <si>
    <t>12/15/2019 08:40:04</t>
  </si>
  <si>
    <t>13f1d2d1-a1d4-4abb-b33f-19c74c956ac8.tmp</t>
  </si>
  <si>
    <t>\\acsfs\profiles$\marcellewdl\Downloads\13f1d2d1-a1d4-4abb-b33f-19c74c956ac8.tmp</t>
  </si>
  <si>
    <t>12/15/2019 08:43:13</t>
  </si>
  <si>
    <t>12/15/2019 08:49:01</t>
  </si>
  <si>
    <t>12/15/2019 08:47:42</t>
  </si>
  <si>
    <t>12/15/2019 08:52:03</t>
  </si>
  <si>
    <t>senhas.txt</t>
  </si>
  <si>
    <t>\\acsfs\profiles$\marcellewdl\My Documents\senhas.txt</t>
  </si>
  <si>
    <t>12/15/2019 08:57:45</t>
  </si>
  <si>
    <t>12/15/2019 09:00:03</t>
  </si>
  <si>
    <t>12/15/2019 08:59:34</t>
  </si>
  <si>
    <t>12/15/2019 09:02:02</t>
  </si>
  <si>
    <t>12/15/2019 09:01:13</t>
  </si>
  <si>
    <t>12/15/2019 09:03:02</t>
  </si>
  <si>
    <t>12/15/2019 09:01:52</t>
  </si>
  <si>
    <t>nataliacsl</t>
  </si>
  <si>
    <t>\\acsfs\profiles$\nataliacsl\Downloads\</t>
  </si>
  <si>
    <t>f96a8b69-756d-4dbc-b4dd-7f4f03f0f272.tmp</t>
  </si>
  <si>
    <t>\\acsfs\profiles$\nataliacsl\Downloads\f96a8b69-756d-4dbc-b4dd-7f4f03f0f272.tmp</t>
  </si>
  <si>
    <t>12/15/2019 09:02:16</t>
  </si>
  <si>
    <t>b50d2777-5fad-40bc-95f4-64d4a96003fc.tmp</t>
  </si>
  <si>
    <t>\\acsfs\profiles$\nataliacsl\Downloads\b50d2777-5fad-40bc-95f4-64d4a96003fc.tmp</t>
  </si>
  <si>
    <t>12/15/2019 09:04:42</t>
  </si>
  <si>
    <t>12/15/2019 09:06:02</t>
  </si>
  <si>
    <t>12/15/2019 09:02:27</t>
  </si>
  <si>
    <t>12/15/2019 09:07:02</t>
  </si>
  <si>
    <t>\\acsfs\profiles$\MARCELLEWDL\My Documents\</t>
  </si>
  <si>
    <t>\\acsfs\profiles$\MARCELLEWDL\My Documents\senhas.txt</t>
  </si>
  <si>
    <t>12/15/2019 09:05:02</t>
  </si>
  <si>
    <t>12/15/2019 09:08:02</t>
  </si>
  <si>
    <t>ef42afd5-5981-4995-a718-3b0aa8919df7.tmp</t>
  </si>
  <si>
    <t>\\acsfs\profiles$\nataliacsl\Downloads\ef42afd5-5981-4995-a718-3b0aa8919df7.tmp</t>
  </si>
  <si>
    <t>12/15/2019 09:05:15</t>
  </si>
  <si>
    <t>12/15/2019 09:10:02</t>
  </si>
  <si>
    <t>12/15/2019 09:18:35</t>
  </si>
  <si>
    <t>12/15/2019 09:21:01</t>
  </si>
  <si>
    <t>60771045-8aae-415a-98f2-22e6bc402369.tmp</t>
  </si>
  <si>
    <t>\\acsfs\profiles$\cintiadcf\Downloads\60771045-8aae-415a-98f2-22e6bc402369.tmp</t>
  </si>
  <si>
    <t>12/15/2019 09:23:10</t>
  </si>
  <si>
    <t>12/15/2019 09:26:02</t>
  </si>
  <si>
    <t>12/15/2019 09:24:48</t>
  </si>
  <si>
    <t>12/15/2019 09:27:01</t>
  </si>
  <si>
    <t>12/15/2019 09:26:27</t>
  </si>
  <si>
    <t>12/15/2019 09:30:02</t>
  </si>
  <si>
    <t>12/15/2019 09:33:45</t>
  </si>
  <si>
    <t>12/15/2019 09:36:02</t>
  </si>
  <si>
    <t>12/15/2019 09:52:40</t>
  </si>
  <si>
    <t>12/15/2019 09:57:02</t>
  </si>
  <si>
    <t>12/15/2019 09:56:42</t>
  </si>
  <si>
    <t>12/15/2019 10:02:01</t>
  </si>
  <si>
    <t>12/15/2019 10:03:33</t>
  </si>
  <si>
    <t>12/15/2019 10:05:02</t>
  </si>
  <si>
    <t>12/15/2019 10:03:38</t>
  </si>
  <si>
    <t>12/15/2019 10:06:02</t>
  </si>
  <si>
    <t>ulog_AcroARM2_ARM2Update_a9473871-eb7b-4719-ba46-35125c58e0e7_1a5b3e17-45ae-4f55-8be8-c3cc04041a34_0.log</t>
  </si>
  <si>
    <t>C:\Users\davimvs\AppData\Roaming\Adobe\LogTransport2\Logs\ulog_AcroARM2_ARM2Update_a9473871-eb7b-4719-ba46-35125c58e0e7_1a5b3e17-45ae-4f55-8be8-c3cc04041a34_0.log\</t>
  </si>
  <si>
    <t>ulog_AcroARM2_Reader_a9473871-eb7b-4719-ba46-35125c58e0e7_28516dc3-fe3e-471f-8a37-6c428767f5a0_0.log</t>
  </si>
  <si>
    <t>C:\Users\davimvs\AppData\Roaming\Adobe\LogTransport2\Logs\ulog_AcroARM2_Reader_a9473871-eb7b-4719-ba46-35125c58e0e7_28516dc3-fe3e-471f-8a37-6c428767f5a0_0.log\</t>
  </si>
  <si>
    <t>ulog_AcroARM2_Reader_a9473871-eb7b-4719-ba46-35125c58e0e7_c26de949-df3f-435c-8ed7-b7a08b232c7c_0.log</t>
  </si>
  <si>
    <t>C:\Users\davimvs\AppData\Roaming\Adobe\LogTransport2\Logs\ulog_AcroARM2_Reader_a9473871-eb7b-4719-ba46-35125c58e0e7_c26de949-df3f-435c-8ed7-b7a08b232c7c_0.log\</t>
  </si>
  <si>
    <t>12/15/2019 10:03:55</t>
  </si>
  <si>
    <t>12/15/2019 10:09:02</t>
  </si>
  <si>
    <t>49d18a9b-0b4f-4610-b094-82356d9de6c6.tmp</t>
  </si>
  <si>
    <t>\\acsfs\profiles$\isabellegtds\Downloads\49d18a9b-0b4f-4610-b094-82356d9de6c6.tmp</t>
  </si>
  <si>
    <t>12/15/2019 10:07:42</t>
  </si>
  <si>
    <t>12/15/2019 10:11:01</t>
  </si>
  <si>
    <t>12/15/2019 10:18:45</t>
  </si>
  <si>
    <t>12/15/2019 10:19:02</t>
  </si>
  <si>
    <t>12/15/2019 10:22:17</t>
  </si>
  <si>
    <t>12/15/2019 10:26:01</t>
  </si>
  <si>
    <t>a12216a2-9b2b-4749-93c9-34f673003fab.tmp</t>
  </si>
  <si>
    <t>\\acsfs\profiles$\cintiadcf\Downloads\a12216a2-9b2b-4749-93c9-34f673003fab.tmp</t>
  </si>
  <si>
    <t>12/15/2019 10:24:04</t>
  </si>
  <si>
    <t>12/15/2019 10:27:02</t>
  </si>
  <si>
    <t>12/15/2019 10:30:58</t>
  </si>
  <si>
    <t>12/15/2019 10:33:01</t>
  </si>
  <si>
    <t>12/15/2019 10:31:38</t>
  </si>
  <si>
    <t>12/15/2019 10:34:01</t>
  </si>
  <si>
    <t>12/15/2019 10:36:11</t>
  </si>
  <si>
    <t>12/15/2019 10:37:01</t>
  </si>
  <si>
    <t>12/15/2019 10:46:56</t>
  </si>
  <si>
    <t>12/15/2019 10:51:01</t>
  </si>
  <si>
    <t>12/15/2019 10:50:14</t>
  </si>
  <si>
    <t>12/15/2019 10:55:01</t>
  </si>
  <si>
    <t>12/15/2019 11:04:08</t>
  </si>
  <si>
    <t>12/15/2019 11:07:02</t>
  </si>
  <si>
    <t>Redes 2 - CAP 4.rtf</t>
  </si>
  <si>
    <t>\\acsfs\profiles$\albertofn\My Documents\Neto\Redes 2 - CAP 4.rtf</t>
  </si>
  <si>
    <t>12/15/2019 11:06:12</t>
  </si>
  <si>
    <t>12/15/2019 11:10:02</t>
  </si>
  <si>
    <t>12/15/2019 11:10:58</t>
  </si>
  <si>
    <t>12/15/2019 11:16:03</t>
  </si>
  <si>
    <t>12/15/2019 11:17:05</t>
  </si>
  <si>
    <t>12/15/2019 11:21:02</t>
  </si>
  <si>
    <t>12/15/2019 11:18:15</t>
  </si>
  <si>
    <t>12/15/2019 11:22:02</t>
  </si>
  <si>
    <t>12/15/2019 11:22:07</t>
  </si>
  <si>
    <t>12/15/2019 11:26:02</t>
  </si>
  <si>
    <t>12/15/2019 11:32:53</t>
  </si>
  <si>
    <t>12/15/2019 11:35:01</t>
  </si>
  <si>
    <t>12/15/2019 11:36:53</t>
  </si>
  <si>
    <t>12/15/2019 11:40:01</t>
  </si>
  <si>
    <t>12/15/2019 11:39:49</t>
  </si>
  <si>
    <t>12/15/2019 11:41:01</t>
  </si>
  <si>
    <t>12/15/2019 11:43:41</t>
  </si>
  <si>
    <t>12/15/2019 11:48:01</t>
  </si>
  <si>
    <t>12/15/2019 11:45:16</t>
  </si>
  <si>
    <t>12/15/2019 11:49:02</t>
  </si>
  <si>
    <t>cd13699e-1527-496a-9191-7ef0fc450cfc.tmp</t>
  </si>
  <si>
    <t>\\acsfs\profiles$\isabellegtds\Downloads\cd13699e-1527-496a-9191-7ef0fc450cfc.tmp</t>
  </si>
  <si>
    <t>12/15/2019 11:49:22</t>
  </si>
  <si>
    <t>12/15/2019 11:51:01</t>
  </si>
  <si>
    <t>12/15/2019 11:55:56</t>
  </si>
  <si>
    <t>12/15/2019 12:01:01</t>
  </si>
  <si>
    <t>12/15/2019 12:00:21</t>
  </si>
  <si>
    <t>12/15/2019 12:02:02</t>
  </si>
  <si>
    <t>12/15/2019 11:58:37</t>
  </si>
  <si>
    <t>12/15/2019 12:03:01</t>
  </si>
  <si>
    <t>12/15/2019 12:11:37</t>
  </si>
  <si>
    <t>12/15/2019 12:14:01</t>
  </si>
  <si>
    <t>mail.google.com/_/upload?authuser=0&amp;dcp=asu-n&amp;upload_id=AEnB2UqZ7EtsdpHH4u3y2nPFJWCRzRztLd8qDDX51Bd9POAfUh25twDC9VvPkkzrfrbU31upmUJT1XRPmm6fKh-P0vDrcQe_Lw&amp;upload_protocol=resumable</t>
  </si>
  <si>
    <t>\\acsfs\DEPTOS\TH\05. Cargos e Remuneração\03.Remuneração Variável\Objetivos de Contribuição\2020\</t>
  </si>
  <si>
    <t>Direcionamento Estratégico para 2020_1ºS.xlsx</t>
  </si>
  <si>
    <t>12/15/2019 12:18:02</t>
  </si>
  <si>
    <t>12/15/2019 12:19:02</t>
  </si>
  <si>
    <t>12/15/2019 12:16:29</t>
  </si>
  <si>
    <t>12/15/2019 12:21:02</t>
  </si>
  <si>
    <t>12/15/2019 12:23:01</t>
  </si>
  <si>
    <t>12/15/2019 12:24:18</t>
  </si>
  <si>
    <t>12/15/2019 12:25:01</t>
  </si>
  <si>
    <t>12/15/2019 12:37:48</t>
  </si>
  <si>
    <t>12/15/2019 12:39:02</t>
  </si>
  <si>
    <t>12/15/2019 12:39:43</t>
  </si>
  <si>
    <t>12/15/2019 12:42:01</t>
  </si>
  <si>
    <t>9d23f1d4-4480-49e8-8935-bfa623c70beb.tmp</t>
  </si>
  <si>
    <t>\\acsfs\profiles$\jonatanls\Downloads\9d23f1d4-4480-49e8-8935-bfa623c70beb.tmp</t>
  </si>
  <si>
    <t>12/15/2019 12:41:14</t>
  </si>
  <si>
    <t>6890f843-dd69-4d60-a9a0-c0a3b1acb195.tmp</t>
  </si>
  <si>
    <t>\\acsfs\profiles$\jonatanls\Downloads\6890f843-dd69-4d60-a9a0-c0a3b1acb195.tmp</t>
  </si>
  <si>
    <t>12/15/2019 12:43:39</t>
  </si>
  <si>
    <t>12/15/2019 12:47:02</t>
  </si>
  <si>
    <t>.~lock.Filas-ALGAR - JONATAN.xlsx#</t>
  </si>
  <si>
    <t>\\acsfs\profiles$\jonatanls\My Documents\.~lock.Filas-ALGAR - JONATAN.xlsx#</t>
  </si>
  <si>
    <t>12/15/2019 12:56:52</t>
  </si>
  <si>
    <t>12/15/2019 12:59:02</t>
  </si>
  <si>
    <t>12/15/2019 13:09:05</t>
  </si>
  <si>
    <t>12/15/2019 13:12:02</t>
  </si>
  <si>
    <t>12/15/2019 13:11:21</t>
  </si>
  <si>
    <t>12/15/2019 13:17:02</t>
  </si>
  <si>
    <t>12/15/2019 13:11:22</t>
  </si>
  <si>
    <t>lu14304671fu.tmp</t>
  </si>
  <si>
    <t>\\acsfs\profiles$\jonatanls\My Documents\lu14304671fu.tmp</t>
  </si>
  <si>
    <t>12/15/2019 13:11:32</t>
  </si>
  <si>
    <t>lu14304671g0.tmp</t>
  </si>
  <si>
    <t>\\acsfs\profiles$\jonatanls\My Documents\lu14304671g0.tmp</t>
  </si>
  <si>
    <t>12/15/2019 13:12:51</t>
  </si>
  <si>
    <t>4d92a291-acab-4647-b3ea-7a66a12ee370.tmp</t>
  </si>
  <si>
    <t>\\acsfs\profiles$\jonatanls\Downloads\4d92a291-acab-4647-b3ea-7a66a12ee370.tmp</t>
  </si>
  <si>
    <t>12/15/2019 13:13:57</t>
  </si>
  <si>
    <t>4d23b0cb-ffd4-4c91-9c1a-97ea8ad8e8c3.tmp</t>
  </si>
  <si>
    <t>\\acsfs\profiles$\jonatanls\Downloads\4d23b0cb-ffd4-4c91-9c1a-97ea8ad8e8c3.tmp</t>
  </si>
  <si>
    <t>12/15/2019 13:13:30</t>
  </si>
  <si>
    <t>dca69dd3-6126-429c-bfab-8c784cdacd77.tmp</t>
  </si>
  <si>
    <t>\\acsfs\profiles$\marcellewdl\Downloads\dca69dd3-6126-429c-bfab-8c784cdacd77.tmp</t>
  </si>
  <si>
    <t>12/15/2019 13:15:05</t>
  </si>
  <si>
    <t>12/15/2019 13:18:02</t>
  </si>
  <si>
    <t>10.200.67.5</t>
  </si>
  <si>
    <t>12/15/2019 13:16:33</t>
  </si>
  <si>
    <t>12/15/2019 13:19:03</t>
  </si>
  <si>
    <t>10.200.66.9</t>
  </si>
  <si>
    <t>12/15/2019 13:16:55</t>
  </si>
  <si>
    <t>12/15/2019 13:22:04</t>
  </si>
  <si>
    <t>12/15/2019 13:16:56</t>
  </si>
  <si>
    <t>lu14304671g6.tmp</t>
  </si>
  <si>
    <t>\\acsfs\profiles$\jonatanls\My Documents\lu14304671g6.tmp</t>
  </si>
  <si>
    <t>12/15/2019 13:18:56</t>
  </si>
  <si>
    <t>lu14304671gc.tmp</t>
  </si>
  <si>
    <t>\\acsfs\profiles$\jonatanls\My Documents\lu14304671gc.tmp</t>
  </si>
  <si>
    <t>12/15/2019 13:20:50</t>
  </si>
  <si>
    <t>12/15/2019 13:24:02</t>
  </si>
  <si>
    <t>12/15/2019 13:31:38</t>
  </si>
  <si>
    <t>12/15/2019 13:36:03</t>
  </si>
  <si>
    <t>12/15/2019 13:33:41</t>
  </si>
  <si>
    <t>ulog_AcroARM2_ARM2Update_a9473871-eb7b-4719-ba46-35125c58e0e7_2053dac7-8a4a-4090-8176-fcc92ee4ec44_0.log</t>
  </si>
  <si>
    <t>C:\Users\davimvs\AppData\Roaming\Adobe\LogTransport2\Logs\ulog_AcroARM2_ARM2Update_a9473871-eb7b-4719-ba46-35125c58e0e7_2053dac7-8a4a-4090-8176-fcc92ee4ec44_0.log\</t>
  </si>
  <si>
    <t>ulog_AcroARM2_Reader_a9473871-eb7b-4719-ba46-35125c58e0e7_0734309d-de24-42e0-af0a-67eb98910b2a_0.log</t>
  </si>
  <si>
    <t>C:\Users\davimvs\AppData\Roaming\Adobe\LogTransport2\Logs\ulog_AcroARM2_Reader_a9473871-eb7b-4719-ba46-35125c58e0e7_0734309d-de24-42e0-af0a-67eb98910b2a_0.log\</t>
  </si>
  <si>
    <t>ulog_AcroARM2_Reader_a9473871-eb7b-4719-ba46-35125c58e0e7_62aac719-7fca-4934-91a3-e92cb0f04048_0.log</t>
  </si>
  <si>
    <t>C:\Users\davimvs\AppData\Roaming\Adobe\LogTransport2\Logs\ulog_AcroARM2_Reader_a9473871-eb7b-4719-ba46-35125c58e0e7_62aac719-7fca-4934-91a3-e92cb0f04048_0.log\</t>
  </si>
  <si>
    <t>12/15/2019 13:34:14</t>
  </si>
  <si>
    <t>12/15/2019 13:37:02</t>
  </si>
  <si>
    <t>4858a128-c112-4e0a-a661-142fb168e4f8.tmp</t>
  </si>
  <si>
    <t>\\acsfs\profiles$\jonatanls\Downloads\4858a128-c112-4e0a-a661-142fb168e4f8.tmp</t>
  </si>
  <si>
    <t>12/15/2019 13:36:39</t>
  </si>
  <si>
    <t>12/15/2019 13:38:03</t>
  </si>
  <si>
    <t>12/15/2019 13:43:51</t>
  </si>
  <si>
    <t>12/15/2019 13:45:03</t>
  </si>
  <si>
    <t>12/15/2019 13:42:57</t>
  </si>
  <si>
    <t>12/15/2019 13:46:02</t>
  </si>
  <si>
    <t>12/15/2019 13:50:19</t>
  </si>
  <si>
    <t>12/15/2019 13:52:03</t>
  </si>
  <si>
    <t>12/15/2019 14:00:07</t>
  </si>
  <si>
    <t>12/15/2019 14:01:03</t>
  </si>
  <si>
    <t>ulog_AcroARM2_Reader_a9473871-eb7b-4719-ba46-35125c58e0e7_1788f839-a346-4acd-b3b2-e8ad19f6da3d_0.log</t>
  </si>
  <si>
    <t>C:\Users\davimvs\AppData\Roaming\Adobe\LogTransport2\Logs\ulog_AcroARM2_Reader_a9473871-eb7b-4719-ba46-35125c58e0e7_1788f839-a346-4acd-b3b2-e8ad19f6da3d_0.log\</t>
  </si>
  <si>
    <t>12/15/2019 14:04:00</t>
  </si>
  <si>
    <t>12/15/2019 14:05:02</t>
  </si>
  <si>
    <t>12/15/2019 14:03:33</t>
  </si>
  <si>
    <t>12/15/2019 14:06:03</t>
  </si>
  <si>
    <t>12/15/2019 14:01:10</t>
  </si>
  <si>
    <t>12/15/2019 14:09:54</t>
  </si>
  <si>
    <t>12/15/2019 14:12:03</t>
  </si>
  <si>
    <t>6d937207-3e47-4e96-b744-9c7fc73344ae.tmp</t>
  </si>
  <si>
    <t>\\acsfs\profiles$\jonatanls\Downloads\6d937207-3e47-4e96-b744-9c7fc73344ae.tmp</t>
  </si>
  <si>
    <t>12/15/2019 14:07:50</t>
  </si>
  <si>
    <t>12/15/2019 14:26:29</t>
  </si>
  <si>
    <t>12/15/2019 14:32:03</t>
  </si>
  <si>
    <t>12/15/2019 14:37:05</t>
  </si>
  <si>
    <t>12/15/2019 14:40:03</t>
  </si>
  <si>
    <t>12/15/2019 14:42:36</t>
  </si>
  <si>
    <t>12/15/2019 14:47:03</t>
  </si>
  <si>
    <t>adc0a325-6bd9-443a-b951-5bdfb2ae7429.tmp</t>
  </si>
  <si>
    <t>\\acsfs\profiles$\erichds\Downloads\adc0a325-6bd9-443a-b951-5bdfb2ae7429.tmp</t>
  </si>
  <si>
    <t>12/15/2019 14:45:26</t>
  </si>
  <si>
    <t>ef269f18-0fc6-4002-9037-f71a769de3de.tmp</t>
  </si>
  <si>
    <t>\\acsfs\profiles$\erichds\Downloads\ef269f18-0fc6-4002-9037-f71a769de3de.tmp</t>
  </si>
  <si>
    <t>12/15/2019 14:50:11</t>
  </si>
  <si>
    <t>12/15/2019 14:52:03</t>
  </si>
  <si>
    <t>12/15/2019 14:46:51</t>
  </si>
  <si>
    <t>\\acsfs\profiles$\MARCELLEWDL\My Documents\vendas.txt</t>
  </si>
  <si>
    <t>12/15/2019 14:50:18</t>
  </si>
  <si>
    <t>b9b8c419-337e-4c5d-a375-5ee6c0716768.tmp</t>
  </si>
  <si>
    <t>\\acsfs\profiles$\henriqueco\Downloads\b9b8c419-337e-4c5d-a375-5ee6c0716768.tmp</t>
  </si>
  <si>
    <t>12/15/2019 14:50:41</t>
  </si>
  <si>
    <t>9d67f28a-f195-44d8-917e-6253bd7aa8cd.tmp</t>
  </si>
  <si>
    <t>\\acsfs\profiles$\henriqueco\Downloads\9d67f28a-f195-44d8-917e-6253bd7aa8cd.tmp</t>
  </si>
  <si>
    <t>12/15/2019 14:52:23</t>
  </si>
  <si>
    <t>12/15/2019 14:57:03</t>
  </si>
  <si>
    <t>b1bef32f-8394-4deb-ac21-689f3b706cf1.tmp</t>
  </si>
  <si>
    <t>\\acsfs\profiles$\henriqueco\Downloads\b1bef32f-8394-4deb-ac21-689f3b706cf1.tmp</t>
  </si>
  <si>
    <t>12/15/2019 14:56:55</t>
  </si>
  <si>
    <t>12/15/2019 14:58:03</t>
  </si>
  <si>
    <t>75899443-0b25-47c0-81fd-2e2abd448fa8.tmp</t>
  </si>
  <si>
    <t>\\acsfs\profiles$\nataliacsl\Downloads\75899443-0b25-47c0-81fd-2e2abd448fa8.tmp</t>
  </si>
  <si>
    <t>12/15/2019 15:01:59</t>
  </si>
  <si>
    <t>12/15/2019 15:03:03</t>
  </si>
  <si>
    <t>\\acsfs\profiles$\NATALIACSL\</t>
  </si>
  <si>
    <t>Novo Documento de Texto (3).txt</t>
  </si>
  <si>
    <t>\\acsfs\profiles$\NATALIACSL\Novo Documento de Texto (3).txt</t>
  </si>
  <si>
    <t>12/15/2019 15:02:03</t>
  </si>
  <si>
    <t>12/15/2019 15:04:05</t>
  </si>
  <si>
    <t>12/15/2019 15:05:03</t>
  </si>
  <si>
    <t>12/15/2019 15:01:56</t>
  </si>
  <si>
    <t>12/15/2019 15:07:03</t>
  </si>
  <si>
    <t>ad985e2a-26ec-4e51-b44d-48dcfd5f5fc4.tmp</t>
  </si>
  <si>
    <t>\\acsfs\profiles$\erichds\Downloads\ad985e2a-26ec-4e51-b44d-48dcfd5f5fc4.tmp</t>
  </si>
  <si>
    <t>12/15/2019 15:08:02</t>
  </si>
  <si>
    <t>12/15/2019 15:11:03</t>
  </si>
  <si>
    <t>12/15/2019 15:10:32</t>
  </si>
  <si>
    <t>12/15/2019 15:13:03</t>
  </si>
  <si>
    <t>d1df5d24-a1c0-4dd0-bd91-0d49e480135b.tmp</t>
  </si>
  <si>
    <t>\\acsfs\profiles$\nataliacsl\Downloads\d1df5d24-a1c0-4dd0-bd91-0d49e480135b.tmp</t>
  </si>
  <si>
    <t>12/15/2019 15:23:39</t>
  </si>
  <si>
    <t>12/15/2019 15:27:02</t>
  </si>
  <si>
    <t>12/15/2019 15:28:25</t>
  </si>
  <si>
    <t>12/15/2019 15:30:03</t>
  </si>
  <si>
    <t>12/15/2019 15:25:59</t>
  </si>
  <si>
    <t>12/15/2019 15:33:09</t>
  </si>
  <si>
    <t>12/15/2019 15:35:03</t>
  </si>
  <si>
    <t>12/15/2019 15:34:46</t>
  </si>
  <si>
    <t>12/15/2019 15:37:03</t>
  </si>
  <si>
    <t>12/15/2019 15:43:38</t>
  </si>
  <si>
    <t>12/15/2019 15:44:03</t>
  </si>
  <si>
    <t>12/15/2019 15:44:10</t>
  </si>
  <si>
    <t>12/15/2019 15:46:02</t>
  </si>
  <si>
    <t>12/15/2019 15:50:57</t>
  </si>
  <si>
    <t>12/15/2019 15:52:03</t>
  </si>
  <si>
    <t>12/15/2019 15:59:36</t>
  </si>
  <si>
    <t>12/15/2019 16:00:02</t>
  </si>
  <si>
    <t>77e3b39e-e428-4d29-8645-cf839d35d41b.tmp</t>
  </si>
  <si>
    <t>\\acsfs\profiles$\paulohaf\Downloads\77e3b39e-e428-4d29-8645-cf839d35d41b.tmp</t>
  </si>
  <si>
    <t>12/15/2019 16:00:22</t>
  </si>
  <si>
    <t>12/15/2019 16:05:03</t>
  </si>
  <si>
    <t>d5bae9a0-a557-4f15-a810-0847eaf6d944.tmp</t>
  </si>
  <si>
    <t>\\acsfs\profiles$\paulohaf\Downloads\d5bae9a0-a557-4f15-a810-0847eaf6d944.tmp</t>
  </si>
  <si>
    <t>12/15/2019 16:00:58</t>
  </si>
  <si>
    <t>3c741bc4-9af6-4867-89f4-6de2d325469a.tmp</t>
  </si>
  <si>
    <t>\\acsfs\profiles$\paulohaf\Downloads\3c741bc4-9af6-4867-89f4-6de2d325469a.tmp</t>
  </si>
  <si>
    <t>12/15/2019 16:07:09</t>
  </si>
  <si>
    <t>12/15/2019 16:11:03</t>
  </si>
  <si>
    <t>12/15/2019 16:09:03</t>
  </si>
  <si>
    <t>12/15/2019 16:14:03</t>
  </si>
  <si>
    <t>12/15/2019 16:14:32</t>
  </si>
  <si>
    <t>12/15/2019 16:15:03</t>
  </si>
  <si>
    <t>"application":"retail";"attributes":{"id":"uyxqr6-3cnllb-635a0c-rmfaj0";"id":"uyxqr6-3cnllb-635a0c-rmfaj0";"meaningful":"interactive";"messageid":"qhxb9i-g3z9z0-ry2bcz-kft7td";"obfuscatedmarketplaceid":"art4wz8mwbx2y";"producerid":"csa";"requestid":"2rs5bpbz6411syznqvsk";"schemaid":"csa.pageentity.1";"url":"https://www.amazon.com/ap/signin?accountstatuspolicy=p1;br accept-language: pt-br;deflate;en-us;q=0.8;en;q=0.7 cookie: session-id=147-7651702-9841416; session-id-time=2207157271l; lc-main-av=pt_br {"events":[{"data":{"timestamp":"2019-12-15t19:14:31.631z";https://www.primevideo.com/auth/return/ref=av_auth_ap?_encoding=utf8&amp;location=%2fref%3ddv_auth_ret accept-encoding: gzip;pt;q=0.9;version;</t>
  </si>
  <si>
    <t>https://"application":"retail","attributes":{"id":"uyxqr6-3cnllb-635a0c-rmfaj0","id":"uyxqr6-3cnllb-635a0c-rmfaj0","meaningful":"interactive","messageid":"qhxb9i-g3z9z0-ry2bcz-kft7td","obfuscatedmarketplaceid":"art4wz8mwbx2y","producerid":"csa","requestid":"2rs5bpbz6411syznqvsk","schemaid":"csa.pageentity.1","url":"https://www.amazon.com/ap/signin?accountstatuspolicy=p1,br accept-language: pt-br,deflate,en-us;q=0.8,en;q=0.7 cookie: session-id=147-7651702-9841416; session-id-time=2207157271l; lc-main-av=pt_br {"events":[{"data":{"timestamp":"2019-12-15t19:14:31.631z",https://www.primevideo.com/auth/return/ref=av_auth_ap?_encoding=utf8&amp;location=%2fref%3ddv_auth_ret accept-encoding: gzip,pt;q=0.9,version</t>
  </si>
  <si>
    <t>12/15/2019 16:14:36</t>
  </si>
  <si>
    <t>"application":"retail";"attributes":{"id":"uyxqr6-3cnllb-635a0c-rmfaj0";"entities":{"page":{"id":"uyxqr6-3cnllb-635a0c-rmfaj0";"id":"uyxqr6-3cnllb-635a0c-rmfaj0";"meaningful":"interactive";"messageid":"qhxb9i-g3z9z0-ry2bcz-kft7td";"messageid":"wej4te-hucunv-5pvc1t-5nko75";"obfuscatedmarketplaceid":"art4wz8mwbx2y";"producerid":"csa";"requestid":"2rs5bpbz6411syznqvsk";"schemaid":"csa.pageentity.1";"schemaid":"csa.pageimpressed.2";"timestamp":"2019-12-15t19:14:32.890z";"url":"https://www.amazon.com/ap/signin?accountstatuspolicy=p1;br accept-language: pt-br;deflate;en-us;q=0.8;en;q=0.7 cookie: session-id=147-7651702-9841416; session-id-time=2207157271l; lc-main-av=pt_br {"events":[{"data":{"renderedtomeaningful":257;en;q=0.7 cookie: session-id=147-7651702-9841416; session-id-time=2207157271l; lc-main-av=pt_br {"events":[{"data":{"timestamp":"2019-12-15t19:14:31.631z";https://www.primevideo.com/auth/return/ref=av_auth_ap?_encoding=utf8&amp;location=%2fref%3ddv_auth_ret accept-encoding: gzip;pt;q=0.9;renderedtoimpresse</t>
  </si>
  <si>
    <t>https://"application":"retail","attributes":{"id":"uyxqr6-3cnllb-635a0c-rmfaj0","entities":{"page":{"id":"uyxqr6-3cnllb-635a0c-rmfaj0","id":"uyxqr6-3cnllb-635a0c-rmfaj0","meaningful":"interactive","messageid":"qhxb9i-g3z9z0-ry2bcz-kft7td","messageid":"wej4te-hucunv-5pvc1t-5nko75","obfuscatedmarketplaceid":"art4wz8mwbx2y","producerid":"csa","requestid":"2rs5bpbz6411syznqvsk","schemaid":"csa.pageentity.1","schemaid":"csa.pageimpressed.2","timestamp":"2019-12-15t19:14:32.890z","url":"https://www.amazon.com/ap/signin?accountstatuspolicy=p1,br accept-language: pt-br,deflate,en-us;q=0.8,en;q=0.7 cookie: session-id=147-7651702-9841416; session-id-time=2207157271l; lc-main-av=pt_br {"events":[{"data":{"renderedtomeaningful":257,en;q=0.7 cookie: session-id=147-7651702-9841416; session-id-time=2207157271l; lc-main-av=pt_br {"events":[{"data":{"timestamp":"2019-12-15t19:14:31.631z",https://www.primevideo.com/auth/return/ref=av_auth_ap?_encoding=utf8&amp;location=%2fref%3ddv_auth_ret accept-encoding: gzip,pt;q=0.9,renderedto</t>
  </si>
  <si>
    <t>12/15/2019 16:12:49</t>
  </si>
  <si>
    <t>12/15/2019 16:16:03</t>
  </si>
  <si>
    <t>12/15/2019 16:36:20</t>
  </si>
  <si>
    <t>12/15/2019 16:37:03</t>
  </si>
  <si>
    <t>12/15/2019 16:38:58</t>
  </si>
  <si>
    <t>12/15/2019 16:42:03</t>
  </si>
  <si>
    <t>12/15/2019 16:39:56</t>
  </si>
  <si>
    <t>12/15/2019 16:44:04</t>
  </si>
  <si>
    <t>12/15/2019 16:54:35</t>
  </si>
  <si>
    <t>12/15/2019 16:59:04</t>
  </si>
  <si>
    <t>12/15/2019 17:03:39</t>
  </si>
  <si>
    <t>12/15/2019 17:06:03</t>
  </si>
  <si>
    <t>ulog_AcroARM2_ARM2Update_a9473871-eb7b-4719-ba46-35125c58e0e7_3143fcb7-95b0-45e6-8fc7-612e3bd7aac8_0.log</t>
  </si>
  <si>
    <t>C:\Users\davimvs\AppData\Roaming\Adobe\LogTransport2\Logs\ulog_AcroARM2_ARM2Update_a9473871-eb7b-4719-ba46-35125c58e0e7_3143fcb7-95b0-45e6-8fc7-612e3bd7aac8_0.log\</t>
  </si>
  <si>
    <t>ulog_AcroARM2_Reader_a9473871-eb7b-4719-ba46-35125c58e0e7_8d9fd6a2-fe04-4faa-8e7c-036eb16647dd_0.log</t>
  </si>
  <si>
    <t>C:\Users\davimvs\AppData\Roaming\Adobe\LogTransport2\Logs\ulog_AcroARM2_Reader_a9473871-eb7b-4719-ba46-35125c58e0e7_8d9fd6a2-fe04-4faa-8e7c-036eb16647dd_0.log\</t>
  </si>
  <si>
    <t>12/15/2019 17:03:40</t>
  </si>
  <si>
    <t>ulog_AcroARM2_Reader_a9473871-eb7b-4719-ba46-35125c58e0e7_b3a2a0ed-945c-4574-b739-355c290fa59f_0.log</t>
  </si>
  <si>
    <t>C:\Users\davimvs\AppData\Roaming\Adobe\LogTransport2\Logs\ulog_AcroARM2_Reader_a9473871-eb7b-4719-ba46-35125c58e0e7_b3a2a0ed-945c-4574-b739-355c290fa59f_0.log\</t>
  </si>
  <si>
    <t>12/15/2019 17:09:25</t>
  </si>
  <si>
    <t>12/15/2019 17:12:03</t>
  </si>
  <si>
    <t>12/15/2019 17:22:23</t>
  </si>
  <si>
    <t>12/15/2019 17:26:03</t>
  </si>
  <si>
    <t>12/15/2019 17:23:14</t>
  </si>
  <si>
    <t>12/15/2019 17:27:02</t>
  </si>
  <si>
    <t>e54e15c2-6088-463a-9334-f097292bc15c.tmp</t>
  </si>
  <si>
    <t>\\acsfs\profiles$\erichds\Downloads\e54e15c2-6088-463a-9334-f097292bc15c.tmp</t>
  </si>
  <si>
    <t>12/15/2019 17:30:10</t>
  </si>
  <si>
    <t>12/15/2019 17:32:03</t>
  </si>
  <si>
    <t>5d51f8fe-dadc-4155-825c-e256ec6947ff.tmp</t>
  </si>
  <si>
    <t>\\acsfs\profiles$\erichds\Downloads\5d51f8fe-dadc-4155-825c-e256ec6947ff.tmp</t>
  </si>
  <si>
    <t>12/15/2019 17:36:55</t>
  </si>
  <si>
    <t>12/15/2019 17:40:03</t>
  </si>
  <si>
    <t>12/15/2019 17:39:13</t>
  </si>
  <si>
    <t>12/15/2019 17:41:03</t>
  </si>
  <si>
    <t>12/15/2019 17:45:57</t>
  </si>
  <si>
    <t>12/15/2019 17:50:03</t>
  </si>
  <si>
    <t>12/15/2019 18:02:43</t>
  </si>
  <si>
    <t>12/15/2019 18:07:03</t>
  </si>
  <si>
    <t>12/15/2019 18:17:19</t>
  </si>
  <si>
    <t>12/15/2019 18:21:04</t>
  </si>
  <si>
    <t>12/15/2019 18:36:13</t>
  </si>
  <si>
    <t>12/15/2019 18:40:03</t>
  </si>
  <si>
    <t>12/15/2019 18:55:25</t>
  </si>
  <si>
    <t>12/15/2019 18:57:05</t>
  </si>
  <si>
    <t>12/15/2019 19:12:19</t>
  </si>
  <si>
    <t>12/15/2019 19:17:04</t>
  </si>
  <si>
    <t>f6dd6e68-4923-4bcc-99f4-2f30802f4495.tmp</t>
  </si>
  <si>
    <t>\\acsfs\profiles$\henriqueco\Downloads\f6dd6e68-4923-4bcc-99f4-2f30802f4495.tmp</t>
  </si>
  <si>
    <t>12/15/2019 19:22:35</t>
  </si>
  <si>
    <t>12/15/2019 19:26:04</t>
  </si>
  <si>
    <t>12/15/2019 19:27:30</t>
  </si>
  <si>
    <t>12/15/2019 19:32:04</t>
  </si>
  <si>
    <t>12/15/2019 19:38:26</t>
  </si>
  <si>
    <t>12/15/2019 19:42:03</t>
  </si>
  <si>
    <t>6cc2010f-5caa-448e-895b-b8d9d51df0cd.tmp</t>
  </si>
  <si>
    <t>\\acsfs\profiles$\erichds\Downloads\6cc2010f-5caa-448e-895b-b8d9d51df0cd.tmp</t>
  </si>
  <si>
    <t>12/15/2019 19:42:02</t>
  </si>
  <si>
    <t>12/15/2019 19:46:03</t>
  </si>
  <si>
    <t>12/15/2019 19:50:50</t>
  </si>
  <si>
    <t>12/15/2019 19:55:05</t>
  </si>
  <si>
    <t>12/15/2019 19:55:14</t>
  </si>
  <si>
    <t>12/15/2019 20:00:05</t>
  </si>
  <si>
    <t>12/15/2019 20:01:55</t>
  </si>
  <si>
    <t>12/15/2019 20:04:04</t>
  </si>
  <si>
    <t>12/15/2019 20:20:23</t>
  </si>
  <si>
    <t>12/15/2019 20:24:05</t>
  </si>
  <si>
    <t>12/15/2019 20:25:16</t>
  </si>
  <si>
    <t>12/15/2019 20:27:04</t>
  </si>
  <si>
    <t>12/15/2019 20:26:21</t>
  </si>
  <si>
    <t>12/15/2019 20:30:04</t>
  </si>
  <si>
    <t>12/15/2019 20:26:07</t>
  </si>
  <si>
    <t>12/15/2019 20:31:05</t>
  </si>
  <si>
    <t>12/15/2019 20:33:41</t>
  </si>
  <si>
    <t>12/15/2019 20:36:04</t>
  </si>
  <si>
    <t>ulog_AcroARM2_ARM2Update_a9473871-eb7b-4719-ba46-35125c58e0e7_017fa995-3725-468a-9e69-9be261b78107_0.log</t>
  </si>
  <si>
    <t>C:\Users\davimvs\AppData\Roaming\Adobe\LogTransport2\Logs\ulog_AcroARM2_ARM2Update_a9473871-eb7b-4719-ba46-35125c58e0e7_017fa995-3725-468a-9e69-9be261b78107_0.log\</t>
  </si>
  <si>
    <t>ulog_AcroARM2_Reader_a9473871-eb7b-4719-ba46-35125c58e0e7_8013d534-8c8b-4a02-81f3-666e0eeb0154_0.log</t>
  </si>
  <si>
    <t>C:\Users\davimvs\AppData\Roaming\Adobe\LogTransport2\Logs\ulog_AcroARM2_Reader_a9473871-eb7b-4719-ba46-35125c58e0e7_8013d534-8c8b-4a02-81f3-666e0eeb0154_0.log\</t>
  </si>
  <si>
    <t>ulog_AcroARM2_Reader_a9473871-eb7b-4719-ba46-35125c58e0e7_cc161eca-046a-42bf-8a5f-7ff3a0909bc4_0.log</t>
  </si>
  <si>
    <t>C:\Users\davimvs\AppData\Roaming\Adobe\LogTransport2\Logs\ulog_AcroARM2_Reader_a9473871-eb7b-4719-ba46-35125c58e0e7_cc161eca-046a-42bf-8a5f-7ff3a0909bc4_0.log\</t>
  </si>
  <si>
    <t>12/15/2019 20:53:29</t>
  </si>
  <si>
    <t>12/15/2019 20:54:04</t>
  </si>
  <si>
    <t>12/15/2019 20:57:45</t>
  </si>
  <si>
    <t>12/15/2019 21:00:05</t>
  </si>
  <si>
    <t>12/15/2019 21:00:24</t>
  </si>
  <si>
    <t>12/15/2019 21:06:04</t>
  </si>
  <si>
    <t>12/15/2019 21:02:27</t>
  </si>
  <si>
    <t>12/15/2019 21:23:09</t>
  </si>
  <si>
    <t>12/15/2019 21:26:06</t>
  </si>
  <si>
    <t>12/15/2019 21:28:00</t>
  </si>
  <si>
    <t>12/15/2019 21:29:06</t>
  </si>
  <si>
    <t>12/15/2019 21:32:52</t>
  </si>
  <si>
    <t>12/15/2019 21:35:06</t>
  </si>
  <si>
    <t>12/15/2019 21:30:16</t>
  </si>
  <si>
    <t>12/15/2019 21:34:47</t>
  </si>
  <si>
    <t>12/15/2019 21:37:06</t>
  </si>
  <si>
    <t>12/15/2019 22:03:10</t>
  </si>
  <si>
    <t>12/15/2019 22:06:08</t>
  </si>
  <si>
    <t>12/15/2019 22:44:51</t>
  </si>
  <si>
    <t>12/15/2019 22:50:09</t>
  </si>
  <si>
    <t>12/15/2019 23:01:36</t>
  </si>
  <si>
    <t>12/15/2019 23:04:09</t>
  </si>
  <si>
    <t>12/15/2019 23:18:53</t>
  </si>
  <si>
    <t>12/15/2019 23:20:08</t>
  </si>
  <si>
    <t>12/15/2019 23:55:19</t>
  </si>
  <si>
    <t>12/15/2019 23:56:10</t>
  </si>
  <si>
    <t>12/15/2019 23:52:07</t>
  </si>
  <si>
    <t>12/16/2019 00:03:08</t>
  </si>
  <si>
    <t>12/16/2019 00:04:11</t>
  </si>
  <si>
    <t>12/16/2019 00:01:41</t>
  </si>
  <si>
    <t>12/16/2019 00:05:10</t>
  </si>
  <si>
    <t>12/16/2019 00:03:40</t>
  </si>
  <si>
    <t>12/16/2019 00:06:10</t>
  </si>
  <si>
    <t>ulog_AcroARM2_ARM2Update_a9473871-eb7b-4719-ba46-35125c58e0e7_6c410186-8ef7-4d93-8863-683633a9c5f2_0.log</t>
  </si>
  <si>
    <t>C:\Users\davimvs\AppData\Roaming\Adobe\LogTransport2\Logs\ulog_AcroARM2_ARM2Update_a9473871-eb7b-4719-ba46-35125c58e0e7_6c410186-8ef7-4d93-8863-683633a9c5f2_0.log\</t>
  </si>
  <si>
    <t>ulog_AcroARM2_Reader_a9473871-eb7b-4719-ba46-35125c58e0e7_641f3eec-b17c-4acb-aaca-2a04a4fd351e_0.log</t>
  </si>
  <si>
    <t>C:\Users\davimvs\AppData\Roaming\Adobe\LogTransport2\Logs\ulog_AcroARM2_Reader_a9473871-eb7b-4719-ba46-35125c58e0e7_641f3eec-b17c-4acb-aaca-2a04a4fd351e_0.log\</t>
  </si>
  <si>
    <t>ulog_AcroARM2_Reader_a9473871-eb7b-4719-ba46-35125c58e0e7_ad06f049-7c1e-43ca-9d4c-1ab7ef1ddef4_0.log</t>
  </si>
  <si>
    <t>C:\Users\davimvs\AppData\Roaming\Adobe\LogTransport2\Logs\ulog_AcroARM2_Reader_a9473871-eb7b-4719-ba46-35125c58e0e7_ad06f049-7c1e-43ca-9d4c-1ab7ef1ddef4_0.log\</t>
  </si>
  <si>
    <t>12/16/2019 00:08:29</t>
  </si>
  <si>
    <t>12/16/2019 00:11:10</t>
  </si>
  <si>
    <t>12/16/2019 00:06:28</t>
  </si>
  <si>
    <t>12/16/2019 00:12:09</t>
  </si>
  <si>
    <t>12/16/2019 00:10:26</t>
  </si>
  <si>
    <t>12/16/2019 00:15:11</t>
  </si>
  <si>
    <t>12/16/2019 00:13:00</t>
  </si>
  <si>
    <t>12/16/2019 00:13:31</t>
  </si>
  <si>
    <t>12/16/2019 00:13:19</t>
  </si>
  <si>
    <t>12/16/2019 00:16:10</t>
  </si>
  <si>
    <t>12/16/2019 00:11:04</t>
  </si>
  <si>
    <t>12/16/2019 00:13:06</t>
  </si>
  <si>
    <t>12/16/2019 00:18:10</t>
  </si>
  <si>
    <t>12/16/2019 00:32:08</t>
  </si>
  <si>
    <t>12/16/2019 00:33:09</t>
  </si>
  <si>
    <t>12/16/2019 01:03:08</t>
  </si>
  <si>
    <t>12/16/2019 01:09:10</t>
  </si>
  <si>
    <t>12/16/2019 01:13:10</t>
  </si>
  <si>
    <t>12/16/2019 01:14:03</t>
  </si>
  <si>
    <t>12/16/2019 01:15:09</t>
  </si>
  <si>
    <t>12/16/2019 01:10:55</t>
  </si>
  <si>
    <t>12/16/2019 01:16:10</t>
  </si>
  <si>
    <t>12/16/2019 01:14:19</t>
  </si>
  <si>
    <t>12/16/2019 01:18:10</t>
  </si>
  <si>
    <t>12/16/2019 01:16:47</t>
  </si>
  <si>
    <t>12/16/2019 01:21:10</t>
  </si>
  <si>
    <t>12/16/2019 01:26:49</t>
  </si>
  <si>
    <t>12/16/2019 01:28:11</t>
  </si>
  <si>
    <t>12/16/2019 01:32:54</t>
  </si>
  <si>
    <t>12/16/2019 01:34:10</t>
  </si>
  <si>
    <t>12/16/2019 01:41:59</t>
  </si>
  <si>
    <t>12/16/2019 01:45:11</t>
  </si>
  <si>
    <t>12/16/2019 01:56:53</t>
  </si>
  <si>
    <t>12/16/2019 01:58:12</t>
  </si>
  <si>
    <t>12/16/2019 02:12:14</t>
  </si>
  <si>
    <t>12/16/2019 02:14:12</t>
  </si>
  <si>
    <t>12/16/2019 02:12:34</t>
  </si>
  <si>
    <t>12/16/2019 02:16:11</t>
  </si>
  <si>
    <t>12/16/2019 02:19:56</t>
  </si>
  <si>
    <t>12/16/2019 02:21:11</t>
  </si>
  <si>
    <t>12/16/2019 02:23:53</t>
  </si>
  <si>
    <t>12/16/2019 02:25:12</t>
  </si>
  <si>
    <t>12/16/2019 02:46:57</t>
  </si>
  <si>
    <t>12/16/2019 02:50:12</t>
  </si>
  <si>
    <t>12/16/2019 02:57:45</t>
  </si>
  <si>
    <t>12/16/2019 03:00:12</t>
  </si>
  <si>
    <t>12/16/2019 03:09:33</t>
  </si>
  <si>
    <t>12/16/2019 03:10:12</t>
  </si>
  <si>
    <t>12/16/2019 03:10:13</t>
  </si>
  <si>
    <t>12/16/2019 03:13:11</t>
  </si>
  <si>
    <t>12/16/2019 03:14:32</t>
  </si>
  <si>
    <t>12/16/2019 03:20:11</t>
  </si>
  <si>
    <t>12/16/2019 03:23:09</t>
  </si>
  <si>
    <t>12/16/2019 03:25:11</t>
  </si>
  <si>
    <t>12/16/2019 03:32:51</t>
  </si>
  <si>
    <t>12/16/2019 03:35:12</t>
  </si>
  <si>
    <t>12/16/2019 03:33:41</t>
  </si>
  <si>
    <t>12/16/2019 03:36:11</t>
  </si>
  <si>
    <t>ulog_AcroARM2_ARM2Update_a9473871-eb7b-4719-ba46-35125c58e0e7_f91806d4-07aa-4ebc-a4a6-bde8b0a5938c_0.log</t>
  </si>
  <si>
    <t>C:\Users\davimvs\AppData\Roaming\Adobe\LogTransport2\Logs\ulog_AcroARM2_ARM2Update_a9473871-eb7b-4719-ba46-35125c58e0e7_f91806d4-07aa-4ebc-a4a6-bde8b0a5938c_0.log\</t>
  </si>
  <si>
    <t>ulog_AcroARM2_Reader_a9473871-eb7b-4719-ba46-35125c58e0e7_9f10042d-e60e-4354-a60e-f6719e581c0f_0.log</t>
  </si>
  <si>
    <t>C:\Users\davimvs\AppData\Roaming\Adobe\LogTransport2\Logs\ulog_AcroARM2_Reader_a9473871-eb7b-4719-ba46-35125c58e0e7_9f10042d-e60e-4354-a60e-f6719e581c0f_0.log\</t>
  </si>
  <si>
    <t>ulog_AcroARM2_Reader_a9473871-eb7b-4719-ba46-35125c58e0e7_b302937f-ea6b-4f5f-a22d-b0d4adbe0b28_0.log</t>
  </si>
  <si>
    <t>C:\Users\davimvs\AppData\Roaming\Adobe\LogTransport2\Logs\ulog_AcroARM2_Reader_a9473871-eb7b-4719-ba46-35125c58e0e7_b302937f-ea6b-4f5f-a22d-b0d4adbe0b28_0.log\</t>
  </si>
  <si>
    <t>12/16/2019 03:34:44</t>
  </si>
  <si>
    <t>12/16/2019 03:38:11</t>
  </si>
  <si>
    <t>12/16/2019 03:38:51</t>
  </si>
  <si>
    <t>12/16/2019 03:40:11</t>
  </si>
  <si>
    <t>12/16/2019 03:41:58</t>
  </si>
  <si>
    <t>12/16/2019 03:44:11</t>
  </si>
  <si>
    <t>12/16/2019 03:41:03</t>
  </si>
  <si>
    <t>12/16/2019 03:46:11</t>
  </si>
  <si>
    <t>12/16/2019 03:44:09</t>
  </si>
  <si>
    <t>12/16/2019 03:48:11</t>
  </si>
  <si>
    <t>12/16/2019 03:54:36</t>
  </si>
  <si>
    <t>12/16/2019 03:59:12</t>
  </si>
  <si>
    <t>12/16/2019 04:02:56</t>
  </si>
  <si>
    <t>12/16/2019 04:08:12</t>
  </si>
  <si>
    <t>12/16/2019 04:20:06</t>
  </si>
  <si>
    <t>12/16/2019 04:23:11</t>
  </si>
  <si>
    <t>12/16/2019 04:22:52</t>
  </si>
  <si>
    <t>12/16/2019 04:24:11</t>
  </si>
  <si>
    <t>12/16/2019 04:26:41</t>
  </si>
  <si>
    <t>12/16/2019 04:30:12</t>
  </si>
  <si>
    <t>12/16/2019 04:30:36</t>
  </si>
  <si>
    <t>12/16/2019 04:35:12</t>
  </si>
  <si>
    <t>12/16/2019 04:35:20</t>
  </si>
  <si>
    <t>12/16/2019 04:36:11</t>
  </si>
  <si>
    <t>12/16/2019 04:37:29</t>
  </si>
  <si>
    <t>12/16/2019 04:40:12</t>
  </si>
  <si>
    <t>12/16/2019 04:58:22</t>
  </si>
  <si>
    <t>12/16/2019 05:01:12</t>
  </si>
  <si>
    <t>12/16/2019 05:01:40</t>
  </si>
  <si>
    <t>12/16/2019 05:04:12</t>
  </si>
  <si>
    <t>12/16/2019 05:19:05</t>
  </si>
  <si>
    <t>12/16/2019 05:20:12</t>
  </si>
  <si>
    <t>12/16/2019 05:40:26</t>
  </si>
  <si>
    <t>12/16/2019 05:44:11</t>
  </si>
  <si>
    <t>12/16/2019 05:42:00</t>
  </si>
  <si>
    <t>12/16/2019 05:46:11</t>
  </si>
  <si>
    <t>12/16/2019 05:52:05</t>
  </si>
  <si>
    <t>12/16/2019 05:56:12</t>
  </si>
  <si>
    <t>12/16/2019 05:57:08</t>
  </si>
  <si>
    <t>12/16/2019 06:00:12</t>
  </si>
  <si>
    <t>12/16/2019 06:11:19</t>
  </si>
  <si>
    <t>12/16/2019 06:13:12</t>
  </si>
  <si>
    <t>12/16/2019 06:12:49</t>
  </si>
  <si>
    <t>12/16/2019 06:15:11</t>
  </si>
  <si>
    <t>12/16/2019 06:25:59</t>
  </si>
  <si>
    <t>12/16/2019 06:31:11</t>
  </si>
  <si>
    <t>12/16/2019 06:52:46</t>
  </si>
  <si>
    <t>12/16/2019 06:58:12</t>
  </si>
  <si>
    <t>12/16/2019 06:58:45</t>
  </si>
  <si>
    <t>12/16/2019 07:03:11</t>
  </si>
  <si>
    <t>12/16/2019 07:03:42</t>
  </si>
  <si>
    <t>12/16/2019 07:06:11</t>
  </si>
  <si>
    <t>ulog_AcroARM2_ARM2Update_a9473871-eb7b-4719-ba46-35125c58e0e7_2cbf5dab-0aa3-4060-bbcf-65de61ea5d02_0.log</t>
  </si>
  <si>
    <t>C:\Users\davimvs\AppData\Roaming\Adobe\LogTransport2\Logs\ulog_AcroARM2_ARM2Update_a9473871-eb7b-4719-ba46-35125c58e0e7_2cbf5dab-0aa3-4060-bbcf-65de61ea5d02_0.log\</t>
  </si>
  <si>
    <t>ulog_AcroARM2_Reader_a9473871-eb7b-4719-ba46-35125c58e0e7_2a7bc0c8-f0d4-48e7-a0b7-949ab4c9309b_0.log</t>
  </si>
  <si>
    <t>C:\Users\davimvs\AppData\Roaming\Adobe\LogTransport2\Logs\ulog_AcroARM2_Reader_a9473871-eb7b-4719-ba46-35125c58e0e7_2a7bc0c8-f0d4-48e7-a0b7-949ab4c9309b_0.log\</t>
  </si>
  <si>
    <t>12/16/2019 07:03:43</t>
  </si>
  <si>
    <t>ulog_AcroARM2_Reader_a9473871-eb7b-4719-ba46-35125c58e0e7_30eec83b-f1f1-4fe8-9e47-6f01d142fe32_0.log</t>
  </si>
  <si>
    <t>C:\Users\davimvs\AppData\Roaming\Adobe\LogTransport2\Logs\ulog_AcroARM2_Reader_a9473871-eb7b-4719-ba46-35125c58e0e7_30eec83b-f1f1-4fe8-9e47-6f01d142fe32_0.log\</t>
  </si>
  <si>
    <t>12/16/2019 07:04:50</t>
  </si>
  <si>
    <t>12/16/2019 07:08:12</t>
  </si>
  <si>
    <t>12/16/2019 07:08:19</t>
  </si>
  <si>
    <t>12/16/2019 07:12:11</t>
  </si>
  <si>
    <t>12/16/2019 07:12:48</t>
  </si>
  <si>
    <t>12/16/2019 07:15:12</t>
  </si>
  <si>
    <t>12/16/2019 07:13:37</t>
  </si>
  <si>
    <t>12/16/2019 07:17:12</t>
  </si>
  <si>
    <t>c6b76b11-73c2-425e-b423-ffdb78a128d8.tmp</t>
  </si>
  <si>
    <t>\\acsfs\profiles$\albertofn\Downloads\c6b76b11-73c2-425e-b423-ffdb78a128d8.tmp</t>
  </si>
  <si>
    <t>12/16/2019 07:15:37</t>
  </si>
  <si>
    <t>2928d87d-ff4b-416d-b8eb-6eb13886bf0c.tmp</t>
  </si>
  <si>
    <t>\\acsfs\profiles$\matheushds\Downloads\2928d87d-ff4b-416d-b8eb-6eb13886bf0c.tmp</t>
  </si>
  <si>
    <t>12/16/2019 07:20:14</t>
  </si>
  <si>
    <t>12/16/2019 07:23:11</t>
  </si>
  <si>
    <t>12/16/2019 07:22:24</t>
  </si>
  <si>
    <t>d9efee85-522b-4adc-afb8-37d22ee9cc5e.tmp</t>
  </si>
  <si>
    <t>\\acsfs\profiles$\alicecpbc\Downloads\d9efee85-522b-4adc-afb8-37d22ee9cc5e.tmp</t>
  </si>
  <si>
    <t>12/16/2019 07:22:34</t>
  </si>
  <si>
    <t>971e8786-0e27-499e-9473-1693604e02f9.tmp</t>
  </si>
  <si>
    <t>\\acsfs\profiles$\alicecpbc\Downloads\971e8786-0e27-499e-9473-1693604e02f9.tmp</t>
  </si>
  <si>
    <t>12/16/2019 07:22:52</t>
  </si>
  <si>
    <t>12/16/2019 07:26:12</t>
  </si>
  <si>
    <t>12/16/2019 07:26:50</t>
  </si>
  <si>
    <t>12/16/2019 07:28:12</t>
  </si>
  <si>
    <t>12/16/2019 07:23:42</t>
  </si>
  <si>
    <t>12/16/2019 07:24:02</t>
  </si>
  <si>
    <t>3741cb0f-9edb-4dda-abf0-efbeb9ad1295.tmp</t>
  </si>
  <si>
    <t>\\acsfs\profiles$\alicecpbc\Downloads\3741cb0f-9edb-4dda-abf0-efbeb9ad1295.tmp</t>
  </si>
  <si>
    <t>12/16/2019 07:29:17</t>
  </si>
  <si>
    <t>12/16/2019 07:30:12</t>
  </si>
  <si>
    <t>1c23b196-6263-4110-a2cb-edfec07b8f1e.tmp</t>
  </si>
  <si>
    <t>\\acsfs\profiles$\sarahbal\Downloads\1c23b196-6263-4110-a2cb-edfec07b8f1e.tmp</t>
  </si>
  <si>
    <t>12/15/2019 13:16:04</t>
  </si>
  <si>
    <t>C:\Users\adevilsonfa.ACS\OneDrive\Backup\Datacenter\UnimedUberlandia\</t>
  </si>
  <si>
    <t>trace_discos.csv</t>
  </si>
  <si>
    <t>12/15/2019 13:16:05</t>
  </si>
  <si>
    <t>TRACE_DISCO1607.CSV</t>
  </si>
  <si>
    <t>12/15/2019 13:16:07</t>
  </si>
  <si>
    <t>TOP_QUERYS_0712.xls</t>
  </si>
  <si>
    <t>12/15/2019 13:16:08</t>
  </si>
  <si>
    <t>TOP_QUERYS.xls</t>
  </si>
  <si>
    <t>TopTables.xls</t>
  </si>
  <si>
    <t>12/15/2019 13:16:09</t>
  </si>
  <si>
    <t>TOPTABLES-CARDIO.xls</t>
  </si>
  <si>
    <t>12/15/2019 13:16:10</t>
  </si>
  <si>
    <t>TopQuerys_24042008.xls</t>
  </si>
  <si>
    <t>TopQuerys_23042008.xls</t>
  </si>
  <si>
    <t>12/15/2019 13:16:11</t>
  </si>
  <si>
    <t>TopQuerys_2304.xls</t>
  </si>
  <si>
    <t>12/15/2019 13:16:12</t>
  </si>
  <si>
    <t>TopQuerys_160108.xls</t>
  </si>
  <si>
    <t>12/15/2019 13:16:14</t>
  </si>
  <si>
    <t>TopQuerys_14042008.xls</t>
  </si>
  <si>
    <t>12/15/2019 13:16:15</t>
  </si>
  <si>
    <t>TopQuerys_11022008.xls</t>
  </si>
  <si>
    <t>TopQuerys2609.xls</t>
  </si>
  <si>
    <t>TopQuerys10-11052008.xls</t>
  </si>
  <si>
    <t>12/15/2019 13:16:18</t>
  </si>
  <si>
    <t>TopQuerys-19112008.xls</t>
  </si>
  <si>
    <t>12/15/2019 13:16:19</t>
  </si>
  <si>
    <t>TopQuerys-18062008.xls</t>
  </si>
  <si>
    <t>12/15/2019 13:16:20</t>
  </si>
  <si>
    <t>C:\Users\adevilsonfa.ACS\OneDrive\Backup\Datacenter\UnimedUberlandia\TopQuerys-18062008.rar\</t>
  </si>
  <si>
    <t>12/15/2019 13:16:22</t>
  </si>
  <si>
    <t>TamBaseUnimedOracle.xls</t>
  </si>
  <si>
    <t>12/15/2019 13:16:23</t>
  </si>
  <si>
    <t>Storage_VM_Unimed_Uberlandia.xls</t>
  </si>
  <si>
    <t>12/15/2019 13:16:24</t>
  </si>
  <si>
    <t>Solicitação de Mudança - TI 0001 ago08.xls</t>
  </si>
  <si>
    <t>12/15/2019 13:16:25</t>
  </si>
  <si>
    <t>SERVIÇOS IMPLANTACAO MIRROR - SQL SERVER.xls</t>
  </si>
  <si>
    <t>12/15/2019 13:16:28</t>
  </si>
  <si>
    <t>RedimensionamentoStorageClusterSQL.xlsx</t>
  </si>
  <si>
    <t>12/15/2019 13:16:31</t>
  </si>
  <si>
    <t>QUERYS-25072008.xls</t>
  </si>
  <si>
    <t>12/15/2019 13:16:34</t>
  </si>
  <si>
    <t>Política de Backup Unimed ULA.xls</t>
  </si>
  <si>
    <t>12/15/2019 13:16:37</t>
  </si>
  <si>
    <t>PerfDiscos24042008.CSV</t>
  </si>
  <si>
    <t>PerfDiscos23042008.CSV</t>
  </si>
  <si>
    <t>12/15/2019 13:16:42</t>
  </si>
  <si>
    <t>PerfDiscos04042008.xls</t>
  </si>
  <si>
    <t>12/15/2019 13:16:52</t>
  </si>
  <si>
    <t>MySQL - GrantsUsers.xlsx</t>
  </si>
  <si>
    <t>12/15/2019 13:16:53</t>
  </si>
  <si>
    <t>MonitoramentoUnimed_ULA_AmbienteVM.xls</t>
  </si>
  <si>
    <t>MonitoramentoServidoresVirtuais.xls</t>
  </si>
  <si>
    <t>12/15/2019 13:16:54</t>
  </si>
  <si>
    <t>MonitoramentoCardio_21112013.xlsx</t>
  </si>
  <si>
    <t>IP Unimed.xls</t>
  </si>
  <si>
    <t>hosts(4).csv</t>
  </si>
  <si>
    <t>12/15/2019 13:16:59</t>
  </si>
  <si>
    <t>GraficoPerformanceDiscoD.xls</t>
  </si>
  <si>
    <t>12/15/2019 13:17:13</t>
  </si>
  <si>
    <t>DatabasesMigracaoDatacenter.xlsx</t>
  </si>
  <si>
    <t>CrescimentoVegetativo.xls</t>
  </si>
  <si>
    <t>12/15/2019 13:17:18</t>
  </si>
  <si>
    <t>ContadoresDezembro2008.xlsx</t>
  </si>
  <si>
    <t>12/15/2019 13:17:19</t>
  </si>
  <si>
    <t>Contadores1008.xlsx</t>
  </si>
  <si>
    <t>configuration-Unknown_Customer.csv</t>
  </si>
  <si>
    <t>12/15/2019 13:17:20</t>
  </si>
  <si>
    <t>BASE - CMDB UNIMED-UDIA-ATUALIZADA.xlsx</t>
  </si>
  <si>
    <t>12/15/2019 13:17:27</t>
  </si>
  <si>
    <t>analisedesempenhoSQL.xlsx</t>
  </si>
  <si>
    <t>12/15/2019 13:17:33</t>
  </si>
  <si>
    <t>Analise Performance DiscoD.xls</t>
  </si>
  <si>
    <t>12/15/2019 13:17:35</t>
  </si>
  <si>
    <t>AlocacaoDatabasesSQLSERVER.xlsx</t>
  </si>
  <si>
    <t>12/15/2019 13:17:39</t>
  </si>
  <si>
    <t>200X-XX-XXXX_DataCenter_RFC_Unimed_Uberlandia_Migracao_Cardio_Nefron_UULAWDB01_UULAWDC02.xls</t>
  </si>
  <si>
    <t>12/15/2019 13:17:43</t>
  </si>
  <si>
    <t>2009-02-0035_DataCenter_RFC_Unimed_Uberlandia_UULAWDB01_Expansao_Storage.xls</t>
  </si>
  <si>
    <t>2008-XX_Pre-Site_Cliente.xls</t>
  </si>
  <si>
    <t>2008-XX_CTD_Cliente.xls</t>
  </si>
  <si>
    <t>12/15/2019 13:17:44</t>
  </si>
  <si>
    <t>2008-07-XXXX_DataCenter_RFC_MelhoriasAmbienteBancoDados.xls</t>
  </si>
  <si>
    <t>12/15/2019 13:17:45</t>
  </si>
  <si>
    <t>2008-07-0310_DataCenter_RFC_Unimed_Uberlandia_MelhoriasAmbienteBancoDados.xls</t>
  </si>
  <si>
    <t>2008-02-XXXX_RFC_DATACENTER_Unimed Uberlândia - Reorganização Fisica BD.xls</t>
  </si>
  <si>
    <t>12/15/2019 13:17:47</t>
  </si>
  <si>
    <t>2008-02-0062_RFC_DataCenter_Unimed_Uberlândia_Reorganização_Fisica_BD.xls</t>
  </si>
  <si>
    <t>2007_06_Aplicacao_Patch_Federacao_Unimed.xls</t>
  </si>
  <si>
    <t>12/15/2019 13:17:48</t>
  </si>
  <si>
    <t>2007-10-XXX_RFC_DATACENTER_Unimed Uberlândia - Disponibilização de novo disco Backup.xls</t>
  </si>
  <si>
    <t>12/15/2019 13:17:56</t>
  </si>
  <si>
    <t>C:\Users\adevilsonfa.ACS\OneDrive\Backup\Datacenter\WayBrasil\</t>
  </si>
  <si>
    <t>Política de Backup WayBrasil.xls</t>
  </si>
  <si>
    <t>12/15/2019 13:17:58</t>
  </si>
  <si>
    <t>Mapa_crontab_WayBrasil.xls</t>
  </si>
  <si>
    <t>Levanta_Cron_Way_Brasil.xls</t>
  </si>
  <si>
    <t>Crescimento_Vegetativo_Way_Brasil.xls</t>
  </si>
  <si>
    <t>12/15/2019 13:17:59</t>
  </si>
  <si>
    <t>CheckListWayEnterpriseManager.xls</t>
  </si>
  <si>
    <t>12/15/2019 13:18:00</t>
  </si>
  <si>
    <t>C:\Users\adevilsonfa.ACS\OneDrive\Backup\Datacenter\WebAula\</t>
  </si>
  <si>
    <t>Traces Ativos.xls</t>
  </si>
  <si>
    <t>12/15/2019 13:18:01</t>
  </si>
  <si>
    <t>RequisicaoAumento_Area_Storage_WASRV308&amp;310.xls</t>
  </si>
  <si>
    <t>12/15/2019 13:18:03</t>
  </si>
  <si>
    <t>C:\Users\adevilsonfa.ACS\OneDrive\Backup\Datacenter\WEG\</t>
  </si>
  <si>
    <t>12/15/2019 13:18:06</t>
  </si>
  <si>
    <t>C:\Users\adevilsonfa.ACS\OneDrive\Backup\Datacenter\WEG\informaesalgarcomplementodeatendimentoesuporte.zip\</t>
  </si>
  <si>
    <t>Atividades_Projeto_Suporte_Basis.xlsx</t>
  </si>
  <si>
    <t>12/15/2019 13:18:12</t>
  </si>
  <si>
    <t>12/16/2019 07:31:12</t>
  </si>
  <si>
    <t>C:\Users\adevilsonfa.ACS\OneDrive\Backup\Datacenter\XPERIENCE\</t>
  </si>
  <si>
    <t>Algar_PureEngage_Sizing_1500PAs_V6.xlsx</t>
  </si>
  <si>
    <t>12/15/2019 13:18:45</t>
  </si>
  <si>
    <t>C:\Users\adevilsonfa.ACS\OneDrive\Backup\Datacenter\SETRANSP\</t>
  </si>
  <si>
    <t>2008-08-0360_DataCenter_RFC_Setransp_Aumento_de_Ã_rea_em_storage.xls</t>
  </si>
  <si>
    <t>12/15/2019 13:18:51</t>
  </si>
  <si>
    <t>C:\Users\adevilsonfa.ACS\OneDrive\Backup\Consultoria\Agronelli\</t>
  </si>
  <si>
    <t>Politica de Backup 17-10-2011.xlsx</t>
  </si>
  <si>
    <t>12/15/2019 13:19:15</t>
  </si>
  <si>
    <t>C:\Users\adevilsonfa.ACS\OneDrive\Backup\Consultoria\CooPrata\</t>
  </si>
  <si>
    <t>ZLOG_AlocacaoRegistrosMes.xlsx</t>
  </si>
  <si>
    <t>UtilizacaoIndexes31032019.xlsx</t>
  </si>
  <si>
    <t>12/15/2019 13:19:16</t>
  </si>
  <si>
    <t>SQLSERVER_LEGADO.xlsx</t>
  </si>
  <si>
    <t>12/15/2019 13:19:17</t>
  </si>
  <si>
    <t>RelatorioHistoricoBackup.xlsx</t>
  </si>
  <si>
    <t>Relatorio Atividades.xlsx</t>
  </si>
  <si>
    <t>12/15/2019 13:19:19</t>
  </si>
  <si>
    <t>MissingIndex.xlsx</t>
  </si>
  <si>
    <t>12/15/2019 13:19:20</t>
  </si>
  <si>
    <t>IndexesNaoUsados_04102019.xlsx</t>
  </si>
  <si>
    <t>12/15/2019 13:19:30</t>
  </si>
  <si>
    <t>graficos_desempenho.xlsx</t>
  </si>
  <si>
    <t>12/15/2019 13:19:33</t>
  </si>
  <si>
    <t>bkp_transacional_integrado.xlsx</t>
  </si>
  <si>
    <t>AlocacaoDatabases.xlsx</t>
  </si>
  <si>
    <t>12/15/2019 13:19:46</t>
  </si>
  <si>
    <t>C:\Users\adevilsonfa.ACS\OneDrive\Backup\Consultoria\Credpar\</t>
  </si>
  <si>
    <t>LayOut.xlsx</t>
  </si>
  <si>
    <t>12/15/2019 13:19:51</t>
  </si>
  <si>
    <t>CrescimentoVegetativo.xlsx</t>
  </si>
  <si>
    <t>12/15/2019 13:20:01</t>
  </si>
  <si>
    <t>Analise.xlsx</t>
  </si>
  <si>
    <t>12/15/2019 13:20:22</t>
  </si>
  <si>
    <t>C:\Users\adevilsonfa.ACS\OneDrive\Backup\Consultoria\GMSolucoes\</t>
  </si>
  <si>
    <t>TRACE_POSTGRES_AWS.xlsx</t>
  </si>
  <si>
    <t>12/15/2019 13:20:23</t>
  </si>
  <si>
    <t>TRACE_DBA_000008.csv</t>
  </si>
  <si>
    <t>TRACE_DBA_000005.csv</t>
  </si>
  <si>
    <t>12/15/2019 13:20:24</t>
  </si>
  <si>
    <t>TOP_QUERYS_0903_POSTGRES.xlsx</t>
  </si>
  <si>
    <t>TOP_QUERYS_0803_POSTGRES.xlsx</t>
  </si>
  <si>
    <t>12/15/2019 13:20:26</t>
  </si>
  <si>
    <t>TopQuerys_NetViagem.xlsx</t>
  </si>
  <si>
    <t>12/15/2019 13:20:47</t>
  </si>
  <si>
    <t>RelCapacidade.xlsx</t>
  </si>
  <si>
    <t>12/15/2019 13:20:48</t>
  </si>
  <si>
    <t>relatorio.xlsx</t>
  </si>
  <si>
    <t>12/15/2019 13:20:55</t>
  </si>
  <si>
    <t>PerformanceSQL.xlsx</t>
  </si>
  <si>
    <t>12/15/2019 13:21:05</t>
  </si>
  <si>
    <t>LOCK_TUT_2105.xlsx</t>
  </si>
  <si>
    <t>12/15/2019 13:21:25</t>
  </si>
  <si>
    <t>DuplicidadeRegistrosNETVLOG.xlsx</t>
  </si>
  <si>
    <t>12/15/2019 13:21:30</t>
  </si>
  <si>
    <t>CrescimentoVegetativo_112017.xlsx</t>
  </si>
  <si>
    <t>12/15/2019 13:21:31</t>
  </si>
  <si>
    <t>12/15/2019 13:21:38</t>
  </si>
  <si>
    <t>ContadoresPerfmon.xlsx</t>
  </si>
  <si>
    <t>12/15/2019 13:24:36</t>
  </si>
  <si>
    <t>C:\Users\adevilsonfa.ACS\OneDrive\Backup\Consultoria\LOG2BR\</t>
  </si>
  <si>
    <t>TopQuerys.xlsx</t>
  </si>
  <si>
    <t>12/15/2019 13:24:57</t>
  </si>
  <si>
    <t>QueryFlavio2.xlsx</t>
  </si>
  <si>
    <t>12/15/2019 13:25:01</t>
  </si>
  <si>
    <t>QueryFlavio.xlsx</t>
  </si>
  <si>
    <t>12/15/2019 13:25:43</t>
  </si>
  <si>
    <t>equipamento_chip.csv</t>
  </si>
  <si>
    <t>12/15/2019 13:25:44</t>
  </si>
  <si>
    <t>EQUIPAMENTO28012019.csv</t>
  </si>
  <si>
    <t>12/15/2019 13:25:48</t>
  </si>
  <si>
    <t>12/15/2019 13:25:53</t>
  </si>
  <si>
    <t>chip28012019.csv</t>
  </si>
  <si>
    <t>12/15/2019 13:26:32</t>
  </si>
  <si>
    <t>C:\Users\adevilsonfa.ACS\OneDrive\Backup\Consultoria\Politriz\</t>
  </si>
  <si>
    <t>Relatório_indices_ausentes.xlsx</t>
  </si>
  <si>
    <t>12/15/2019 13:27:26</t>
  </si>
  <si>
    <t>C:\Users\adevilsonfa.ACS\OneDrive\Backup\Consultoria\Sadia\</t>
  </si>
  <si>
    <t>sp_helpdb.xlsx</t>
  </si>
  <si>
    <t>12/15/2019 13:27:30</t>
  </si>
  <si>
    <t>DBTRANSB.CSV</t>
  </si>
  <si>
    <t>12/15/2019 13:27:31</t>
  </si>
  <si>
    <t>DBSIG.CSV</t>
  </si>
  <si>
    <t>12/15/2019 13:27:34</t>
  </si>
  <si>
    <t>dbpessoa.csv</t>
  </si>
  <si>
    <t>12/15/2019 13:27:37</t>
  </si>
  <si>
    <t>dbmanabat.csv</t>
  </si>
  <si>
    <t>dbincuba2.csv</t>
  </si>
  <si>
    <t>dbincuba.csv</t>
  </si>
  <si>
    <t>DBCONTAB.CSV</t>
  </si>
  <si>
    <t>12/15/2019 13:27:39</t>
  </si>
  <si>
    <t>DATABASES_ASE_SQL.xlsx</t>
  </si>
  <si>
    <t>DATABASES_ASE_SQL - Copia.xlsx</t>
  </si>
  <si>
    <t>12/15/2019 13:28:02</t>
  </si>
  <si>
    <t>C:\Users\adevilsonfa.ACS\OneDrive\Backup\Consultoria\SUPREIS\</t>
  </si>
  <si>
    <t>IO_DISCO_POSTGRES.xlsx</t>
  </si>
  <si>
    <t>12/15/2019 13:28:03</t>
  </si>
  <si>
    <t>InfoAlocacaoDados.xlsx</t>
  </si>
  <si>
    <t>12/15/2019 13:28:04</t>
  </si>
  <si>
    <t>alocacao_databases.csv</t>
  </si>
  <si>
    <t>12/15/2019 13:28:39</t>
  </si>
  <si>
    <t>C:\Users\adevilsonfa.ACS\OneDrive\Backup\Consultoria\ValeCard\</t>
  </si>
  <si>
    <t>UtilizacaoDatabases.xlsx</t>
  </si>
  <si>
    <t>12/15/2019 13:28:44</t>
  </si>
  <si>
    <t>SolicitacaoAtividades.xlsx</t>
  </si>
  <si>
    <t>12/15/2019 13:29:16</t>
  </si>
  <si>
    <t>CrescimentoVegetativoJunho2012.xlsx</t>
  </si>
  <si>
    <t>12/15/2019 13:29:20</t>
  </si>
  <si>
    <t>AcessoUsuarios.xlsx</t>
  </si>
  <si>
    <t>12/15/2019 13:29:29</t>
  </si>
  <si>
    <t>C:\Users\adevilsonfa.ACS\OneDrive\Backup\Consultoria\GMSolucoes\POSTGRES\</t>
  </si>
  <si>
    <t>TopQuerys_QA.xlsx</t>
  </si>
  <si>
    <t>12/15/2019 13:29:30</t>
  </si>
  <si>
    <t>data-1549813047574.csv</t>
  </si>
  <si>
    <t>12/15/2019 13:29:31</t>
  </si>
  <si>
    <t>data-1549811650522.csv</t>
  </si>
  <si>
    <t>12/15/2019 13:29:42</t>
  </si>
  <si>
    <t>C:\Users\adevilsonfa.ACS\OneDrive\Backup\Consultoria\ValeCard\Migracao\</t>
  </si>
  <si>
    <t>AlocacaoStorageCluster.xlsx</t>
  </si>
  <si>
    <t>12/15/2019 13:30:20</t>
  </si>
  <si>
    <t>C:\Users\adevilsonfa.ACS\OneDrive\Backup\DESKTOP\</t>
  </si>
  <si>
    <t>Planilha Horas - Datacenter.xlsx</t>
  </si>
  <si>
    <t>12/15/2019 13:30:39</t>
  </si>
  <si>
    <t>C:\Users\adevilsonfa.ACS\OneDrive\Backup\DESKTOP\Material Academia do Varejo BH - BSB (1).pptx\</t>
  </si>
  <si>
    <t>12/15/2019 13:30:40</t>
  </si>
  <si>
    <t>12/15/2019 13:30:41</t>
  </si>
  <si>
    <t>12/15/2019 13:30:42</t>
  </si>
  <si>
    <t>12/15/2019 13:30:43</t>
  </si>
  <si>
    <t>12/15/2019 13:30:44</t>
  </si>
  <si>
    <t>12/15/2019 13:30:45</t>
  </si>
  <si>
    <t>12/15/2019 13:30:46</t>
  </si>
  <si>
    <t>12/15/2019 13:30:48</t>
  </si>
  <si>
    <t>12/15/2019 13:30:49</t>
  </si>
  <si>
    <t>12/15/2019 13:30:50</t>
  </si>
  <si>
    <t>12/15/2019 13:30:51</t>
  </si>
  <si>
    <t>12/15/2019 13:30:52</t>
  </si>
  <si>
    <t>12/15/2019 13:30:53</t>
  </si>
  <si>
    <t>12/15/2019 13:30:54</t>
  </si>
  <si>
    <t>12/15/2019 13:30:55</t>
  </si>
  <si>
    <t>12/15/2019 13:30:56</t>
  </si>
  <si>
    <t>12/15/2019 13:30:57</t>
  </si>
  <si>
    <t>12/15/2019 13:30:58</t>
  </si>
  <si>
    <t>12/15/2019 13:30:59</t>
  </si>
  <si>
    <t>12/15/2019 13:31:00</t>
  </si>
  <si>
    <t>12/16/2019 07:32:11</t>
  </si>
  <si>
    <t>12/15/2019 13:31:01</t>
  </si>
  <si>
    <t>12/15/2019 13:31:02</t>
  </si>
  <si>
    <t>12/15/2019 13:31:03</t>
  </si>
  <si>
    <t>12/15/2019 13:31:04</t>
  </si>
  <si>
    <t>12/15/2019 13:31:05</t>
  </si>
  <si>
    <t>Microsoft_Excel_Worksheet70.xlsx</t>
  </si>
  <si>
    <t>Microsoft_Excel_Worksheet71.xlsx</t>
  </si>
  <si>
    <t>12/15/2019 13:31:06</t>
  </si>
  <si>
    <t>Microsoft_Excel_Worksheet72.xlsx</t>
  </si>
  <si>
    <t>Microsoft_Excel_Worksheet73.xlsx</t>
  </si>
  <si>
    <t>12/15/2019 13:31:07</t>
  </si>
  <si>
    <t>Microsoft_Excel_Worksheet74.xlsx</t>
  </si>
  <si>
    <t>Microsoft_Excel_Worksheet75.xlsx</t>
  </si>
  <si>
    <t>Microsoft_Excel_Worksheet76.xlsx</t>
  </si>
  <si>
    <t>Microsoft_Excel_Worksheet77.xlsx</t>
  </si>
  <si>
    <t>Microsoft_Excel_Worksheet78.xlsx</t>
  </si>
  <si>
    <t>Microsoft_Excel_Worksheet79.xlsx</t>
  </si>
  <si>
    <t>Microsoft_Excel_Worksheet80.xlsx</t>
  </si>
  <si>
    <t>12/15/2019 13:31:08</t>
  </si>
  <si>
    <t>Microsoft_Excel_Worksheet81.xlsx</t>
  </si>
  <si>
    <t>Microsoft_Excel_Worksheet82.xlsx</t>
  </si>
  <si>
    <t>Microsoft_Excel_Worksheet83.xlsx</t>
  </si>
  <si>
    <t>12/15/2019 13:31:09</t>
  </si>
  <si>
    <t>Microsoft_Excel_Worksheet84.xlsx</t>
  </si>
  <si>
    <t>Microsoft_Excel_Worksheet85.xlsx</t>
  </si>
  <si>
    <t>Microsoft_Excel_Worksheet86.xlsx</t>
  </si>
  <si>
    <t>12/15/2019 13:31:10</t>
  </si>
  <si>
    <t>Microsoft_Excel_Worksheet87.xlsx</t>
  </si>
  <si>
    <t>Microsoft_Excel_Worksheet88.xlsx</t>
  </si>
  <si>
    <t>12/15/2019 13:31:11</t>
  </si>
  <si>
    <t>Microsoft_Excel_Worksheet89.xlsx</t>
  </si>
  <si>
    <t>12/15/2019 13:31:12</t>
  </si>
  <si>
    <t>Microsoft_Excel_Worksheet90.xlsx</t>
  </si>
  <si>
    <t>Microsoft_Excel_Worksheet91.xlsx</t>
  </si>
  <si>
    <t>Microsoft_Excel_Worksheet92.xlsx</t>
  </si>
  <si>
    <t>Microsoft_Excel_Worksheet93.xlsx</t>
  </si>
  <si>
    <t>12/15/2019 13:31:13</t>
  </si>
  <si>
    <t>Microsoft_Excel_Worksheet94.xlsx</t>
  </si>
  <si>
    <t>Microsoft_Excel_Worksheet95.xlsx</t>
  </si>
  <si>
    <t>Microsoft_Excel_Worksheet96.xlsx</t>
  </si>
  <si>
    <t>Microsoft_Excel_Worksheet97.xlsx</t>
  </si>
  <si>
    <t>12/15/2019 13:31:14</t>
  </si>
  <si>
    <t>12/15/2019 13:31:15</t>
  </si>
  <si>
    <t>12/15/2019 13:31:16</t>
  </si>
  <si>
    <t>12/15/2019 13:31:32</t>
  </si>
  <si>
    <t>Cópia de Relatório Semanal PINT.xlsx</t>
  </si>
  <si>
    <t>12/15/2019 13:31:33</t>
  </si>
  <si>
    <t>ControleCondominio.xlsx</t>
  </si>
  <si>
    <t>C:\Users\adevilsonfa.ACS\OneDrive\Backup\</t>
  </si>
  <si>
    <t>Planilha CONDOMINIO.xlsx</t>
  </si>
  <si>
    <t>12/15/2019 13:31:58</t>
  </si>
  <si>
    <t>C:\Users\adevilsonfa.ACS\OneDrive\Backup\SAGE\</t>
  </si>
  <si>
    <t>12/15/2019 13:31:59</t>
  </si>
  <si>
    <t>DISABLE_INSTANCIAS_SQL.csv</t>
  </si>
  <si>
    <t>12/15/2019 13:32:00</t>
  </si>
  <si>
    <t>CrescimentoVegetativoSAGEWDBSQL.xlsx</t>
  </si>
  <si>
    <t>CrescimentoVegetativoDatabases.xlsx</t>
  </si>
  <si>
    <t>12/15/2019 13:32:01</t>
  </si>
  <si>
    <t>CrescimentoVegetativoALGSAGEBRDBS07.xlsx</t>
  </si>
  <si>
    <t>CrescimentoVegetativoALGSAGEBRDBS06_CRDNET.xlsx</t>
  </si>
  <si>
    <t>12/15/2019 13:32:02</t>
  </si>
  <si>
    <t>CrescimentoVegetativoALGSAGEBRDBS06.xlsx</t>
  </si>
  <si>
    <t>12/15/2019 13:32:03</t>
  </si>
  <si>
    <t>COMFRIO_RDS.xlsx</t>
  </si>
  <si>
    <t>12/15/2019 13:32:05</t>
  </si>
  <si>
    <t>BD_EXPURGO_SAGEWDBSQL_SAGE.csv</t>
  </si>
  <si>
    <t>12/15/2019 13:32:06</t>
  </si>
  <si>
    <t>ALOCACAO_DATABASES_SAGEWDBSQL.xlsx</t>
  </si>
  <si>
    <t>12/15/2019 13:32:07</t>
  </si>
  <si>
    <t>ALOCACAO_DATABASES_BUSINES.xlsx</t>
  </si>
  <si>
    <t>12/15/2019 13:32:25</t>
  </si>
  <si>
    <t>VCPU Banco Dados Sage.xlsx</t>
  </si>
  <si>
    <t>UserAndRolesSAGEWAPL44.xlsx</t>
  </si>
  <si>
    <t>12/15/2019 13:32:27</t>
  </si>
  <si>
    <t>SUPERFRIORDSUSERS.xlsx</t>
  </si>
  <si>
    <t>12/15/2019 13:32:31</t>
  </si>
  <si>
    <t>SageRDSReport_import.txt.xlsx</t>
  </si>
  <si>
    <t>ReportDiskVMWAre.csv</t>
  </si>
  <si>
    <t>12/15/2019 13:32:32</t>
  </si>
  <si>
    <t>ReportDisk-VMWare.xlsx</t>
  </si>
  <si>
    <t>ReportDisk-VMWare.csv</t>
  </si>
  <si>
    <t>12/15/2019 13:32:33</t>
  </si>
  <si>
    <t>REL_TS_SAGE.xlsx</t>
  </si>
  <si>
    <t>12/15/2019 13:32:34</t>
  </si>
  <si>
    <t>REL_TS_CPFL_ROYAFIC.xlsx</t>
  </si>
  <si>
    <t>REL_TS.xlsx</t>
  </si>
  <si>
    <t>12/15/2019 13:32:35</t>
  </si>
  <si>
    <t>Redução Banco Sage.xlsx</t>
  </si>
  <si>
    <t>12/15/2019 13:32:36</t>
  </si>
  <si>
    <t>RDS_SAGE.xlsx</t>
  </si>
  <si>
    <t>12/15/2019 13:32:37</t>
  </si>
  <si>
    <t>RDS_COMFRIO.xlsx</t>
  </si>
  <si>
    <t>RDS_AlgarTech.xlsx</t>
  </si>
  <si>
    <t>12/15/2019 13:32:38</t>
  </si>
  <si>
    <t>RDSUsers.xlsx</t>
  </si>
  <si>
    <t>12/15/2019 13:32:39</t>
  </si>
  <si>
    <t>MIGRACAO_INSTANCIAS_BUSINES_DE_PARA.xlsx</t>
  </si>
  <si>
    <t>12/15/2019 13:32:40</t>
  </si>
  <si>
    <t>LastUserConnectionSQLSAGEWDBSQL04.xlsx</t>
  </si>
  <si>
    <t>12/15/2019 13:32:50</t>
  </si>
  <si>
    <t>12/15/2019 13:32:59</t>
  </si>
  <si>
    <t>AnaliseCapacidadeStorage_052018.xlsx</t>
  </si>
  <si>
    <t>12/15/2019 13:33:00</t>
  </si>
  <si>
    <t>C:\Users\adevilsonfa.ACS\OneDrive\Backup\SQL\</t>
  </si>
  <si>
    <t>Worksheet - Sample SQL Server Inventory.xlsx</t>
  </si>
  <si>
    <t>12/15/2019 13:33:03</t>
  </si>
  <si>
    <t>Worksheet - Hardware Sizing.xlsx</t>
  </si>
  <si>
    <t>12/15/2019 13:33:32</t>
  </si>
  <si>
    <t>C:\Users\adevilsonfa.ACS\OneDrive\Backup\SQL\FirstResponderKit.zip\</t>
  </si>
  <si>
    <t>2018_Data_Professional_Salary_Survey_Responses.xlsx</t>
  </si>
  <si>
    <t>12/16/2019 07:28:34</t>
  </si>
  <si>
    <t>12/16/2019 07:28:37</t>
  </si>
  <si>
    <t>4d1cbf23-47b5-445e-b41a-bb6fe7145667.tmp</t>
  </si>
  <si>
    <t>\\acsfs\profiles$\deboraaa\Downloads\4d1cbf23-47b5-445e-b41a-bb6fe7145667.tmp</t>
  </si>
  <si>
    <t>12/16/2019 07:29:32</t>
  </si>
  <si>
    <t>fa5a215a-e264-4dca-88c0-b38e7b08c5d6.tmp</t>
  </si>
  <si>
    <t>\\acsfs\profiles$\deboraaa\Downloads\fa5a215a-e264-4dca-88c0-b38e7b08c5d6.tmp</t>
  </si>
  <si>
    <t>12/16/2019 07:31:04</t>
  </si>
  <si>
    <t>12/16/2019 07:31:38</t>
  </si>
  <si>
    <t>257e3f95-08f6-4de2-b8b5-8a3db13e0997.tmp</t>
  </si>
  <si>
    <t>\\acsfs\profiles$\deboraaa\Downloads\257e3f95-08f6-4de2-b8b5-8a3db13e0997.tmp</t>
  </si>
  <si>
    <t>12/15/2019 13:33:47</t>
  </si>
  <si>
    <t>12/16/2019 07:30:32</t>
  </si>
  <si>
    <t>12/16/2019 07:35:11</t>
  </si>
  <si>
    <t>2a0d1ac1-fc04-442b-acb0-d9b91a2ea396.tmp</t>
  </si>
  <si>
    <t>\\acsfs\profiles$\sarahbal\Downloads\2a0d1ac1-fc04-442b-acb0-d9b91a2ea396.tmp</t>
  </si>
  <si>
    <t>12/16/2019 07:31:30</t>
  </si>
  <si>
    <t>8524e8c3-b721-4d3e-a5fc-5e2e9d1edc7a.tmp</t>
  </si>
  <si>
    <t>\\acsfs\profiles$\sarahbal\Downloads\8524e8c3-b721-4d3e-a5fc-5e2e9d1edc7a.tmp</t>
  </si>
  <si>
    <t>12/16/2019 07:31:54</t>
  </si>
  <si>
    <t>6c33c42a-c357-4c81-ae8a-001d5374ef55.tmp</t>
  </si>
  <si>
    <t>\\acsfs\profiles$\sarahbal\Downloads\6c33c42a-c357-4c81-ae8a-001d5374ef55.tmp</t>
  </si>
  <si>
    <t>12/16/2019 07:31:37</t>
  </si>
  <si>
    <t>12/16/2019 07:36:11</t>
  </si>
  <si>
    <t>12/16/2019 07:32:04</t>
  </si>
  <si>
    <t>515f61b9-b092-484e-8015-02d88a4845f0.tmp</t>
  </si>
  <si>
    <t>\\acsfs\profiles$\ERICALSR\Downloads\515f61b9-b092-484e-8015-02d88a4845f0.tmp</t>
  </si>
  <si>
    <t>12/16/2019 07:32:56</t>
  </si>
  <si>
    <t>c22abdf3-944a-4b69-89b3-a540195901b2.tmp</t>
  </si>
  <si>
    <t>\\acsfs\profiles$\ERICALSR\Downloads\c22abdf3-944a-4b69-89b3-a540195901b2.tmp</t>
  </si>
  <si>
    <t>12/16/2019 07:34:28</t>
  </si>
  <si>
    <t>12/16/2019 07:37:11</t>
  </si>
  <si>
    <t>8d0d26d0-0632-4622-a609-591e4e53f469.tmp</t>
  </si>
  <si>
    <t>\\acsfs\profiles$\deboraaa\Downloads\8d0d26d0-0632-4622-a609-591e4e53f469.tmp</t>
  </si>
  <si>
    <t>12/16/2019 07:33:51</t>
  </si>
  <si>
    <t>12/16/2019 07:38:11</t>
  </si>
  <si>
    <t>12/16/2019 07:39:11</t>
  </si>
  <si>
    <t>12/16/2019 07:38:05</t>
  </si>
  <si>
    <t>12/16/2019 07:40:11</t>
  </si>
  <si>
    <t>12/16/2019 07:39:37</t>
  </si>
  <si>
    <t>13cc872b-9724-4590-b95f-276ba1605668.tmp</t>
  </si>
  <si>
    <t>\\acsfs\profiles$\luanarda\Downloads\13cc872b-9724-4590-b95f-276ba1605668.tmp</t>
  </si>
  <si>
    <t>12/16/2019 07:40:54</t>
  </si>
  <si>
    <t>12/16/2019 07:43:12</t>
  </si>
  <si>
    <t>joserdsne</t>
  </si>
  <si>
    <t>\\acsfs\profiles$\joserdsne\Contacts\</t>
  </si>
  <si>
    <t>JOSE ROSA DE SOUZA NETO (9).contact</t>
  </si>
  <si>
    <t>\\acsfs\profiles$\joserdsne\Contacts\JOSE ROSA DE SOUZA NETO (9).contact</t>
  </si>
  <si>
    <t>12/16/2019 07:41:30</t>
  </si>
  <si>
    <t>\\acsfs\profiles$\joserdsne\My Documents\My Videos\</t>
  </si>
  <si>
    <t>\\acsfs\profiles$\joserdsne\My Documents\My Videos\desktop.ini</t>
  </si>
  <si>
    <t>12/16/2019 07:41:31</t>
  </si>
  <si>
    <t>12/16/2019 07:41:32</t>
  </si>
  <si>
    <t>\\acsfs\profiles$\joserdsne\My Documents\My Pictures\</t>
  </si>
  <si>
    <t>\\acsfs\profiles$\joserdsne\My Documents\My Pictures\desktop.ini</t>
  </si>
  <si>
    <t>12/16/2019 07:41:33</t>
  </si>
  <si>
    <t>12/16/2019 07:41:36</t>
  </si>
  <si>
    <t>12/16/2019 07:41:37</t>
  </si>
  <si>
    <t>\\acsfs\profiles$\joserdsne\Contacts\desktop.ini</t>
  </si>
  <si>
    <t>\\acsfs\profiles$\joserdsne\Favorites\</t>
  </si>
  <si>
    <t>\\acsfs\profiles$\joserdsne\Favorites\desktop.ini</t>
  </si>
  <si>
    <t>12/16/2019 07:41:38</t>
  </si>
  <si>
    <t>12/16/2019 07:41:39</t>
  </si>
  <si>
    <t>\\acsfs\profiles$\joserdsne\My Documents\My Music\</t>
  </si>
  <si>
    <t>\\acsfs\profiles$\joserdsne\My Documents\My Music\desktop.ini</t>
  </si>
  <si>
    <t>12/16/2019 07:41:40</t>
  </si>
  <si>
    <t>12/16/2019 07:41:41</t>
  </si>
  <si>
    <t>12/16/2019 07:41:42</t>
  </si>
  <si>
    <t>\\acsfs\profiles$\joserdsne\Searches\</t>
  </si>
  <si>
    <t>\\acsfs\profiles$\joserdsne\Searches\desktop.ini</t>
  </si>
  <si>
    <t>12/16/2019 07:41:43</t>
  </si>
  <si>
    <t>12/16/2019 07:41:44</t>
  </si>
  <si>
    <t>\\acsfs\profiles$\joserdsne\Downloads\</t>
  </si>
  <si>
    <t>\\acsfs\profiles$\joserdsne\Downloads\desktop.ini</t>
  </si>
  <si>
    <t>12/16/2019 07:41:45</t>
  </si>
  <si>
    <t>12/16/2019 07:41:47</t>
  </si>
  <si>
    <t>\\acsfs\profiles$\joserdsne\My Documents\</t>
  </si>
  <si>
    <t>\\acsfs\profiles$\joserdsne\My Documents\desktop.ini</t>
  </si>
  <si>
    <t>12/16/2019 07:41:48</t>
  </si>
  <si>
    <t>12/16/2019 07:41:49</t>
  </si>
  <si>
    <t>12/16/2019 07:41:51</t>
  </si>
  <si>
    <t>\\acsfs\profiles$\joserdsne\Saved Games\</t>
  </si>
  <si>
    <t>\\acsfs\profiles$\joserdsne\Saved Games\desktop.ini</t>
  </si>
  <si>
    <t>12/16/2019 07:41:00</t>
  </si>
  <si>
    <t>12/16/2019 07:41:52</t>
  </si>
  <si>
    <t>12/16/2019 07:45:12</t>
  </si>
  <si>
    <t>22bf8af1-b18a-4ead-8d7c-d5a708e29375.tmp</t>
  </si>
  <si>
    <t>\\acsfs\profiles$\luanarda\Downloads\22bf8af1-b18a-4ead-8d7c-d5a708e29375.tmp</t>
  </si>
  <si>
    <t>12/16/2019 07:45:19</t>
  </si>
  <si>
    <t>12/16/2019 07:46:11</t>
  </si>
  <si>
    <t>12/16/2019 07:43:16</t>
  </si>
  <si>
    <t>12/16/2019 07:47:12</t>
  </si>
  <si>
    <t>1183dbee-594f-42f9-94fe-18a5395bc16f.tmp</t>
  </si>
  <si>
    <t>\\acsfs\profiles$\deboraaa\Downloads\1183dbee-594f-42f9-94fe-18a5395bc16f.tmp</t>
  </si>
  <si>
    <t>12/16/2019 07:42:48</t>
  </si>
  <si>
    <t>12/16/2019 07:48:11</t>
  </si>
  <si>
    <t>\\acsfs\profiles$\JOSERDSNE\Favorites\Links for Brasil\</t>
  </si>
  <si>
    <t>\\acsfs\profiles$\JOSERDSNE\Favorites\Links for Brasil\desktop.ini</t>
  </si>
  <si>
    <t>12/16/2019 07:42:52</t>
  </si>
  <si>
    <t>\\acsfs\profiles$\JOSERDSNE\Favorites\Links for Brasil\Microsoft Brasil.url</t>
  </si>
  <si>
    <t>12/16/2019 07:42:53</t>
  </si>
  <si>
    <t>\\acsfs\profiles$\JOSERDSNE\Favorites\Links for Brasil\Windows Brasil.url</t>
  </si>
  <si>
    <t>12/16/2019 07:42:55</t>
  </si>
  <si>
    <t>\\acsfs\profiles$\JOSERDSNE\Favorites\Links for Brasil\MSN Brasil.url</t>
  </si>
  <si>
    <t>12/16/2019 07:42:56</t>
  </si>
  <si>
    <t>12/16/2019 07:46:23</t>
  </si>
  <si>
    <t>12/16/2019 07:50:11</t>
  </si>
  <si>
    <t>12/16/2019 07:46:03</t>
  </si>
  <si>
    <t>12/16/2019 07:51:12</t>
  </si>
  <si>
    <t>10.200.200.67</t>
  </si>
  <si>
    <t>mail.google.com/_/upload?authuser=0&amp;dcp=asu-n&amp;upload_id=AEnB2UqJTrmY3i8EZg_jJKrubF9HiGn2dXmyhLw1F4-ohUuMN8aqjWwO3wC3zkhXHtPAbnh5TP4gtTrSg8BNOCu7seIyLOvS7Q&amp;upload_protocol=resumable</t>
  </si>
  <si>
    <t>12/16/2019 07:46:33</t>
  </si>
  <si>
    <t>mail.google.com/_/upload?authuser=0&amp;dcp=asu-n&amp;upload_id=AEnB2UoLmjPIQjE7U9GfvemdZm2srAnCUZp-iBqPBv5w28THRx_WH58QkMNUifLwfz4i0QgLnztReo0RXtirh7H1qDL76QQ4fUzDbr3eaVgj9Ht5xHCseWA&amp;upload_protocol=resumable</t>
  </si>
  <si>
    <t>12/16/2019 07:50:24</t>
  </si>
  <si>
    <t>12/16/2019 07:53:12</t>
  </si>
  <si>
    <t>22d26b20-13df-454e-a368-e8b0ddb9f597.tmp</t>
  </si>
  <si>
    <t>\\acsfs\profiles$\marcellewdl\Downloads\22d26b20-13df-454e-a368-e8b0ddb9f597.tmp</t>
  </si>
  <si>
    <t>12/16/2019 07:51:48</t>
  </si>
  <si>
    <t>fcda6ef7-f941-4853-9b46-60347f24e6a2.tmp</t>
  </si>
  <si>
    <t>\\acsfs\profiles$\marcellewdl\Downloads\fcda6ef7-f941-4853-9b46-60347f24e6a2.tmp</t>
  </si>
  <si>
    <t>12/16/2019 07:51:25</t>
  </si>
  <si>
    <t>12/16/2019 07:55:12</t>
  </si>
  <si>
    <t>https://caey.fa.us2.oraclecloud.com/crmui/faces/fuseoverview?_adf.ctrl-state=1c0bnubg77_5&amp;fnd=;;;;false;256;;;&amp;fndglobalitemnodeid=zcm_customerctrinfra360_customers_crm_card</t>
  </si>
  <si>
    <t>\\acsfs\DEPTOS\DME\CME - Coordenacao de Marketing e Estrategia\Gestão de Vendas\Account Plan\2019\</t>
  </si>
  <si>
    <t>12/16/2019 07:50:44</t>
  </si>
  <si>
    <t>12/16/2019 07:56:07</t>
  </si>
  <si>
    <t>12/16/2019 07:57:12</t>
  </si>
  <si>
    <t>12/15/2019 14:59:39</t>
  </si>
  <si>
    <t>12/16/2019 08:00:12</t>
  </si>
  <si>
    <t>12/15/2019 14:59:40</t>
  </si>
  <si>
    <t>lu14304671gy.tmp</t>
  </si>
  <si>
    <t>\\acsfs\profiles$\jonatanls\My Documents\lu14304671gy.tmp</t>
  </si>
  <si>
    <t>12/16/2019 07:56:50</t>
  </si>
  <si>
    <t>12/16/2019 07:58:08</t>
  </si>
  <si>
    <t>69fb9a87-4d24-46dd-85b8-c83d11713bbf.tmp</t>
  </si>
  <si>
    <t>\\acsfs\profiles$\paulovadc\Downloads\69fb9a87-4d24-46dd-85b8-c83d11713bbf.tmp</t>
  </si>
  <si>
    <t>12/16/2019 07:57:28</t>
  </si>
  <si>
    <t>12/16/2019 08:01:12</t>
  </si>
  <si>
    <t>ulog_HeadlightsOptinProductFamily_HeadlightsOptinProduct_00000000-0000-0000-0000-000000000000_44255812-4c42-47c5-9b96-466cb0d23351.log</t>
  </si>
  <si>
    <t>C:\Users\Jordanarb\AppData\Roaming\Adobe\LogTransport2\Logs\ulog_HeadlightsOptinProductFamily_HeadlightsOptinProduct_00000000-0000-0000-0000-000000000000_44255812-4c42-47c5-9b96-466cb0d23351.log\</t>
  </si>
  <si>
    <t>12/16/2019 07:58:06</t>
  </si>
  <si>
    <t>12/16/2019 07:59:09</t>
  </si>
  <si>
    <t>12/16/2019 08:00:54</t>
  </si>
  <si>
    <t>12/16/2019 08:03:12</t>
  </si>
  <si>
    <t>12/16/2019 08:01:57</t>
  </si>
  <si>
    <t>7f46f319-1bf9-46d4-bc8e-6a0a87bd497c.tmp</t>
  </si>
  <si>
    <t>\\acsfs\profiles$\dhiulliananads\Downloads\7f46f319-1bf9-46d4-bc8e-6a0a87bd497c.tmp</t>
  </si>
  <si>
    <t>12/16/2019 07:59:31</t>
  </si>
  <si>
    <t>86ddf31b-872d-4f33-a460-93bba56066e2.tmp</t>
  </si>
  <si>
    <t>\\acsfs\profiles$\alicecpbc\Downloads\86ddf31b-872d-4f33-a460-93bba56066e2.tmp</t>
  </si>
  <si>
    <t>12/16/2019 07:59:52</t>
  </si>
  <si>
    <t>21218fc8-0ce0-4b34-9edc-51b65874e825.tmp</t>
  </si>
  <si>
    <t>\\acsfs\profiles$\alicecpbc\Downloads\21218fc8-0ce0-4b34-9edc-51b65874e825.tmp</t>
  </si>
  <si>
    <t>12/16/2019 08:03:08</t>
  </si>
  <si>
    <t>12/16/2019 08:04:11</t>
  </si>
  <si>
    <t>12/16/2019 08:03:09</t>
  </si>
  <si>
    <t>12/16/2019 08:03:10</t>
  </si>
  <si>
    <t>12/16/2019 08:03:11</t>
  </si>
  <si>
    <t>12/16/2019 08:03:13</t>
  </si>
  <si>
    <t>12/16/2019 08:03:14</t>
  </si>
  <si>
    <t>12/16/2019 08:03:15</t>
  </si>
  <si>
    <t>12/16/2019 08:03:16</t>
  </si>
  <si>
    <t>12/16/2019 08:03:17</t>
  </si>
  <si>
    <t>12/16/2019 08:03:18</t>
  </si>
  <si>
    <t>12/16/2019 08:03:19</t>
  </si>
  <si>
    <t>12/16/2019 08:03:20</t>
  </si>
  <si>
    <t>12/16/2019 08:03:21</t>
  </si>
  <si>
    <t>12/16/2019 08:03:22</t>
  </si>
  <si>
    <t>12/16/2019 08:03:23</t>
  </si>
  <si>
    <t>12/16/2019 08:03:24</t>
  </si>
  <si>
    <t>12/16/2019 08:03:25</t>
  </si>
  <si>
    <t>12/16/2019 08:03:26</t>
  </si>
  <si>
    <t>12/16/2019 08:03:27</t>
  </si>
  <si>
    <t>12/16/2019 08:05:12</t>
  </si>
  <si>
    <t>12/16/2019 08:03:28</t>
  </si>
  <si>
    <t>12/16/2019 08:03:29</t>
  </si>
  <si>
    <t>12/16/2019 08:03:30</t>
  </si>
  <si>
    <t>12/16/2019 08:03:31</t>
  </si>
  <si>
    <t>12/16/2019 08:03:32</t>
  </si>
  <si>
    <t>12/16/2019 08:03:33</t>
  </si>
  <si>
    <t>12/16/2019 08:03:34</t>
  </si>
  <si>
    <t>12/16/2019 08:03:35</t>
  </si>
  <si>
    <t>12/16/2019 08:00:48</t>
  </si>
  <si>
    <t>4bdab051-327e-4e12-b3fe-828c437169f4.tmp</t>
  </si>
  <si>
    <t>\\acsfs\profiles$\vivianalds\Downloads\4bdab051-327e-4e12-b3fe-828c437169f4.tmp</t>
  </si>
  <si>
    <t>12/16/2019 08:02:41</t>
  </si>
  <si>
    <t>215275cd-45e1-4581-ac26-d672a5cece49.tmp</t>
  </si>
  <si>
    <t>\\acsfs\profiles$\vivianalds\Downloads\215275cd-45e1-4581-ac26-d672a5cece49.tmp</t>
  </si>
  <si>
    <t>12/16/2019 08:00:59</t>
  </si>
  <si>
    <t>12/16/2019 08:03:57</t>
  </si>
  <si>
    <t>094b1ae1-3553-4465-a17b-5a4d9dfe5ce6.tmp</t>
  </si>
  <si>
    <t>\\acsfs\profiles$\jonatanls\Downloads\094b1ae1-3553-4465-a17b-5a4d9dfe5ce6.tmp</t>
  </si>
  <si>
    <t>12/16/2019 08:04:18</t>
  </si>
  <si>
    <t>b34fa191-1a5a-47dc-a064-94f04628304e.tmp</t>
  </si>
  <si>
    <t>\\acsfs\profiles$\jonatanls\Downloads\b34fa191-1a5a-47dc-a064-94f04628304e.tmp</t>
  </si>
  <si>
    <t>12/16/2019 07:59:56</t>
  </si>
  <si>
    <t>3afc6789-2fc7-4c0b-8f45-1c795c7df6ed.tmp</t>
  </si>
  <si>
    <t>\\acsfs\profiles$\paulovadc\Downloads\3afc6789-2fc7-4c0b-8f45-1c795c7df6ed.tmp</t>
  </si>
  <si>
    <t>12/16/2019 08:01:19</t>
  </si>
  <si>
    <t>12/16/2019 08:06:11</t>
  </si>
  <si>
    <t>102750b4-2fd0-4751-87df-c06d1618e5ee.tmp</t>
  </si>
  <si>
    <t>\\acsfs\profiles$\adrielyas\Downloads\102750b4-2fd0-4751-87df-c06d1618e5ee.tmp</t>
  </si>
  <si>
    <t>12/15/2019 15:19:01</t>
  </si>
  <si>
    <t>12/15/2019 15:19:39</t>
  </si>
  <si>
    <t>12/16/2019 08:02:58</t>
  </si>
  <si>
    <t>12/16/2019 08:08:11</t>
  </si>
  <si>
    <t>6b523fa0-02a6-4d87-a427-ce9779dcf08e.tmp</t>
  </si>
  <si>
    <t>\\acsfs\profiles$\dhiulliananads\Downloads\6b523fa0-02a6-4d87-a427-ce9779dcf08e.tmp</t>
  </si>
  <si>
    <t>9eb681f6-b85a-4f58-b594-4ec272529733.tmp</t>
  </si>
  <si>
    <t>\\acsfs\profiles$\dhiulliananads\Downloads\9eb681f6-b85a-4f58-b594-4ec272529733.tmp</t>
  </si>
  <si>
    <t>12/16/2019 08:05:11</t>
  </si>
  <si>
    <t>12/16/2019 08:06:40</t>
  </si>
  <si>
    <t>934c2000-a3d5-49be-8584-12c933b21697.tmp</t>
  </si>
  <si>
    <t>\\acsfs\profiles$\deborahsi\Downloads\934c2000-a3d5-49be-8584-12c933b21697.tmp</t>
  </si>
  <si>
    <t>12/16/2019 08:07:52</t>
  </si>
  <si>
    <t>2707b74e-b586-4cc9-8d49-73f0c93a14c8.tmp</t>
  </si>
  <si>
    <t>\\acsfs\profiles$\deborahsi\Downloads\2707b74e-b586-4cc9-8d49-73f0c93a14c8.tmp</t>
  </si>
  <si>
    <t>12/13/2019 16:59:48</t>
  </si>
  <si>
    <t>12/16/2019 08:09:12</t>
  </si>
  <si>
    <t>mail.google.com/_/upload?authuser=0&amp;dcp=asu-n&amp;upload_id=AEnB2UoPg4dHruy6NV34F2XBSnOQ0vOb0ByzBwNc5NPIPdiJzK6YqnSUkP43bOuvKk75MU_sFkN0WD2Ldhi2GiVDC2wmt9zM9g&amp;upload_protocol=resumable</t>
  </si>
  <si>
    <t>\\acsfs\deptos\PMO Governança\03 - ACOMPANHAMENTO DE PROJETOS\00 - STATUS GERAL\HOLDING\10_ Papo_Perf_Dez2019_v3.pptx\</t>
  </si>
  <si>
    <t>mail.google.com/_/upload?authuser=0&amp;dcp=asu-n&amp;upload_id=AEnB2UpOOZkmF_gNMjSQQ51BAp85ewX-VfBX4fJgx2oOIPA0GL033qiguTEaXjVBqzl_9Vu2VohCucLrQS6uVXTF8xTvy_Usmw&amp;upload_protocol=resumable</t>
  </si>
  <si>
    <t>Papo de Performance v6.xlsx</t>
  </si>
  <si>
    <t>12/16/2019 08:05:16</t>
  </si>
  <si>
    <t>12/16/2019 08:10:12</t>
  </si>
  <si>
    <t>12/16/2019 08:05:28</t>
  </si>
  <si>
    <t>12/16/2019 08:05:29</t>
  </si>
  <si>
    <t>lu448603tq2gv.tmp</t>
  </si>
  <si>
    <t>\\acsfs\profiles$\VIVIANALDS\My Documents\lu448603tq2gv.tmp</t>
  </si>
  <si>
    <t>\\acsfs\profiles$\VIVIANALDS\My Documents\lu448603tq2gv.tmp\</t>
  </si>
  <si>
    <t>\\acsfs\profiles$\VIVIANALDS\My Documents\lu448603tq2gv.tmp\META-INF\</t>
  </si>
  <si>
    <t>\\acsfs\profiles$\VIVIANALDS\My Documents\lu448603tq2gv.tmp\Thumbnails\</t>
  </si>
  <si>
    <t>12/16/2019 08:05:10</t>
  </si>
  <si>
    <t>0a148983-4429-4c48-99c3-dde02d27d4fd.tmp</t>
  </si>
  <si>
    <t>\\acsfs\profiles$\jonatanls\Downloads\0a148983-4429-4c48-99c3-dde02d27d4fd.tmp</t>
  </si>
  <si>
    <t>12/16/2019 08:05:24</t>
  </si>
  <si>
    <t>10.12.243.125</t>
  </si>
  <si>
    <t>12/16/2019 08:05:41</t>
  </si>
  <si>
    <t>12/16/2019 08:11:12</t>
  </si>
  <si>
    <t>2b85c803-2481-4e37-a542-9b0053e2bff3.tmp</t>
  </si>
  <si>
    <t>\\acsfs\profiles$\adrielyas\Downloads\2b85c803-2481-4e37-a542-9b0053e2bff3.tmp</t>
  </si>
  <si>
    <t>12/16/2019 08:06:03</t>
  </si>
  <si>
    <t>12/16/2019 08:06:53</t>
  </si>
  <si>
    <t>12/16/2019 08:10:25</t>
  </si>
  <si>
    <t>12/16/2019 08:09:00</t>
  </si>
  <si>
    <t>12/16/2019 08:13:12</t>
  </si>
  <si>
    <t>12/16/2019 08:12:10</t>
  </si>
  <si>
    <t>12/16/2019 08:09:58</t>
  </si>
  <si>
    <t>5e844e3a-c430-49e6-9b4c-d710cac28cdb.tmp</t>
  </si>
  <si>
    <t>\\acsfs\profiles$\deborahsi\Downloads\5e844e3a-c430-49e6-9b4c-d710cac28cdb.tmp</t>
  </si>
  <si>
    <t>12/16/2019 08:10:52</t>
  </si>
  <si>
    <t>12/16/2019 08:14:11</t>
  </si>
  <si>
    <t>12/16/2019 08:14:30</t>
  </si>
  <si>
    <t>12/16/2019 08:15:12</t>
  </si>
  <si>
    <t>12/16/2019 08:13:35</t>
  </si>
  <si>
    <t>12/16/2019 08:16:11</t>
  </si>
  <si>
    <t>10.200.66.28</t>
  </si>
  <si>
    <t>52914e38-035f-46f5-a718-bb2b4f92973b.tmp</t>
  </si>
  <si>
    <t>\\acsfs\profiles$\milenaas\Downloads\52914e38-035f-46f5-a718-bb2b4f92973b.tmp</t>
  </si>
  <si>
    <t>12/16/2019 08:12:00</t>
  </si>
  <si>
    <t>12/16/2019 08:11:20</t>
  </si>
  <si>
    <t>12/16/2019 08:11:44</t>
  </si>
  <si>
    <t>57597af2-5bab-4b43-88f1-1e15adb2a4a9.tmp</t>
  </si>
  <si>
    <t>\\acsfs\profiles$\valeriasda\Downloads\57597af2-5bab-4b43-88f1-1e15adb2a4a9.tmp</t>
  </si>
  <si>
    <t>12/16/2019 08:11:47</t>
  </si>
  <si>
    <t>6ae49e58-a1ff-424b-b94f-c30af62361b0.tmp</t>
  </si>
  <si>
    <t>\\acsfs\profiles$\valeriasda\Downloads\6ae49e58-a1ff-424b-b94f-c30af62361b0.tmp</t>
  </si>
  <si>
    <t>12/16/2019 08:11:53</t>
  </si>
  <si>
    <t>766ab3bd-1aa7-4938-81e5-a6c3fdf11d96.tmp</t>
  </si>
  <si>
    <t>\\acsfs\profiles$\valeriasda\Downloads\766ab3bd-1aa7-4938-81e5-a6c3fdf11d96.tmp</t>
  </si>
  <si>
    <t>12/16/2019 08:11:57</t>
  </si>
  <si>
    <t>e4db439d-9060-4a9f-a061-e9dad8ee1683.tmp</t>
  </si>
  <si>
    <t>\\acsfs\profiles$\valeriasda\Downloads\e4db439d-9060-4a9f-a061-e9dad8ee1683.tmp</t>
  </si>
  <si>
    <t>12/16/2019 08:11:58</t>
  </si>
  <si>
    <t>7581503b-a6d6-431c-91ba-c97892d538ec.tmp</t>
  </si>
  <si>
    <t>\\acsfs\profiles$\valeriasda\Downloads\7581503b-a6d6-431c-91ba-c97892d538ec.tmp</t>
  </si>
  <si>
    <t>12/16/2019 08:12:19</t>
  </si>
  <si>
    <t>575dce9b-674f-4a6e-bb13-3fe8027ea5e4.tmp</t>
  </si>
  <si>
    <t>\\acsfs\profiles$\valeriasda\Downloads\575dce9b-674f-4a6e-bb13-3fe8027ea5e4.tmp</t>
  </si>
  <si>
    <t>12/16/2019 08:10:40</t>
  </si>
  <si>
    <t>12/16/2019 08:15:41</t>
  </si>
  <si>
    <t>12/16/2019 08:15:42</t>
  </si>
  <si>
    <t>12/16/2019 08:15:43</t>
  </si>
  <si>
    <t>12/16/2019 08:15:44</t>
  </si>
  <si>
    <t>12/16/2019 08:15:45</t>
  </si>
  <si>
    <t>12/16/2019 08:15:46</t>
  </si>
  <si>
    <t>12/16/2019 08:13:57</t>
  </si>
  <si>
    <t>\\acsfs\profiles$\milennyss\My Documents\</t>
  </si>
  <si>
    <t>Acessos.txt</t>
  </si>
  <si>
    <t>\\acsfs\profiles$\milennyss\My Documents\Acessos.txt</t>
  </si>
  <si>
    <t>12/16/2019 08:15:34</t>
  </si>
  <si>
    <t>12/16/2019 08:13:29</t>
  </si>
  <si>
    <t>12/16/2019 08:18:11</t>
  </si>
  <si>
    <t>12/16/2019 08:13:38</t>
  </si>
  <si>
    <t>lu2454023e2nw.tmp</t>
  </si>
  <si>
    <t>\\acsfs\profiles$\dhiulliananads\My Documents\lu2454023e2nw.tmp</t>
  </si>
  <si>
    <t>\\acsfs\profiles$\dhiulliananads\My Documents\lu2454023e2nw.tmp\</t>
  </si>
  <si>
    <t>12/16/2019 08:13:39</t>
  </si>
  <si>
    <t>\\acsfs\profiles$\dhiulliananads\My Documents\lu2454023e2nw.tmp\META-INF\</t>
  </si>
  <si>
    <t>\\acsfs\profiles$\dhiulliananads\My Documents\lu2454023e2nw.tmp\Thumbnails\</t>
  </si>
  <si>
    <t>12/16/2019 08:13:55</t>
  </si>
  <si>
    <t>lu2454023e2o1.tmp</t>
  </si>
  <si>
    <t>\\acsfs\profiles$\dhiulliananads\My Documents\lu2454023e2o1.tmp</t>
  </si>
  <si>
    <t>\\acsfs\profiles$\dhiulliananads\My Documents\lu2454023e2o1.tmp\</t>
  </si>
  <si>
    <t>\\acsfs\profiles$\dhiulliananads\My Documents\lu2454023e2o1.tmp\META-INF\</t>
  </si>
  <si>
    <t>\\acsfs\profiles$\dhiulliananads\My Documents\lu2454023e2o1.tmp\Thumbnails\</t>
  </si>
  <si>
    <t>12/16/2019 08:14:29</t>
  </si>
  <si>
    <t>12/16/2019 08:16:43</t>
  </si>
  <si>
    <t>12/15/2019 13:59:14</t>
  </si>
  <si>
    <t>CATALOGAÇÃO.xlsx</t>
  </si>
  <si>
    <t>"mozilla/5.0 (windows nt 10.0; win64; x64) applewebkit/537.36 (khtml,1,13,13700109,13700167,13700185,13700235,13700264,13700451,13700563,13700607,13700883,13700946,13700951,13700982,13701078,13701127,13701139,13701207,13701214,13701235,13701239,13701262,13701298,13701418,13701422,13701430,13701450,13701458,13701486,13701506,13701510,13701534,13701537,13701573,13701577,13701589,13701609,13701613,13701621,13701625,13701633,13701653,13701657,13701693,13701709,13701749,13701825,13701833,13701901,13701906,13701909,13701921,13701946,13701950,13701953]]],13701957,13701969,13702064,13702068,13702086,13702089,2,52,560,5701393,["drive.web-frontend_20191,[[13701276,[[null,[],[false,ancestorhasaugmentedpermissions,containsunsubscribedchildren,displayname,domain,emailaddress,en,explicitlytrashed,false,false],false]],filesize,hasthumbnail,hasvisitorpermissions,id,id),items(kind,ken,lastmodifyinguser(kind,lastviewedbymedate,like gecko) chrome/78.0.3904.108 safari/537.36",mimetype,modifiedbymedate,modifieddate,null,ontainsun</t>
  </si>
  <si>
    <t>12/16/2019 08:15:47</t>
  </si>
  <si>
    <t>12/16/2019 08:16:33</t>
  </si>
  <si>
    <t>12/16/2019 08:19:12</t>
  </si>
  <si>
    <t>674596ed-2b53-415b-a393-c753e2baeefe.tmp</t>
  </si>
  <si>
    <t>\\acsfs\profiles$\ayalabfi\Downloads\674596ed-2b53-415b-a393-c753e2baeefe.tmp</t>
  </si>
  <si>
    <t>12/16/2019 08:16:44</t>
  </si>
  <si>
    <t>50d8bb4c-e35a-4457-80eb-9a4372167d35.tmp</t>
  </si>
  <si>
    <t>\\acsfs\profiles$\ayalabfi\Downloads\50d8bb4c-e35a-4457-80eb-9a4372167d35.tmp</t>
  </si>
  <si>
    <t>12/16/2019 08:16:45</t>
  </si>
  <si>
    <t>f7433b9a-c93a-4b7c-828e-0310e8b75f41.tmp</t>
  </si>
  <si>
    <t>\\acsfs\profiles$\ayalabfi\Downloads\f7433b9a-c93a-4b7c-828e-0310e8b75f41.tmp</t>
  </si>
  <si>
    <t>12/16/2019 08:18:08</t>
  </si>
  <si>
    <t>8b4f44e5-720a-4191-965b-261ea1f758d7.tmp</t>
  </si>
  <si>
    <t>\\acsfs\profiles$\ayalabfi\Downloads\8b4f44e5-720a-4191-965b-261ea1f758d7.tmp</t>
  </si>
  <si>
    <t>12/15/2019 08:31:19</t>
  </si>
  <si>
    <t>12/16/2019 08:20:12</t>
  </si>
  <si>
    <t>\\acsfs\profiles$\marcellewdl\My Documents\My Music\</t>
  </si>
  <si>
    <t>\\acsfs\profiles$\marcellewdl\My Documents\My Pictures\desktop.ini</t>
  </si>
  <si>
    <t>12/15/2019 08:31:21</t>
  </si>
  <si>
    <t>12/15/2019 08:31:22</t>
  </si>
  <si>
    <t>12/15/2019 08:31:24</t>
  </si>
  <si>
    <t>12/15/2019 08:31:26</t>
  </si>
  <si>
    <t>\\acsfs\profiles$\marcellewdl\Contacts\</t>
  </si>
  <si>
    <t>\\acsfs\profiles$\marcellewdl\Contacts\desktop.ini</t>
  </si>
  <si>
    <t>12/15/2019 08:31:27</t>
  </si>
  <si>
    <t>12/15/2019 08:31:28</t>
  </si>
  <si>
    <t>12/15/2019 08:31:30</t>
  </si>
  <si>
    <t>12/15/2019 08:31:31</t>
  </si>
  <si>
    <t>12/15/2019 08:31:33</t>
  </si>
  <si>
    <t>\\acsfs\profiles$\marcellewdl\Favorites\desktop.ini</t>
  </si>
  <si>
    <t>12/15/2019 08:31:35</t>
  </si>
  <si>
    <t>12/15/2019 08:31:36</t>
  </si>
  <si>
    <t>12/15/2019 08:31:37</t>
  </si>
  <si>
    <t>12/15/2019 08:31:39</t>
  </si>
  <si>
    <t>12/15/2019 08:31:40</t>
  </si>
  <si>
    <t>12/15/2019 08:31:41</t>
  </si>
  <si>
    <t>12/15/2019 08:31:42</t>
  </si>
  <si>
    <t>\\acsfs\profiles$\marcellewdl\My Documents\My Music\desktop.ini</t>
  </si>
  <si>
    <t>12/15/2019 08:31:45</t>
  </si>
  <si>
    <t>12/15/2019 08:31:46</t>
  </si>
  <si>
    <t>12/15/2019 08:31:47</t>
  </si>
  <si>
    <t>12/15/2019 08:31:48</t>
  </si>
  <si>
    <t>12/15/2019 08:31:51</t>
  </si>
  <si>
    <t>\\acsfs\profiles$\marcellewdl\Searches\</t>
  </si>
  <si>
    <t>\\acsfs\profiles$\marcellewdl\Searches\desktop.ini</t>
  </si>
  <si>
    <t>12/15/2019 08:31:53</t>
  </si>
  <si>
    <t>12/15/2019 08:32:03</t>
  </si>
  <si>
    <t>12/15/2019 08:32:07</t>
  </si>
  <si>
    <t>12/15/2019 08:32:08</t>
  </si>
  <si>
    <t>12/15/2019 08:32:10</t>
  </si>
  <si>
    <t>12/16/2019 08:17:20</t>
  </si>
  <si>
    <t>01a57fcf-efba-474c-938f-c76c0d7ff4a5.tmp</t>
  </si>
  <si>
    <t>\\acsfs\profiles$\sarahbal\Downloads\01a57fcf-efba-474c-938f-c76c0d7ff4a5.tmp</t>
  </si>
  <si>
    <t>12/15/2019 08:32:11</t>
  </si>
  <si>
    <t>\\acsfs\profiles$\marcellewdl\Downloads\desktop.ini</t>
  </si>
  <si>
    <t>12/15/2019 08:32:12</t>
  </si>
  <si>
    <t>12/15/2019 08:32:14</t>
  </si>
  <si>
    <t>\\acsfs\profiles$\marcellewdl\Favorites\</t>
  </si>
  <si>
    <t>\\acsfs\profiles$\marcellewdl\My Documents\desktop.ini</t>
  </si>
  <si>
    <t>12/15/2019 08:32:15</t>
  </si>
  <si>
    <t>12/15/2019 08:32:16</t>
  </si>
  <si>
    <t>12/15/2019 08:32:18</t>
  </si>
  <si>
    <t>12/15/2019 08:32:22</t>
  </si>
  <si>
    <t>12/15/2019 08:32:24</t>
  </si>
  <si>
    <t>12/15/2019 08:32:26</t>
  </si>
  <si>
    <t>\\acsfs\profiles$\marcellewdl\Saved Games\desktop.ini</t>
  </si>
  <si>
    <t>12/15/2019 08:32:28</t>
  </si>
  <si>
    <t>12/15/2019 08:32:55</t>
  </si>
  <si>
    <t>winrt--{S-1-5-21-602162358-764733703-839522115-354180}-.searchconnector-ms</t>
  </si>
  <si>
    <t>\\acsfs\profiles$\marcellewdl\Searches\winrt--{S-1-5-21-602162358-764733703-839522115-354180}-.searchconnector-ms</t>
  </si>
  <si>
    <t>12/16/2019 08:16:14</t>
  </si>
  <si>
    <t>f551eae9-9e1b-4d6c-83ca-786677b44eb5.tmp</t>
  </si>
  <si>
    <t>\\acsfs\profiles$\jonatanls\Downloads\f551eae9-9e1b-4d6c-83ca-786677b44eb5.tmp</t>
  </si>
  <si>
    <t>12/16/2019 08:19:50</t>
  </si>
  <si>
    <t>8fb131c6-64ae-4f41-a8e5-a6dd61d207e4.tmp</t>
  </si>
  <si>
    <t>\\acsfs\profiles$\larissaad\Downloads\8fb131c6-64ae-4f41-a8e5-a6dd61d207e4.tmp</t>
  </si>
  <si>
    <t>12/16/2019 08:19:56</t>
  </si>
  <si>
    <t>098e00fc-55f9-4639-a2c5-b8d259569363.tmp</t>
  </si>
  <si>
    <t>\\acsfs\profiles$\larissaad\Downloads\098e00fc-55f9-4639-a2c5-b8d259569363.tmp</t>
  </si>
  <si>
    <t>12/16/2019 08:16:17</t>
  </si>
  <si>
    <t>12/16/2019 08:21:12</t>
  </si>
  <si>
    <t>12/16/2019 08:15:17</t>
  </si>
  <si>
    <t>3a8bd28e-b17f-46bf-bbd0-26cc123e0120.tmp</t>
  </si>
  <si>
    <t>\\acsfs\profiles$\milenaas\Downloads\3a8bd28e-b17f-46bf-bbd0-26cc123e0120.tmp</t>
  </si>
  <si>
    <t>64fac393-0d02-4d7a-81b2-4679673e7aaf.tmp</t>
  </si>
  <si>
    <t>\\acsfs\profiles$\milenaas\Downloads\64fac393-0d02-4d7a-81b2-4679673e7aaf.tmp</t>
  </si>
  <si>
    <t>12/16/2019 08:16:12</t>
  </si>
  <si>
    <t>6411f0f7-c688-4ca0-8bdc-322efb719c1a.tmp</t>
  </si>
  <si>
    <t>\\acsfs\profiles$\milenaas\Downloads\6411f0f7-c688-4ca0-8bdc-322efb719c1a.tmp</t>
  </si>
  <si>
    <t>12/16/2019 08:15:48</t>
  </si>
  <si>
    <t>12/16/2019 08:15:49</t>
  </si>
  <si>
    <t>12/16/2019 08:15:50</t>
  </si>
  <si>
    <t>12/16/2019 08:15:51</t>
  </si>
  <si>
    <t>12/16/2019 08:15:52</t>
  </si>
  <si>
    <t>12/16/2019 08:16:31</t>
  </si>
  <si>
    <t>12/16/2019 08:15:53</t>
  </si>
  <si>
    <t>12/16/2019 08:15:54</t>
  </si>
  <si>
    <t>12/16/2019 08:15:55</t>
  </si>
  <si>
    <t>12/16/2019 08:15:56</t>
  </si>
  <si>
    <t>12/16/2019 08:15:57</t>
  </si>
  <si>
    <t>12/16/2019 08:15:58</t>
  </si>
  <si>
    <t>12/16/2019 08:15:59</t>
  </si>
  <si>
    <t>12/16/2019 08:16:00</t>
  </si>
  <si>
    <t>12/16/2019 08:16:01</t>
  </si>
  <si>
    <t>12/16/2019 08:16:02</t>
  </si>
  <si>
    <t>12/16/2019 08:16:03</t>
  </si>
  <si>
    <t>12/16/2019 08:19:24</t>
  </si>
  <si>
    <t>12/16/2019 08:20:16</t>
  </si>
  <si>
    <t>12/16/2019 08:22:12</t>
  </si>
  <si>
    <t>bef1bdbd-5226-4658-a03e-bd038b2030b3.tmp</t>
  </si>
  <si>
    <t>\\acsfs\profiles$\gabrielarb\Downloads\bef1bdbd-5226-4658-a03e-bd038b2030b3.tmp</t>
  </si>
  <si>
    <t>21d98e3e-97c6-41f1-bc88-d6032735fb90.tmp</t>
  </si>
  <si>
    <t>\\acsfs\profiles$\gabrielarb\Downloads\21d98e3e-97c6-41f1-bc88-d6032735fb90.tmp</t>
  </si>
  <si>
    <t>12/16/2019 08:20:18</t>
  </si>
  <si>
    <t>8a4e5a5d-aa34-43d8-9bac-282edc5c1baa.tmp</t>
  </si>
  <si>
    <t>\\acsfs\profiles$\gabrielarb\Downloads\8a4e5a5d-aa34-43d8-9bac-282edc5c1baa.tmp</t>
  </si>
  <si>
    <t>12/16/2019 08:20:21</t>
  </si>
  <si>
    <t>70a5b1f0-5c29-4652-8393-ab9e14211ac9.tmp</t>
  </si>
  <si>
    <t>\\acsfs\profiles$\gabrielarb\Downloads\70a5b1f0-5c29-4652-8393-ab9e14211ac9.tmp</t>
  </si>
  <si>
    <t>12/16/2019 08:20:23</t>
  </si>
  <si>
    <t>7e0fdd5c-5a78-46a8-96a5-c68128410f83.tmp</t>
  </si>
  <si>
    <t>\\acsfs\profiles$\gabrielarb\Downloads\7e0fdd5c-5a78-46a8-96a5-c68128410f83.tmp</t>
  </si>
  <si>
    <t>12/16/2019 08:21:11</t>
  </si>
  <si>
    <t>cfe37cb6-2d09-450b-a0dd-2b850208b4b2.tmp</t>
  </si>
  <si>
    <t>\\acsfs\profiles$\gabrielarb\Downloads\cfe37cb6-2d09-450b-a0dd-2b850208b4b2.tmp</t>
  </si>
  <si>
    <t>12/16/2019 08:23:45</t>
  </si>
  <si>
    <t>12/16/2019 08:25:12</t>
  </si>
  <si>
    <t>lu448603tq2gz.tmp</t>
  </si>
  <si>
    <t>\\acsfs\profiles$\VIVIANALDS\My Documents\lu448603tq2gz.tmp</t>
  </si>
  <si>
    <t>\\acsfs\profiles$\VIVIANALDS\My Documents\lu448603tq2gz.tmp\</t>
  </si>
  <si>
    <t>\\acsfs\profiles$\VIVIANALDS\My Documents\lu448603tq2gz.tmp\META-INF\</t>
  </si>
  <si>
    <t>\\acsfs\profiles$\VIVIANALDS\My Documents\lu448603tq2gz.tmp\Thumbnails\</t>
  </si>
  <si>
    <t>12/16/2019 08:19:34</t>
  </si>
  <si>
    <t>\\acsfs\profiles$\lucasns\My Documents\My Pictures\</t>
  </si>
  <si>
    <t>\\acsfs\profiles$\LUCASNS\My Documents\My Videos\desktop.ini</t>
  </si>
  <si>
    <t>12/16/2019 08:19:39</t>
  </si>
  <si>
    <t>\\acsfs\profiles$\LUCASNS\My Documents\My Videos\</t>
  </si>
  <si>
    <t>12/16/2019 08:19:40</t>
  </si>
  <si>
    <t>12/16/2019 08:19:41</t>
  </si>
  <si>
    <t>12/16/2019 08:19:42</t>
  </si>
  <si>
    <t>12/16/2019 08:19:44</t>
  </si>
  <si>
    <t>\\acsfs\profiles$\lucasns\My Documents\My Music\</t>
  </si>
  <si>
    <t>\\acsfs\profiles$\LUCASNS\My Documents\My Pictures\desktop.ini</t>
  </si>
  <si>
    <t>12/16/2019 08:19:45</t>
  </si>
  <si>
    <t>\\acsfs\profiles$\lucasns\My Documents\My Videos\</t>
  </si>
  <si>
    <t>12/16/2019 08:19:46</t>
  </si>
  <si>
    <t>12/16/2019 08:19:47</t>
  </si>
  <si>
    <t>12/16/2019 08:19:49</t>
  </si>
  <si>
    <t>\\acsfs\profiles$\LUCASNS\Contacts\</t>
  </si>
  <si>
    <t>\\acsfs\profiles$\LUCASNS\Contacts\desktop.ini</t>
  </si>
  <si>
    <t>12/16/2019 08:19:51</t>
  </si>
  <si>
    <t>12/16/2019 08:19:52</t>
  </si>
  <si>
    <t>12/16/2019 08:19:54</t>
  </si>
  <si>
    <t>\\acsfs\profiles$\lucasns\My Documents\</t>
  </si>
  <si>
    <t>\\acsfs\profiles$\LUCASNS\Favorites\desktop.ini</t>
  </si>
  <si>
    <t>12/16/2019 08:19:57</t>
  </si>
  <si>
    <t>12/16/2019 08:19:59</t>
  </si>
  <si>
    <t>12/16/2019 08:20:00</t>
  </si>
  <si>
    <t>12/16/2019 08:20:03</t>
  </si>
  <si>
    <t>12/16/2019 08:20:04</t>
  </si>
  <si>
    <t>12/16/2019 08:20:05</t>
  </si>
  <si>
    <t>12/16/2019 08:20:07</t>
  </si>
  <si>
    <t>\\acsfs\profiles$\LUCASNS\My Documents\My Music\desktop.ini</t>
  </si>
  <si>
    <t>12/16/2019 08:20:08</t>
  </si>
  <si>
    <t>\\acsfs\profiles$\LUCASNS\My Documents\My Music\</t>
  </si>
  <si>
    <t>12/16/2019 08:20:09</t>
  </si>
  <si>
    <t>12/16/2019 08:20:11</t>
  </si>
  <si>
    <t>12/16/2019 08:20:13</t>
  </si>
  <si>
    <t>12/16/2019 08:20:17</t>
  </si>
  <si>
    <t>\\acsfs\profiles$\LUCASNS\Searches\desktop.ini</t>
  </si>
  <si>
    <t>12/16/2019 08:20:22</t>
  </si>
  <si>
    <t>12/16/2019 08:20:24</t>
  </si>
  <si>
    <t>12/16/2019 08:20:26</t>
  </si>
  <si>
    <t>\\acsfs\profiles$\LUCASNS\Downloads\desktop.ini</t>
  </si>
  <si>
    <t>12/16/2019 08:20:28</t>
  </si>
  <si>
    <t>12/16/2019 08:20:29</t>
  </si>
  <si>
    <t>\\acsfs\profiles$\lucasns\Favorites\</t>
  </si>
  <si>
    <t>\\acsfs\profiles$\LUCASNS\My Documents\desktop.ini</t>
  </si>
  <si>
    <t>12/16/2019 08:20:30</t>
  </si>
  <si>
    <t>\\acsfs\profiles$\LUCASNS\My Documents\</t>
  </si>
  <si>
    <t>12/16/2019 08:20:31</t>
  </si>
  <si>
    <t>12/16/2019 08:20:32</t>
  </si>
  <si>
    <t>12/16/2019 08:20:34</t>
  </si>
  <si>
    <t>12/16/2019 08:20:36</t>
  </si>
  <si>
    <t>12/16/2019 08:20:38</t>
  </si>
  <si>
    <t>\\acsfs\profiles$\lucasns\Downloads\</t>
  </si>
  <si>
    <t>\\acsfs\profiles$\LUCASNS\Saved Games\desktop.ini</t>
  </si>
  <si>
    <t>12/16/2019 08:20:39</t>
  </si>
  <si>
    <t>12/16/2019 08:21:05</t>
  </si>
  <si>
    <t>12/16/2019 08:22:19</t>
  </si>
  <si>
    <t>12/16/2019 08:20:58</t>
  </si>
  <si>
    <t>4bd16b1b-d0cd-4ffb-941c-4171df3a0020.tmp</t>
  </si>
  <si>
    <t>\\acsfs\profiles$\larissaad\Downloads\4bd16b1b-d0cd-4ffb-941c-4171df3a0020.tmp</t>
  </si>
  <si>
    <t>12/16/2019 08:21:27</t>
  </si>
  <si>
    <t>12/16/2019 08:26:11</t>
  </si>
  <si>
    <t>690ca921-6492-485e-b6a7-4c4db5855348.tmp</t>
  </si>
  <si>
    <t>\\acsfs\profiles$\wenderbnm\Downloads\690ca921-6492-485e-b6a7-4c4db5855348.tmp</t>
  </si>
  <si>
    <t>12/16/2019 08:23:22</t>
  </si>
  <si>
    <t>ffbdf671-4386-4614-a095-6c5690b9b089.tmp</t>
  </si>
  <si>
    <t>\\acsfs\profiles$\wenderbnm\Downloads\ffbdf671-4386-4614-a095-6c5690b9b089.tmp</t>
  </si>
  <si>
    <t>12/16/2019 08:21:39</t>
  </si>
  <si>
    <t>5b8b9bcc-70cd-454e-baf3-3a63a99b3449.tmp</t>
  </si>
  <si>
    <t>\\acsfs\profiles$\milenaas\Downloads\5b8b9bcc-70cd-454e-baf3-3a63a99b3449.tmp</t>
  </si>
  <si>
    <t>12/16/2019 08:22:42</t>
  </si>
  <si>
    <t>12/16/2019 08:27:12</t>
  </si>
  <si>
    <t>a846f1da-bf24-4f45-a3b0-5c7fae95054b.tmp</t>
  </si>
  <si>
    <t>\\acsfs\profiles$\geovannasm\Downloads\a846f1da-bf24-4f45-a3b0-5c7fae95054b.tmp</t>
  </si>
  <si>
    <t>12/16/2019 08:23:05</t>
  </si>
  <si>
    <t>f8a56c3a-ff19-4f44-932d-c5542b64a368.tmp</t>
  </si>
  <si>
    <t>\\acsfs\profiles$\geovannasm\Downloads\f8a56c3a-ff19-4f44-932d-c5542b64a368.tmp</t>
  </si>
  <si>
    <t>12/16/2019 08:23:26</t>
  </si>
  <si>
    <t>88713526-03eb-4363-8435-e78ecedb835e.tmp</t>
  </si>
  <si>
    <t>\\acsfs\profiles$\geovannasm\Downloads\88713526-03eb-4363-8435-e78ecedb835e.tmp</t>
  </si>
  <si>
    <t>12/16/2019 08:24:17</t>
  </si>
  <si>
    <t>fb5cb571-c789-4613-b88f-c55b1a24df10.tmp</t>
  </si>
  <si>
    <t>\\acsfs\profiles$\geovannasm\Downloads\fb5cb571-c789-4613-b88f-c55b1a24df10.tmp</t>
  </si>
  <si>
    <t>12/16/2019 08:26:33</t>
  </si>
  <si>
    <t>851f5cd1-88a5-46e3-89e7-72e8c601d892.tmp</t>
  </si>
  <si>
    <t>\\acsfs\profiles$\geovannasm\Downloads\851f5cd1-88a5-46e3-89e7-72e8c601d892.tmp</t>
  </si>
  <si>
    <t>12/16/2019 08:23:01</t>
  </si>
  <si>
    <t>12/16/2019 08:28:12</t>
  </si>
  <si>
    <t>https://col.eum-appdynamics.com/eumcollector/beacons/browser/v1/ad-aab-aaf-szc/adrum</t>
  </si>
  <si>
    <t>12/16/2019 08:23:11</t>
  </si>
  <si>
    <t>12/16/2019 08:24:58</t>
  </si>
  <si>
    <t>12/16/2019 08:25:50</t>
  </si>
  <si>
    <t>https://udpmailboxap01/h/search;jsessionid=ysi9nmukllht2cr2ujwpe1kl?si=0&amp;so=0&amp;sc=44418&amp;st=conversation&amp;action=compose</t>
  </si>
  <si>
    <t>12/16/2019 08:26:50</t>
  </si>
  <si>
    <t>12/16/2019 08:27:20</t>
  </si>
  <si>
    <t>12/16/2019 08:23:14</t>
  </si>
  <si>
    <t>129d9535-973d-48d5-8350-b109371f2143.tmp</t>
  </si>
  <si>
    <t>\\acsfs\profiles$\alicecpbc\Downloads\129d9535-973d-48d5-8350-b109371f2143.tmp</t>
  </si>
  <si>
    <t>12/16/2019 08:26:36</t>
  </si>
  <si>
    <t>12/16/2019 08:29:12</t>
  </si>
  <si>
    <t>62b9fca1-7963-4aab-a5dc-ac96b56da13e.tmp</t>
  </si>
  <si>
    <t>\\acsfs\profiles$\isabellegtds\Downloads\62b9fca1-7963-4aab-a5dc-ac96b56da13e.tmp</t>
  </si>
  <si>
    <t>2abf76c1-9847-417a-a4e0-b10bad0ea278.tmp</t>
  </si>
  <si>
    <t>\\acsfs\profiles$\isabellegtds\Downloads\2abf76c1-9847-417a-a4e0-b10bad0ea278.tmp</t>
  </si>
  <si>
    <t>12/16/2019 08:28:43</t>
  </si>
  <si>
    <t>12/16/2019 08:30:11</t>
  </si>
  <si>
    <t>97b3fee5-085e-4f3c-8adf-5f3cf84590cb.tmp</t>
  </si>
  <si>
    <t>\\acsfs\profiles$\sarahbal\Downloads\97b3fee5-085e-4f3c-8adf-5f3cf84590cb.tmp</t>
  </si>
  <si>
    <t>12/16/2019 08:26:28</t>
  </si>
  <si>
    <t>9ebe17f5-cb2f-4a7c-948a-64c812b4f5ac.tmp</t>
  </si>
  <si>
    <t>\\acsfs\profiles$\luanarda\Downloads\9ebe17f5-cb2f-4a7c-948a-64c812b4f5ac.tmp</t>
  </si>
  <si>
    <t>12/16/2019 08:29:52</t>
  </si>
  <si>
    <t>d7b4e83e-6f94-454c-a087-b1bafcab1b2f.tmp</t>
  </si>
  <si>
    <t>\\acsfs\profiles$\larissaad\Downloads\d7b4e83e-6f94-454c-a087-b1bafcab1b2f.tmp</t>
  </si>
  <si>
    <t>12/16/2019 08:27:40</t>
  </si>
  <si>
    <t>10.200.67.20</t>
  </si>
  <si>
    <t>74-86-7A-FC-CF-AB</t>
  </si>
  <si>
    <t>VOTORANT-GB004</t>
  </si>
  <si>
    <t>stefaniasdf</t>
  </si>
  <si>
    <t>\\acsfs\profiles$\stefaniasdf\My Documents\xworkcenter\lex\</t>
  </si>
  <si>
    <t>\\acsfs\profiles$\stefaniasdf\My Documents\xworkcenter\lex\temp.tlx</t>
  </si>
  <si>
    <t>12/16/2019 08:27:41</t>
  </si>
  <si>
    <t>12/16/2019 08:27:42</t>
  </si>
  <si>
    <t>12/16/2019 08:27:43</t>
  </si>
  <si>
    <t>12/16/2019 08:27:44</t>
  </si>
  <si>
    <t>12/16/2019 08:27:45</t>
  </si>
  <si>
    <t>12/16/2019 08:30:08</t>
  </si>
  <si>
    <t>12/16/2019 08:27:46</t>
  </si>
  <si>
    <t>12/16/2019 08:27:47</t>
  </si>
  <si>
    <t>12/16/2019 08:27:48</t>
  </si>
  <si>
    <t>12/16/2019 08:31:12</t>
  </si>
  <si>
    <t>12/16/2019 08:27:49</t>
  </si>
  <si>
    <t>12/16/2019 08:27:50</t>
  </si>
  <si>
    <t>12/16/2019 08:27:51</t>
  </si>
  <si>
    <t>12/16/2019 08:27:52</t>
  </si>
  <si>
    <t>12/16/2019 08:27:53</t>
  </si>
  <si>
    <t>12/16/2019 08:27:54</t>
  </si>
  <si>
    <t>12/16/2019 08:27:55</t>
  </si>
  <si>
    <t>12/16/2019 08:27:56</t>
  </si>
  <si>
    <t>12/16/2019 08:27:57</t>
  </si>
  <si>
    <t>12/16/2019 08:27:58</t>
  </si>
  <si>
    <t>12/16/2019 08:27:59</t>
  </si>
  <si>
    <t>12/16/2019 08:28:00</t>
  </si>
  <si>
    <t>12/16/2019 08:28:01</t>
  </si>
  <si>
    <t>12/16/2019 08:28:02</t>
  </si>
  <si>
    <t>12/16/2019 08:28:03</t>
  </si>
  <si>
    <t>12/16/2019 08:28:04</t>
  </si>
  <si>
    <t>12/16/2019 08:28:05</t>
  </si>
  <si>
    <t>12/16/2019 08:28:06</t>
  </si>
  <si>
    <t>12/13/2019 11:07:01</t>
  </si>
  <si>
    <t>C:\Users\akassiablc.ACS\Documents\fechamento 112019\Prévia Dezembro - Copia v2.zip\</t>
  </si>
  <si>
    <t>Pr‚via Dezembro - Copia v2.xlsx</t>
  </si>
  <si>
    <t>12/16/2019 08:30:19</t>
  </si>
  <si>
    <t>305581cd-b977-4d90-b07d-996dd35dc612.tmp</t>
  </si>
  <si>
    <t>\\acsfs\profiles$\valeriasda\Downloads\305581cd-b977-4d90-b07d-996dd35dc612.tmp</t>
  </si>
  <si>
    <t>12/16/2019 08:29:05</t>
  </si>
  <si>
    <t>12/16/2019 08:30:05</t>
  </si>
  <si>
    <t>12/16/2019 08:32:11</t>
  </si>
  <si>
    <t>C:\Users\polati\OneDrive - Grupo Algar\algar\BU Financeira 2020\</t>
  </si>
  <si>
    <t>bu financeira 2020.xlsx</t>
  </si>
  <si>
    <t>12/16/2019 08:30:15</t>
  </si>
  <si>
    <t>12/16/2019 08:29:21</t>
  </si>
  <si>
    <t>12/16/2019 08:33:12</t>
  </si>
  <si>
    <t>12/16/2019 08:29:02</t>
  </si>
  <si>
    <t>https://udpmailboxap01/h/search;jsessionid=24xs4sve9nwc1petkym1n3b84?si=0&amp;so=0&amp;sc=44422&amp;st=conversation&amp;action=compose</t>
  </si>
  <si>
    <t>12/16/2019 08:29:32</t>
  </si>
  <si>
    <t>12/16/2019 08:32:32</t>
  </si>
  <si>
    <t>12/16/2019 08:31:51</t>
  </si>
  <si>
    <t>12/13/2019 16:20:21</t>
  </si>
  <si>
    <t>12/16/2019 08:34:11</t>
  </si>
  <si>
    <t>ances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m,permiss,permission,permissionid,pict,picture,rpermissions,shared,sharedwithmedate,thumbnailversion,title,userpermission(role),workspaceids</t>
  </si>
  <si>
    <t>12/15/2019 11:23:40</t>
  </si>
  <si>
    <t>ancestorhasaugmentedp,ancestorhasaugmentedpermissions,containsunsubscribedchildren,displa,displayname,domain,emailaddre,emailaddress,explicitlytrashed�,file(kind,fileid,filesize,hasthumbnail,hasvisitorpermissions,id,id),items(deleted,ken,kind,lastmodifyinguser(kind,lastviewedbymedate,modifiedbymedate,modifieddate,ontainsunsubscribedchildren,owners(kind,permissionid,picture,rpermissions,shared,sharedwithmedate,thumbnailversion,title,userpermission(role)</t>
  </si>
  <si>
    <t>12/16/2019 08:33:40</t>
  </si>
  <si>
    <t>12/16/2019 08:35:12</t>
  </si>
  <si>
    <t>bc1b5d00-5f12-4220-b3cc-55b46a8ab432.tmp</t>
  </si>
  <si>
    <t>\\acsfs\profiles$\geovanaasa\Downloads\bc1b5d00-5f12-4220-b3cc-55b46a8ab432.tmp</t>
  </si>
  <si>
    <t>12/16/2019 08:33:00</t>
  </si>
  <si>
    <t>12/16/2019 08:30:58</t>
  </si>
  <si>
    <t>12/16/2019 08:36:11</t>
  </si>
  <si>
    <t>43ba9fc1-7ca3-4073-9a37-4964635a887c.tmp</t>
  </si>
  <si>
    <t>\\acsfs\profiles$\felipetds\Downloads\43ba9fc1-7ca3-4073-9a37-4964635a887c.tmp</t>
  </si>
  <si>
    <t>12/16/2019 08:34:14</t>
  </si>
  <si>
    <t>b4339b68-fb66-4455-a7a9-5fa7d1cca0ad.tmp</t>
  </si>
  <si>
    <t>\\acsfs\profiles$\felipetds\Downloads\b4339b68-fb66-4455-a7a9-5fa7d1cca0ad.tmp</t>
  </si>
  <si>
    <t>12/16/2019 08:33:16</t>
  </si>
  <si>
    <t>12/16/2019 08:34:31</t>
  </si>
  <si>
    <t>1b583622-5bb9-41d1-a214-627167a27ff7.tmp</t>
  </si>
  <si>
    <t>\\acsfs\profiles$\PEDROHAB\Downloads\1b583622-5bb9-41d1-a214-627167a27ff7.tmp</t>
  </si>
  <si>
    <t>8c5fed5c-bab6-4171-8b2d-fbc94e605946.tmp</t>
  </si>
  <si>
    <t>\\acsfs\profiles$\PEDROHAB\Downloads\8c5fed5c-bab6-4171-8b2d-fbc94e605946.tmp</t>
  </si>
  <si>
    <t>12/16/2019 08:35:56</t>
  </si>
  <si>
    <t>12/16/2019 08:33:59</t>
  </si>
  <si>
    <t>12/16/2019 08:37:12</t>
  </si>
  <si>
    <t>c1badf6f-c008-411d-a14f-103b89c850c5.tmp</t>
  </si>
  <si>
    <t>\\acsfs\profiles$\geovannasm\Downloads\c1badf6f-c008-411d-a14f-103b89c850c5.tmp</t>
  </si>
  <si>
    <t>12/16/2019 08:35:01</t>
  </si>
  <si>
    <t>a12ff4ec-49f5-40c0-9caa-1e5caf428bf5.tmp</t>
  </si>
  <si>
    <t>\\acsfs\profiles$\geovannasm\Downloads\a12ff4ec-49f5-40c0-9caa-1e5caf428bf5.tmp</t>
  </si>
  <si>
    <t>12/13/2019 12:00:33</t>
  </si>
  <si>
    <t>jefersonfo@algartech.com</t>
  </si>
  <si>
    <t>arjunior@grupoboticario.com.br;lucianarba@algartech.com;marcotulio@algartech.com;rodrigo.soares@grupoboticario.com.br;sabrinavds@algartech.com;t_algar.ramon.ramos@grupoboticario.com.br;t_algar.rodrigo.silva@grupoboticario.com.br;thiago.patricio@grupoboticario.com.br;</t>
  </si>
  <si>
    <t>C:\Users\jefersonfo\Documents\Votorantim\Propostas\</t>
  </si>
  <si>
    <t>Template - Algar Tech v2.xlsx</t>
  </si>
  <si>
    <t>arjunior@grupoboticario.com.br,lucianarba@algartech.com,marcotulio@algartech.com,rodrigo.soares@grupoboticario.com.br,sabrinavds@algartech.com,t_algar.ramon.ramos@grupoboticario.com.br,t_algar.rodrigo.silva@grupoboticario.com.br,thiago.patricio@grupoboticario.com.br</t>
  </si>
  <si>
    <t>12/16/2019 08:34:39</t>
  </si>
  <si>
    <t>12/16/2019 08:38:11</t>
  </si>
  <si>
    <t>12/16/2019 08:33:02</t>
  </si>
  <si>
    <t>12/16/2019 08:33:32</t>
  </si>
  <si>
    <t>12/16/2019 08:37:02</t>
  </si>
  <si>
    <t>12/16/2019 08:34:02</t>
  </si>
  <si>
    <t>XLOG_Angelicacldr_13122019_094609.log</t>
  </si>
  <si>
    <t>\\acsfs\profiles$\Angelicacldr\My Documents\xworkcenter\logs\XLOG_Angelicacldr_13122019_094609.log</t>
  </si>
  <si>
    <t>12/16/2019 08:34:40</t>
  </si>
  <si>
    <t>86757453-f1e0-478a-b8d8-c3b5b2e64d16.tmp</t>
  </si>
  <si>
    <t>\\acsfs\profiles$\YASMINSC\Downloads\86757453-f1e0-478a-b8d8-c3b5b2e64d16.tmp</t>
  </si>
  <si>
    <t>12/16/2019 08:36:06</t>
  </si>
  <si>
    <t>a9681de2-3f84-4412-af30-e99272f815a2.tmp</t>
  </si>
  <si>
    <t>\\acsfs\profiles$\YASMINSC\Downloads\a9681de2-3f84-4412-af30-e99272f815a2.tmp</t>
  </si>
  <si>
    <t>12/16/2019 08:35:43</t>
  </si>
  <si>
    <t>12/16/2019 08:39:12</t>
  </si>
  <si>
    <t>12/16/2019 08:35:48</t>
  </si>
  <si>
    <t>e4bfad21-ce5e-4c92-abf3-802a458c5a35.tmp</t>
  </si>
  <si>
    <t>\\acsfs\profiles$\cintiadcf\Downloads\e4bfad21-ce5e-4c92-abf3-802a458c5a35.tmp</t>
  </si>
  <si>
    <t>12/16/2019 08:36:29</t>
  </si>
  <si>
    <t>7f9611a0-8a35-40d7-8a64-bc17d57d1b0d.tmp</t>
  </si>
  <si>
    <t>\\acsfs\profiles$\cintiadcf\Downloads\7f9611a0-8a35-40d7-8a64-bc17d57d1b0d.tmp</t>
  </si>
  <si>
    <t>12/16/2019 08:35:30</t>
  </si>
  <si>
    <t>12/16/2019 08:40:11</t>
  </si>
  <si>
    <t>e900e026-3734-4162-8fc7-8f61ba6defca.tmp</t>
  </si>
  <si>
    <t>\\acsfs\profiles$\geovanaasa\Downloads\e900e026-3734-4162-8fc7-8f61ba6defca.tmp</t>
  </si>
  <si>
    <t>12/16/2019 08:36:56</t>
  </si>
  <si>
    <t>6d9b19e2-842c-44e7-b352-5cc5e7e8b3a7.tmp</t>
  </si>
  <si>
    <t>\\acsfs\profiles$\LUCASNS\Downloads\6d9b19e2-842c-44e7-b352-5cc5e7e8b3a7.tmp</t>
  </si>
  <si>
    <t>12/16/2019 08:37:06</t>
  </si>
  <si>
    <t>ba778e22-987b-4011-b918-dce6a976e09a.tmp</t>
  </si>
  <si>
    <t>\\acsfs\profiles$\LUCASNS\Downloads\ba778e22-987b-4011-b918-dce6a976e09a.tmp</t>
  </si>
  <si>
    <t>12/16/2019 08:37:39</t>
  </si>
  <si>
    <t>1e8cef97-7a97-44bb-99ed-348de041a6e0.tmp</t>
  </si>
  <si>
    <t>\\acsfs\profiles$\LUCASNS\Downloads\1e8cef97-7a97-44bb-99ed-348de041a6e0.tmp</t>
  </si>
  <si>
    <t>12/16/2019 08:38:56</t>
  </si>
  <si>
    <t>12/16/2019 08:35:54</t>
  </si>
  <si>
    <t>12/16/2019 08:41:11</t>
  </si>
  <si>
    <t>c08be132-99f0-4867-b0a4-74e069931921.tmp</t>
  </si>
  <si>
    <t>\\acsfs\profiles$\PEDROHAB\Downloads\c08be132-99f0-4867-b0a4-74e069931921.tmp</t>
  </si>
  <si>
    <t>12/16/2019 08:40:40</t>
  </si>
  <si>
    <t>12/16/2019 08:42:12</t>
  </si>
  <si>
    <t>d198d567-4563-4a36-8182-4809d7abc448.tmp</t>
  </si>
  <si>
    <t>\\acsfs\profiles$\matheushds\Downloads\d198d567-4563-4a36-8182-4809d7abc448.tmp</t>
  </si>
  <si>
    <t>12/16/2019 08:40:42</t>
  </si>
  <si>
    <t>e316c629-9c51-415c-ab8e-f55278073fb4.tmp</t>
  </si>
  <si>
    <t>\\acsfs\profiles$\gabrielarb\Downloads\e316c629-9c51-415c-ab8e-f55278073fb4.tmp</t>
  </si>
  <si>
    <t>12/16/2019 08:37:42</t>
  </si>
  <si>
    <t>12/16/2019 08:43:11</t>
  </si>
  <si>
    <t>6f19adc0-e26c-45cf-b294-34ea282bef0d.tmp</t>
  </si>
  <si>
    <t>\\acsfs\profiles$\marcellewdl\Downloads\6f19adc0-e26c-45cf-b294-34ea282bef0d.tmp</t>
  </si>
  <si>
    <t>12/16/2019 08:38:32</t>
  </si>
  <si>
    <t>12/16/2019 08:39:02</t>
  </si>
  <si>
    <t>12/16/2019 08:40:02</t>
  </si>
  <si>
    <t>12/16/2019 08:40:32</t>
  </si>
  <si>
    <t>12/16/2019 08:41:02</t>
  </si>
  <si>
    <t>12/16/2019 08:41:32</t>
  </si>
  <si>
    <t>12/16/2019 08:42:02</t>
  </si>
  <si>
    <t>12/16/2019 08:42:32</t>
  </si>
  <si>
    <t>12/16/2019 08:39:29</t>
  </si>
  <si>
    <t>12/16/2019 08:45:11</t>
  </si>
  <si>
    <t>12/16/2019 08:40:16</t>
  </si>
  <si>
    <t>795b292b-f2e3-447e-8d8d-05bd1bae6c29.tmp</t>
  </si>
  <si>
    <t>\\acsfs\profiles$\LUCASNS\Downloads\795b292b-f2e3-447e-8d8d-05bd1bae6c29.tmp</t>
  </si>
  <si>
    <t>12/16/2019 08:40:22</t>
  </si>
  <si>
    <t>a3320aa6-b419-4128-9d20-06143b29f5e7.tmp</t>
  </si>
  <si>
    <t>\\acsfs\profiles$\LUCASNS\Downloads\a3320aa6-b419-4128-9d20-06143b29f5e7.tmp</t>
  </si>
  <si>
    <t>12/16/2019 08:41:29</t>
  </si>
  <si>
    <t>ba5616d1-97a8-4cf5-82b4-0e1fc865c38e.tmp</t>
  </si>
  <si>
    <t>\\acsfs\profiles$\LUCASNS\Downloads\ba5616d1-97a8-4cf5-82b4-0e1fc865c38e.tmp</t>
  </si>
  <si>
    <t>12/16/2019 08:41:37</t>
  </si>
  <si>
    <t>f334419e-365a-4a5b-941e-cea41046e3d9.tmp</t>
  </si>
  <si>
    <t>\\acsfs\profiles$\LUCASNS\Downloads\f334419e-365a-4a5b-941e-cea41046e3d9.tmp</t>
  </si>
  <si>
    <t>12/16/2019 08:41:41</t>
  </si>
  <si>
    <t>0c4de832-5075-42b4-be99-7cbc96ef7961.tmp</t>
  </si>
  <si>
    <t>\\acsfs\profiles$\LUCASNS\Downloads\0c4de832-5075-42b4-be99-7cbc96ef7961.tmp</t>
  </si>
  <si>
    <t>12/16/2019 08:41:42</t>
  </si>
  <si>
    <t>fa26cb1a-404a-4e67-9a82-35e02ef33756.tmp</t>
  </si>
  <si>
    <t>\\acsfs\profiles$\LUCASNS\Downloads\fa26cb1a-404a-4e67-9a82-35e02ef33756.tmp</t>
  </si>
  <si>
    <t>12/16/2019 08:41:49</t>
  </si>
  <si>
    <t>a53bcc35-c1b2-43aa-b857-481aa62592df.tmp</t>
  </si>
  <si>
    <t>\\acsfs\profiles$\LUCASNS\Downloads\a53bcc35-c1b2-43aa-b857-481aa62592df.tmp</t>
  </si>
  <si>
    <t>12/16/2019 08:42:06</t>
  </si>
  <si>
    <t>0d6635e9-8b07-4981-833f-7b5f066683f0.tmp</t>
  </si>
  <si>
    <t>\\acsfs\profiles$\LUCASNS\Downloads\0d6635e9-8b07-4981-833f-7b5f066683f0.tmp</t>
  </si>
  <si>
    <t>12/16/2019 08:43:07</t>
  </si>
  <si>
    <t>eb3e76ec-2ab9-4391-83c1-f481a168690a.tmp</t>
  </si>
  <si>
    <t>\\acsfs\profiles$\LUCASNS\Downloads\eb3e76ec-2ab9-4391-83c1-f481a168690a.tmp</t>
  </si>
  <si>
    <t>12/16/2019 08:42:01</t>
  </si>
  <si>
    <t>12/16/2019 08:46:12</t>
  </si>
  <si>
    <t>12/16/2019 08:42:31</t>
  </si>
  <si>
    <t>12/16/2019 08:47:12</t>
  </si>
  <si>
    <t>d1052363-8c4c-47d5-95e1-c353bfa87be2.tmp</t>
  </si>
  <si>
    <t>\\acsfs\profiles$\geovannasm\Downloads\d1052363-8c4c-47d5-95e1-c353bfa87be2.tmp</t>
  </si>
  <si>
    <t>12/16/2019 08:46:15</t>
  </si>
  <si>
    <t>e2c2b1f4-8d15-4010-a50b-27f1b1d6cb05.tmp</t>
  </si>
  <si>
    <t>\\acsfs\profiles$\matheushds\Downloads\e2c2b1f4-8d15-4010-a50b-27f1b1d6cb05.tmp</t>
  </si>
  <si>
    <t>12/16/2019 08:47:03</t>
  </si>
  <si>
    <t>96669ef7-8ac0-498c-a390-201d7ce01840.tmp</t>
  </si>
  <si>
    <t>\\acsfs\profiles$\gabrielarb\Downloads\96669ef7-8ac0-498c-a390-201d7ce01840.tmp</t>
  </si>
  <si>
    <t>12/16/2019 08:44:04</t>
  </si>
  <si>
    <t>12/16/2019 08:48:12</t>
  </si>
  <si>
    <t>12/16/2019 08:45:15</t>
  </si>
  <si>
    <t>12/16/2019 08:46:04</t>
  </si>
  <si>
    <t>12/16/2019 08:43:02</t>
  </si>
  <si>
    <t>12/16/2019 08:43:32</t>
  </si>
  <si>
    <t>12/16/2019 08:45:02</t>
  </si>
  <si>
    <t>12/16/2019 08:45:32</t>
  </si>
  <si>
    <t>12/16/2019 08:46:32</t>
  </si>
  <si>
    <t>12/16/2019 08:47:02</t>
  </si>
  <si>
    <t>12/16/2019 08:47:32</t>
  </si>
  <si>
    <t>12/13/2019 17:18:32</t>
  </si>
  <si>
    <t>12/16/2019 08:46:05</t>
  </si>
  <si>
    <t>12/16/2019 08:49:13</t>
  </si>
  <si>
    <t>f3fc1f2f-e699-441e-a9cf-60535aab4f80.tmp</t>
  </si>
  <si>
    <t>\\acsfs\profiles$\yurics\Downloads\f3fc1f2f-e699-441e-a9cf-60535aab4f80.tmp</t>
  </si>
  <si>
    <t>12/16/2019 08:46:33</t>
  </si>
  <si>
    <t>18762e96-ac73-4ddf-b78b-91498e8fc64e.tmp</t>
  </si>
  <si>
    <t>\\acsfs\profiles$\yurics\Downloads\18762e96-ac73-4ddf-b78b-91498e8fc64e.tmp</t>
  </si>
  <si>
    <t>12/16/2019 08:45:14</t>
  </si>
  <si>
    <t>12/16/2019 08:50:12</t>
  </si>
  <si>
    <t>0b562c1b-c020-4132-8ff7-d14e5a2511e0.tmp</t>
  </si>
  <si>
    <t>\\acsfs\profiles$\LUCASNS\Downloads\0b562c1b-c020-4132-8ff7-d14e5a2511e0.tmp</t>
  </si>
  <si>
    <t>12/16/2019 08:51:13</t>
  </si>
  <si>
    <t>12/16/2019 08:49:24</t>
  </si>
  <si>
    <t>12/16/2019 08:53:13</t>
  </si>
  <si>
    <t>Relatorio de Vendas - Auditoria BV Cartoes (Dezembro)__6.xlsx</t>
  </si>
  <si>
    <t>\\acsfs\DEPTOS\Operacao\Banco_Votorantim\Qualidade\Anderson\Jose\Relatorio de Vendas - Auditoria BV Cartoes (Dezembro)__6.xlsx</t>
  </si>
  <si>
    <t>12/16/2019 08:49:27</t>
  </si>
  <si>
    <t>12/16/2019 08:48:02</t>
  </si>
  <si>
    <t>12/16/2019 08:52:32</t>
  </si>
  <si>
    <t>12/16/2019 08:49:29</t>
  </si>
  <si>
    <t>12/16/2019 08:49:30</t>
  </si>
  <si>
    <t>12/16/2019 08:49:31</t>
  </si>
  <si>
    <t>12/16/2019 08:49:32</t>
  </si>
  <si>
    <t>12/16/2019 08:49:34</t>
  </si>
  <si>
    <t>12/16/2019 08:49:35</t>
  </si>
  <si>
    <t>12/16/2019 08:49:36</t>
  </si>
  <si>
    <t>12/16/2019 08:49:37</t>
  </si>
  <si>
    <t>12/16/2019 08:49:38</t>
  </si>
  <si>
    <t>12/16/2019 08:49:39</t>
  </si>
  <si>
    <t>12/16/2019 08:49:40</t>
  </si>
  <si>
    <t>12/16/2019 08:49:41</t>
  </si>
  <si>
    <t>12/16/2019 08:49:42</t>
  </si>
  <si>
    <t>12/16/2019 08:49:43</t>
  </si>
  <si>
    <t>12/16/2019 08:49:44</t>
  </si>
  <si>
    <t>12/16/2019 08:49:45</t>
  </si>
  <si>
    <t>12/16/2019 08:49:46</t>
  </si>
  <si>
    <t>12/16/2019 08:49:47</t>
  </si>
  <si>
    <t>12/16/2019 08:49:48</t>
  </si>
  <si>
    <t>12/16/2019 08:49:49</t>
  </si>
  <si>
    <t>12/16/2019 08:49:50</t>
  </si>
  <si>
    <t>12/16/2019 08:49:51</t>
  </si>
  <si>
    <t>12/16/2019 08:49:52</t>
  </si>
  <si>
    <t>12/16/2019 08:49:53</t>
  </si>
  <si>
    <t>12/16/2019 08:49:54</t>
  </si>
  <si>
    <t>12/16/2019 08:49:55</t>
  </si>
  <si>
    <t>12/16/2019 08:49:56</t>
  </si>
  <si>
    <t>12/16/2019 08:49:57</t>
  </si>
  <si>
    <t>12/16/2019 08:49:58</t>
  </si>
  <si>
    <t>12/16/2019 08:49:59</t>
  </si>
  <si>
    <t>12/16/2019 08:49:00</t>
  </si>
  <si>
    <t>12/16/2019 08:54:12</t>
  </si>
  <si>
    <t>011cfce9-3af7-4d29-a5bb-d008de07b591.tmp</t>
  </si>
  <si>
    <t>\\acsfs\profiles$\ayalabfi\Downloads\011cfce9-3af7-4d29-a5bb-d008de07b591.tmp</t>
  </si>
  <si>
    <t>7a4466da-db76-4604-b8cf-b4c0e83f3999.tmp</t>
  </si>
  <si>
    <t>\\acsfs\profiles$\ayalabfi\Downloads\7a4466da-db76-4604-b8cf-b4c0e83f3999.tmp</t>
  </si>
  <si>
    <t>12/16/2019 08:51:46</t>
  </si>
  <si>
    <t>12/16/2019 08:55:13</t>
  </si>
  <si>
    <t>12/16/2019 08:54:04</t>
  </si>
  <si>
    <t>12/16/2019 08:54:05</t>
  </si>
  <si>
    <t>Cópia de Itens pontuados - Next.xlsx</t>
  </si>
  <si>
    <t>12/16/2019 08:54:10</t>
  </si>
  <si>
    <t>12/16/2019 08:51:40</t>
  </si>
  <si>
    <t>12/16/2019 08:52:31</t>
  </si>
  <si>
    <t>12/16/2019 08:56:13</t>
  </si>
  <si>
    <t>8025c744-a57b-4a1e-ac82-7ec5ca90703f.tmp</t>
  </si>
  <si>
    <t>\\acsfs\profiles$\valeriasda\Downloads\8025c744-a57b-4a1e-ac82-7ec5ca90703f.tmp</t>
  </si>
  <si>
    <t>12/16/2019 08:51:20</t>
  </si>
  <si>
    <t>C:\Users\lucineiaale\Desktop\TAP E BP\Enviados Drive\</t>
  </si>
  <si>
    <t>OBZ – Fornecedores de TI (Redução 5%) - BP 2020.xlsx</t>
  </si>
  <si>
    <t>ances,ancest,ancestorhasaugmentedpermissions,containsunsubscribedchildren,copyable,displayname,domain,emailaddress,explicitlytrashed,file(kind,fileid,filesize,foldercolor,hasthumbnail,hasvisitorpermissions,id,id),items(deleted,items(kind,ken,kind,lastmodifyinguser(kind,lastviewedbymedate,mimetype,modifiedbymedate,modifieddate,ontainsunsubscribedchildren,owners(kind,per,permissionid,pict,pictu,picture,quotabytesused,rpermissions,shareable,shared,sharedwithmedate,subscribed,thumbnailversion,title,userp,userpermission(role),workspaceids</t>
  </si>
  <si>
    <t>12/14/2019 13:12:55</t>
  </si>
  <si>
    <t>12/16/2019 08:57:02</t>
  </si>
  <si>
    <t>12/16/2019 08:58:13</t>
  </si>
  <si>
    <t>1c52aad0-191d-4c3c-9db4-b83cdd36d034.tmp</t>
  </si>
  <si>
    <t>\\acsfs\profiles$\gabrielhca\Downloads\1c52aad0-191d-4c3c-9db4-b83cdd36d034.tmp</t>
  </si>
  <si>
    <t>1ddd6798-24f4-4e97-b798-a0516b2fc2cd.tmp</t>
  </si>
  <si>
    <t>\\acsfs\profiles$\gabrielhca\Downloads\1ddd6798-24f4-4e97-b798-a0516b2fc2cd.tmp</t>
  </si>
  <si>
    <t>12/16/2019 08:57:06</t>
  </si>
  <si>
    <t>7622ae97-7b13-4438-ac10-94c53e68edb5.tmp</t>
  </si>
  <si>
    <t>\\acsfs\profiles$\gabrielhca\Downloads\7622ae97-7b13-4438-ac10-94c53e68edb5.tmp</t>
  </si>
  <si>
    <t>12/16/2019 08:54:14</t>
  </si>
  <si>
    <t>12/16/2019 08:53:02</t>
  </si>
  <si>
    <t>12/16/2019 08:53:32</t>
  </si>
  <si>
    <t>12/16/2019 08:55:02</t>
  </si>
  <si>
    <t>12/16/2019 08:58:36</t>
  </si>
  <si>
    <t>12/16/2019 09:00:13</t>
  </si>
  <si>
    <t>KAREN DE SOUZA RODRIGUES (16).contact</t>
  </si>
  <si>
    <t>\\acsfs\profiles$\KARENDSR\Contacts\KAREN DE SOUZA RODRIGUES (16).contact</t>
  </si>
  <si>
    <t>12/16/2019 08:58:37</t>
  </si>
  <si>
    <t>12/16/2019 08:59:23</t>
  </si>
  <si>
    <t>12/16/2019 08:59:24</t>
  </si>
  <si>
    <t>12/16/2019 08:59:25</t>
  </si>
  <si>
    <t>12/16/2019 08:56:21</t>
  </si>
  <si>
    <t>d43e42a2-1d04-4c04-bc45-c27eef5877c2.tmp</t>
  </si>
  <si>
    <t>\\acsfs\profiles$\sarahbal\Downloads\d43e42a2-1d04-4c04-bc45-c27eef5877c2.tmp</t>
  </si>
  <si>
    <t>12/16/2019 08:58:38</t>
  </si>
  <si>
    <t>lu448603tq2hd.tmp</t>
  </si>
  <si>
    <t>\\acsfs\profiles$\VIVIANALDS\My Documents\lu448603tq2hd.tmp</t>
  </si>
  <si>
    <t>\\acsfs\profiles$\VIVIANALDS\My Documents\lu448603tq2hd.tmp\</t>
  </si>
  <si>
    <t>\\acsfs\profiles$\VIVIANALDS\My Documents\lu448603tq2hd.tmp\META-INF\</t>
  </si>
  <si>
    <t>\\acsfs\profiles$\VIVIANALDS\My Documents\lu448603tq2hd.tmp\Thumbnails\</t>
  </si>
  <si>
    <t>12/16/2019 08:57:29</t>
  </si>
  <si>
    <t>12/16/2019 08:55:16</t>
  </si>
  <si>
    <t>12/16/2019 08:56:33</t>
  </si>
  <si>
    <t>12/16/2019 09:01:13</t>
  </si>
  <si>
    <t>Rebate Vale Transporte - BP 2020.xlsx</t>
  </si>
  <si>
    <t>ckalgbcgki4yu 94q65gikfioulti5otywmdc2nje5odc2nzu5mdekcwjrl5ywsdxe3zabmin5q66roirhxjomotq3mze4otg5odazebd8xapoj,ckalgbcgkiotju94q65gikfcosntmwnjkymduwmtcznzkxmzuwcgoiynwq7nt/7nh7min5q66roirhxjomotq3mze4otg5odazewj4 /bwzhaog</t>
  </si>
  <si>
    <t>12/16/2019 08:57:07</t>
  </si>
  <si>
    <t>Re9 - GRC - BP 2020.xlsx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Subscr</t>
  </si>
  <si>
    <t>12/16/2019 08:57:54</t>
  </si>
  <si>
    <t>Revisão da Política de RV - BP 2020.xlsx</t>
  </si>
  <si>
    <t>ances,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,pictu,picture,quotabytesused,rpermissions,shareable,shared,sharedwithmedate,shared�,sub,thumbnailversion,title,userpermission(role),workspaceids</t>
  </si>
  <si>
    <t>12/16/2019 08:58:55</t>
  </si>
  <si>
    <t>Otimização FMC - BP 2020.xlsx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,shareable,shared,sharedwithmedate,thumbnailversion,tit,title,userpermission(role),workspaceids</t>
  </si>
  <si>
    <t>12/16/2019 08:59:56</t>
  </si>
  <si>
    <t>12/16/2019 09:02:13</t>
  </si>
  <si>
    <t>12/16/2019 09:01:04</t>
  </si>
  <si>
    <t>0b40abdb-cc89-4200-86fd-2dad0ef9066a.tmp</t>
  </si>
  <si>
    <t>\\acsfs\profiles$\geovannasm\Downloads\0b40abdb-cc89-4200-86fd-2dad0ef9066a.tmp</t>
  </si>
  <si>
    <t>12/16/2019 09:01:12</t>
  </si>
  <si>
    <t>0550fb7d-2cdc-412c-8605-1d5f5f9288ce.tmp</t>
  </si>
  <si>
    <t>\\acsfs\profiles$\geovannasm\Downloads\0550fb7d-2cdc-412c-8605-1d5f5f9288ce.tmp</t>
  </si>
  <si>
    <t>1b75030d-c258-4045-b429-2b6347a9bee4.tmp</t>
  </si>
  <si>
    <t>\\acsfs\profiles$\geovannasm\Downloads\1b75030d-c258-4045-b429-2b6347a9bee4.tmp</t>
  </si>
  <si>
    <t>12/16/2019 09:00:25</t>
  </si>
  <si>
    <t>7ac34362-6505-4d20-bbc7-8e5fbf8501a1.tmp</t>
  </si>
  <si>
    <t>\\acsfs\profiles$\gabrielarb\Downloads\7ac34362-6505-4d20-bbc7-8e5fbf8501a1.tmp</t>
  </si>
  <si>
    <t>12/16/2019 08:57:50</t>
  </si>
  <si>
    <t>e5c31d52-33f1-4ace-80ac-63424f5dc85b.tmp</t>
  </si>
  <si>
    <t>\\acsfs\profiles$\gabrielhca\Downloads\e5c31d52-33f1-4ace-80ac-63424f5dc85b.tmp</t>
  </si>
  <si>
    <t>12/16/2019 08:59:11</t>
  </si>
  <si>
    <t>9b214823-b8dc-46aa-a7bc-9fa300541af3.tmp</t>
  </si>
  <si>
    <t>\\acsfs\profiles$\gabrielhca\Downloads\9b214823-b8dc-46aa-a7bc-9fa300541af3.tmp</t>
  </si>
  <si>
    <t>12/16/2019 08:59:36</t>
  </si>
  <si>
    <t>12/16/2019 09:03:13</t>
  </si>
  <si>
    <t>0a862111-d226-4b95-a420-5eee37cb01bf.tmp</t>
  </si>
  <si>
    <t>\\acsfs\profiles$\gabrielhca\Downloads\0a862111-d226-4b95-a420-5eee37cb01bf.tmp</t>
  </si>
  <si>
    <t>12/16/2019 09:01:19</t>
  </si>
  <si>
    <t>10.200.66.153</t>
  </si>
  <si>
    <t>\\acsfs\profiles$\JOAOVAL\Contacts\</t>
  </si>
  <si>
    <t>JOAO VITOR ALVES LIMA (19).contact</t>
  </si>
  <si>
    <t>\\acsfs\profiles$\JOAOVAL\Contacts\JOAO VITOR ALVES LIMA (19).contact</t>
  </si>
  <si>
    <t>12/16/2019 09:01:30</t>
  </si>
  <si>
    <t>\\acsfs\profiles$\JOAOVAL\My Documents\My Videos\</t>
  </si>
  <si>
    <t>\\acsfs\profiles$\JOAOVAL\My Documents\My Videos\desktop.ini</t>
  </si>
  <si>
    <t>12/16/2019 09:01:31</t>
  </si>
  <si>
    <t>\\acsfs\profiles$\JOAOVAL\My Documents\My Pictures\</t>
  </si>
  <si>
    <t>\\acsfs\profiles$\JOAOVAL\My Documents\My Pictures\desktop.ini</t>
  </si>
  <si>
    <t>12/16/2019 09:01:32</t>
  </si>
  <si>
    <t>\\acsfs\profiles$\JOAOVAL\Contacts\desktop.ini</t>
  </si>
  <si>
    <t>12/16/2019 09:01:33</t>
  </si>
  <si>
    <t>\\acsfs\profiles$\JOAOVAL\Favorites\</t>
  </si>
  <si>
    <t>\\acsfs\profiles$\JOAOVAL\Favorites\desktop.ini</t>
  </si>
  <si>
    <t>\\acsfs\profiles$\JOAOVAL\My Documents\My Music\</t>
  </si>
  <si>
    <t>\\acsfs\profiles$\JOAOVAL\My Documents\My Music\desktop.ini</t>
  </si>
  <si>
    <t>12/16/2019 09:01:34</t>
  </si>
  <si>
    <t>\\acsfs\profiles$\JOAOVAL\Searches\</t>
  </si>
  <si>
    <t>\\acsfs\profiles$\JOAOVAL\Searches\desktop.ini</t>
  </si>
  <si>
    <t>12/16/2019 09:01:35</t>
  </si>
  <si>
    <t>\\acsfs\profiles$\JOAOVAL\Downloads\desktop.ini</t>
  </si>
  <si>
    <t>\\acsfs\profiles$\JOAOVAL\My Documents\desktop.ini</t>
  </si>
  <si>
    <t>12/16/2019 09:01:36</t>
  </si>
  <si>
    <t>\\acsfs\profiles$\JOAOVAL\Saved Games\</t>
  </si>
  <si>
    <t>\\acsfs\profiles$\JOAOVAL\Saved Games\desktop.ini</t>
  </si>
  <si>
    <t>12/16/2019 09:01:48</t>
  </si>
  <si>
    <t>\\acsfs\profiles$\JOAOVAL\Favorites\Links for Brasil\desktop.ini</t>
  </si>
  <si>
    <t>12/16/2019 09:01:49</t>
  </si>
  <si>
    <t>12/16/2019 08:58:32</t>
  </si>
  <si>
    <t>12/16/2019 08:59:02</t>
  </si>
  <si>
    <t>12/16/2019 09:00:02</t>
  </si>
  <si>
    <t>12/16/2019 09:00:32</t>
  </si>
  <si>
    <t>12/16/2019 09:01:02</t>
  </si>
  <si>
    <t>12/14/2019 13:05:23</t>
  </si>
  <si>
    <t>c:\users\flavia\desktop\verificar\</t>
  </si>
  <si>
    <t>pendencias.xlsb</t>
  </si>
  <si>
    <t>12/14/2019 13:06:28</t>
  </si>
  <si>
    <t>12/16/2019 09:00:22</t>
  </si>
  <si>
    <t>8b016e39-64ab-4ef9-af2b-87e95febda40.tmp</t>
  </si>
  <si>
    <t>\\acsfs\profiles$\YASMINSC\Downloads\8b016e39-64ab-4ef9-af2b-87e95febda40.tmp</t>
  </si>
  <si>
    <t>12/16/2019 09:00:45</t>
  </si>
  <si>
    <t>12/16/2019 09:04:13</t>
  </si>
  <si>
    <t>12/16/2019 09:01:11</t>
  </si>
  <si>
    <t>Jéssica Bloco Principal.txt</t>
  </si>
  <si>
    <t>\\acsfs\profiles$\jessicanes\My Documents\Jéssica Bloco Principal.txt</t>
  </si>
  <si>
    <t>12/16/2019 08:59:26</t>
  </si>
  <si>
    <t>12/16/2019 09:05:13</t>
  </si>
  <si>
    <t>12/16/2019 08:59:27</t>
  </si>
  <si>
    <t>12/16/2019 08:59:28</t>
  </si>
  <si>
    <t>12/16/2019 08:59:29</t>
  </si>
  <si>
    <t>12/16/2019 08:59:30</t>
  </si>
  <si>
    <t>12/16/2019 08:59:31</t>
  </si>
  <si>
    <t>12/16/2019 08:59:32</t>
  </si>
  <si>
    <t>12/16/2019 08:59:33</t>
  </si>
  <si>
    <t>12/16/2019 08:59:34</t>
  </si>
  <si>
    <t>12/16/2019 08:59:35</t>
  </si>
  <si>
    <t>12/16/2019 08:59:37</t>
  </si>
  <si>
    <t>12/16/2019 08:59:38</t>
  </si>
  <si>
    <t>12/16/2019 08:59:39</t>
  </si>
  <si>
    <t>12/16/2019 08:59:40</t>
  </si>
  <si>
    <t>12/16/2019 08:59:41</t>
  </si>
  <si>
    <t>12/16/2019 08:59:43</t>
  </si>
  <si>
    <t>12/16/2019 08:59:44</t>
  </si>
  <si>
    <t>12/16/2019 08:59:47</t>
  </si>
  <si>
    <t>12/16/2019 09:04:05</t>
  </si>
  <si>
    <t>12/16/2019 09:00:57</t>
  </si>
  <si>
    <t>12/16/2019 09:00:58</t>
  </si>
  <si>
    <t>12/16/2019 09:00:59</t>
  </si>
  <si>
    <t>12/16/2019 09:01:00</t>
  </si>
  <si>
    <t>12/16/2019 09:03:50</t>
  </si>
  <si>
    <t>12/16/2019 09:01:03</t>
  </si>
  <si>
    <t>12/16/2019 09:03:25</t>
  </si>
  <si>
    <t>f1164ee5-4dbd-42e6-8672-c18d949bde8c.tmp</t>
  </si>
  <si>
    <t>\\acsfs\profiles$\KARENDSR\Downloads\f1164ee5-4dbd-42e6-8672-c18d949bde8c.tmp</t>
  </si>
  <si>
    <t>12/16/2019 09:04:06</t>
  </si>
  <si>
    <t>a0f94e5f-4cba-4dc7-a825-9d7b74b66d7d.tmp</t>
  </si>
  <si>
    <t>\\acsfs\profiles$\KARENDSR\Downloads\a0f94e5f-4cba-4dc7-a825-9d7b74b66d7d.tmp</t>
  </si>
  <si>
    <t>12/16/2019 09:04:27</t>
  </si>
  <si>
    <t>f0fcd4f0-8845-4776-9b52-6f93dacef5ee.tmp</t>
  </si>
  <si>
    <t>\\acsfs\profiles$\KARENDSR\Downloads\f0fcd4f0-8845-4776-9b52-6f93dacef5ee.tmp</t>
  </si>
  <si>
    <t>12/16/2019 09:02:51</t>
  </si>
  <si>
    <t>12/16/2019 09:06:14</t>
  </si>
  <si>
    <t>12/13/2019 12:58:09</t>
  </si>
  <si>
    <t>12/16/2019 09:07:13</t>
  </si>
  <si>
    <t>C:\Users\leonardo.caetano\Desktop\Repasse Renata x Leonardo\Toyota\Propsota 3 turno\</t>
  </si>
  <si>
    <t>218450_SERVICEDESK_ATUAL + RED TURNO_DEZ_19_Rev.xlsx</t>
  </si>
  <si>
    <t>12/13/2019 15:45:51</t>
  </si>
  <si>
    <t>https://isd1.algar.tech/bot/upload-intencao/</t>
  </si>
  <si>
    <t>C:\Users\leonardo.caetano\Desktop\Sky\idade\</t>
  </si>
  <si>
    <t>Idade SKY.csv</t>
  </si>
  <si>
    <t>12/16/2019 09:04:00</t>
  </si>
  <si>
    <t>12/16/2019 09:08:13</t>
  </si>
  <si>
    <t>12/16/2019 09:04:19</t>
  </si>
  <si>
    <t>12/16/2019 09:03:34</t>
  </si>
  <si>
    <t>841a911c-9fce-4c3a-acaa-a22246c1d76c.tmp</t>
  </si>
  <si>
    <t>\\acsfs\profiles$\JOAOVAL\Downloads\841a911c-9fce-4c3a-acaa-a22246c1d76c.tmp</t>
  </si>
  <si>
    <t>12/16/2019 09:03:37</t>
  </si>
  <si>
    <t>ae2bd25a-eb62-4137-9802-e7118091589a.tmp</t>
  </si>
  <si>
    <t>\\acsfs\profiles$\JOAOVAL\Downloads\ae2bd25a-eb62-4137-9802-e7118091589a.tmp</t>
  </si>
  <si>
    <t>12/16/2019 09:04:49</t>
  </si>
  <si>
    <t>ada13451-0c93-437f-828d-49c7e17c223f.tmp</t>
  </si>
  <si>
    <t>\\acsfs\profiles$\JOAOVAL\Downloads\ada13451-0c93-437f-828d-49c7e17c223f.tmp</t>
  </si>
  <si>
    <t>12/16/2019 09:07:11</t>
  </si>
  <si>
    <t>de36e773-e5cc-49e8-bff3-884ba6f139ce.tmp</t>
  </si>
  <si>
    <t>\\acsfs\profiles$\JOAOVAL\Downloads\de36e773-e5cc-49e8-bff3-884ba6f139ce.tmp</t>
  </si>
  <si>
    <t>12/16/2019 09:06:32</t>
  </si>
  <si>
    <t>12/16/2019 09:07:02</t>
  </si>
  <si>
    <t>12/16/2019 09:07:32</t>
  </si>
  <si>
    <t>12/16/2019 09:06:21</t>
  </si>
  <si>
    <t>2e1aee6b-0b87-4854-be4b-9007244df645.tmp</t>
  </si>
  <si>
    <t>\\acsfs\profiles$\deborahsi\Downloads\2e1aee6b-0b87-4854-be4b-9007244df645.tmp</t>
  </si>
  <si>
    <t>12/13/2019 17:29:37</t>
  </si>
  <si>
    <t>12/16/2019 09:09:13</t>
  </si>
  <si>
    <t>C:\Users\ricardobal\OneDrive - Grupo Algar\Algar Tecnologia\01 - CLIENTES\ALGAR TELECOM\BPO\VAREJO\PROPOSTAS\Proposta Retenção II (1).pptx\</t>
  </si>
  <si>
    <t>12/13/2019 12:06:26</t>
  </si>
  <si>
    <t>mail.google.com/_/upload?authuser=0&amp;dcp=asu-n&amp;upload_id=AEnB2UoW_AvxjcljPHeaUPyMEAK1ao1hbWPlvJS5zTE3QZ3XmH9cuEs8jSHe-csPalyNCv9vllv95BdMJdn8CUUZ50VdeKCcoPQd4NvkkdceY83w8sroPNI&amp;upload_protocol=resumable</t>
  </si>
  <si>
    <t>ENVIO PRÉVIA CLIENTES - DEZ.19 V2.xlsx</t>
  </si>
  <si>
    <t>12/16/2019 09:05:42</t>
  </si>
  <si>
    <t>12/16/2019 09:10:14</t>
  </si>
  <si>
    <t>90082c65-bee1-4fa3-a6cc-4001c1ccd6d2.tmp</t>
  </si>
  <si>
    <t>\\acsfs\profiles$\geovanaasa\Downloads\90082c65-bee1-4fa3-a6cc-4001c1ccd6d2.tmp</t>
  </si>
  <si>
    <t>12/16/2019 09:07:21</t>
  </si>
  <si>
    <t>ENC: Ponto de Controle - Rotinas - ATA</t>
  </si>
  <si>
    <t>Base de Acionamento Ação de Repescagem.xlsx</t>
  </si>
  <si>
    <t>12/16/2019 09:05:25</t>
  </si>
  <si>
    <t>34367721-903d-492f-bd08-adb8aae05165.tmp</t>
  </si>
  <si>
    <t>\\acsfs\profiles$\KARENDSR\Downloads\34367721-903d-492f-bd08-adb8aae05165.tmp</t>
  </si>
  <si>
    <t>12/16/2019 09:07:10</t>
  </si>
  <si>
    <t>0864eca4-c877-408a-aac2-390b517f7bae.tmp</t>
  </si>
  <si>
    <t>\\acsfs\profiles$\KARENDSR\Downloads\0864eca4-c877-408a-aac2-390b517f7bae.tmp</t>
  </si>
  <si>
    <t>12/16/2019 09:07:24</t>
  </si>
  <si>
    <t>d517b73e-3aa2-4dde-b041-f4978a039282.tmp</t>
  </si>
  <si>
    <t>\\acsfs\profiles$\KARENDSR\Downloads\d517b73e-3aa2-4dde-b041-f4978a039282.tmp</t>
  </si>
  <si>
    <t>12/16/2019 09:09:08</t>
  </si>
  <si>
    <t>b3547a01-38be-4a39-ac62-46186d820680.tmp</t>
  </si>
  <si>
    <t>\\acsfs\profiles$\KARENDSR\Downloads\b3547a01-38be-4a39-ac62-46186d820680.tmp</t>
  </si>
  <si>
    <t>12/16/2019 09:09:14</t>
  </si>
  <si>
    <t>708db945-d444-4f5e-a32f-da9b57bb9e96.tmp</t>
  </si>
  <si>
    <t>\\acsfs\profiles$\KARENDSR\Downloads\708db945-d444-4f5e-a32f-da9b57bb9e96.tmp</t>
  </si>
  <si>
    <t>12/16/2019 09:05:05</t>
  </si>
  <si>
    <t>12/16/2019 09:06:43</t>
  </si>
  <si>
    <t>12/16/2019 09:11:51</t>
  </si>
  <si>
    <t>12/16/2019 09:13:14</t>
  </si>
  <si>
    <t>12/16/2019 09:10:59</t>
  </si>
  <si>
    <t>12/16/2019 09:08:02</t>
  </si>
  <si>
    <t>12/16/2019 09:08:32</t>
  </si>
  <si>
    <t>12/16/2019 09:09:02</t>
  </si>
  <si>
    <t>12/16/2019 09:09:32</t>
  </si>
  <si>
    <t>12/16/2019 09:11:03</t>
  </si>
  <si>
    <t>12/16/2019 09:10:00</t>
  </si>
  <si>
    <t>151853cb-c530-450f-a024-d7cf36e9d0d5.tmp</t>
  </si>
  <si>
    <t>\\acsfs\profiles$\YASMINSC\Downloads\151853cb-c530-450f-a024-d7cf36e9d0d5.tmp</t>
  </si>
  <si>
    <t>12/16/2019 09:10:24</t>
  </si>
  <si>
    <t>12/16/2019 09:14:13</t>
  </si>
  <si>
    <t>5f0f891d-61f2-4193-ba6a-3094eea9c8fc.tmp</t>
  </si>
  <si>
    <t>\\acsfs\profiles$\yurics\Downloads\5f0f891d-61f2-4193-ba6a-3094eea9c8fc.tmp</t>
  </si>
  <si>
    <t>12/16/2019 09:10:46</t>
  </si>
  <si>
    <t>95ee4f0a-576d-43cb-a9c6-709f09663c4c.tmp</t>
  </si>
  <si>
    <t>\\acsfs\profiles$\yurics\Downloads\95ee4f0a-576d-43cb-a9c6-709f09663c4c.tmp</t>
  </si>
  <si>
    <t>12/16/2019 09:10:55</t>
  </si>
  <si>
    <t>23c2b7e7-c11a-460b-98e6-3c7f98854462.tmp</t>
  </si>
  <si>
    <t>\\acsfs\profiles$\yurics\Downloads\23c2b7e7-c11a-460b-98e6-3c7f98854462.tmp</t>
  </si>
  <si>
    <t>12/16/2019 09:11:13</t>
  </si>
  <si>
    <t>13091620-dc1d-4801-8a18-c6debfac1efb.tmp</t>
  </si>
  <si>
    <t>\\acsfs\profiles$\yurics\Downloads\13091620-dc1d-4801-8a18-c6debfac1efb.tmp</t>
  </si>
  <si>
    <t>12/16/2019 09:10:53</t>
  </si>
  <si>
    <t>9c5abfe0-9dcc-4468-8bf6-785c2f7886a8.tmp</t>
  </si>
  <si>
    <t>\\acsfs\profiles$\ayalabfi\Downloads\9c5abfe0-9dcc-4468-8bf6-785c2f7886a8.tmp</t>
  </si>
  <si>
    <t>12/16/2019 09:13:50</t>
  </si>
  <si>
    <t>6f6f29fd-cad0-4a2b-89c4-36eaf1841a3f.tmp</t>
  </si>
  <si>
    <t>\\acsfs\profiles$\isabellegtds\Downloads\6f6f29fd-cad0-4a2b-89c4-36eaf1841a3f.tmp</t>
  </si>
  <si>
    <t>12/16/2019 09:14:11</t>
  </si>
  <si>
    <t>12/16/2019 09:15:13</t>
  </si>
  <si>
    <t>bf2ac068-8649-45b9-839e-64189a45c756.tmp</t>
  </si>
  <si>
    <t>\\acsfs\profiles$\geovanaasa\Downloads\bf2ac068-8649-45b9-839e-64189a45c756.tmp</t>
  </si>
  <si>
    <t>12/16/2019 09:11:53</t>
  </si>
  <si>
    <t>0b97c394-feba-418a-bae4-158b41205df4.tmp</t>
  </si>
  <si>
    <t>\\acsfs\profiles$\jonatanls\Downloads\0b97c394-feba-418a-bae4-158b41205df4.tmp</t>
  </si>
  <si>
    <t>12/16/2019 09:14:18</t>
  </si>
  <si>
    <t>12/16/2019 09:11:45</t>
  </si>
  <si>
    <t>12/16/2019 09:13:19</t>
  </si>
  <si>
    <t>12/16/2019 09:17:14</t>
  </si>
  <si>
    <t>c56e6f24-aeb0-438f-88ec-3de4429549cb.tmp</t>
  </si>
  <si>
    <t>\\acsfs\profiles$\geovannasm\Downloads\c56e6f24-aeb0-438f-88ec-3de4429549cb.tmp</t>
  </si>
  <si>
    <t>12/16/2019 09:16:47</t>
  </si>
  <si>
    <t>12/16/2019 09:18:13</t>
  </si>
  <si>
    <t>lu2454023e2oc.tmp</t>
  </si>
  <si>
    <t>\\acsfs\profiles$\dhiulliananads\My Documents\lu2454023e2oc.tmp</t>
  </si>
  <si>
    <t>\\acsfs\profiles$\dhiulliananads\My Documents\lu2454023e2oc.tmp\</t>
  </si>
  <si>
    <t>\\acsfs\profiles$\dhiulliananads\My Documents\lu2454023e2oc.tmp\META-INF\</t>
  </si>
  <si>
    <t>\\acsfs\profiles$\dhiulliananads\My Documents\lu2454023e2oc.tmp\Thumbnails\</t>
  </si>
  <si>
    <t>12/16/2019 09:15:34</t>
  </si>
  <si>
    <t>\\acsfs\DEPTOS\Operacao\Banco_Votorantim\Supervisao\SUPERS BV CARTÕES\ADILSON\Escalas Feriados\</t>
  </si>
  <si>
    <t>\\acsfs\DEPTOS\Operacao\Banco_Votorantim\Supervisao\SUPERS BV CARTÕES\ADILSON\Escalas Feriados\Escala Operadores Natal e Ano Novo Alterações.xlsx</t>
  </si>
  <si>
    <t>12/16/2019 09:15:50</t>
  </si>
  <si>
    <t>pausas.url:favicon</t>
  </si>
  <si>
    <t>\\acsfs\profiles$\vanessacgs\Favorites\pausas.url:favicon</t>
  </si>
  <si>
    <t>\\acsfs\profiles$\vanessacgs\Favorites\pausas.url\</t>
  </si>
  <si>
    <t>\\acsfs\profiles$\vanessacgs\Favorites\pausas.url\:favicon:$DATA</t>
  </si>
  <si>
    <t>pausas.url</t>
  </si>
  <si>
    <t>\\acsfs\profiles$\vanessacgs\Favorites\pausas.url</t>
  </si>
  <si>
    <t>12/16/2019 09:14:33</t>
  </si>
  <si>
    <t>12/16/2019 09:15:03</t>
  </si>
  <si>
    <t>12/16/2019 09:15:33</t>
  </si>
  <si>
    <t>12/16/2019 09:16:03</t>
  </si>
  <si>
    <t>12/16/2019 09:16:33</t>
  </si>
  <si>
    <t>12/16/2019 09:17:03</t>
  </si>
  <si>
    <t>12/16/2019 09:17:33</t>
  </si>
  <si>
    <t>12/16/2019 09:16:20</t>
  </si>
  <si>
    <t>12/16/2019 09:19:14</t>
  </si>
  <si>
    <t>c5b34eaa-2ea5-4846-869e-1ee7a91dcdf0.tmp</t>
  </si>
  <si>
    <t>\\acsfs\profiles$\yurics\Downloads\c5b34eaa-2ea5-4846-869e-1ee7a91dcdf0.tmp</t>
  </si>
  <si>
    <t>12/16/2019 09:16:37</t>
  </si>
  <si>
    <t>12/16/2019 09:16:38</t>
  </si>
  <si>
    <t>12/16/2019 09:16:39</t>
  </si>
  <si>
    <t>12/16/2019 09:16:40</t>
  </si>
  <si>
    <t>12/16/2019 09:16:48</t>
  </si>
  <si>
    <t>12/16/2019 09:17:13</t>
  </si>
  <si>
    <t>12/16/2019 09:17:36</t>
  </si>
  <si>
    <t>12/16/2019 09:17:38</t>
  </si>
  <si>
    <t>12/16/2019 09:17:40</t>
  </si>
  <si>
    <t>12/16/2019 09:17:42</t>
  </si>
  <si>
    <t>12/16/2019 09:17:49</t>
  </si>
  <si>
    <t>12/16/2019 09:17:52</t>
  </si>
  <si>
    <t>12/16/2019 09:20:13</t>
  </si>
  <si>
    <t>c6ec256b-81f4-4556-8143-2af5e7c6f251.tmp</t>
  </si>
  <si>
    <t>\\acsfs\profiles$\LUCASNS\Downloads\c6ec256b-81f4-4556-8143-2af5e7c6f251.tmp</t>
  </si>
  <si>
    <t>12/16/2019 09:18:11</t>
  </si>
  <si>
    <t>12/16/2019 09:21:13</t>
  </si>
  <si>
    <t>12/16/2019 09:18:01</t>
  </si>
  <si>
    <t>12/16/2019 09:22:13</t>
  </si>
  <si>
    <t>\\acsfs\profiles$\albertofn\Downloads\Redes 2 - CAP 4.rtf</t>
  </si>
  <si>
    <t>12/16/2019 09:19:12</t>
  </si>
  <si>
    <t>c558b01a-933a-4559-8103-26b36aa1a254.tmp</t>
  </si>
  <si>
    <t>\\acsfs\profiles$\geovannasm\Downloads\c558b01a-933a-4559-8103-26b36aa1a254.tmp</t>
  </si>
  <si>
    <t>12/16/2019 09:19:25</t>
  </si>
  <si>
    <t>12/16/2019 09:23:13</t>
  </si>
  <si>
    <t>12/16/2019 09:19:26</t>
  </si>
  <si>
    <t>lu2454023e2oh.tmp</t>
  </si>
  <si>
    <t>\\acsfs\profiles$\dhiulliananads\My Documents\lu2454023e2oh.tmp</t>
  </si>
  <si>
    <t>\\acsfs\profiles$\dhiulliananads\My Documents\lu2454023e2oh.tmp\</t>
  </si>
  <si>
    <t>\\acsfs\profiles$\dhiulliananads\My Documents\lu2454023e2oh.tmp\META-INF\</t>
  </si>
  <si>
    <t>\\acsfs\profiles$\dhiulliananads\My Documents\lu2454023e2oh.tmp\Thumbnails\</t>
  </si>
  <si>
    <t>12/16/2019 09:19:49</t>
  </si>
  <si>
    <t>12/16/2019 09:21:28</t>
  </si>
  <si>
    <t>1bb8beba-f9e4-4b9d-b364-d483f598a5f9.tmp</t>
  </si>
  <si>
    <t>\\acsfs\profiles$\marcellewdl\Downloads\1bb8beba-f9e4-4b9d-b364-d483f598a5f9.tmp</t>
  </si>
  <si>
    <t>12/16/2019 09:22:02</t>
  </si>
  <si>
    <t>29918b7d-f5fe-49a7-90ff-96c73ed65d16.tmp</t>
  </si>
  <si>
    <t>\\acsfs\profiles$\marcellewdl\Downloads\29918b7d-f5fe-49a7-90ff-96c73ed65d16.tmp</t>
  </si>
  <si>
    <t>12/16/2019 09:21:33</t>
  </si>
  <si>
    <t>12/16/2019 09:22:03</t>
  </si>
  <si>
    <t>12/16/2019 09:22:33</t>
  </si>
  <si>
    <t>12/16/2019 09:21:00</t>
  </si>
  <si>
    <t>12/16/2019 09:24:14</t>
  </si>
  <si>
    <t>12/16/2019 09:21:01</t>
  </si>
  <si>
    <t>12/16/2019 09:22:53</t>
  </si>
  <si>
    <t>12/16/2019 09:21:32</t>
  </si>
  <si>
    <t>12/16/2019 09:25:13</t>
  </si>
  <si>
    <t>29106885-de6d-42c2-933e-af291b81ccb5.tmp</t>
  </si>
  <si>
    <t>\\acsfs\profiles$\sarahbal\Downloads\29106885-de6d-42c2-933e-af291b81ccb5.tmp</t>
  </si>
  <si>
    <t>12/16/2019 09:19:56</t>
  </si>
  <si>
    <t>12/16/2019 09:23:08</t>
  </si>
  <si>
    <t>12/16/2019 09:23:42</t>
  </si>
  <si>
    <t>12/16/2019 09:26:12</t>
  </si>
  <si>
    <t>12/16/2019 09:24:37</t>
  </si>
  <si>
    <t>12/16/2019 09:28:12</t>
  </si>
  <si>
    <t>12/16/2019 09:24:38</t>
  </si>
  <si>
    <t>lu2454023e2om.tmp</t>
  </si>
  <si>
    <t>\\acsfs\profiles$\dhiulliananads\My Documents\lu2454023e2om.tmp</t>
  </si>
  <si>
    <t>\\acsfs\profiles$\dhiulliananads\My Documents\lu2454023e2om.tmp\</t>
  </si>
  <si>
    <t>\\acsfs\profiles$\dhiulliananads\My Documents\lu2454023e2om.tmp\META-INF\</t>
  </si>
  <si>
    <t>\\acsfs\profiles$\dhiulliananads\My Documents\lu2454023e2om.tmp\Thumbnails\</t>
  </si>
  <si>
    <t>12/16/2019 09:25:10</t>
  </si>
  <si>
    <t>12/16/2019 09:27:06</t>
  </si>
  <si>
    <t>12/16/2019 09:24:06</t>
  </si>
  <si>
    <t>12/16/2019 09:23:03</t>
  </si>
  <si>
    <t>12/16/2019 09:24:33</t>
  </si>
  <si>
    <t>12/16/2019 09:25:03</t>
  </si>
  <si>
    <t>12/16/2019 09:25:33</t>
  </si>
  <si>
    <t>12/16/2019 09:27:03</t>
  </si>
  <si>
    <t>12/16/2019 09:27:33</t>
  </si>
  <si>
    <t>12/16/2019 09:27:50</t>
  </si>
  <si>
    <t>12/16/2019 09:29:13</t>
  </si>
  <si>
    <t>9ec6f9cd-9a77-4c1c-ab1b-83d1c5c9a333.tmp</t>
  </si>
  <si>
    <t>\\acsfs\profiles$\yurics\Downloads\9ec6f9cd-9a77-4c1c-ab1b-83d1c5c9a333.tmp</t>
  </si>
  <si>
    <t>12/16/2019 09:24:40</t>
  </si>
  <si>
    <t>12/16/2019 09:24:56</t>
  </si>
  <si>
    <t>12/16/2019 09:25:05</t>
  </si>
  <si>
    <t>12/16/2019 09:28:55</t>
  </si>
  <si>
    <t>12/16/2019 09:30:13</t>
  </si>
  <si>
    <t>12/16/2019 09:25:50</t>
  </si>
  <si>
    <t>b03d1807-9b86-4044-a6e9-79ad7e822b78.tmp</t>
  </si>
  <si>
    <t>\\acsfs\profiles$\LUCASNS\Downloads\b03d1807-9b86-4044-a6e9-79ad7e822b78.tmp</t>
  </si>
  <si>
    <t>12/16/2019 09:26:32</t>
  </si>
  <si>
    <t>6c1b0ce0-097a-43e5-95ed-4d0c4b63c772.tmp</t>
  </si>
  <si>
    <t>\\acsfs\profiles$\LUCASNS\Downloads\6c1b0ce0-097a-43e5-95ed-4d0c4b63c772.tmp</t>
  </si>
  <si>
    <t>12/16/2019 09:28:04</t>
  </si>
  <si>
    <t>d0cd8936-cb41-4de5-ad9e-8d29b8658e70.tmp</t>
  </si>
  <si>
    <t>\\acsfs\profiles$\LUCASNS\Downloads\d0cd8936-cb41-4de5-ad9e-8d29b8658e70.tmp</t>
  </si>
  <si>
    <t>12/16/2019 09:28:46</t>
  </si>
  <si>
    <t>12/16/2019 09:31:13</t>
  </si>
  <si>
    <t>12/16/2019 09:29:04</t>
  </si>
  <si>
    <t>12/16/2019 09:29:45</t>
  </si>
  <si>
    <t>12/16/2019 09:29:46</t>
  </si>
  <si>
    <t>lu477205lknkl.tmp</t>
  </si>
  <si>
    <t>\\acsfs\profiles$\kamillacr\My Documents\lu477205lknkl.tmp</t>
  </si>
  <si>
    <t>\\acsfs\profiles$\kamillacr\My Documents\lu477205lknkl.tmp\</t>
  </si>
  <si>
    <t>\\acsfs\profiles$\kamillacr\My Documents\lu477205lknkl.tmp\META-INF\</t>
  </si>
  <si>
    <t>\\acsfs\profiles$\kamillacr\My Documents\lu477205lknkl.tmp\Thumbnails\</t>
  </si>
  <si>
    <t>12/16/2019 09:30:32</t>
  </si>
  <si>
    <t>12/16/2019 09:32:13</t>
  </si>
  <si>
    <t>e3655f5c-60bd-4a0b-ab27-b36828febd86.tmp</t>
  </si>
  <si>
    <t>\\acsfs\profiles$\alexandrapp\Downloads\e3655f5c-60bd-4a0b-ab27-b36828febd86.tmp</t>
  </si>
  <si>
    <t>Q29udHJvbGxlci5Xb3Jrc3BhY2UtRGVza3RvcC1F (1).ica:Zone.Identifier</t>
  </si>
  <si>
    <t>\\acsfs\profiles$\alexandrapp\Downloads\Q29udHJvbGxlci5Xb3Jrc3BhY2UtRGVza3RvcC1F (1).ica:Zone.Identifier</t>
  </si>
  <si>
    <t>12/16/2019 09:30:33</t>
  </si>
  <si>
    <t>ad955674-bf9a-47de-9c38-2c39fd223c1a.tmp</t>
  </si>
  <si>
    <t>\\acsfs\profiles$\alexandrapp\Downloads\ad955674-bf9a-47de-9c38-2c39fd223c1a.tmp</t>
  </si>
  <si>
    <t>Q29udHJvbGxlci5TQUNBLVNBQw--.ica:Zone.Identifier</t>
  </si>
  <si>
    <t>\\acsfs\profiles$\alexandrapp\Downloads\Q29udHJvbGxlci5TQUNBLVNBQw--.ica:Zone.Identifier</t>
  </si>
  <si>
    <t>12/16/2019 09:30:00</t>
  </si>
  <si>
    <t>140667d2-f902-4805-9f2a-1eeb261ce388.tmp</t>
  </si>
  <si>
    <t>\\acsfs\profiles$\gabrielarb\Downloads\140667d2-f902-4805-9f2a-1eeb261ce388.tmp</t>
  </si>
  <si>
    <t>12/16/2019 09:31:54</t>
  </si>
  <si>
    <t>12/16/2019 09:33:13</t>
  </si>
  <si>
    <t>12/16/2019 09:31:55</t>
  </si>
  <si>
    <t>lu2454023e2or.tmp</t>
  </si>
  <si>
    <t>\\acsfs\profiles$\dhiulliananads\My Documents\lu2454023e2or.tmp</t>
  </si>
  <si>
    <t>\\acsfs\profiles$\dhiulliananads\My Documents\lu2454023e2or.tmp\</t>
  </si>
  <si>
    <t>\\acsfs\profiles$\dhiulliananads\My Documents\lu2454023e2or.tmp\META-INF\</t>
  </si>
  <si>
    <t>\\acsfs\profiles$\dhiulliananads\My Documents\lu2454023e2or.tmp\Thumbnails\</t>
  </si>
  <si>
    <t>mail.google.com/_/upload?authuser=0&amp;dcp=asu-n&amp;upload_id=AEnB2UqBALKkRBChpEk_4nw-CCvK3GRKKVMVHItsN5qZZjOcUkkl1kLXlY8dzSUHWrvFokJjR7sgib0s-wh-xq--41YDYHw_tKnokwIJ9el23boYmh9joj0&amp;upload_protocol=resumable</t>
  </si>
  <si>
    <t>12/16/2019 09:28:03</t>
  </si>
  <si>
    <t>12/16/2019 09:28:33</t>
  </si>
  <si>
    <t>12/16/2019 09:29:03</t>
  </si>
  <si>
    <t>12/16/2019 09:32:52</t>
  </si>
  <si>
    <t>12/16/2019 09:35:13</t>
  </si>
  <si>
    <t>12/16/2019 09:31:45</t>
  </si>
  <si>
    <t>12/16/2019 09:33:17</t>
  </si>
  <si>
    <t>07bc9f14-a50b-4536-b93d-1d596a2ca689.tmp</t>
  </si>
  <si>
    <t>\\acsfs\profiles$\wenderbnm\Downloads\07bc9f14-a50b-4536-b93d-1d596a2ca689.tmp</t>
  </si>
  <si>
    <t>12/16/2019 09:34:27</t>
  </si>
  <si>
    <t>12/16/2019 09:36:13</t>
  </si>
  <si>
    <t>0b534a6b-36ed-44cf-825d-e085dd55fd9d.tmp</t>
  </si>
  <si>
    <t>\\acsfs\profiles$\adrielyas\Downloads\0b534a6b-36ed-44cf-825d-e085dd55fd9d.tmp</t>
  </si>
  <si>
    <t>12/16/2019 09:31:40</t>
  </si>
  <si>
    <t>12/16/2019 09:31:47</t>
  </si>
  <si>
    <t>12/16/2019 09:37:13</t>
  </si>
  <si>
    <t>d7453220-f30d-49a2-88ae-5f8d8ffc3f76.tmp</t>
  </si>
  <si>
    <t>\\acsfs\profiles$\alexandrapp\Downloads\d7453220-f30d-49a2-88ae-5f8d8ffc3f76.tmp</t>
  </si>
  <si>
    <t>12/16/2019 09:31:48</t>
  </si>
  <si>
    <t>12/16/2019 09:34:35</t>
  </si>
  <si>
    <t>deb8c28c-d37e-4874-b161-79b50588f162.tmp</t>
  </si>
  <si>
    <t>\\acsfs\profiles$\geovannasm\Downloads\deb8c28c-d37e-4874-b161-79b50588f162.tmp</t>
  </si>
  <si>
    <t>12/16/2019 09:32:35</t>
  </si>
  <si>
    <t>620daa61-2d1b-4c48-b83b-d3f80ffedfd6.tmp</t>
  </si>
  <si>
    <t>\\acsfs\profiles$\gabrielarb\Downloads\620daa61-2d1b-4c48-b83b-d3f80ffedfd6.tmp</t>
  </si>
  <si>
    <t>12/16/2019 09:34:44</t>
  </si>
  <si>
    <t>12/16/2019 09:38:13</t>
  </si>
  <si>
    <t>12/16/2019 09:33:03</t>
  </si>
  <si>
    <t>12/16/2019 09:33:33</t>
  </si>
  <si>
    <t>12/16/2019 09:34:33</t>
  </si>
  <si>
    <t>12/16/2019 09:35:03</t>
  </si>
  <si>
    <t>12/16/2019 09:37:33</t>
  </si>
  <si>
    <t>12/16/2019 09:34:19</t>
  </si>
  <si>
    <t>12/16/2019 09:36:33</t>
  </si>
  <si>
    <t>12/16/2019 09:42:13</t>
  </si>
  <si>
    <t>6183d843-e4af-4087-b4f8-226c7905952b.tmp</t>
  </si>
  <si>
    <t>\\acsfs\profiles$\alexandrapp\Downloads\6183d843-e4af-4087-b4f8-226c7905952b.tmp</t>
  </si>
  <si>
    <t>Q29udHJvbGxlci5JRS1Qb3J0YWw-.ica:Zone.Identifier</t>
  </si>
  <si>
    <t>\\acsfs\profiles$\alexandrapp\Downloads\Q29udHJvbGxlci5JRS1Qb3J0YWw-.ica:Zone.Identifier</t>
  </si>
  <si>
    <t>12/16/2019 09:39:18</t>
  </si>
  <si>
    <t>6e3c07da-3450-4b6d-a349-deeb66f03d2a.tmp</t>
  </si>
  <si>
    <t>\\acsfs\profiles$\leticiala\Downloads\6e3c07da-3450-4b6d-a349-deeb66f03d2a.tmp</t>
  </si>
  <si>
    <t>12/16/2019 09:39:19</t>
  </si>
  <si>
    <t>c2d934ad-8e40-4089-a5d9-61260bfd4010.tmp</t>
  </si>
  <si>
    <t>\\acsfs\profiles$\leticiala\Downloads\c2d934ad-8e40-4089-a5d9-61260bfd4010.tmp</t>
  </si>
  <si>
    <t>12/16/2019 09:40:52</t>
  </si>
  <si>
    <t>4710cb00-a91e-4073-8ba9-eef550192b1f.tmp</t>
  </si>
  <si>
    <t>\\acsfs\profiles$\leticiala\Downloads\4710cb00-a91e-4073-8ba9-eef550192b1f.tmp</t>
  </si>
  <si>
    <t>12/16/2019 09:40:12</t>
  </si>
  <si>
    <t>74056a29-06ec-470f-98c6-812817874e4a.tmp</t>
  </si>
  <si>
    <t>\\acsfs\profiles$\geovannasm\Downloads\74056a29-06ec-470f-98c6-812817874e4a.tmp</t>
  </si>
  <si>
    <t>12/16/2019 09:37:22</t>
  </si>
  <si>
    <t>3a270087-1a48-410a-8f6d-925423d59b9b.tmp</t>
  </si>
  <si>
    <t>\\acsfs\profiles$\gabrielarb\Downloads\3a270087-1a48-410a-8f6d-925423d59b9b.tmp</t>
  </si>
  <si>
    <t>12/16/2019 09:37:52</t>
  </si>
  <si>
    <t>f532e661-641f-4cc5-b588-5c6ef78b349c.tmp</t>
  </si>
  <si>
    <t>\\acsfs\profiles$\gabrielarb\Downloads\f532e661-641f-4cc5-b588-5c6ef78b349c.tmp</t>
  </si>
  <si>
    <t>12/16/2019 09:40:36</t>
  </si>
  <si>
    <t>12/16/2019 09:43:13</t>
  </si>
  <si>
    <t>lu2454023e2ow.tmp</t>
  </si>
  <si>
    <t>\\acsfs\profiles$\dhiulliananads\My Documents\lu2454023e2ow.tmp</t>
  </si>
  <si>
    <t>\\acsfs\profiles$\dhiulliananads\My Documents\lu2454023e2ow.tmp\</t>
  </si>
  <si>
    <t>\\acsfs\profiles$\dhiulliananads\My Documents\lu2454023e2ow.tmp\META-INF\</t>
  </si>
  <si>
    <t>\\acsfs\profiles$\dhiulliananads\My Documents\lu2454023e2ow.tmp\Thumbnails\</t>
  </si>
  <si>
    <t>12/16/2019 09:37:30</t>
  </si>
  <si>
    <t>12/16/2019 09:38:22</t>
  </si>
  <si>
    <t>12/16/2019 09:38:03</t>
  </si>
  <si>
    <t>12/16/2019 09:38:33</t>
  </si>
  <si>
    <t>12/16/2019 09:39:03</t>
  </si>
  <si>
    <t>12/16/2019 09:44:37</t>
  </si>
  <si>
    <t>12/16/2019 09:46:13</t>
  </si>
  <si>
    <t>12/16/2019 09:44:42</t>
  </si>
  <si>
    <t>OfficeScan agent listing (6).csv</t>
  </si>
  <si>
    <t>12/16/2019 09:44:43</t>
  </si>
  <si>
    <t>C:\Users\alefl\OneDrive - Grupo Algar\Bra\Antivirus\New\Instal\</t>
  </si>
  <si>
    <t>OfficeScan agent listing (5).csv</t>
  </si>
  <si>
    <t>OfficeScan agent listing (4).csv</t>
  </si>
  <si>
    <t>12/13/2019 12:15:41</t>
  </si>
  <si>
    <t>\\acsfs\ACS\Suporte à Operações\02 - Faturamento\2020\1 - Janeiro\BRADESCO\</t>
  </si>
  <si>
    <t>Faturamento Janeiro.xlsb</t>
  </si>
  <si>
    <t>12/16/2019 09:44:03</t>
  </si>
  <si>
    <t>12/16/2019 09:47:13</t>
  </si>
  <si>
    <t>ed6b8170-b532-4cc0-ad3d-2c6d9d11a336.tmp</t>
  </si>
  <si>
    <t>\\acsfs\profiles$\leticiala\Downloads\ed6b8170-b532-4cc0-ad3d-2c6d9d11a336.tmp</t>
  </si>
  <si>
    <t>12/16/2019 09:42:52</t>
  </si>
  <si>
    <t>12/16/2019 09:48:13</t>
  </si>
  <si>
    <t>12/16/2019 09:46:02</t>
  </si>
  <si>
    <t>12/16/2019 09:46:08</t>
  </si>
  <si>
    <t>12/16/2019 09:46:45</t>
  </si>
  <si>
    <t>12/16/2019 09:47:43</t>
  </si>
  <si>
    <t>12/16/2019 09:47:44</t>
  </si>
  <si>
    <t>12/16/2019 09:47:45</t>
  </si>
  <si>
    <t>12/16/2019 09:47:46</t>
  </si>
  <si>
    <t>12/16/2019 09:47:47</t>
  </si>
  <si>
    <t>12/16/2019 09:47:48</t>
  </si>
  <si>
    <t>12/16/2019 09:47:49</t>
  </si>
  <si>
    <t>12/16/2019 09:47:50</t>
  </si>
  <si>
    <t>12/16/2019 09:47:51</t>
  </si>
  <si>
    <t>12/16/2019 09:45:15</t>
  </si>
  <si>
    <t>12/16/2019 09:47:21</t>
  </si>
  <si>
    <t>48b8ba16-984d-423c-b93e-3dcc31fb40a2.tmp</t>
  </si>
  <si>
    <t>\\acsfs\profiles$\kellzylenneasr\Downloads\48b8ba16-984d-423c-b93e-3dcc31fb40a2.tmp</t>
  </si>
  <si>
    <t>12/16/2019 09:45:02</t>
  </si>
  <si>
    <t>12/16/2019 09:49:13</t>
  </si>
  <si>
    <t>12/16/2019 09:47:30</t>
  </si>
  <si>
    <t>mail.google.com/_/upload?authuser=0&amp;dcp=asu-n&amp;upload_id=AEnB2UoQLdXpIzppmCRON8p0tM9K6BG_-olc6WiVDznUmW9xmflqvtcI_awCAm9lR0xXBXspKYRwzZCfOmGXIV9HurRpn2i65WnYYLwEZrZVWyzM75lzdJA&amp;upload_protocol=resumable</t>
  </si>
  <si>
    <t>C:\Users\edilsonrb\Documents\02.Trabalho\85.ANO.2019\03.CARLOS.MAURICIO\02.RAO\06.DEZEMBRO\</t>
  </si>
  <si>
    <t>12/16/2019 09:50:13</t>
  </si>
  <si>
    <t>\\acsfs\DEPTOS\Seguranca do Trabalho\7 - Treinamentos NRs - GERAL\7.4 - Escalas - Agendamentos NR17, Integração Staff e CIPA\TREINAMENTOS 2019\</t>
  </si>
  <si>
    <t>Lista de presença NR17 (em branco).xlsx</t>
  </si>
  <si>
    <t>12/16/2019 09:49:07</t>
  </si>
  <si>
    <t>12/16/2019 09:51:13</t>
  </si>
  <si>
    <t>12/16/2019 09:50:05</t>
  </si>
  <si>
    <t>12/16/2019 09:52:13</t>
  </si>
  <si>
    <t>b43f3335-9785-44ea-828e-fbaea77a2c96.tmp</t>
  </si>
  <si>
    <t>\\acsfs\profiles$\geovannasm\Downloads\b43f3335-9785-44ea-828e-fbaea77a2c96.tmp</t>
  </si>
  <si>
    <t>12/16/2019 09:51:21</t>
  </si>
  <si>
    <t>12/16/2019 09:53:13</t>
  </si>
  <si>
    <t>12/16/2019 09:52:38</t>
  </si>
  <si>
    <t>2ee31204-7fdb-45b3-ada6-ebe750a38573.tmp</t>
  </si>
  <si>
    <t>\\acsfs\profiles$\luanaldsi\Downloads\2ee31204-7fdb-45b3-ada6-ebe750a38573.tmp</t>
  </si>
  <si>
    <t>12/16/2019 09:52:33</t>
  </si>
  <si>
    <t>12/16/2019 09:47:52</t>
  </si>
  <si>
    <t>12/16/2019 09:47:53</t>
  </si>
  <si>
    <t>12/16/2019 09:47:54</t>
  </si>
  <si>
    <t>12/16/2019 09:47:55</t>
  </si>
  <si>
    <t>12/16/2019 09:47:56</t>
  </si>
  <si>
    <t>12/16/2019 09:47:57</t>
  </si>
  <si>
    <t>12/16/2019 09:47:58</t>
  </si>
  <si>
    <t>12/16/2019 09:47:59</t>
  </si>
  <si>
    <t>12/16/2019 09:48:00</t>
  </si>
  <si>
    <t>12/16/2019 09:51:51</t>
  </si>
  <si>
    <t>563a0f7c-e9d6-4c51-b5f9-b5cc46fab84f.tmp</t>
  </si>
  <si>
    <t>\\acsfs\profiles$\deborahsi\Downloads\563a0f7c-e9d6-4c51-b5f9-b5cc46fab84f.tmp</t>
  </si>
  <si>
    <t>12/16/2019 09:48:56</t>
  </si>
  <si>
    <t>62dbd173-881b-4203-a3c5-f1ba96e93eaa.tmp</t>
  </si>
  <si>
    <t>\\acsfs\profiles$\kellzylenneasr\Downloads\62dbd173-881b-4203-a3c5-f1ba96e93eaa.tmp</t>
  </si>
  <si>
    <t>12/16/2019 09:49:06</t>
  </si>
  <si>
    <t>12/16/2019 09:54:13</t>
  </si>
  <si>
    <t>12/16/2019 09:49:32</t>
  </si>
  <si>
    <t>12/16/2019 09:55:13</t>
  </si>
  <si>
    <t>12/16/2019 09:49:36</t>
  </si>
  <si>
    <t>12/16/2019 09:50:45</t>
  </si>
  <si>
    <t>carla.campisi@bradesco.com.br;eleida.fraga@bradesco.com.br;fabianapm@algartech.com;ivia.santos@bradesco.com.br;leonardoamf@algartech.com.br;leonoraat@algartech.com.br;lucianaas@algartech.com.br;michellefcas@algartech.com.br;rafaeljvf@algartech.com.br;selmaasr@algartech.com.br;thaismo@algartech.com.br;</t>
  </si>
  <si>
    <t>RES: Ponto de Controle - Rotinas - ATA</t>
  </si>
  <si>
    <t>carla.campisi@bradesco.com.br,eleida.fraga@bradesco.com.br,fabianapm@algartech.com,ivia.santos@bradesco.com.br,leonardoamf@algartech.com.br,leonoraat@algartech.com.br,lucianaas@algartech.com.br,michellefcas@algartech.com.br,rafaeljvf@algartech.com.br,selmaasr@algartech.com.br,thaismo@algartech.com.br</t>
  </si>
  <si>
    <t>12/16/2019 09:51:58</t>
  </si>
  <si>
    <t>10.200.67.8</t>
  </si>
  <si>
    <t>TALITA SANTOS SILVA CASTRO (10947).contact</t>
  </si>
  <si>
    <t>\\acsfs\profiles$\talitassc\Contacts\TALITA SANTOS SILVA CASTRO (10947).contact</t>
  </si>
  <si>
    <t>12/16/2019 09:52:14</t>
  </si>
  <si>
    <t>12/16/2019 09:52:15</t>
  </si>
  <si>
    <t>12/16/2019 09:52:16</t>
  </si>
  <si>
    <t>12/16/2019 09:52:17</t>
  </si>
  <si>
    <t>12/16/2019 09:52:18</t>
  </si>
  <si>
    <t>12/16/2019 09:52:19</t>
  </si>
  <si>
    <t>12/16/2019 09:52:20</t>
  </si>
  <si>
    <t>12/16/2019 09:52:21</t>
  </si>
  <si>
    <t>12/16/2019 09:52:49</t>
  </si>
  <si>
    <t>12/16/2019 09:52:50</t>
  </si>
  <si>
    <t>12/16/2019 09:52:51</t>
  </si>
  <si>
    <t>12/16/2019 09:53:02</t>
  </si>
  <si>
    <t>12/16/2019 09:51:45</t>
  </si>
  <si>
    <t>12/16/2019 09:57:13</t>
  </si>
  <si>
    <t>31ae9a55-6360-475e-bf32-ba07870ca655.tmp</t>
  </si>
  <si>
    <t>\\acsfs\profiles$\alexandrapp\Downloads\31ae9a55-6360-475e-bf32-ba07870ca655.tmp</t>
  </si>
  <si>
    <t>12/16/2019 09:51:46</t>
  </si>
  <si>
    <t>12/16/2019 09:58:12</t>
  </si>
  <si>
    <t>lu2454023e2p5.tmp</t>
  </si>
  <si>
    <t>\\acsfs\profiles$\dhiulliananads\My Documents\lu2454023e2p5.tmp</t>
  </si>
  <si>
    <t>\\acsfs\profiles$\dhiulliananads\My Documents\lu2454023e2p5.tmp\</t>
  </si>
  <si>
    <t>\\acsfs\profiles$\dhiulliananads\My Documents\lu2454023e2p5.tmp\META-INF\</t>
  </si>
  <si>
    <t>\\acsfs\profiles$\dhiulliananads\My Documents\lu2454023e2p5.tmp\Thumbnails\</t>
  </si>
  <si>
    <t>12/16/2019 09:55:14</t>
  </si>
  <si>
    <t>12/16/2019 09:52:39</t>
  </si>
  <si>
    <t>30b3a7a1-6cd1-4ad7-99b1-7c7ef68c479a.tmp</t>
  </si>
  <si>
    <t>\\acsfs\profiles$\luanaldsi\Downloads\30b3a7a1-6cd1-4ad7-99b1-7c7ef68c479a.tmp</t>
  </si>
  <si>
    <t>12/16/2019 09:52:41</t>
  </si>
  <si>
    <t>b77a633e-3103-4308-ab8f-278e9747556b.tmp</t>
  </si>
  <si>
    <t>\\acsfs\profiles$\luanaldsi\Downloads\b77a633e-3103-4308-ab8f-278e9747556b.tmp</t>
  </si>
  <si>
    <t>12/16/2019 09:54:27</t>
  </si>
  <si>
    <t>f30bc679-7379-4edb-a311-e3bb4b3e6709.tmp</t>
  </si>
  <si>
    <t>\\acsfs\profiles$\luanaldsi\Downloads\f30bc679-7379-4edb-a311-e3bb4b3e6709.tmp</t>
  </si>
  <si>
    <t>12/16/2019 09:54:30</t>
  </si>
  <si>
    <t>3c98ffdd-23ed-478d-be14-a35c914c9fc8.tmp</t>
  </si>
  <si>
    <t>\\acsfs\profiles$\luanaldsi\Downloads\3c98ffdd-23ed-478d-be14-a35c914c9fc8.tmp</t>
  </si>
  <si>
    <t>12/16/2019 09:53:03</t>
  </si>
  <si>
    <t>12/16/2019 09:53:33</t>
  </si>
  <si>
    <t>12/16/2019 09:54:03</t>
  </si>
  <si>
    <t>12/16/2019 09:54:33</t>
  </si>
  <si>
    <t>12/16/2019 09:55:03</t>
  </si>
  <si>
    <t>12/16/2019 09:55:33</t>
  </si>
  <si>
    <t>12/16/2019 09:56:03</t>
  </si>
  <si>
    <t>12/16/2019 09:56:33</t>
  </si>
  <si>
    <t>12/16/2019 09:57:03</t>
  </si>
  <si>
    <t>12/16/2019 09:55:29</t>
  </si>
  <si>
    <t>12/16/2019 10:00:12</t>
  </si>
  <si>
    <t>/o=exchangelabs/ou=exchange administrative group (fydibohf23spdlt)/cn=recipients/cn=8b5b63d67af648d081a40c45cc800804-fabiana per;equipefabi@algartech.com.br;</t>
  </si>
  <si>
    <t>ENC: Acompanhamento de Horas - Migração - Franquia Ec</t>
  </si>
  <si>
    <t>Acompanhamento de Horas - Migração.xlsm</t>
  </si>
  <si>
    <t>/o=exchangelabs/ou=exchange administrative group (fydibohf23spdlt)/cn=recipients/cn=8b5b63d67af648d081a40c45cc800804-fabiana per,equipefabi@algartech.com.br</t>
  </si>
  <si>
    <t>12/16/2019 09:59:36</t>
  </si>
  <si>
    <t>12/13/2019 18:18:02</t>
  </si>
  <si>
    <t>12/16/2019 10:01:13</t>
  </si>
  <si>
    <t>12/16/2019 09:57:26</t>
  </si>
  <si>
    <t>ee165e1b-be18-463d-9904-c27df9f78c8a.tmp</t>
  </si>
  <si>
    <t>\\acsfs\profiles$\valeriasda\Downloads\ee165e1b-be18-463d-9904-c27df9f78c8a.tmp</t>
  </si>
  <si>
    <t>12/16/2019 09:58:32</t>
  </si>
  <si>
    <t>6ba1dad8-150b-43c9-b2b7-044027b60322.tmp</t>
  </si>
  <si>
    <t>\\acsfs\profiles$\gabrielafs\Downloads\6ba1dad8-150b-43c9-b2b7-044027b60322.tmp</t>
  </si>
  <si>
    <t>533a2bf7-08f0-4d10-93c6-143088c8cc80.tmp</t>
  </si>
  <si>
    <t>\\acsfs\profiles$\gabrielafs\Downloads\533a2bf7-08f0-4d10-93c6-143088c8cc80.tmp</t>
  </si>
  <si>
    <t>12/16/2019 09:58:33</t>
  </si>
  <si>
    <t>cefed317-82b9-48e3-bffc-bf5be9a04437.tmp</t>
  </si>
  <si>
    <t>\\acsfs\profiles$\gabrielafs\Downloads\cefed317-82b9-48e3-bffc-bf5be9a04437.tmp</t>
  </si>
  <si>
    <t>12/16/2019 09:58:37</t>
  </si>
  <si>
    <t>d96040b9-2cd4-450a-a92e-c46fd8b77523.tmp</t>
  </si>
  <si>
    <t>\\acsfs\profiles$\gabrielafs\Downloads\d96040b9-2cd4-450a-a92e-c46fd8b77523.tmp</t>
  </si>
  <si>
    <t>12/16/2019 09:59:58</t>
  </si>
  <si>
    <t>5d10c86f-fc49-4fda-8696-3fb011bfe8cb.tmp</t>
  </si>
  <si>
    <t>\\acsfs\profiles$\gabrielafs\Downloads\5d10c86f-fc49-4fda-8696-3fb011bfe8cb.tmp</t>
  </si>
  <si>
    <t>12/16/2019 09:57:43</t>
  </si>
  <si>
    <t>12/16/2019 10:02:12</t>
  </si>
  <si>
    <t>12/16/2019 09:57:45</t>
  </si>
  <si>
    <t>12/16/2019 10:00:34</t>
  </si>
  <si>
    <t>12/16/2019 10:03:13</t>
  </si>
  <si>
    <t>12/16/2019 10:01:03</t>
  </si>
  <si>
    <t>12/16/2019 10:01:27</t>
  </si>
  <si>
    <t>12/16/2019 10:02:16</t>
  </si>
  <si>
    <t>12/16/2019 10:02:22</t>
  </si>
  <si>
    <t>12/16/2019 09:59:03</t>
  </si>
  <si>
    <t>12/16/2019 09:59:33</t>
  </si>
  <si>
    <t>12/16/2019 10:01:33</t>
  </si>
  <si>
    <t>12/16/2019 10:02:33</t>
  </si>
  <si>
    <t>12/16/2019 10:02:55</t>
  </si>
  <si>
    <t>12/16/2019 10:05:13</t>
  </si>
  <si>
    <t>12/16/2019 10:04:15</t>
  </si>
  <si>
    <t>12/16/2019 10:05:03</t>
  </si>
  <si>
    <t>12/16/2019 10:07:13</t>
  </si>
  <si>
    <t>12/16/2019 10:02:29</t>
  </si>
  <si>
    <t>4361239a-faf9-4662-b239-ce69bcd04fd4.tmp</t>
  </si>
  <si>
    <t>\\acsfs\profiles$\gabrielarb\Downloads\4361239a-faf9-4662-b239-ce69bcd04fd4.tmp</t>
  </si>
  <si>
    <t>12/16/2019 10:04:40</t>
  </si>
  <si>
    <t>12/16/2019 10:08:13</t>
  </si>
  <si>
    <t>C:\Users\guilhermeaso\AppData\Local\Temp\chrome_drag3160_899895101\</t>
  </si>
  <si>
    <t>11. COTY- SAVOY ( FATURAMENTO Dezembro)_v2.xlsx</t>
  </si>
  <si>
    <t>12/16/2019 10:02:24</t>
  </si>
  <si>
    <t>12/16/2019 10:02:25</t>
  </si>
  <si>
    <t>lu2454023e2pe.tmp</t>
  </si>
  <si>
    <t>\\acsfs\profiles$\dhiulliananads\My Documents\lu2454023e2pe.tmp</t>
  </si>
  <si>
    <t>\\acsfs\profiles$\dhiulliananads\My Documents\lu2454023e2pe.tmp\</t>
  </si>
  <si>
    <t>\\acsfs\profiles$\dhiulliananads\My Documents\lu2454023e2pe.tmp\META-INF\</t>
  </si>
  <si>
    <t>\\acsfs\profiles$\dhiulliananads\My Documents\lu2454023e2pe.tmp\Thumbnails\</t>
  </si>
  <si>
    <t>12/16/2019 10:03:15</t>
  </si>
  <si>
    <t>12/16/2019 10:03:19</t>
  </si>
  <si>
    <t>lu2454023e2pi.tmp</t>
  </si>
  <si>
    <t>\\acsfs\profiles$\dhiulliananads\My Documents\lu2454023e2pi.tmp</t>
  </si>
  <si>
    <t>\\acsfs\profiles$\dhiulliananads\My Documents\lu2454023e2pi.tmp\</t>
  </si>
  <si>
    <t>\\acsfs\profiles$\dhiulliananads\My Documents\lu2454023e2pi.tmp\META-INF\</t>
  </si>
  <si>
    <t>\\acsfs\profiles$\dhiulliananads\My Documents\lu2454023e2pi.tmp\Thumbnails\</t>
  </si>
  <si>
    <t>12/16/2019 10:02:30</t>
  </si>
  <si>
    <t>12/16/2019 10:06:31</t>
  </si>
  <si>
    <t>12/16/2019 10:06:49</t>
  </si>
  <si>
    <t>mail.google.com/sync/u/0/i/s?hl=pt-BR&amp;c=470</t>
  </si>
  <si>
    <t>12/16/2019 10:07:06</t>
  </si>
  <si>
    <t>mail.google.com/sync/u/0/i/s?hl=pt-BR&amp;c=472</t>
  </si>
  <si>
    <t>12/16/2019 10:07:17</t>
  </si>
  <si>
    <t>12/16/2019 10:07:22</t>
  </si>
  <si>
    <t>12/16/2019 10:03:03</t>
  </si>
  <si>
    <t>12/16/2019 10:03:33</t>
  </si>
  <si>
    <t>12/16/2019 10:04:03</t>
  </si>
  <si>
    <t>12/16/2019 10:04:33</t>
  </si>
  <si>
    <t>12/16/2019 10:06:34</t>
  </si>
  <si>
    <t>12/16/2019 10:07:03</t>
  </si>
  <si>
    <t>12/16/2019 10:07:34</t>
  </si>
  <si>
    <t>12/16/2019 10:07:33</t>
  </si>
  <si>
    <t>12/16/2019 10:10:12</t>
  </si>
  <si>
    <t>12/16/2019 10:02:02</t>
  </si>
  <si>
    <t>12/16/2019 10:12:12</t>
  </si>
  <si>
    <t>michelbdsa@algartech.com;sheila.lopes@youse.com.br;wasleylc@algartech.com;</t>
  </si>
  <si>
    <t>Forecast Youse Televendas Receptivo - Janeiro</t>
  </si>
  <si>
    <t>michelbdsa@algartech.com,sheila.lopes@youse.com.br,wasleylc@algartech.com</t>
  </si>
  <si>
    <t>12/16/2019 10:07:29</t>
  </si>
  <si>
    <t>12/16/2019 10:07:30</t>
  </si>
  <si>
    <t>12/16/2019 10:13:13</t>
  </si>
  <si>
    <t>12/16/2019 10:07:35</t>
  </si>
  <si>
    <t>12/16/2019 10:07:36</t>
  </si>
  <si>
    <t>12/16/2019 10:07:46</t>
  </si>
  <si>
    <t>12/16/2019 10:07:47</t>
  </si>
  <si>
    <t>12/16/2019 10:07:48</t>
  </si>
  <si>
    <t>12/16/2019 10:07:50</t>
  </si>
  <si>
    <t>12/16/2019 10:07:51</t>
  </si>
  <si>
    <t>12/16/2019 10:08:09</t>
  </si>
  <si>
    <t>12/16/2019 10:08:10</t>
  </si>
  <si>
    <t>12/16/2019 10:08:12</t>
  </si>
  <si>
    <t>12/16/2019 10:08:17</t>
  </si>
  <si>
    <t>12/16/2019 10:10:13</t>
  </si>
  <si>
    <t>mail.google.com/mail/u/0/jserror?script=https://mail.google.com/mail/u/0/#inbox&amp;error=yo&amp;line=not available&amp;txz=p</t>
  </si>
  <si>
    <t>12/16/2019 10:08:04</t>
  </si>
  <si>
    <t>12/16/2019 10:08:34</t>
  </si>
  <si>
    <t>12/16/2019 10:10:34</t>
  </si>
  <si>
    <t>12/16/2019 10:11:04</t>
  </si>
  <si>
    <t>12/16/2019 10:11:36</t>
  </si>
  <si>
    <t>12/16/2019 10:14:12</t>
  </si>
  <si>
    <t>301395ab-ea72-4bcf-85f4-9a85545cc4e2.tmp</t>
  </si>
  <si>
    <t>\\acsfs\profiles$\ayalabfi\Downloads\301395ab-ea72-4bcf-85f4-9a85545cc4e2.tmp</t>
  </si>
  <si>
    <t>12/16/2019 10:12:49</t>
  </si>
  <si>
    <t>12/16/2019 10:15:13</t>
  </si>
  <si>
    <t>12/16/2019 10:09:44</t>
  </si>
  <si>
    <t>12/16/2019 10:09:45</t>
  </si>
  <si>
    <t>lu158081e5tkg.tmp</t>
  </si>
  <si>
    <t>\\acsfs\profiles$\jonatanls\My Documents\lu158081e5tkg.tmp</t>
  </si>
  <si>
    <t>12/16/2019 10:15:46</t>
  </si>
  <si>
    <t>12/16/2019 10:17:13</t>
  </si>
  <si>
    <t>dc797604-32b8-49a3-9e7b-07a8f7164c44.tmp</t>
  </si>
  <si>
    <t>\\acsfs\profiles$\alexandrapp\Downloads\dc797604-32b8-49a3-9e7b-07a8f7164c44.tmp</t>
  </si>
  <si>
    <t>Q29udHJvbGxlci5BQ09NLVNvdUJWXzE-.ica:Zone.Identifier</t>
  </si>
  <si>
    <t>\\acsfs\profiles$\alexandrapp\Downloads\Q29udHJvbGxlci5BQ09NLVNvdUJWXzE-.ica:Zone.Identifier</t>
  </si>
  <si>
    <t>12/16/2019 10:12:29</t>
  </si>
  <si>
    <t>12/16/2019 10:18:12</t>
  </si>
  <si>
    <t>12/16/2019 10:13:49</t>
  </si>
  <si>
    <t>12/16/2019 10:13:20</t>
  </si>
  <si>
    <t>12/16/2019 10:13:58</t>
  </si>
  <si>
    <t>12/16/2019 10:14:11</t>
  </si>
  <si>
    <t>12/16/2019 10:17:04</t>
  </si>
  <si>
    <t>12/16/2019 10:18:15</t>
  </si>
  <si>
    <t>12/16/2019 10:21:12</t>
  </si>
  <si>
    <t>c732db41-8c6f-49a8-a80e-74524db09bad.tmp</t>
  </si>
  <si>
    <t>\\acsfs\profiles$\gabrielafs\Downloads\c732db41-8c6f-49a8-a80e-74524db09bad.tmp</t>
  </si>
  <si>
    <t>12/16/2019 10:18:59</t>
  </si>
  <si>
    <t>f6fe83a8-8613-46ca-a02a-546a8faf715c.tmp</t>
  </si>
  <si>
    <t>\\acsfs\profiles$\gabrielafs\Downloads\f6fe83a8-8613-46ca-a02a-546a8faf715c.tmp</t>
  </si>
  <si>
    <t>12/16/2019 10:19:59</t>
  </si>
  <si>
    <t>12/16/2019 10:18:49</t>
  </si>
  <si>
    <t>12/16/2019 10:23:12</t>
  </si>
  <si>
    <t>12/16/2019 10:19:49</t>
  </si>
  <si>
    <t>12/16/2019 10:18:53</t>
  </si>
  <si>
    <t>12/16/2019 10:25:38</t>
  </si>
  <si>
    <t>12/16/2019 10:27:13</t>
  </si>
  <si>
    <t>74c35c58-14a7-4a62-8e4a-069813314b2d.tmp</t>
  </si>
  <si>
    <t>\\acsfs\profiles$\gabrielarb\Downloads\74c35c58-14a7-4a62-8e4a-069813314b2d.tmp</t>
  </si>
  <si>
    <t>12/16/2019 10:25:55</t>
  </si>
  <si>
    <t>6067009d-03c2-42ca-99e1-57a4a6d1ef13.tmp</t>
  </si>
  <si>
    <t>\\acsfs\profiles$\gabrielarb\Downloads\6067009d-03c2-42ca-99e1-57a4a6d1ef13.tmp</t>
  </si>
  <si>
    <t>12/16/2019 10:24:25</t>
  </si>
  <si>
    <t>12/16/2019 10:28:13</t>
  </si>
  <si>
    <t>mail.google.com/mail/u/0/jserror?script=https://mail.google.com/mail/u/0/#inbox/fmfcgxwgcqtclgzrdblsjqfqtxgxzbcw&amp;error=yo&amp;line=not available&amp;txz=p</t>
  </si>
  <si>
    <t>12/16/2019 10:24:49</t>
  </si>
  <si>
    <t>12/16/2019 10:25:20</t>
  </si>
  <si>
    <t>12/16/2019 10:25:49</t>
  </si>
  <si>
    <t>12/16/2019 10:25:51</t>
  </si>
  <si>
    <t>12/16/2019 10:25:59</t>
  </si>
  <si>
    <t>mail.google.com/mail/u/0/jserror?script=https://mail.google.com/mail/u/0/#inbox/fmfcgxwgchdmzskkrqbqxknzslvwglkr&amp;error=yo&amp;line=not available&amp;txz=p</t>
  </si>
  <si>
    <t>12/16/2019 10:26:34</t>
  </si>
  <si>
    <t>12/16/2019 10:26:40</t>
  </si>
  <si>
    <t>12/16/2019 10:26:41</t>
  </si>
  <si>
    <t>12/16/2019 10:27:02</t>
  </si>
  <si>
    <t>IM (AIM)</t>
  </si>
  <si>
    <t>673&amp;i=400&amp;ai=mail:o.b28b.2.1</t>
  </si>
  <si>
    <t>12/16/2019 10:22:42</t>
  </si>
  <si>
    <t>12/16/2019 10:25:34</t>
  </si>
  <si>
    <t>12/16/2019 10:26:04</t>
  </si>
  <si>
    <t>12/16/2019 10:27:04</t>
  </si>
  <si>
    <t>12/16/2019 10:27:34</t>
  </si>
  <si>
    <t>12/16/2019 10:26:45</t>
  </si>
  <si>
    <t>12/16/2019 10:28:10</t>
  </si>
  <si>
    <t>12/16/2019 10:30:13</t>
  </si>
  <si>
    <t>4e5c880d-1c31-4f18-a360-3bcc11358f97.tmp</t>
  </si>
  <si>
    <t>\\acsfs\profiles$\sarahbal\Downloads\4e5c880d-1c31-4f18-a360-3bcc11358f97.tmp</t>
  </si>
  <si>
    <t>12/16/2019 10:28:15</t>
  </si>
  <si>
    <t>dfd13780-03b7-48ac-8407-0277445b3986.tmp</t>
  </si>
  <si>
    <t>\\acsfs\profiles$\sarahbal\Downloads\dfd13780-03b7-48ac-8407-0277445b3986.tmp</t>
  </si>
  <si>
    <t>12/16/2019 10:28:45</t>
  </si>
  <si>
    <t>10.200.57.127</t>
  </si>
  <si>
    <t>mail.google.com/mail/u/0/?hl=pt-BR#inbox?compose=CllgCJvmZlJwKjqqnwntbzVCBZgnJkznwPJqpsLFRDbvRJmBZgNpfnHVhLGFvbXRZXBTSBqMZVq</t>
  </si>
  <si>
    <t>Retirar da Lista.xlsx</t>
  </si>
  <si>
    <t>12/16/2019 10:29:13</t>
  </si>
  <si>
    <t>12/16/2019 10:28:21</t>
  </si>
  <si>
    <t>12/16/2019 10:32:13</t>
  </si>
  <si>
    <t>372dc102-700f-4758-9e12-e7444c8f0210.tmp</t>
  </si>
  <si>
    <t>\\acsfs\profiles$\gabrielarb\Downloads\372dc102-700f-4758-9e12-e7444c8f0210.tmp</t>
  </si>
  <si>
    <t>12/16/2019 10:33:13</t>
  </si>
  <si>
    <t>12/16/2019 10:28:29</t>
  </si>
  <si>
    <t>12/16/2019 10:28:43</t>
  </si>
  <si>
    <t>12/16/2019 10:29:59</t>
  </si>
  <si>
    <t>mail.google.com/mail/u/0/jserror?script=https://mail.google.com/mail/u/0/#inbox/fmfcgxwgcqtctrmpdvbhmvlxgglgvqkh&amp;error=yo&amp;line=not available&amp;txz=p</t>
  </si>
  <si>
    <t>12/16/2019 10:27:31</t>
  </si>
  <si>
    <t>12/16/2019 10:30:37</t>
  </si>
  <si>
    <t>\\acsfs\DEPTOS\Operacao\Banco_Votorantim\Comum\00 - COMUM - BV CARTÕES\EQUIPE ADILSON\Vendas\</t>
  </si>
  <si>
    <t>Valor Prêmio por Operador Dezembro - até 15.12.pdf</t>
  </si>
  <si>
    <t>\\acsfs\DEPTOS\Operacao\Banco_Votorantim\Comum\00 - COMUM - BV CARTÕES\EQUIPE ADILSON\Vendas\Valor Prêmio por Operador Dezembro - até 15.12.pdf</t>
  </si>
  <si>
    <t>12/16/2019 10:31:10</t>
  </si>
  <si>
    <t>12/16/2019 10:28:04</t>
  </si>
  <si>
    <t>12/16/2019 10:28:34</t>
  </si>
  <si>
    <t>12/16/2019 10:32:34</t>
  </si>
  <si>
    <t>12/16/2019 10:29:21</t>
  </si>
  <si>
    <t>30cf5814-6a9c-406e-bc3a-fb1ecdd2c80f.tmp</t>
  </si>
  <si>
    <t>\\acsfs\profiles$\deborahsi\Downloads\30cf5814-6a9c-406e-bc3a-fb1ecdd2c80f.tmp</t>
  </si>
  <si>
    <t>12/16/2019 10:33:46</t>
  </si>
  <si>
    <t>12/16/2019 10:35:13</t>
  </si>
  <si>
    <t>12/16/2019 10:30:25</t>
  </si>
  <si>
    <t>12/16/2019 10:30:26</t>
  </si>
  <si>
    <t>lu158081e5tkm.tmp</t>
  </si>
  <si>
    <t>\\acsfs\profiles$\jonatanls\My Documents\lu158081e5tkm.tmp</t>
  </si>
  <si>
    <t>12/16/2019 10:31:23</t>
  </si>
  <si>
    <t>12/16/2019 10:36:13</t>
  </si>
  <si>
    <t>12/16/2019 10:31:28</t>
  </si>
  <si>
    <t>mail.google.com/_/upload?authuser=0&amp;dcp=asu-n&amp;upload_id=AEnB2UonAHIp1RzLe7QV_zIwC1De-C8-_VRSmmn6HqsqFma7RW1XAkCIBidvEV51B-BrqsCnfv0FfaQC25vuFUNGW-bwvnG6OnYsKcqfxVe5Lui7exhLrkw&amp;upload_protocol=resumable</t>
  </si>
  <si>
    <t>\\acsfs\Deptos\Operacao\Banco_Votorantim\Qualidade\Fernanda\ALERTA DE ATENDIMENTO (2).xlsx\</t>
  </si>
  <si>
    <t>12/16/2019 10:33:45</t>
  </si>
  <si>
    <t>12/16/2019 10:38:13</t>
  </si>
  <si>
    <t>c5c291e1-2ea1-46b6-bc52-1f402e3190cd.tmp</t>
  </si>
  <si>
    <t>\\acsfs\profiles$\gabrielhca\Downloads\c5c291e1-2ea1-46b6-bc52-1f402e3190cd.tmp</t>
  </si>
  <si>
    <t>12/16/2019 10:32:49</t>
  </si>
  <si>
    <t>12/16/2019 10:33:49</t>
  </si>
  <si>
    <t>12/16/2019 10:34:26</t>
  </si>
  <si>
    <t>12/16/2019 10:34:27</t>
  </si>
  <si>
    <t>12/16/2019 10:37:02</t>
  </si>
  <si>
    <t>mail.google.com/mail/u/0/jserror?script=https://mail.google.com/mail/u/0/#inbox/fmfcgxwgcqtctrlklbkhmxwsvmlprfmt&amp;error=yo&amp;line=not available&amp;txz=p</t>
  </si>
  <si>
    <t>12/16/2019 10:35:10</t>
  </si>
  <si>
    <t>lu2454023e2pr.tmp</t>
  </si>
  <si>
    <t>\\acsfs\profiles$\dhiulliananads\My Documents\lu2454023e2pr.tmp</t>
  </si>
  <si>
    <t>\\acsfs\profiles$\dhiulliananads\My Documents\lu2454023e2pr.tmp\</t>
  </si>
  <si>
    <t>\\acsfs\profiles$\dhiulliananads\My Documents\lu2454023e2pr.tmp\META-INF\</t>
  </si>
  <si>
    <t>\\acsfs\profiles$\dhiulliananads\My Documents\lu2454023e2pr.tmp\Thumbnails\</t>
  </si>
  <si>
    <t>12/16/2019 10:33:04</t>
  </si>
  <si>
    <t>12/16/2019 10:35:04</t>
  </si>
  <si>
    <t>12/16/2019 10:33:57</t>
  </si>
  <si>
    <t>4cefb7e2-e4cd-499d-9f90-18b80e53066a.tmp</t>
  </si>
  <si>
    <t>\\acsfs\profiles$\alicecpbc\Downloads\4cefb7e2-e4cd-499d-9f90-18b80e53066a.tmp</t>
  </si>
  <si>
    <t>12/16/2019 10:40:13</t>
  </si>
  <si>
    <t>12/16/2019 10:41:13</t>
  </si>
  <si>
    <t>12/16/2019 10:37:34</t>
  </si>
  <si>
    <t>12/16/2019 10:42:13</t>
  </si>
  <si>
    <t>12/16/2019 10:36:33</t>
  </si>
  <si>
    <t>14405299-c4a2-439d-8781-c08fcbe761de.tmp</t>
  </si>
  <si>
    <t>\\acsfs\profiles$\leticiala\Downloads\14405299-c4a2-439d-8781-c08fcbe761de.tmp</t>
  </si>
  <si>
    <t>12/16/2019 10:41:35</t>
  </si>
  <si>
    <t>caac209c-6b53-41c1-9445-a5892cb8a8b1.tmp</t>
  </si>
  <si>
    <t>\\acsfs\profiles$\geovannasm\Downloads\caac209c-6b53-41c1-9445-a5892cb8a8b1.tmp</t>
  </si>
  <si>
    <t>12/16/2019 10:37:35</t>
  </si>
  <si>
    <t>12/16/2019 10:43:13</t>
  </si>
  <si>
    <t>673&amp;i=400&amp;ai=mail:o.b28b.2.1;</t>
  </si>
  <si>
    <t>12/16/2019 10:37:41</t>
  </si>
  <si>
    <t>mail.google.com/mail/u/0/jserror?script=https://mail.google.com/mail/u/0/#inbox/fmfcgxwgcqtclfrntlqggxhdkqddgttg&amp;error=yo&amp;line=not available&amp;txz=p</t>
  </si>
  <si>
    <t>12/16/2019 10:38:49</t>
  </si>
  <si>
    <t>12/16/2019 10:39:33</t>
  </si>
  <si>
    <t>mail.google.com/sync/u/0/i/s?hl=pt-br&amp;c=36</t>
  </si>
  <si>
    <t>12/16/2019 10:39:49</t>
  </si>
  <si>
    <t>12/16/2019 10:39:51</t>
  </si>
  <si>
    <t>mail.google.com/sync/u/0/i/s?hl=pt-br&amp;c=40</t>
  </si>
  <si>
    <t>12/16/2019 10:40:10</t>
  </si>
  <si>
    <t>mail.google.com/sync/u/0/i/s?hl=pt-br&amp;c=42</t>
  </si>
  <si>
    <t>12/16/2019 10:40:33</t>
  </si>
  <si>
    <t>12/16/2019 10:40:54</t>
  </si>
  <si>
    <t>12/16/2019 10:41:09</t>
  </si>
  <si>
    <t>mail.google.com/sync/u/0/i/s?hl=pt-br&amp;c=49</t>
  </si>
  <si>
    <t>mail.google.com/sync/u/0/i/s?hl=pt-br&amp;c=51</t>
  </si>
  <si>
    <t>12/16/2019 10:41:36</t>
  </si>
  <si>
    <t>12/16/2019 10:41:52</t>
  </si>
  <si>
    <t>mail.google.com/sync/u/0/i/s?hl=pt-br&amp;c=56</t>
  </si>
  <si>
    <t>12/16/2019 10:42:10</t>
  </si>
  <si>
    <t>mail.google.com/sync/u/0/i/s?hl=pt-br&amp;c=58</t>
  </si>
  <si>
    <t>12/16/2019 10:38:19</t>
  </si>
  <si>
    <t>88390879-7063-4a12-b625-e469a4bfe2ce.tmp</t>
  </si>
  <si>
    <t>\\acsfs\profiles$\gisellyador\Downloads\88390879-7063-4a12-b625-e469a4bfe2ce.tmp</t>
  </si>
  <si>
    <t>\\acsfs\profiles$\gisellyador\Downloads\88390879-7063-4a12-b625-e469a4bfe2ce.tmp\PREVENTIVAS 2 SEMANA TIM\QUADROS ELÃ‰TRICOS AC 1\</t>
  </si>
  <si>
    <t>QUADROS ELETRICOS _v3.0.xlsx</t>
  </si>
  <si>
    <t>QUADROS ELETRICOS_v3.0.1.xlsx</t>
  </si>
  <si>
    <t>QUADROS ELETRICOS_v3.0.2.xlsx</t>
  </si>
  <si>
    <t>QUADROS ELETRICOS_v3.0.3.xlsx</t>
  </si>
  <si>
    <t>QUADROS ELETRICOS_v3.0.4.xlsx</t>
  </si>
  <si>
    <t>QUADROS ELETRICOS_v3.0.5.xlsx</t>
  </si>
  <si>
    <t>QUADROS ELETRICOS_v3.0.6.xlsx</t>
  </si>
  <si>
    <t>\\acsfs\profiles$\gisellyador\Downloads\88390879-7063-4a12-b625-e469a4bfe2ce.tmp\PREVENTIVAS 2 SEMANA TIM\QUADROS ELÃ‰TRICOS DC\</t>
  </si>
  <si>
    <t>QUADROS ELETRICOS_v4.0-01.xlsx</t>
  </si>
  <si>
    <t>QUADROS ELETRICOS_v4.0-02.xlsx</t>
  </si>
  <si>
    <t>QUADROS ELETRICOS_v4.0-03.xlsx</t>
  </si>
  <si>
    <t>QUADROS ELETRICOS_v4.0-05.xlsx</t>
  </si>
  <si>
    <t>QUADROS ELETRICOS_v4.0-06.xlsx</t>
  </si>
  <si>
    <t>QUADROS ELETRICOS_v4.0-4.xlsx</t>
  </si>
  <si>
    <t>QUADROS ELETRICOS_v4.0.xlsx</t>
  </si>
  <si>
    <t>12/16/2019 10:38:20</t>
  </si>
  <si>
    <t>Não confirmado 895921.crdownload</t>
  </si>
  <si>
    <t>\\acsfs\profiles$\gisellyador\Downloads\Não confirmado 895921.crdownload</t>
  </si>
  <si>
    <t>12/16/2019 10:40:52</t>
  </si>
  <si>
    <t>12/16/2019 10:41:19</t>
  </si>
  <si>
    <t>RVTools_AlgarElcano_2019-11-29.xlsx</t>
  </si>
  <si>
    <t>12/16/2019 10:42:23</t>
  </si>
  <si>
    <t>12/16/2019 10:40:28</t>
  </si>
  <si>
    <t>12/16/2019 10:45:13</t>
  </si>
  <si>
    <t>12/16/2019 10:46:13</t>
  </si>
  <si>
    <t>12/16/2019 10:43:15</t>
  </si>
  <si>
    <t>12/16/2019 10:41:47</t>
  </si>
  <si>
    <t>12/16/2019 10:41:55</t>
  </si>
  <si>
    <t>mail.google.com/sync/u/0/i/s?hl=pt-BR&amp;c=195</t>
  </si>
  <si>
    <t>12/16/2019 10:42:00</t>
  </si>
  <si>
    <t>12/16/2019 10:42:03</t>
  </si>
  <si>
    <t>12/16/2019 10:42:15</t>
  </si>
  <si>
    <t>12/16/2019 10:42:53</t>
  </si>
  <si>
    <t>12/16/2019 10:47:12</t>
  </si>
  <si>
    <t>742aa368-d845-47a4-ba9a-1b169730a724.tmp</t>
  </si>
  <si>
    <t>\\acsfs\profiles$\geovannasm\Downloads\742aa368-d845-47a4-ba9a-1b169730a724.tmp</t>
  </si>
  <si>
    <t>12/16/2019 10:46:18</t>
  </si>
  <si>
    <t>2c8dcf80-cef3-4984-a3dc-75870be4b35e.tmp</t>
  </si>
  <si>
    <t>\\acsfs\profiles$\geovannasm\Downloads\2c8dcf80-cef3-4984-a3dc-75870be4b35e.tmp</t>
  </si>
  <si>
    <t>12/16/2019 10:42:26</t>
  </si>
  <si>
    <t>12/16/2019 10:48:13</t>
  </si>
  <si>
    <t>mail.google.com/sync/u/0/i/s?hl=pt-br&amp;c=60</t>
  </si>
  <si>
    <t>12/16/2019 10:42:47</t>
  </si>
  <si>
    <t>mail.google.com/sync/u/0/i/s?hl=pt-br&amp;c=63</t>
  </si>
  <si>
    <t>12/16/2019 10:42:50</t>
  </si>
  <si>
    <t>12/16/2019 10:43:00</t>
  </si>
  <si>
    <t>12/16/2019 10:43:29</t>
  </si>
  <si>
    <t>mail.google.com/mail/u/0/jserror?script=https://mail.google.com/mail/u/0/#inbox/fmfcgxwgcqtctsttphqptgpwxwnhxcxd&amp;error=yo&amp;line=not available&amp;txz=p</t>
  </si>
  <si>
    <t>12/16/2019 10:43:37</t>
  </si>
  <si>
    <t>12/16/2019 10:43:39</t>
  </si>
  <si>
    <t>mail.google.com/mail/u/0/jserror?script=https://mail.google.com/mail/u/0/#inbox/fmfcgxwgcqtctsttczxfgshpbxfdvzdc&amp;error=yo&amp;line=not available&amp;txz=p</t>
  </si>
  <si>
    <t>12/16/2019 10:44:27</t>
  </si>
  <si>
    <t>12/16/2019 10:44:49</t>
  </si>
  <si>
    <t>12/16/2019 10:45:49</t>
  </si>
  <si>
    <t>12/16/2019 10:46:26</t>
  </si>
  <si>
    <t>12/16/2019 10:46:29</t>
  </si>
  <si>
    <t>mail.google.com/sync/u/0/i/s?hl=pt-br&amp;c=84</t>
  </si>
  <si>
    <t>12/16/2019 10:46:58</t>
  </si>
  <si>
    <t>mail.google.com/sync/u/0/i/s?hl=pt-br&amp;c=87</t>
  </si>
  <si>
    <t>12/16/2019 10:47:07</t>
  </si>
  <si>
    <t>mail.google.com/sync/u/0/i/s?hl=pt-br&amp;c=89</t>
  </si>
  <si>
    <t>12/16/2019 10:44:03</t>
  </si>
  <si>
    <t>12/16/2019 10:44:39</t>
  </si>
  <si>
    <t>12/16/2019 10:46:22</t>
  </si>
  <si>
    <t>JOYCE MARIA MENDES DIAS LOPES.txt</t>
  </si>
  <si>
    <t>\\acsfs\DEPTOS\Operacao\Banco_Votorantim\Qualidade\Anderson\Jose\JOYCE MARIA MENDES DIAS LOPES.txt</t>
  </si>
  <si>
    <t>12/16/2019 10:43:04</t>
  </si>
  <si>
    <t>12/16/2019 10:44:04</t>
  </si>
  <si>
    <t>12/16/2019 10:44:34</t>
  </si>
  <si>
    <t>12/16/2019 10:45:04</t>
  </si>
  <si>
    <t>12/16/2019 10:43:59</t>
  </si>
  <si>
    <t>RVTools_AlgarElcano_2019-11-29(2).xlsx</t>
  </si>
  <si>
    <t>12/16/2019 10:44:35</t>
  </si>
  <si>
    <t>Landscape.xlsx</t>
  </si>
  <si>
    <t>12/16/2019 10:45:46</t>
  </si>
  <si>
    <t>12/16/2019 10:50:13</t>
  </si>
  <si>
    <t>12/16/2019 10:47:02</t>
  </si>
  <si>
    <t>12/16/2019 10:51:12</t>
  </si>
  <si>
    <t>12/16/2019 10:47:39</t>
  </si>
  <si>
    <t>12/16/2019 10:53:13</t>
  </si>
  <si>
    <t>12/16/2019 10:47:57</t>
  </si>
  <si>
    <t>mail.google.com/sync/u/0/i/s?hl=pt-br&amp;c=94</t>
  </si>
  <si>
    <t>12/16/2019 10:48:19</t>
  </si>
  <si>
    <t>mail.google.com/sync/u/0/i/s?hl=pt-br&amp;c=96</t>
  </si>
  <si>
    <t>12/16/2019 10:48:22</t>
  </si>
  <si>
    <t>mail.google.com/mail/u/0/jserror?script=https://mail.google.com/mail/u/0/#inbox?compose=cllgckcgljwkkdpwvrlpmdkqlpqvnrhghsmrmcjchffvwflrhzmtllgbptvpndljgncwcchgznb&amp;error=yo&amp;line=not available&amp;txz=p</t>
  </si>
  <si>
    <t>12/16/2019 10:48:30</t>
  </si>
  <si>
    <t>mail.google.com/mail/u/0/jserror?script=https://mail.google.com/mail/u/0/#inbox/fmfcgxwgcqtcttbpdqstmdtsrvgnnftn?compose=cllgckcgljwkkdpwvrlpmdkqlpqvnrhghsmrmcjchffvwflrhzmtllgbptvpndljgncwcchgznb&amp;error=yo&amp;line=not available&amp;txz=p</t>
  </si>
  <si>
    <t>12/16/2019 10:50:49</t>
  </si>
  <si>
    <t>12/16/2019 10:51:27</t>
  </si>
  <si>
    <t>12/16/2019 10:51:49</t>
  </si>
  <si>
    <t>12/16/2019 10:50:58</t>
  </si>
  <si>
    <t>12/16/2019 10:50:59</t>
  </si>
  <si>
    <t>lu2454023e2q0.tmp</t>
  </si>
  <si>
    <t>\\acsfs\profiles$\dhiulliananads\My Documents\lu2454023e2q0.tmp</t>
  </si>
  <si>
    <t>\\acsfs\profiles$\dhiulliananads\My Documents\lu2454023e2q0.tmp\</t>
  </si>
  <si>
    <t>\\acsfs\profiles$\dhiulliananads\My Documents\lu2454023e2q0.tmp\META-INF\</t>
  </si>
  <si>
    <t>\\acsfs\profiles$\dhiulliananads\My Documents\lu2454023e2q0.tmp\Thumbnails\</t>
  </si>
  <si>
    <t>12/16/2019 10:51:29</t>
  </si>
  <si>
    <t>12/16/2019 10:51:30</t>
  </si>
  <si>
    <t>lu2454023e2q5.tmp</t>
  </si>
  <si>
    <t>\\acsfs\profiles$\dhiulliananads\My Documents\lu2454023e2q5.tmp</t>
  </si>
  <si>
    <t>\\acsfs\profiles$\dhiulliananads\My Documents\lu2454023e2q5.tmp\</t>
  </si>
  <si>
    <t>\\acsfs\profiles$\dhiulliananads\My Documents\lu2454023e2q5.tmp\META-INF\</t>
  </si>
  <si>
    <t>\\acsfs\profiles$\dhiulliananads\My Documents\lu2454023e2q5.tmp\Thumbnails\</t>
  </si>
  <si>
    <t>12/16/2019 10:49:26</t>
  </si>
  <si>
    <t>rogerio.silva@cscalgar.com.br;</t>
  </si>
  <si>
    <t>C:\Users\diegorg\Downloads\</t>
  </si>
  <si>
    <t>Certificações Diego Garcia - Tech (1).xlsx</t>
  </si>
  <si>
    <t>rogerio.silva@cscalgar.com.br</t>
  </si>
  <si>
    <t>12/16/2019 10:34:03</t>
  </si>
  <si>
    <t>NEXT 2020.xlsx</t>
  </si>
  <si>
    <t>12/16/2019 10:48:34</t>
  </si>
  <si>
    <t>12/16/2019 10:49:04</t>
  </si>
  <si>
    <t>12/16/2019 10:49:34</t>
  </si>
  <si>
    <t>12/16/2019 10:49:11</t>
  </si>
  <si>
    <t>df27dd6e-7a50-47f3-ba67-00c36b519f98.tmp</t>
  </si>
  <si>
    <t>\\acsfs\profiles$\deborahsi\Downloads\df27dd6e-7a50-47f3-ba67-00c36b519f98.tmp</t>
  </si>
  <si>
    <t>12/16/2019 10:53:20</t>
  </si>
  <si>
    <t>12/16/2019 10:55:13</t>
  </si>
  <si>
    <t>12/16/2019 10:53:22</t>
  </si>
  <si>
    <t>12/16/2019 10:53:18</t>
  </si>
  <si>
    <t>12/16/2019 10:54:39</t>
  </si>
  <si>
    <t>12/16/2019 10:58:13</t>
  </si>
  <si>
    <t>mail.google.com/sync/u/0/i/s?hl=pt-br&amp;c=106</t>
  </si>
  <si>
    <t>12/16/2019 10:54:48</t>
  </si>
  <si>
    <t>12/16/2019 10:56:04</t>
  </si>
  <si>
    <t>mail.google.com/sync/u/0/i/s?hl=pt-br&amp;c=112</t>
  </si>
  <si>
    <t>12/16/2019 10:56:08</t>
  </si>
  <si>
    <t>mail.google.com/sync/u/0/i/s?hl=pt-br&amp;c=114</t>
  </si>
  <si>
    <t>12/16/2019 10:56:32</t>
  </si>
  <si>
    <t>mail.google.com/sync/u/0/i/s?hl=pt-br&amp;c=116</t>
  </si>
  <si>
    <t>12/16/2019 10:56:49</t>
  </si>
  <si>
    <t>12/16/2019 10:57:16</t>
  </si>
  <si>
    <t>mail.google.com/sync/u/0/i/s?hl=pt-br&amp;c=119</t>
  </si>
  <si>
    <t>12/16/2019 10:53:04</t>
  </si>
  <si>
    <t>12/16/2019 10:54:04</t>
  </si>
  <si>
    <t>12/16/2019 10:54:34</t>
  </si>
  <si>
    <t>12/16/2019 10:55:34</t>
  </si>
  <si>
    <t>d6cbea20-1b11-42f7-9987-207d020f1b5d.tmp</t>
  </si>
  <si>
    <t>\\acsfs\profiles$\alicecpbc\Downloads\d6cbea20-1b11-42f7-9987-207d020f1b5d.tmp</t>
  </si>
  <si>
    <t>12/16/2019 10:56:29</t>
  </si>
  <si>
    <t>12/16/2019 11:00:13</t>
  </si>
  <si>
    <t>12/16/2019 10:56:10</t>
  </si>
  <si>
    <t>12/16/2019 11:01:13</t>
  </si>
  <si>
    <t>lu477205lknkp.tmp</t>
  </si>
  <si>
    <t>\\acsfs\profiles$\kamillacr\My Documents\lu477205lknkp.tmp</t>
  </si>
  <si>
    <t>\\acsfs\profiles$\kamillacr\My Documents\lu477205lknkp.tmp\</t>
  </si>
  <si>
    <t>\\acsfs\profiles$\kamillacr\My Documents\lu477205lknkp.tmp\META-INF\</t>
  </si>
  <si>
    <t>\\acsfs\profiles$\kamillacr\My Documents\lu477205lknkp.tmp\Thumbnails\</t>
  </si>
  <si>
    <t>12/16/2019 10:57:31</t>
  </si>
  <si>
    <t>12/16/2019 11:02:13</t>
  </si>
  <si>
    <t>52ac3836-a053-4433-8a1c-9fa6d99c9358.tmp</t>
  </si>
  <si>
    <t>\\acsfs\profiles$\leonardobb\Downloads\52ac3836-a053-4433-8a1c-9fa6d99c9358.tmp</t>
  </si>
  <si>
    <t>12/16/2019 10:58:08</t>
  </si>
  <si>
    <t>52e795f5-b3c3-4a91-9c52-9a118a921670.tmp</t>
  </si>
  <si>
    <t>\\acsfs\profiles$\leonardobb\Downloads\52e795f5-b3c3-4a91-9c52-9a118a921670.tmp</t>
  </si>
  <si>
    <t>12/16/2019 10:57:24</t>
  </si>
  <si>
    <t>12/16/2019 11:03:13</t>
  </si>
  <si>
    <t>mail.google.com/sync/u/0/i/s?hl=pt-br&amp;c=121</t>
  </si>
  <si>
    <t>12/16/2019 10:57:28</t>
  </si>
  <si>
    <t>mail.google.com/sync/u/0/i/s?hl=pt-br&amp;c=124</t>
  </si>
  <si>
    <t>mail.google.com/sync/u/0/i/s?hl=pt-br&amp;c=126</t>
  </si>
  <si>
    <t>12/16/2019 10:57:35</t>
  </si>
  <si>
    <t>mail.google.com/sync/u/0/i/s?hl=pt-br&amp;c=128</t>
  </si>
  <si>
    <t>12/16/2019 10:57:39</t>
  </si>
  <si>
    <t>mail.google.com/sync/u/0/i/s?hl=pt-br&amp;c=131</t>
  </si>
  <si>
    <t>12/16/2019 10:57:49</t>
  </si>
  <si>
    <t>12/16/2019 10:57:50</t>
  </si>
  <si>
    <t>mail.google.com/sync/u/0/i/s?hl=pt-br&amp;c=133</t>
  </si>
  <si>
    <t>12/16/2019 10:58:04</t>
  </si>
  <si>
    <t>mail.google.com/sync/u/0/i/s?hl=pt-br&amp;c=135</t>
  </si>
  <si>
    <t>12/16/2019 11:00:28</t>
  </si>
  <si>
    <t>12/16/2019 11:01:31</t>
  </si>
  <si>
    <t>12/16/2019 11:01:43</t>
  </si>
  <si>
    <t>12/16/2019 10:59:35</t>
  </si>
  <si>
    <t>12/16/2019 11:00:08</t>
  </si>
  <si>
    <t>12/16/2019 10:58:42</t>
  </si>
  <si>
    <t>800bb299-71be-4eee-9a02-1d8f8bf501a6.tmp</t>
  </si>
  <si>
    <t>\\acsfs\profiles$\YASMINSC\Downloads\800bb299-71be-4eee-9a02-1d8f8bf501a6.tmp</t>
  </si>
  <si>
    <t>12/16/2019 10:58:51</t>
  </si>
  <si>
    <t>12/16/2019 11:04:14</t>
  </si>
  <si>
    <t>$IA6YPSE.txt</t>
  </si>
  <si>
    <t>\\acsfs\profiles$\cassianogc\My Documents\$RECYCLE.BIN\$IA6YPSE.txt</t>
  </si>
  <si>
    <t>12/16/2019 11:01:55</t>
  </si>
  <si>
    <t>12/16/2019 11:01:37</t>
  </si>
  <si>
    <t>12/16/2019 11:05:13</t>
  </si>
  <si>
    <t>ed1c1cf1-4c16-429f-966a-22c0aa15e40f.tmp</t>
  </si>
  <si>
    <t>\\acsfs\profiles$\LUCASNS\Downloads\ed1c1cf1-4c16-429f-966a-22c0aa15e40f.tmp</t>
  </si>
  <si>
    <t>12/16/2019 11:01:53</t>
  </si>
  <si>
    <t>1b32ec19-ea73-4bd5-8e38-18a1b6dbd3bd.tmp</t>
  </si>
  <si>
    <t>\\acsfs\profiles$\LUCASNS\Downloads\1b32ec19-ea73-4bd5-8e38-18a1b6dbd3bd.tmp</t>
  </si>
  <si>
    <t>12/16/2019 11:02:51</t>
  </si>
  <si>
    <t>12/16/2019 11:02:52</t>
  </si>
  <si>
    <t>lu158081e5tkw.tmp</t>
  </si>
  <si>
    <t>\\acsfs\profiles$\jonatanls\My Documents\lu158081e5tkw.tmp</t>
  </si>
  <si>
    <t>12/16/2019 11:04:33</t>
  </si>
  <si>
    <t>12/16/2019 11:06:14</t>
  </si>
  <si>
    <t>12/16/2019 11:04:40</t>
  </si>
  <si>
    <t>12/16/2019 11:04:41</t>
  </si>
  <si>
    <t>lu477205lknkt.tmp</t>
  </si>
  <si>
    <t>\\acsfs\profiles$\kamillacr\My Documents\lu477205lknkt.tmp</t>
  </si>
  <si>
    <t>\\acsfs\profiles$\kamillacr\My Documents\lu477205lknkt.tmp\</t>
  </si>
  <si>
    <t>\\acsfs\profiles$\kamillacr\My Documents\lu477205lknkt.tmp\META-INF\</t>
  </si>
  <si>
    <t>\\acsfs\profiles$\kamillacr\My Documents\lu477205lknkt.tmp\Thumbnails\</t>
  </si>
  <si>
    <t>12/16/2019 11:03:59</t>
  </si>
  <si>
    <t>12/16/2019 11:07:13</t>
  </si>
  <si>
    <t>17273303-c943-4719-b0e3-a56b2c8410ae.tmp</t>
  </si>
  <si>
    <t>\\acsfs\profiles$\geovannasm\Downloads\17273303-c943-4719-b0e3-a56b2c8410ae.tmp</t>
  </si>
  <si>
    <t>12/16/2019 11:07:24</t>
  </si>
  <si>
    <t>12/16/2019 11:08:14</t>
  </si>
  <si>
    <t>Coaching GTH Padrão.txt</t>
  </si>
  <si>
    <t>\\acsfs\DEPTOS\Operacao\Banco_Votorantim\Supervisao\SUPERS BV CARTÕES\ADILSON\Coaching GTH Padrão.txt</t>
  </si>
  <si>
    <t>12/16/2019 11:02:50</t>
  </si>
  <si>
    <t>12/16/2019 11:03:22</t>
  </si>
  <si>
    <t>mail.google.com/sync/u/0/i/s?hl=pt-br&amp;c=146</t>
  </si>
  <si>
    <t>12/16/2019 11:03:25</t>
  </si>
  <si>
    <t>mail.google.com/sync/u/0/i/s?hl=pt-br&amp;c=148</t>
  </si>
  <si>
    <t>12/16/2019 11:03:48</t>
  </si>
  <si>
    <t>mail.google.com/sync/u/0/i/s?hl=pt-br&amp;c=152</t>
  </si>
  <si>
    <t>12/16/2019 11:03:50</t>
  </si>
  <si>
    <t>12/16/2019 11:03:51</t>
  </si>
  <si>
    <t>12/16/2019 11:03:57</t>
  </si>
  <si>
    <t>mail.google.com/mail/u/0/jserror?script=https://mail.google.com/mail/u/0/#inbox/fmfcgxwgcqtcttbpdqstmdtsrvgnnftn&amp;error=yo&amp;line=not available&amp;txz=p</t>
  </si>
  <si>
    <t>12/16/2019 11:04:04</t>
  </si>
  <si>
    <t>mail.google.com/mail/u/0/jserror?script=https://mail.google.com/mail/u/0/#sent&amp;error=yo&amp;line=not available&amp;txz=p</t>
  </si>
  <si>
    <t>12/16/2019 11:04:07</t>
  </si>
  <si>
    <t>mail.google.com/mail/u/0/jserror?script=https://mail.google.com/mail/u/0/#sent/ktbxlzgsrzppdqtfvjlnrjmlcrckzmzvml&amp;error=yo&amp;line=not available&amp;txz=p</t>
  </si>
  <si>
    <t>1345&amp;mn=sz:7935,at:1&amp;ai=mail:sd.b28b.20.0/s:v=2&amp;a=lc&amp;sv=di&amp;ev=di&amp;t=732&amp;i=632&amp;ai=mail:lc.b28b.21.0/s:v=2&amp;a=o&amp;sv=di&amp;ev=cv&amp;t=443&amp;i=266&amp;ai=mail:o.b28b.22.0/s:v=2&amp;a=lc&amp;sv=cv&amp;ev=di&amp;t=612.89990234375&amp;i=136.89990234375&amp;ai=mail:lc.b28b.23.0/s:v=2&amp;a=lc&amp;sv=di&amp;ev=tl&amp;t=2893&amp;i=2585&amp;ai=mail:lc.b28b.24.0;</t>
  </si>
  <si>
    <t>12/16/2019 11:04:13</t>
  </si>
  <si>
    <t>12/16/2019 11:04:15</t>
  </si>
  <si>
    <t>mail.google.com/mail/u/0/jserror?script=https://mail.google.com/mail/u/0/#inbox/fmfcgxwgcqtctvjvlhscfrkbhjrkfrxl&amp;error=yo&amp;line=not available&amp;txz=p</t>
  </si>
  <si>
    <t>12/16/2019 11:05:40</t>
  </si>
  <si>
    <t>12/16/2019 11:05:43</t>
  </si>
  <si>
    <t>12/16/2019 11:03:07</t>
  </si>
  <si>
    <t>10.200.66.184</t>
  </si>
  <si>
    <t>74-86-7A-FB-1A-15</t>
  </si>
  <si>
    <t>VOTORANT-WB003</t>
  </si>
  <si>
    <t>marianacgs@algartech.com</t>
  </si>
  <si>
    <t>12/16/2019 11:03:17</t>
  </si>
  <si>
    <t>12/16/2019 11:03:24</t>
  </si>
  <si>
    <t>12/16/2019 11:05:46</t>
  </si>
  <si>
    <t>12/16/2019 11:05:47</t>
  </si>
  <si>
    <t>12/16/2019 11:04:35</t>
  </si>
  <si>
    <t>12/16/2019 11:05:05</t>
  </si>
  <si>
    <t>12/16/2019 11:06:05</t>
  </si>
  <si>
    <t>12/16/2019 11:05:25</t>
  </si>
  <si>
    <t>12/16/2019 11:10:13</t>
  </si>
  <si>
    <t>1fb67af5-e8c7-49cb-b0ad-b26759f481fe.tmp</t>
  </si>
  <si>
    <t>\\acsfs\profiles$\geovanaasa\Downloads\1fb67af5-e8c7-49cb-b0ad-b26759f481fe.tmp</t>
  </si>
  <si>
    <t>12/16/2019 11:06:08</t>
  </si>
  <si>
    <t>12/16/2019 11:11:13</t>
  </si>
  <si>
    <t>FTE_Caixa_Nov - Copia.xlsb</t>
  </si>
  <si>
    <t>12/16/2019 11:09:03</t>
  </si>
  <si>
    <t>12/16/2019 11:12:14</t>
  </si>
  <si>
    <t>6e8bff96-0744-4215-9a6a-dbb01bebd004.tmp</t>
  </si>
  <si>
    <t>\\acsfs\profiles$\geovannasm\Downloads\6e8bff96-0744-4215-9a6a-dbb01bebd004.tmp</t>
  </si>
  <si>
    <t>12/16/2019 11:09:36</t>
  </si>
  <si>
    <t>Férias - Youse SAC</t>
  </si>
  <si>
    <t>Controle de Férias Fina2.xls</t>
  </si>
  <si>
    <t>12/16/2019 11:10:53</t>
  </si>
  <si>
    <t>7af52b97-7b21-4e9a-bed6-85ca722d294b.tmp</t>
  </si>
  <si>
    <t>\\acsfs\profiles$\gabrielarb\Downloads\7af52b97-7b21-4e9a-bed6-85ca722d294b.tmp</t>
  </si>
  <si>
    <t>12/16/2019 11:07:53</t>
  </si>
  <si>
    <t>12/16/2019 11:13:14</t>
  </si>
  <si>
    <t>mail.google.com/mail/u/0/jserror?script=https://mail.google.com/mail/u/0/#inbox/fmfcgxwgcqtctvknggnzswqszzvgjfdf&amp;error=yo&amp;line=not available&amp;txz=p</t>
  </si>
  <si>
    <t>12/16/2019 11:07:55</t>
  </si>
  <si>
    <t>361&amp;i=182&amp;ai=mail:o.b28b.25.1/s:v=2&amp;a=lc&amp;sv=cv&amp;ev=di&amp;t=1246&amp;i=336&amp;ai=mail:lc.b28b.26.0/s:v=2&amp;a=o&amp;sv=di&amp;ev=cv&amp;t=455&amp;i=278&amp;ai=mail:o.b28b.27.0/s:v=2&amp;a=lc&amp;sv=cv&amp;ev=di&amp;t=659&amp;i=135&amp;ai=mail:lc.b28b.28.0</t>
  </si>
  <si>
    <t>12/16/2019 11:08:02</t>
  </si>
  <si>
    <t>12/16/2019 11:08:03</t>
  </si>
  <si>
    <t>mail.google.com/mail/u/0/jserror?script=https://mail.google.com/mail/u/0/#inbox/fmfcgxwgcqtctvknjstkjzvcrxvvtcxv&amp;error=yo&amp;line=not available&amp;txz=p</t>
  </si>
  <si>
    <t>12/16/2019 11:08:56</t>
  </si>
  <si>
    <t>12/16/2019 11:09:47</t>
  </si>
  <si>
    <t>12/16/2019 11:09:50</t>
  </si>
  <si>
    <t>12/16/2019 11:09:59</t>
  </si>
  <si>
    <t>mail.google.com/mail/u/0/jserror?script=https://mail.google.com/mail/u/0/#starred&amp;error=yo&amp;line=not available&amp;txz=p</t>
  </si>
  <si>
    <t>12/16/2019 11:09:05</t>
  </si>
  <si>
    <t>12/16/2019 11:11:43</t>
  </si>
  <si>
    <t>12/16/2019 11:16:14</t>
  </si>
  <si>
    <t>mail.google.com/_/upload?authuser=1&amp;dcp=asu-n&amp;upload_id=AEnB2UpIC6O0EDzZtiMsS4TcqY3smE8c3iedPGt9mEJDS7ghon6eWkhL5Y8An8-bO88LZYqjQy5xi0MS46IyIVawHXrr-S9bo2ApTU8qejw2US2euDFztYU&amp;upload_protocol=resumable</t>
  </si>
  <si>
    <t>FTE_Caixa_Dez.xlsb</t>
  </si>
  <si>
    <t>12/16/2019 11:12:34</t>
  </si>
  <si>
    <t>FTE_BV_Nov19_v2 - Copia.xlsb</t>
  </si>
  <si>
    <t>12/16/2019 11:15:52</t>
  </si>
  <si>
    <t>12/16/2019 11:17:14</t>
  </si>
  <si>
    <t>Cenários Retenção Contingências V2.xlsx</t>
  </si>
  <si>
    <t>12/16/2019 11:14:33</t>
  </si>
  <si>
    <t>/o=exchangelabs/ou=exchange administrative group (fydibohf23spdlt)/cn=recipients/cn=anderson pereira chaves;michelbdsa@algartech.com;wasleylc@algartech.com;</t>
  </si>
  <si>
    <t>Férias - Youse Receptivo</t>
  </si>
  <si>
    <t>/o=exchangelabs/ou=exchange administrative group (fydibohf23spdlt)/cn=recipients/cn=anderson pereira chaves,michelbdsa@algartech.com,wasleylc@algartech.com</t>
  </si>
  <si>
    <t>12/16/2019 11:16:36</t>
  </si>
  <si>
    <t>/o=exchangelabs/ou=exchange administrative group (fydibohf23spdlt)/cn=recipients/cn=14c08a8300184ee2bc1d99a9b08e4b56-andrea mari;/o=exchangelabs/ou=exchange administrative group (fydibohf23spdlt)/cn=recipients/cn=2ac887867ba14793b9e5f0874f3080cd-marcia regi;/o=exchangelabs/ou=exchange administrative group (fydibohf23spdlt)/cn=recipients/cn=anderson pereira chaves;wasleylc@algartech.com;</t>
  </si>
  <si>
    <t>Férias - Youse Ativo</t>
  </si>
  <si>
    <t>/o=exchangelabs/ou=exchange administrative group (fydibohf23spdlt)/cn=recipients/cn=14c08a8300184ee2bc1d99a9b08e4b56-andrea mari,/o=exchangelabs/ou=exchange administrative group (fydibohf23spdlt)/cn=recipients/cn=2ac887867ba14793b9e5f0874f3080cd-marcia regi,/o=exchangelabs/ou=exchange administrative group (fydibohf23spdlt)/cn=recipients/cn=anderson pereira chaves,wasleylc@algartech.com</t>
  </si>
  <si>
    <t>12/16/2019 11:12:29</t>
  </si>
  <si>
    <t>12/16/2019 11:18:14</t>
  </si>
  <si>
    <t>12/16/2019 11:12:41</t>
  </si>
  <si>
    <t>12/16/2019 11:12:47</t>
  </si>
  <si>
    <t>mail.google.com/mail/u/0/jserror?script=https://mail.google.com/mail/u/0/#inbox/fmfcgxwgcqtctvkqlkmzgpcknzzxkbkl&amp;error=yo&amp;line=not available&amp;txz=p</t>
  </si>
  <si>
    <t>12/16/2019 11:14:50</t>
  </si>
  <si>
    <t>12/16/2019 11:14:55</t>
  </si>
  <si>
    <t>mail.google.com/sync/u/0/i/s?hl=pt-br&amp;c=214</t>
  </si>
  <si>
    <t>12/16/2019 11:15:29</t>
  </si>
  <si>
    <t>mail.google.com/sync/u/0/i/s?hl=pt-br&amp;c=216</t>
  </si>
  <si>
    <t>12/16/2019 11:15:50</t>
  </si>
  <si>
    <t>12/16/2019 11:15:51</t>
  </si>
  <si>
    <t>mail.google.com/sync/u/0/i/s?hl=pt-br&amp;c=219</t>
  </si>
  <si>
    <t>12/16/2019 11:16:10</t>
  </si>
  <si>
    <t>mail.google.com/sync/u/0/i/s?hl=pt-br&amp;c=221</t>
  </si>
  <si>
    <t>12/16/2019 11:16:15</t>
  </si>
  <si>
    <t>mail.google.com/sync/u/0/i/s?hl=pt-br&amp;c=223</t>
  </si>
  <si>
    <t>12/16/2019 11:16:28</t>
  </si>
  <si>
    <t>12/16/2019 11:16:32</t>
  </si>
  <si>
    <t>mail.google.com/sync/u/0/i/s?hl=pt-br&amp;c=225</t>
  </si>
  <si>
    <t>12/16/2019 11:16:38</t>
  </si>
  <si>
    <t>mail.google.com/sync/u/0/i/s?hl=pt-br&amp;c=228</t>
  </si>
  <si>
    <t>12/16/2019 11:16:43</t>
  </si>
  <si>
    <t>mail.google.com/sync/u/0/i/s?hl=pt-br&amp;c=230</t>
  </si>
  <si>
    <t>12/16/2019 11:17:12</t>
  </si>
  <si>
    <t>mail.google.com/sync/u/0/i/s?hl=pt-br&amp;c=232</t>
  </si>
  <si>
    <t>12/16/2019 11:13:47</t>
  </si>
  <si>
    <t>12/16/2019 11:19:14</t>
  </si>
  <si>
    <t>12/16/2019 11:19:40</t>
  </si>
  <si>
    <t>12/16/2019 11:21:14</t>
  </si>
  <si>
    <t>FTE_BV_Dez19.xlsb</t>
  </si>
  <si>
    <t>12/16/2019 11:16:18</t>
  </si>
  <si>
    <t>48103571-3279-4bee-8eb1-be08b2a21797.tmp</t>
  </si>
  <si>
    <t>\\acsfs\profiles$\valeriasda\Downloads\48103571-3279-4bee-8eb1-be08b2a21797.tmp</t>
  </si>
  <si>
    <t>12/16/2019 11:19:20</t>
  </si>
  <si>
    <t>bca47e46-fa61-4daa-bda5-862abfb59fb0.tmp</t>
  </si>
  <si>
    <t>\\acsfs\profiles$\gabrielafs\Downloads\bca47e46-fa61-4daa-bda5-862abfb59fb0.tmp</t>
  </si>
  <si>
    <t>12/16/2019 11:17:50</t>
  </si>
  <si>
    <t>12/16/2019 11:22:14</t>
  </si>
  <si>
    <t>51a01a30-1280-4d3b-ad6e-349fa1f883a4.tmp</t>
  </si>
  <si>
    <t>\\acsfs\profiles$\gabrielarb\Downloads\51a01a30-1280-4d3b-ad6e-349fa1f883a4.tmp</t>
  </si>
  <si>
    <t>12/16/2019 11:20:03</t>
  </si>
  <si>
    <t>87ec619d-b74c-4eec-a7e6-14ed653a7133.tmp</t>
  </si>
  <si>
    <t>\\acsfs\profiles$\gabrielarb\Downloads\87ec619d-b74c-4eec-a7e6-14ed653a7133.tmp</t>
  </si>
  <si>
    <t>12/16/2019 11:20:11</t>
  </si>
  <si>
    <t>7ff250f0-e2e6-4ae8-a9d5-5c562891c34e.tmp</t>
  </si>
  <si>
    <t>\\acsfs\profiles$\gabrielarb\Downloads\7ff250f0-e2e6-4ae8-a9d5-5c562891c34e.tmp</t>
  </si>
  <si>
    <t>12/16/2019 11:17:36</t>
  </si>
  <si>
    <t>12/16/2019 11:23:14</t>
  </si>
  <si>
    <t>mail.google.com/sync/u/0/i/s?hl=pt-br&amp;c=234</t>
  </si>
  <si>
    <t>12/16/2019 11:17:41</t>
  </si>
  <si>
    <t>mail.google.com/sync/u/0/i/s?hl=pt-br&amp;c=237</t>
  </si>
  <si>
    <t>12/16/2019 11:18:09</t>
  </si>
  <si>
    <t>mail.google.com/sync/u/0/i/s?hl=pt-br&amp;c=239</t>
  </si>
  <si>
    <t>mail.google.com/sync/u/0/i/s?hl=pt-br&amp;c=241</t>
  </si>
  <si>
    <t>12/16/2019 11:18:19</t>
  </si>
  <si>
    <t>mail.google.com/sync/u/0/i/s?hl=pt-br&amp;c=243</t>
  </si>
  <si>
    <t>12/16/2019 11:18:21</t>
  </si>
  <si>
    <t>12/16/2019 11:20:50</t>
  </si>
  <si>
    <t>12/16/2019 11:21:50</t>
  </si>
  <si>
    <t>12/16/2019 11:22:43</t>
  </si>
  <si>
    <t>12/16/2019 11:25:13</t>
  </si>
  <si>
    <t>Importar_Quadro_Colaboradores_Sinergy - Quille (2).xlsx</t>
  </si>
  <si>
    <t>12/16/2019 11:23:04</t>
  </si>
  <si>
    <t>12/16/2019 11:20:31</t>
  </si>
  <si>
    <t>12/16/2019 11:26:14</t>
  </si>
  <si>
    <t>mail.google.com/_/upload?authuser=1&amp;dcp=asu-n&amp;upload_id=AEnB2Uq1iX9LIdPySLlUCoPOguZj30XQieDv6uG9-XHUTV1H8woRTXOEpjTrdtlcZXeNpCNKgmKUAU_puIARRZ7OW8ANb8b3NBR_YWmjaRr88NCwIc9RUBg&amp;upload_protocol=resumable</t>
  </si>
  <si>
    <t>12/16/2019 11:24:55</t>
  </si>
  <si>
    <t>12/16/2019 11:25:31</t>
  </si>
  <si>
    <t>C:\Users\miriantof\Desktop\</t>
  </si>
  <si>
    <t>Bradesco_Incluir CR.xlsx</t>
  </si>
  <si>
    <t>12/16/2019 11:22:42</t>
  </si>
  <si>
    <t>12/16/2019 11:23:57</t>
  </si>
  <si>
    <t>12/16/2019 11:23:58</t>
  </si>
  <si>
    <t>lu477205lknkx.tmp</t>
  </si>
  <si>
    <t>\\acsfs\profiles$\kamillacr\My Documents\lu477205lknkx.tmp</t>
  </si>
  <si>
    <t>\\acsfs\profiles$\kamillacr\My Documents\lu477205lknkx.tmp\</t>
  </si>
  <si>
    <t>\\acsfs\profiles$\kamillacr\My Documents\lu477205lknkx.tmp\META-INF\</t>
  </si>
  <si>
    <t>\\acsfs\profiles$\kamillacr\My Documents\lu477205lknkx.tmp\Thumbnails\</t>
  </si>
  <si>
    <t>12/16/2019 11:24:13</t>
  </si>
  <si>
    <t>12/16/2019 11:25:33</t>
  </si>
  <si>
    <t>10.200.67.139</t>
  </si>
  <si>
    <t>C:\Users\andrelpsa\Desktop\Comissão e Incentivo\</t>
  </si>
  <si>
    <t>Comissão _ CRBV Vendas _ Dez.19.xlsx</t>
  </si>
  <si>
    <t>Incentivo BV _ SAC BV _ Dez.19.xlsx</t>
  </si>
  <si>
    <t>12/16/2019 11:26:50</t>
  </si>
  <si>
    <t>12/16/2019 11:28:14</t>
  </si>
  <si>
    <t>12/16/2019 11:25:45</t>
  </si>
  <si>
    <t>mail.google.com/_/upload?authuser=0&amp;dcp=asu-n&amp;upload_id=AEnB2UrJKpO4dFtNYHVZfwc_kTW6efQIn1m1hxoDt1MBeoraGjTA1HwbLiMDM30z53q4LJOTdSRIAKFu6yur_ttT8W3Q4SZLkj885Uoz0QJcDogghYOl07I&amp;upload_protocol=resumable</t>
  </si>
  <si>
    <t>C:\Users\gustavoas\Documents\Algar Tech Local\RAO\RAO_GAT_Desafios_2020.pptx\</t>
  </si>
  <si>
    <t>12/16/2019 11:25:57</t>
  </si>
  <si>
    <t>mail.google.com/_/upload?authuser=0&amp;dcp=asu-n&amp;upload_id=AEnB2UqWbBTVRirn-oEye0xAESLPMS2xeG4KOhEc9raWImnVXsMqeNo7nEyWKhUoLm2WtIKHeuJWIChQu63JnIBWX_zPo9LW7SOEl_Ot8kIpGEQ6NG95kc0&amp;upload_protocol=resumable</t>
  </si>
  <si>
    <t>Compromissos Servico - Egidio.xlsx</t>
  </si>
  <si>
    <t>12/16/2019 11:24:04</t>
  </si>
  <si>
    <t>12/16/2019 11:29:13</t>
  </si>
  <si>
    <t>12/16/2019 11:25:05</t>
  </si>
  <si>
    <t>12/16/2019 11:30:14</t>
  </si>
  <si>
    <t>12/16/2019 11:25:27</t>
  </si>
  <si>
    <t>12/16/2019 11:26:57</t>
  </si>
  <si>
    <t>mail.google.com/_/upload?authuser=0&amp;dcp=asu-n&amp;upload_id=AEnB2Up2LAzuGEq_ujip_If_LYTLTFxGahRT7sLT6G5phntSDDBO46O6OxxTr2h2FIvI3E3-XwOLoWvsrGl2hntoXseOFvwvEQ&amp;upload_protocol=resumable</t>
  </si>
  <si>
    <t>annecsm@algartech.com;cintia.nunes@algartech.com;gabriela.harben@caixaseguradora.com.br;leonardoefo@algartech.com;lucia.farias@algar.com.br;mariliafsc@algartech.com;ouvidoria@algartech.com;thallitaarg@algartech.com;</t>
  </si>
  <si>
    <t>\\acsfs\DEPTOS\Operacao\CAIXA\Gerencia\IRIS LOPES\2019\DIREN\</t>
  </si>
  <si>
    <t>Acompanhamento de ações DIREN V4 dezembro.xlsx</t>
  </si>
  <si>
    <t>annecsm@algartech.com,cintia.nunes@algartech.com,gabriela.harben@caixaseguradora.com.br,leonardoefo@algartech.com,lucia.farias@algar.com.br,mariliafsc@algartech.com,ouvidoria@algartech.com,thallitaarg@algartech.com</t>
  </si>
  <si>
    <t>12/16/2019 11:26:37</t>
  </si>
  <si>
    <t>12/16/2019 11:31:13</t>
  </si>
  <si>
    <t>12/16/2019 11:30:13</t>
  </si>
  <si>
    <t>12/16/2019 11:32:14</t>
  </si>
  <si>
    <t>CURVA NORMAL - 13/12/2019</t>
  </si>
  <si>
    <t>12/16/2019 11:27:50</t>
  </si>
  <si>
    <t>12/16/2019 11:33:13</t>
  </si>
  <si>
    <t>12/16/2019 11:32:27</t>
  </si>
  <si>
    <t>12/16/2019 11:31:07</t>
  </si>
  <si>
    <t>C:\Users\diegobg\Downloads\</t>
  </si>
  <si>
    <t>FORMULARIO DE FORNECEDOR DETERMINADO_.doc</t>
  </si>
  <si>
    <t>12/16/2019 11:29:47</t>
  </si>
  <si>
    <t>mail.google.com/_/upload?authuser=2&amp;dcp=asu-n&amp;upload_id=AEnB2UqyDvVB21REQ6uLrMjpXjNeBPvgczhIHLUWpmT9Jnj3F_sLVBg0bT5q4V2gmehWLazU8xLNgrYBT3N3FsOnh-Dcxw5bEHbqjYXRg5akFnbIT73vGa4&amp;upload_protocol=resumable</t>
  </si>
  <si>
    <t>Distribuição - OTJ.xls</t>
  </si>
  <si>
    <t>12/16/2019 11:23:34</t>
  </si>
  <si>
    <t>12/16/2019 11:34:14</t>
  </si>
  <si>
    <t>12/16/2019 11:35:14</t>
  </si>
  <si>
    <t>\\acsfs\deptos\CAS - Coordenação de Arquitetura de Soluções\Gestão da Área\01 - Controle de Férias\</t>
  </si>
  <si>
    <t>Controle de Férias - Patrícia Araújo.xlsx</t>
  </si>
  <si>
    <t>12/16/2019 11:30:17</t>
  </si>
  <si>
    <t>mail.google.com/mail/u/0/?hl=pt-BR#inbox?compose=CllgCKCCRnHBdfMLmsXCtXVrKdbMMMSjzvbjlJChzDvTmQLfdZTtxJDddhtXrQnmnFbXVvjCgcL</t>
  </si>
  <si>
    <t>Lista de Venda..xlsx</t>
  </si>
  <si>
    <t>12/16/2019 11:30:45</t>
  </si>
  <si>
    <t>12/16/2019 11:36:14</t>
  </si>
  <si>
    <t>12/16/2019 11:32:50</t>
  </si>
  <si>
    <t>12/16/2019 11:38:13</t>
  </si>
  <si>
    <t>12/16/2019 11:33:50</t>
  </si>
  <si>
    <t>12/16/2019 11:37:33</t>
  </si>
  <si>
    <t>12/16/2019 11:33:20</t>
  </si>
  <si>
    <t>a67ffa6f-8489-440e-afe4-b03b704136b0.tmp</t>
  </si>
  <si>
    <t>\\acsfs\profiles$\YASMINSC\Downloads\a67ffa6f-8489-440e-afe4-b03b704136b0.tmp</t>
  </si>
  <si>
    <t>12/16/2019 11:39:12</t>
  </si>
  <si>
    <t>12/16/2019 11:40:14</t>
  </si>
  <si>
    <t>12/16/2019 11:36:10</t>
  </si>
  <si>
    <t>2c1e787f-60b2-4e59-82c6-eaafe62a1423.tmp</t>
  </si>
  <si>
    <t>\\acsfs\profiles$\paulovadc\Downloads\2c1e787f-60b2-4e59-82c6-eaafe62a1423.tmp</t>
  </si>
  <si>
    <t>12/16/2019 11:35:38</t>
  </si>
  <si>
    <t>12/16/2019 11:40:33</t>
  </si>
  <si>
    <t>12/16/2019 11:42:14</t>
  </si>
  <si>
    <t>mail.google.com/_/upload?authuser=1&amp;dcp=asu-n&amp;upload_id=AEnB2UoHqKeoMPXCL2lQsVBcYaO4-sYfeXo4_o6q9oRpeqGHUoLb3j5ZA-KaENRbYrIJLFJfxRJrhhPJhqKaABB3YoNFRiNJKc0MREYLs12HJUIvYFClQ6I&amp;upload_protocol=resumable</t>
  </si>
  <si>
    <t>TIM BBN - Expurgos Solicitados - W2.xlsx</t>
  </si>
  <si>
    <t>12/16/2019 11:38:05</t>
  </si>
  <si>
    <t>12/16/2019 11:43:15</t>
  </si>
  <si>
    <t>12/16/2019 11:38:50</t>
  </si>
  <si>
    <t>12/16/2019 11:39:50</t>
  </si>
  <si>
    <t>12/16/2019 11:42:04</t>
  </si>
  <si>
    <t>12/16/2019 11:43:22</t>
  </si>
  <si>
    <t>12/16/2019 11:45:14</t>
  </si>
  <si>
    <t>12/16/2019 11:39:36</t>
  </si>
  <si>
    <t>C:\Users\pauloslj\Downloads\</t>
  </si>
  <si>
    <t>Exporta_Unica_Leads (3).xlsx</t>
  </si>
  <si>
    <t>12/16/2019 11:43:17</t>
  </si>
  <si>
    <t>12/16/2019 11:46:14</t>
  </si>
  <si>
    <t>fernandorsju@algartech.com;talmaiardo@algartech.com;thiagordu@algartech.com;</t>
  </si>
  <si>
    <t>fernandorsju@algartech.com,talmaiardo@algartech.com,thiagordu@algartech.com</t>
  </si>
  <si>
    <t>12/16/2019 11:43:27</t>
  </si>
  <si>
    <t>12/16/2019 11:43:31</t>
  </si>
  <si>
    <t>12/16/2019 11:43:36</t>
  </si>
  <si>
    <t>mail.google.com/sync/u/0/i/s?hl=pt-BR&amp;c=76</t>
  </si>
  <si>
    <t>12/16/2019 11:43:43</t>
  </si>
  <si>
    <t>12/16/2019 11:44:14</t>
  </si>
  <si>
    <t>12/16/2019 11:44:18</t>
  </si>
  <si>
    <t>12/16/2019 11:44:20</t>
  </si>
  <si>
    <t>12/16/2019 11:44:35</t>
  </si>
  <si>
    <t>mail.google.com/sync/u/0/i/s?hl=pt-BR&amp;c=89</t>
  </si>
  <si>
    <t>12/16/2019 11:44:46</t>
  </si>
  <si>
    <t>DePara_Producao.xlsx</t>
  </si>
  <si>
    <t>12/16/2019 11:41:52</t>
  </si>
  <si>
    <t>12/16/2019 11:47:14</t>
  </si>
  <si>
    <t>bef7506e-d0a2-4692-be1d-e962bc5c7473.tmp</t>
  </si>
  <si>
    <t>\\acsfs\profiles$\geovannasm\Downloads\bef7506e-d0a2-4692-be1d-e962bc5c7473.tmp</t>
  </si>
  <si>
    <t>12/16/2019 11:42:08</t>
  </si>
  <si>
    <t>6a20d97d-1046-4301-8fc7-99af52168b40.tmp</t>
  </si>
  <si>
    <t>\\acsfs\profiles$\matheushds\Downloads\6a20d97d-1046-4301-8fc7-99af52168b40.tmp</t>
  </si>
  <si>
    <t>12/16/2019 11:43:35</t>
  </si>
  <si>
    <t>10.211.3.53</t>
  </si>
  <si>
    <t>C:\Users\leonardo.caetano\Desktop\Controles Mesa Digital\</t>
  </si>
  <si>
    <t>12/16/2019 11:44:50</t>
  </si>
  <si>
    <t>12/16/2019 11:48:14</t>
  </si>
  <si>
    <t>12/16/2019 11:45:50</t>
  </si>
  <si>
    <t>12/16/2019 11:43:34</t>
  </si>
  <si>
    <t>12/16/2019 11:49:11</t>
  </si>
  <si>
    <t>12/16/2019 11:50:14</t>
  </si>
  <si>
    <t>118ce02c-d50a-40e6-b4d1-8f470df43d26.tmp</t>
  </si>
  <si>
    <t>\\acsfs\profiles$\paulovadc\Downloads\118ce02c-d50a-40e6-b4d1-8f470df43d26.tmp</t>
  </si>
  <si>
    <t>12/16/2019 11:46:57</t>
  </si>
  <si>
    <t>12/16/2019 11:49:56</t>
  </si>
  <si>
    <t>12/16/2019 11:51:15</t>
  </si>
  <si>
    <t>12/16/2019 11:45:49</t>
  </si>
  <si>
    <t>12/16/2019 11:46:03</t>
  </si>
  <si>
    <t>mail.google.com/sync/u/0/i/s?hl=pt-BR&amp;c=94</t>
  </si>
  <si>
    <t>12/16/2019 11:50:50</t>
  </si>
  <si>
    <t>12/16/2019 11:53:14</t>
  </si>
  <si>
    <t>12/16/2019 11:51:50</t>
  </si>
  <si>
    <t>12/16/2019 11:51:12</t>
  </si>
  <si>
    <t>12/16/2019 11:55:14</t>
  </si>
  <si>
    <t>c101ba8a-1cad-40df-a51e-e9a157d62b7f.tmp</t>
  </si>
  <si>
    <t>\\acsfs\profiles$\wenderbnm\Downloads\c101ba8a-1cad-40df-a51e-e9a157d62b7f.tmp</t>
  </si>
  <si>
    <t>12/16/2019 11:53:57</t>
  </si>
  <si>
    <t>12/16/2019 11:57:14</t>
  </si>
  <si>
    <t>30a4ffbb-dee6-4d4a-bcfe-6e809f6b7b1a.tmp</t>
  </si>
  <si>
    <t>\\acsfs\profiles$\leticiala\Downloads\30a4ffbb-dee6-4d4a-bcfe-6e809f6b7b1a.tmp</t>
  </si>
  <si>
    <t>12/16/2019 11:55:21</t>
  </si>
  <si>
    <t>ab823c43-2ee7-43c5-9cda-57a059df1b6c.tmp</t>
  </si>
  <si>
    <t>\\acsfs\profiles$\leticiala\Downloads\ab823c43-2ee7-43c5-9cda-57a059df1b6c.tmp</t>
  </si>
  <si>
    <t>12/16/2019 11:54:51</t>
  </si>
  <si>
    <t>12/16/2019 11:58:14</t>
  </si>
  <si>
    <t>12/16/2019 11:56:50</t>
  </si>
  <si>
    <t>12/16/2019 11:54:37</t>
  </si>
  <si>
    <t>12/16/2019 12:00:14</t>
  </si>
  <si>
    <t>Avaliação - Prodex.xlsx</t>
  </si>
  <si>
    <t>12/16/2019 11:56:44</t>
  </si>
  <si>
    <t>bd7ece1f-2185-4f85-99a1-9518691d957d.tmp</t>
  </si>
  <si>
    <t>\\acsfs\profiles$\wenderbnm\Downloads\bd7ece1f-2185-4f85-99a1-9518691d957d.tmp</t>
  </si>
  <si>
    <t>12/16/2019 11:56:49</t>
  </si>
  <si>
    <t>e65cc172-28ec-4cee-bdca-86ff3b3c9dec.tmp</t>
  </si>
  <si>
    <t>\\acsfs\profiles$\wenderbnm\Downloads\e65cc172-28ec-4cee-bdca-86ff3b3c9dec.tmp</t>
  </si>
  <si>
    <t>12/16/2019 11:58:27</t>
  </si>
  <si>
    <t>7dcb9003-e0fb-4db9-b039-bc6a39c29184.tmp</t>
  </si>
  <si>
    <t>\\acsfs\profiles$\wenderbnm\Downloads\7dcb9003-e0fb-4db9-b039-bc6a39c29184.tmp</t>
  </si>
  <si>
    <t>12/16/2019 11:58:41</t>
  </si>
  <si>
    <t>12/16/2019 12:01:14</t>
  </si>
  <si>
    <t>12/16/2019 11:56:05</t>
  </si>
  <si>
    <t>12/16/2019 11:59:51</t>
  </si>
  <si>
    <t>lu477205lknl1.tmp</t>
  </si>
  <si>
    <t>\\acsfs\profiles$\kamillacr\My Documents\lu477205lknl1.tmp</t>
  </si>
  <si>
    <t>\\acsfs\profiles$\kamillacr\My Documents\lu477205lknl1.tmp\</t>
  </si>
  <si>
    <t>\\acsfs\profiles$\kamillacr\My Documents\lu477205lknl1.tmp\META-INF\</t>
  </si>
  <si>
    <t>\\acsfs\profiles$\kamillacr\My Documents\lu477205lknl1.tmp\Thumbnails\</t>
  </si>
  <si>
    <t>12/16/2019 12:01:24</t>
  </si>
  <si>
    <t>12/16/2019 12:02:13</t>
  </si>
  <si>
    <t>7289311a-fd82-4779-b373-2d3709840039.tmp</t>
  </si>
  <si>
    <t>\\acsfs\profiles$\geovannasm\Downloads\7289311a-fd82-4779-b373-2d3709840039.tmp</t>
  </si>
  <si>
    <t>12/16/2019 11:57:50</t>
  </si>
  <si>
    <t>12/16/2019 12:03:14</t>
  </si>
  <si>
    <t>12/16/2019 12:00:42</t>
  </si>
  <si>
    <t>mail.google.com/mail/u/0/jserror?script=https://mail.google.com/mail/u/0/#inbox/fmfcgxwgcqtctzbcwhvbthbjjhwqzttb&amp;error=yo&amp;line=not available&amp;txz=p</t>
  </si>
  <si>
    <t>12/16/2019 12:02:18</t>
  </si>
  <si>
    <t>12/16/2019 12:02:19</t>
  </si>
  <si>
    <t>12/16/2019 12:02:24</t>
  </si>
  <si>
    <t>12/16/2019 12:04:14</t>
  </si>
  <si>
    <t>12/16/2019 12:05:14</t>
  </si>
  <si>
    <t>12/16/2019 12:02:59</t>
  </si>
  <si>
    <t>12/16/2019 12:02:50</t>
  </si>
  <si>
    <t>12/16/2019 12:02:51</t>
  </si>
  <si>
    <t>12/16/2019 12:06:13</t>
  </si>
  <si>
    <t>Mobilizações_Orçamentos executados Consolidado Algar.xlsx</t>
  </si>
  <si>
    <t>mail.google.com/_/upload?authuser=0&amp;dcp=asu-n&amp;upload_id=AEnB2Uod_zKaqUapggmF0J8GdIK-viAgJ60DamwqhNNIcnffVH0yru-tE9YF2sa_JNC3pVS3h1-zzx-YMYeKgzeDKsQzHI80jA&amp;upload_protocol=resumable</t>
  </si>
  <si>
    <t>cms_files_57445_1567629839Planilha_Itausa (1).xlsx</t>
  </si>
  <si>
    <t>E:\INVESTIMENTOS\AÇÕES\cms_files_57445_1567629839Planilha_Itausa (1).xlsx</t>
  </si>
  <si>
    <t>Extrato Conta Corrente-121220191924.xls</t>
  </si>
  <si>
    <t>E:\INVESTIMENTOS\Extrato Conta Corrente-121220191924.xls</t>
  </si>
  <si>
    <t>E:\INVESTIMENTOS\EXTRATO-CONTA-CORRENTE\</t>
  </si>
  <si>
    <t>Extrato Conta Corrente-12-12-2019.xlsx</t>
  </si>
  <si>
    <t>E:\INVESTIMENTOS\EXTRATO-CONTA-CORRENTE\Extrato Conta Corrente-12-12-2019.xlsx</t>
  </si>
  <si>
    <t>12/13/2019 07:18:49</t>
  </si>
  <si>
    <t>C:\ACEITAÇÃO-SITES\</t>
  </si>
  <si>
    <t>EXECUTADOS-ES.xls</t>
  </si>
  <si>
    <t>E:\ACEITAÇÃO-SITES\EXECUTADOS-ES.xls</t>
  </si>
  <si>
    <t>12/13/2019 07:18:50</t>
  </si>
  <si>
    <t>EXECUTADOS.xls</t>
  </si>
  <si>
    <t>E:\ACEITAÇÃO-SITES\EXECUTADOS.xls</t>
  </si>
  <si>
    <t>12/13/2019 07:18:52</t>
  </si>
  <si>
    <t>MODELO-ACEITAÇÃO DE SITES.xlsx</t>
  </si>
  <si>
    <t>E:\ACEITAÇÃO-SITES\MODELO-ACEITAÇÃO DE SITES.xlsx</t>
  </si>
  <si>
    <t>12/13/2019 07:18:53</t>
  </si>
  <si>
    <t>Pasta6.xlsx</t>
  </si>
  <si>
    <t>E:\ACEITAÇÃO-SITES\Pasta6.xlsx</t>
  </si>
  <si>
    <t>12/13/2019 07:18:54</t>
  </si>
  <si>
    <t>C:\ACEITAÇÃO-SITES\ACEITAÇÃO-SITES-SUL\</t>
  </si>
  <si>
    <t>ACEITAÇÃO_SITES_RSUL.xlsx</t>
  </si>
  <si>
    <t>E:\ACEITAÇÃO-SITES\ACEITAÇÃO-SITES-SUL\ACEITAÇÃO_SITES_RSUL.xlsx</t>
  </si>
  <si>
    <t>12/13/2019 07:18:55</t>
  </si>
  <si>
    <t>ACEITAÇÃO_SITES_SC.xlsx</t>
  </si>
  <si>
    <t>E:\ACEITAÇÃO-SITES\ACEITAÇÃO-SITES-SUL\ACEITAÇÃO_SITES_SC.xlsx</t>
  </si>
  <si>
    <t>12/13/2019 07:18:56</t>
  </si>
  <si>
    <t>C:\ACEITAÇÃO-SITES\BRENDA\</t>
  </si>
  <si>
    <t>ACEITAÇÃO.csv</t>
  </si>
  <si>
    <t>E:\ACEITAÇÃO-SITES\BRENDA\ACEITAÇÃO.csv</t>
  </si>
  <si>
    <t>12/13/2019 07:18:57</t>
  </si>
  <si>
    <t>Aceitações-realizadas_Consolidado_TRJ-2.xlsx</t>
  </si>
  <si>
    <t>E:\ACEITAÇÃO-SITES\BRENDA\Aceitações-realizadas_Consolidado_TRJ-2.xlsx</t>
  </si>
  <si>
    <t>12/13/2019 07:18:58</t>
  </si>
  <si>
    <t>NAO ECONTRADO.xlsx</t>
  </si>
  <si>
    <t>E:\ACEITAÇÃO-SITES\BRENDA\NAO ECONTRADO.xlsx</t>
  </si>
  <si>
    <t>12/13/2019 07:18:59</t>
  </si>
  <si>
    <t>TRJ_ACEITAÇÃO FISICA_EQUIPAMENTO_HUWAEI_FATURA A_ENGESET_OUT_2018- nao faturado.csv</t>
  </si>
  <si>
    <t>E:\ACEITAÇÃO-SITES\BRENDA\TRJ_ACEITAÇÃO FISICA_EQUIPAMENTO_HUWAEI_FATURA A_ENGESET_OUT_2018- nao faturado.csv</t>
  </si>
  <si>
    <t>TRJ_ACEITAÇÃO FISICA_EQUIPAMENTO_NOKIA_FATURA A_ENGESET_OUT_2018- nao faturado.csv</t>
  </si>
  <si>
    <t>E:\ACEITAÇÃO-SITES\BRENDA\TRJ_ACEITAÇÃO FISICA_EQUIPAMENTO_NOKIA_FATURA A_ENGESET_OUT_2018- nao faturado.csv</t>
  </si>
  <si>
    <t>12/13/2019 07:19:00</t>
  </si>
  <si>
    <t>TRJ_ACEITAÇÃO FISICA_INFRA_FATURA A_ENGESET_OUT_2018_LOTE2.csv</t>
  </si>
  <si>
    <t>E:\ACEITAÇÃO-SITES\BRENDA\TRJ_ACEITAÇÃO FISICA_INFRA_FATURA A_ENGESET_OUT_2018_LOTE2.csv</t>
  </si>
  <si>
    <t>12/13/2019 07:31:26</t>
  </si>
  <si>
    <t>C:\A2\PAULAO\ACEITAÇÃO DE SITES\ET_NW_OPM_16_015 - Serviços de aceitação física de novos NEs e Infra - REV6 201016.doc\</t>
  </si>
  <si>
    <t>E:\ACEITAÇÃO DE SITES\ET_NW_OPM_16_015 - Serviços de aceitação física de novos NEs e Infra - REV6 201016.doc</t>
  </si>
  <si>
    <t>12/13/2019 07:31:37</t>
  </si>
  <si>
    <t>12/13/2019 07:33:11</t>
  </si>
  <si>
    <t>12/13/2019 07:33:13</t>
  </si>
  <si>
    <t>C:\A2\PAULAO\ACEITAÇÃO DE SITES\FAM - Fornecedor.pptx\</t>
  </si>
  <si>
    <t>E:\ACEITAÇÃO DE SITES\FAM - Fornecedor.pptx</t>
  </si>
  <si>
    <t>12/13/2019 07:33:23</t>
  </si>
  <si>
    <t>C:\A2\PAULAO\ACEITAÇÃO DE SITES\Ferramenta FAM Web - Manual do Colaborador TIM v2.docx\</t>
  </si>
  <si>
    <t>E:\ACEITAÇÃO DE SITES\Ferramenta FAM Web - Manual do Colaborador TIM v2.docx</t>
  </si>
  <si>
    <t>12/13/2019 07:33:24</t>
  </si>
  <si>
    <t>C:\A2\PAULAO\ACEITAÇÃO DE SITES\</t>
  </si>
  <si>
    <t>FERRAMENTAS_OBRIGATORIA.xlsx</t>
  </si>
  <si>
    <t>E:\ACEITAÇÃO DE SITES\FERRAMENTAS_OBRIGATORIA.xlsx</t>
  </si>
  <si>
    <t>Logins - XTTS.xls</t>
  </si>
  <si>
    <t>E:\ACEITAÇÃO DE SITES\Logins - XTTS.xls</t>
  </si>
  <si>
    <t>LPU DE CUSTO - PARCEIRO CO_RJ_ES.xlsx</t>
  </si>
  <si>
    <t>E:\ACEITAÇÃO DE SITES\LPU DE CUSTO - PARCEIRO CO_RJ_ES.xlsx</t>
  </si>
  <si>
    <t>12/13/2019 07:33:25</t>
  </si>
  <si>
    <t>LPU DE CUSTO REVISITA CO_RJ_ES.xlsx</t>
  </si>
  <si>
    <t>E:\ACEITAÇÃO DE SITES\LPU DE CUSTO REVISITA CO_RJ_ES.xlsx</t>
  </si>
  <si>
    <t>RJ-TCO - LISTA DE COLABORADORES_NSN.xlsx</t>
  </si>
  <si>
    <t>E:\ACEITAÇÃO DE SITES\RJ-TCO - LISTA DE COLABORADORES_NSN.xlsx</t>
  </si>
  <si>
    <t>TCO - LISTA DE COLABORADORES_NSN (003).xlsx</t>
  </si>
  <si>
    <t>E:\ACEITAÇÃO DE SITES\TCO - LISTA DE COLABORADORES_NSN (003).xlsx</t>
  </si>
  <si>
    <t>12/13/2019 07:33:27</t>
  </si>
  <si>
    <t>C:\A2\PAULAO\ACEITAÇÃO DE SITES\AKASSIA\</t>
  </si>
  <si>
    <t>lista_ordens_servicos (10).xlsx</t>
  </si>
  <si>
    <t>E:\ACEITAÇÃO DE SITES\AKASSIA\lista_ordens_servicos (10).xlsx</t>
  </si>
  <si>
    <t>12/13/2019 07:33:29</t>
  </si>
  <si>
    <t>lista_ordens_servicos -10-06-09horas.xlsx</t>
  </si>
  <si>
    <t>E:\ACEITAÇÃO DE SITES\AKASSIA\lista_ordens_servicos -10-06-09horas.xlsx</t>
  </si>
  <si>
    <t>12/13/2019 07:33:30</t>
  </si>
  <si>
    <t>C:\A2\PAULAO\ACEITAÇÃO DE SITES\ALEXANDRE_LEAL\</t>
  </si>
  <si>
    <t>ACEITAÇÃO_SITES-RJ_ES_Algartech - Tecnicos.xlsx</t>
  </si>
  <si>
    <t>E:\ACEITAÇÃO DE SITES\ALEXANDRE_LEAL\ACEITAÇÃO_SITES-RJ_ES_Algartech - Tecnicos.xlsx</t>
  </si>
  <si>
    <t>ALGAR - Controle de aceitação_TEMPLATE TRJ - 24_01 á 29_03_18 - Nota Fiscal nº319.xlsx</t>
  </si>
  <si>
    <t>E:\ACEITAÇÃO DE SITES\ALEXANDRE_LEAL\ALGAR - Controle de aceitação_TEMPLATE TRJ - 24_01 á 29_03_18 - Nota Fiscal nº319.xlsx</t>
  </si>
  <si>
    <t>12/13/2019 07:33:31</t>
  </si>
  <si>
    <t>ALGAR - Controle de aceitação_TEMPLATE TRJ - JUL_18 - 09_07 á 28_07_18 - Nota Fiscal nº372 V1.xlsx</t>
  </si>
  <si>
    <t>E:\ACEITAÇÃO DE SITES\ALEXANDRE_LEAL\ALGAR - Controle de aceitação_TEMPLATE TRJ - JUL_18 - 09_07 á 28_07_18 - Nota Fiscal nº372 V1.xlsx</t>
  </si>
  <si>
    <t>CONSOLIDADO JULHO TRJ -16-07-2018.xlsx</t>
  </si>
  <si>
    <t>E:\ACEITAÇÃO DE SITES\ALEXANDRE_LEAL\CONSOLIDADO JULHO TRJ -16-07-2018.xlsx</t>
  </si>
  <si>
    <t>12/13/2019 07:33:32</t>
  </si>
  <si>
    <t>CONSOLIDADO JULHO TRJ.xlsx</t>
  </si>
  <si>
    <t>E:\ACEITAÇÃO DE SITES\ALEXANDRE_LEAL\CONSOLIDADO JULHO TRJ.xlsx</t>
  </si>
  <si>
    <t>12/13/2019 07:33:35</t>
  </si>
  <si>
    <t>Controle de aceitação_TEMPLATE TRJ - 22_09_17 á 22_01_18.xlsx</t>
  </si>
  <si>
    <t>E:\ACEITAÇÃO DE SITES\ALEXANDRE_LEAL\Controle de aceitação_TEMPLATE TRJ - 22_09_17 á 22_01_18.xlsx</t>
  </si>
  <si>
    <t>12/13/2019 07:33:37</t>
  </si>
  <si>
    <t>C:\A2\PAULAO\ACEITAÇÃO DE SITES\ALEXANDRE_LEAL\ENC Rollout Algar TRJ - Fechamentos Março 2018.msg\s1\</t>
  </si>
  <si>
    <t>ALGAR - Controle de aceitação_TEMPLATE TRJ - 24_01 á 29_03_18 - Nota Fiscal nºXXX.xlsx</t>
  </si>
  <si>
    <t>E:\ACEITAÇÃO DE SITES\ALEXANDRE_LEAL\ENC Rollout Algar TRJ - Fechamentos Março 2018.msg</t>
  </si>
  <si>
    <t>Enviados_TIM.xls</t>
  </si>
  <si>
    <t>E:\ACEITAÇÃO DE SITES\ALEXANDRE_LEAL\Enviados_TIM.xls</t>
  </si>
  <si>
    <t>Enviados_TIM.xlsx</t>
  </si>
  <si>
    <t>E:\ACEITAÇÃO DE SITES\ALEXANDRE_LEAL\Enviados_TIM.xlsx</t>
  </si>
  <si>
    <t>12/13/2019 07:33:38</t>
  </si>
  <si>
    <t>C:\A2\PAULAO\ACEITAÇÃO DE SITES\ALEXANDRE_LEAL\Fechamento TRJ Aceitações LTE - MAIO18.msg\s1\</t>
  </si>
  <si>
    <t>ALGAR - Controle de Aceitação_TEMPLATE TRJ - 04_05 á 02_06.xlsx</t>
  </si>
  <si>
    <t>E:\ACEITAÇÃO DE SITES\ALEXANDRE_LEAL\Fechamento TRJ Aceitações LTE - MAIO18.msg</t>
  </si>
  <si>
    <t>E:\ACEITAÇÃO DE SITES\ALEXANDRE_LEAL\Pasta1.xlsx</t>
  </si>
  <si>
    <t>PENDENICAS-ACEITAÇÃO.xlsx</t>
  </si>
  <si>
    <t>E:\ACEITAÇÃO DE SITES\ALEXANDRE_LEAL\PENDENICAS-ACEITAÇÃO.xlsx</t>
  </si>
  <si>
    <t>12/13/2019 07:33:39</t>
  </si>
  <si>
    <t>PENDENTES-OPERADOR.xls</t>
  </si>
  <si>
    <t>E:\ACEITAÇÃO DE SITES\ALEXANDRE_LEAL\PENDENTES-OPERADOR.xls</t>
  </si>
  <si>
    <t>Relatórios de Carimbo de sites executados -TRJ (002).xlsx</t>
  </si>
  <si>
    <t>E:\ACEITAÇÃO DE SITES\ALEXANDRE_LEAL\Relatórios de Carimbo de sites executados -TRJ (002).xlsx</t>
  </si>
  <si>
    <t>Relatórios de Carimbo de sites executados -TRJ.xlsx</t>
  </si>
  <si>
    <t>E:\ACEITAÇÃO DE SITES\ALEXANDRE_LEAL\Relatórios de Carimbo de sites executados -TRJ.xlsx</t>
  </si>
  <si>
    <t>12/13/2019 07:33:45</t>
  </si>
  <si>
    <t>C:\A2\PAULAO\ACEITAÇÃO DE SITES\ALEXANDRE_LEAL\2019\</t>
  </si>
  <si>
    <t>Cópia de Reunião Aceitação Física 06052019_Algar_W20_W21 (002).xlsx</t>
  </si>
  <si>
    <t>E:\ACEITAÇÃO DE SITES\ALEXANDRE_LEAL\2019\Cópia de Reunião Aceitação Física 06052019_Algar_W20_W21 (002).xlsx</t>
  </si>
  <si>
    <t>12/13/2019 07:33:46</t>
  </si>
  <si>
    <t>Planilha-aceitação-sites Mar.xls</t>
  </si>
  <si>
    <t>E:\ACEITAÇÃO DE SITES\ALEXANDRE_LEAL\2019\Planilha-aceitação-sites Mar.xls</t>
  </si>
  <si>
    <t>TEMPLATE_Consolidado_TRJ_-_JANEIRO18.xlsx</t>
  </si>
  <si>
    <t>E:\ACEITAÇÃO DE SITES\ALEXANDRE_LEAL\2019\TEMPLATE_Consolidado_TRJ_-_JANEIRO18.xlsx</t>
  </si>
  <si>
    <t>12/13/2019 07:33:47</t>
  </si>
  <si>
    <t>TEMPLATE_Consolidado_TSL_-_JANEIRO__19_-.xlsx</t>
  </si>
  <si>
    <t>E:\ACEITAÇÃO DE SITES\ALEXANDRE_LEAL\2019\TEMPLATE_Consolidado_TSL_-_JANEIRO__19_-.xlsx</t>
  </si>
  <si>
    <t>TRJ-BOQ.xlsx</t>
  </si>
  <si>
    <t>E:\ACEITAÇÃO DE SITES\ALEXANDRE_LEAL\2019\TRJ-BOQ.xlsx</t>
  </si>
  <si>
    <t>TSP-MW.xlsx</t>
  </si>
  <si>
    <t>E:\ACEITAÇÃO DE SITES\ALEXANDRE_LEAL\2019\TSP-MW.xlsx</t>
  </si>
  <si>
    <t>TSP-TNO-MW.xlsx</t>
  </si>
  <si>
    <t>E:\ACEITAÇÃO DE SITES\ALEXANDRE_LEAL\2019\TSP-TNO-MW.xlsx</t>
  </si>
  <si>
    <t>12/13/2019 07:33:48</t>
  </si>
  <si>
    <t>C:\A2\PAULAO\ACEITAÇÃO DE SITES\ALEXANDRE_LEAL\2019\ABRIL\</t>
  </si>
  <si>
    <t>ENCAMINHADO NETFLOW.xlsx</t>
  </si>
  <si>
    <t>E:\ACEITAÇÃO DE SITES\ALEXANDRE_LEAL\2019\ABRIL\ENCAMINHADO NETFLOW.xlsx</t>
  </si>
  <si>
    <t>C:\A2\PAULAO\ACEITAÇÃO DE SITES\ALEXANDRE_LEAL\2019\AGOSTO\</t>
  </si>
  <si>
    <t>E:\ACEITAÇÃO DE SITES\ALEXANDRE_LEAL\2019\AGOSTO\Aceitações-Sites aprovadas AGO-2019 -TNE.xlsx</t>
  </si>
  <si>
    <t>12/13/2019 07:33:49</t>
  </si>
  <si>
    <t>Evidencias enviadas para NETFLOW.xlsx</t>
  </si>
  <si>
    <t>E:\ACEITAÇÃO DE SITES\ALEXANDRE_LEAL\2019\AGOSTO\Evidencias enviadas para NETFLOW.xlsx</t>
  </si>
  <si>
    <t>12/13/2019 07:33:50</t>
  </si>
  <si>
    <t>Faturamento Aceitação de Site Agosto 2019 TCO.xlsx</t>
  </si>
  <si>
    <t>E:\ACEITAÇÃO DE SITES\ALEXANDRE_LEAL\2019\AGOSTO\Faturamento Aceitação de Site Agosto 2019 TCO.xlsx</t>
  </si>
  <si>
    <t>12/13/2019 07:34:04</t>
  </si>
  <si>
    <t>lista_ordens_servicos -26-08.xlsx</t>
  </si>
  <si>
    <t>E:\ACEITAÇÃO DE SITES\ALEXANDRE_LEAL\2019\AGOSTO\lista_ordens_servicos -26-08.xlsx</t>
  </si>
  <si>
    <t>12/13/2019 07:34:09</t>
  </si>
  <si>
    <t>TEMPLATE_TRJ_AGOSTO__2019.xlsx</t>
  </si>
  <si>
    <t>E:\ACEITAÇÃO DE SITES\ALEXANDRE_LEAL\2019\AGOSTO\TEMPLATE_TRJ_AGOSTO__2019.xlsx</t>
  </si>
  <si>
    <t>12/13/2019 07:34:10</t>
  </si>
  <si>
    <t>C:\A2\PAULAO\ACEITAÇÃO DE SITES\ALEXANDRE_LEAL\2019\FEVEREIRO\</t>
  </si>
  <si>
    <t>E:\ACEITAÇÃO DE SITES\ALEXANDRE_LEAL\2019\FEVEREIRO\Aceitações-Sites FEV 2019 CONSOLIDADO.xlsx</t>
  </si>
  <si>
    <t>RELATORIOS REALIZADOS ACEITAÇÃO DE SITES -FEV-2019.xls</t>
  </si>
  <si>
    <t>E:\ACEITAÇÃO DE SITES\ALEXANDRE_LEAL\2019\FEVEREIRO\RELATORIOS REALIZADOS ACEITAÇÃO DE SITES -FEV-2019.xls</t>
  </si>
  <si>
    <t>12/13/2019 07:34:11</t>
  </si>
  <si>
    <t>RELATORIOS REALIZADOS ACEITAÇÃO DE SITES -MODELO.xls</t>
  </si>
  <si>
    <t>E:\ACEITAÇÃO DE SITES\ALEXANDRE_LEAL\2019\FEVEREIRO\RELATORIOS REALIZADOS ACEITAÇÃO DE SITES -MODELO.xls</t>
  </si>
  <si>
    <t>12/13/2019 07:34:12</t>
  </si>
  <si>
    <t>TEMPLATE_Consolidado_TRJ_-_FEVEREIRO__19.xlsx</t>
  </si>
  <si>
    <t>E:\ACEITAÇÃO DE SITES\ALEXANDRE_LEAL\2019\FEVEREIRO\TEMPLATE_Consolidado_TRJ_-_FEVEREIRO__19.xlsx</t>
  </si>
  <si>
    <t>12/13/2019 07:34:13</t>
  </si>
  <si>
    <t>C:\A2\PAULAO\ACEITAÇÃO DE SITES\ALEXANDRE_LEAL\2019\FEVEREIRO\FEVEREIRO-REGIONAIS\</t>
  </si>
  <si>
    <t>Aceitação de Site TBS Fevereiro 2019.xlsx</t>
  </si>
  <si>
    <t>E:\ACEITAÇÃO DE SITES\ALEXANDRE_LEAL\2019\FEVEREIRO\FEVEREIRO-REGIONAIS\Aceitação de Site TBS Fevereiro 2019.xlsx</t>
  </si>
  <si>
    <t>12/13/2019 07:34:15</t>
  </si>
  <si>
    <t>Aceitações-Sites aprovadas Fevereiro-2019-tno-tne.xlsx</t>
  </si>
  <si>
    <t>E:\ACEITAÇÃO DE SITES\ALEXANDRE_LEAL\2019\FEVEREIRO\FEVEREIRO-REGIONAIS\Aceitações-Sites aprovadas Fevereiro-2019-tno-tne.xlsx</t>
  </si>
  <si>
    <t>12/13/2019 07:34:24</t>
  </si>
  <si>
    <t>ALGAR 20190314 - aceitação sites.xlsx</t>
  </si>
  <si>
    <t>E:\ACEITAÇÃO DE SITES\ALEXANDRE_LEAL\2019\FEVEREIRO\FEVEREIRO-REGIONAIS\ALGAR 20190314 - aceitação sites.xlsx</t>
  </si>
  <si>
    <t>12/13/2019 07:34:26</t>
  </si>
  <si>
    <t>Cópia de WO-ACEITAÇÕES_REALIZADAS-CONSOLIDADO-ALGAR (002).xlsx</t>
  </si>
  <si>
    <t>E:\ACEITAÇÃO DE SITES\ALEXANDRE_LEAL\2019\FEVEREIRO\FEVEREIRO-REGIONAIS\Cópia de WO-ACEITAÇÕES_REALIZADAS-CONSOLIDADO-ALGAR (002).xlsx</t>
  </si>
  <si>
    <t>12/13/2019 07:34:32</t>
  </si>
  <si>
    <t>Resumo FAM TX Algar 20190313.xlsx</t>
  </si>
  <si>
    <t>E:\ACEITAÇÃO DE SITES\ALEXANDRE_LEAL\2019\FEVEREIRO\FEVEREIRO-REGIONAIS\Resumo FAM TX Algar 20190313.xlsx</t>
  </si>
  <si>
    <t>12/13/2019 07:34:33</t>
  </si>
  <si>
    <t>TMG fevererio 2019 2.xlsx</t>
  </si>
  <si>
    <t>E:\ACEITAÇÃO DE SITES\ALEXANDRE_LEAL\2019\FEVEREIRO\FEVEREIRO-REGIONAIS\TMG fevererio 2019 2.xlsx</t>
  </si>
  <si>
    <t>TMG fevererio 2019.xlsx</t>
  </si>
  <si>
    <t>E:\ACEITAÇÃO DE SITES\ALEXANDRE_LEAL\2019\FEVEREIRO\FEVEREIRO-REGIONAIS\TMG fevererio 2019.xlsx</t>
  </si>
  <si>
    <t>TSL fevereiro 2019.xlsx</t>
  </si>
  <si>
    <t>E:\ACEITAÇÃO DE SITES\ALEXANDRE_LEAL\2019\FEVEREIRO\FEVEREIRO-REGIONAIS\TSL fevereiro 2019.xlsx</t>
  </si>
  <si>
    <t>12/13/2019 07:34:34</t>
  </si>
  <si>
    <t>TSP Fevereiro 2019.xlsx</t>
  </si>
  <si>
    <t>E:\ACEITAÇÃO DE SITES\ALEXANDRE_LEAL\2019\FEVEREIRO\FEVEREIRO-REGIONAIS\TSP Fevereiro 2019.xlsx</t>
  </si>
  <si>
    <t>12/13/2019 07:34:35</t>
  </si>
  <si>
    <t>C:\A2\PAULAO\ACEITAÇÃO DE SITES\ALEXANDRE_LEAL\2019\JANEIRO\</t>
  </si>
  <si>
    <t>Cópia de Para liberar acesso - TRJ - 030119.xlsx</t>
  </si>
  <si>
    <t>E:\ACEITAÇÃO DE SITES\ALEXANDRE_LEAL\2019\JANEIRO\Cópia de Para liberar acesso - TRJ - 030119.xlsx</t>
  </si>
  <si>
    <t>Evidencias-encaminhadas NETFLOW.xlsx</t>
  </si>
  <si>
    <t>E:\ACEITAÇÃO DE SITES\ALEXANDRE_LEAL\2019\JANEIRO\Evidencias-encaminhadas NETFLOW.xlsx</t>
  </si>
  <si>
    <t>12/13/2019 07:34:36</t>
  </si>
  <si>
    <t>TEMPLATE_Consolidado_TRJ_-_FEVEREIRO__19-PRIME.xlsx</t>
  </si>
  <si>
    <t>E:\ACEITAÇÃO DE SITES\ALEXANDRE_LEAL\2019\JANEIRO\TEMPLATE_Consolidado_TRJ_-_FEVEREIRO__19-PRIME.xlsx</t>
  </si>
  <si>
    <t>TEMPLATE_Consolidado_TRJ_-_JANEIRO 2019.xlsx</t>
  </si>
  <si>
    <t>E:\ACEITAÇÃO DE SITES\ALEXANDRE_LEAL\2019\JANEIRO\TEMPLATE_Consolidado_TRJ_-_JANEIRO 2019.xlsx</t>
  </si>
  <si>
    <t>12/13/2019 07:34:37</t>
  </si>
  <si>
    <t>TEMPLATE_Consolidado_TRJ_-_JANEIRO__18-Brenda.xlsx</t>
  </si>
  <si>
    <t>E:\ACEITAÇÃO DE SITES\ALEXANDRE_LEAL\2019\JANEIRO\TEMPLATE_Consolidado_TRJ_-_JANEIRO__18-Brenda.xlsx</t>
  </si>
  <si>
    <t>TEMPLATE_Consolidado_TRJ_-_JANEIRO__18.xlsx</t>
  </si>
  <si>
    <t>E:\ACEITAÇÃO DE SITES\ALEXANDRE_LEAL\2019\JANEIRO\TEMPLATE_Consolidado_TRJ_-_JANEIRO__18.xlsx</t>
  </si>
  <si>
    <t>TEMPLATE_Consolidado_TRJ_-_JANEIRO__19.xlsx</t>
  </si>
  <si>
    <t>E:\ACEITAÇÃO DE SITES\ALEXANDRE_LEAL\2019\JANEIRO\TEMPLATE_Consolidado_TRJ_-_JANEIRO__19.xlsx</t>
  </si>
  <si>
    <t>12/13/2019 07:34:43</t>
  </si>
  <si>
    <t>C:\A2\PAULAO\ACEITAÇÃO DE SITES\ALEXANDRE_LEAL\2019\JOSELEITAO\</t>
  </si>
  <si>
    <t>ACEITAÇÕES REALIZADAS-ALGAR.xlsx</t>
  </si>
  <si>
    <t>E:\ACEITAÇÃO DE SITES\ALEXANDRE_LEAL\2019\JOSELEITAO\ACEITAÇÕES REALIZADAS-ALGAR.xlsx</t>
  </si>
  <si>
    <t>12/13/2019 07:34:52</t>
  </si>
  <si>
    <t>ALGAR 20190320.xlsx</t>
  </si>
  <si>
    <t>E:\ACEITAÇÃO DE SITES\ALEXANDRE_LEAL\2019\JOSELEITAO\ALGAR 20190320.xlsx</t>
  </si>
  <si>
    <t>12/13/2019 07:34:57</t>
  </si>
  <si>
    <t>Análise Algar - Análise Ordens de Serviço ALGAR - 20190306.xlsx</t>
  </si>
  <si>
    <t>E:\ACEITAÇÃO DE SITES\ALEXANDRE_LEAL\2019\JOSELEITAO\Análise Algar - Análise Ordens de Serviço ALGAR - 20190306.xlsx</t>
  </si>
  <si>
    <t>12/13/2019 07:35:09</t>
  </si>
  <si>
    <t>Análise pleito Algar Aceitação_V1.0 -Pendentes FS.xlsx</t>
  </si>
  <si>
    <t>E:\ACEITAÇÃO DE SITES\ALEXANDRE_LEAL\2019\JOSELEITAO\Análise pleito Algar Aceitação_V1.0 -Pendentes FS.xlsx</t>
  </si>
  <si>
    <t>12/13/2019 07:35:12</t>
  </si>
  <si>
    <t>12/16/2019 12:07:14</t>
  </si>
  <si>
    <t>Análise pleito Algar Aceitação_V1.0.xlsx</t>
  </si>
  <si>
    <t>E:\ACEITAÇÃO DE SITES\ALEXANDRE_LEAL\2019\JOSELEITAO\Análise pleito Algar Aceitação_V1.0.xlsx</t>
  </si>
  <si>
    <t>12/13/2019 07:35:18</t>
  </si>
  <si>
    <t>lista_ordens_servicos - SP 10-07-2019.xlsx</t>
  </si>
  <si>
    <t>E:\ACEITAÇÃO DE SITES\ALEXANDRE_LEAL\2019\JOSELEITAO\lista_ordens_servicos - SP 10-07-2019.xlsx</t>
  </si>
  <si>
    <t>12/13/2019 07:35:19</t>
  </si>
  <si>
    <t>C:\A2\PAULAO\ACEITAÇÃO DE SITES\ALEXANDRE_LEAL\2019\JOSELEITAO\AGOSTO\</t>
  </si>
  <si>
    <t>Aceitação de Site - Agosto 2019- CONSOLIDADO.xlsx</t>
  </si>
  <si>
    <t>E:\ACEITAÇÃO DE SITES\ALEXANDRE_LEAL\2019\JOSELEITAO\AGOSTO\Aceitação de Site - Agosto 2019- CONSOLIDADO.xlsx</t>
  </si>
  <si>
    <t>12/13/2019 07:35:21</t>
  </si>
  <si>
    <t>Faturamento Aceitação de Site TCO Agosto 2019.xlsx</t>
  </si>
  <si>
    <t>E:\ACEITAÇÃO DE SITES\ALEXANDRE_LEAL\2019\JOSELEITAO\AGOSTO\Faturamento Aceitação de Site TCO Agosto 2019.xlsx</t>
  </si>
  <si>
    <t>TRJ-Aceitação de sites -Pendentes.xlsx</t>
  </si>
  <si>
    <t>E:\ACEITAÇÃO DE SITES\ALEXANDRE_LEAL\2019\JOSELEITAO\AGOSTO\TRJ-Aceitação de sites -Pendentes.xlsx</t>
  </si>
  <si>
    <t>12/13/2019 07:35:22</t>
  </si>
  <si>
    <t>TSP AGOSTO.xlsx</t>
  </si>
  <si>
    <t>E:\ACEITAÇÃO DE SITES\ALEXANDRE_LEAL\2019\JOSELEITAO\AGOSTO\TSP AGOSTO.xlsx</t>
  </si>
  <si>
    <t>12/13/2019 07:35:30</t>
  </si>
  <si>
    <t>C:\A2\PAULAO\ACEITAÇÃO DE SITES\ALEXANDRE_LEAL\2019\JOSELEITAO\INVESTIGAÇÃO\</t>
  </si>
  <si>
    <t>E:\ACEITAÇÃO DE SITES\ALEXANDRE_LEAL\2019\JOSELEITAO\INVESTIGAÇÃO\Aceitação de Site - Agosto_setembro_outubro 2019- CONSOLIDADO.xlsx</t>
  </si>
  <si>
    <t>12/13/2019 07:35:50</t>
  </si>
  <si>
    <t>E:\ACEITAÇÃO DE SITES\ALEXANDRE_LEAL\2019\JOSELEITAO\INVESTIGAÇÃO\Aceitação de Site setembro_outubro- 2019.xlsx</t>
  </si>
  <si>
    <t>12/13/2019 07:35:51</t>
  </si>
  <si>
    <t>Aceitação de Sites Julho CONSOLIDADO.xls</t>
  </si>
  <si>
    <t>E:\ACEITAÇÃO DE SITES\ALEXANDRE_LEAL\2019\JOSELEITAO\INVESTIGAÇÃO\Aceitação de Sites Julho CONSOLIDADO.xls</t>
  </si>
  <si>
    <t>12/13/2019 07:36:30</t>
  </si>
  <si>
    <t>E:\ACEITAÇÃO DE SITES\ALEXANDRE_LEAL\2019\JOSELEITAO\INVESTIGAÇÃO\ALGAR 20191009.xlsx</t>
  </si>
  <si>
    <t>12/13/2019 07:36:36</t>
  </si>
  <si>
    <t>Controle de Penalidades - Dez_2016- FINAL.xlsx</t>
  </si>
  <si>
    <t>E:\ACEITAÇÃO DE SITES\ALEXANDRE_LEAL\2019\JOSELEITAO\INVESTIGAÇÃO\Controle de Penalidades - Dez_2016- FINAL.xlsx</t>
  </si>
  <si>
    <t>12/13/2019 07:36:38</t>
  </si>
  <si>
    <t>C:\A2\PAULAO\ACEITAÇÃO DE SITES\ALEXANDRE_LEAL\2019\JOSELEITAO\JULHO\</t>
  </si>
  <si>
    <t>Aceitação de Sites Julho CONSOLIDADO 16-08.xls</t>
  </si>
  <si>
    <t>E:\ACEITAÇÃO DE SITES\ALEXANDRE_LEAL\2019\JOSELEITAO\JULHO\Aceitação de Sites Julho CONSOLIDADO 16-08.xls</t>
  </si>
  <si>
    <t>12/13/2019 07:36:40</t>
  </si>
  <si>
    <t>E:\ACEITAÇÃO DE SITES\ALEXANDRE_LEAL\2019\JOSELEITAO\JULHO\Aceitação de Sites Julho CONSOLIDADO.xls</t>
  </si>
  <si>
    <t>12/13/2019 07:36:42</t>
  </si>
  <si>
    <t>Encaminhados para NETFLOW.xlsx</t>
  </si>
  <si>
    <t>E:\ACEITAÇÃO DE SITES\ALEXANDRE_LEAL\2019\JOSELEITAO\JULHO\Encaminhados para NETFLOW.xlsx</t>
  </si>
  <si>
    <t>12/13/2019 07:36:44</t>
  </si>
  <si>
    <t>Evindencias_enviadas-NTEFLOW-TRJ- 18 08 19.xlsx</t>
  </si>
  <si>
    <t>E:\ACEITAÇÃO DE SITES\ALEXANDRE_LEAL\2019\JOSELEITAO\JULHO\Evindencias_enviadas-NTEFLOW-TRJ- 18 08 19.xlsx</t>
  </si>
  <si>
    <t>12/13/2019 07:36:46</t>
  </si>
  <si>
    <t>lista_ordens_servicos (32).xlsx</t>
  </si>
  <si>
    <t>E:\ACEITAÇÃO DE SITES\ALEXANDRE_LEAL\2019\JOSELEITAO\JULHO\lista_ordens_servicos (32).xlsx</t>
  </si>
  <si>
    <t>12/13/2019 07:36:48</t>
  </si>
  <si>
    <t>TSP JULHO_2019 .xlsx</t>
  </si>
  <si>
    <t>E:\ACEITAÇÃO DE SITES\ALEXANDRE_LEAL\2019\JOSELEITAO\JULHO\TSP JULHO_2019 .xlsx</t>
  </si>
  <si>
    <t>12/13/2019 07:36:56</t>
  </si>
  <si>
    <t>C:\A2\PAULAO\ACEITAÇÃO DE SITES\ALEXANDRE_LEAL\2019\JOSELEITAO\JULHO\TRJ-PENDNETE\</t>
  </si>
  <si>
    <t>E:\ACEITAÇÃO DE SITES\ALEXANDRE_LEAL\2019\JOSELEITAO\JULHO\TRJ-PENDNETE\Aceitação de Sites Julho CONSOLIDADO.xls</t>
  </si>
  <si>
    <t>12/13/2019 07:36:57</t>
  </si>
  <si>
    <t>Cópia de Planilha-aceitação-sites Encaminhados para Netflow.xls</t>
  </si>
  <si>
    <t>E:\ACEITAÇÃO DE SITES\ALEXANDRE_LEAL\2019\JOSELEITAO\JULHO\TRJ-PENDNETE\Cópia de Planilha-aceitação-sites Encaminhados para Netflow.xls</t>
  </si>
  <si>
    <t>12/13/2019 07:36:58</t>
  </si>
  <si>
    <t>Planilha-aceitação-sites - PENDENTES DE 2018.xls</t>
  </si>
  <si>
    <t>E:\ACEITAÇÃO DE SITES\ALEXANDRE_LEAL\2019\JOSELEITAO\JULHO\TRJ-PENDNETE\Planilha-aceitação-sites - PENDENTES DE 2018.xls</t>
  </si>
  <si>
    <t>12/13/2019 07:36:59</t>
  </si>
  <si>
    <t>Planilha-aceitação-sites Encaminhados para Netflow.xls</t>
  </si>
  <si>
    <t>E:\ACEITAÇÃO DE SITES\ALEXANDRE_LEAL\2019\JOSELEITAO\JULHO\TRJ-PENDNETE\Planilha-aceitação-sites Encaminhados para Netflow.xls</t>
  </si>
  <si>
    <t>12/13/2019 07:37:01</t>
  </si>
  <si>
    <t>C:\A2\PAULAO\ACEITAÇÃO DE SITES\ALEXANDRE_LEAL\2019\JOSELEITAO\JUNHO-2019\</t>
  </si>
  <si>
    <t>E:\ACEITAÇÃO DE SITES\ALEXANDRE_LEAL\2019\JOSELEITAO\JUNHO-2019\Aceitação de Sites Junho CONSOLIDADO.xls</t>
  </si>
  <si>
    <t>12/13/2019 07:37:02</t>
  </si>
  <si>
    <t>C:\A2\PAULAO\ACEITAÇÃO DE SITES\ALEXANDRE_LEAL\2019\JOSELEITAO\MARÇO-2019\</t>
  </si>
  <si>
    <t>Aceitações-sites Março 2019 ALGAR CONSOLIDADO.xlsx</t>
  </si>
  <si>
    <t>E:\ACEITAÇÃO DE SITES\ALEXANDRE_LEAL\2019\JOSELEITAO\MARÇO-2019\Aceitações-sites Março 2019 ALGAR CONSOLIDADO.xlsx</t>
  </si>
  <si>
    <t>12/13/2019 07:37:04</t>
  </si>
  <si>
    <t>C:\A2\PAULAO\ACEITAÇÃO DE SITES\ALEXANDRE_LEAL\2019\JOSELEITAO\NOVEMBRO\</t>
  </si>
  <si>
    <t>11-Faturamento Aceitação de Site TLE Ba_Se Novembro2019.xlsx</t>
  </si>
  <si>
    <t>E:\ACEITAÇÃO DE SITES\ALEXANDRE_LEAL\2019\JOSELEITAO\NOVEMBRO\11-Faturamento Aceitação de Site TLE Ba_Se Novembro2019.xlsx</t>
  </si>
  <si>
    <t>12/13/2019 07:37:09</t>
  </si>
  <si>
    <t>C:\A2\PAULAO\ACEITAÇÃO DE SITES\ALEXANDRE_LEAL\2019\JOSELEITAO\OUTUBRO\</t>
  </si>
  <si>
    <t>E:\ACEITAÇÃO DE SITES\ALEXANDRE_LEAL\2019\JOSELEITAO\OUTUBRO\Aceitação de Site - Agosto_setembro_outubro 2019- CONSOLIDADO.xlsx</t>
  </si>
  <si>
    <t>12/13/2019 07:37:11</t>
  </si>
  <si>
    <t>Aceitação de Site TLE Outubro2019.xlsx</t>
  </si>
  <si>
    <t>E:\ACEITAÇÃO DE SITES\ALEXANDRE_LEAL\2019\JOSELEITAO\OUTUBRO\Aceitação de Site TLE Outubro2019.xlsx</t>
  </si>
  <si>
    <t>OS ACEITAÇÕES SP SUL.xlsx</t>
  </si>
  <si>
    <t>E:\ACEITAÇÃO DE SITES\ALEXANDRE_LEAL\2019\JOSELEITAO\OUTUBRO\OS ACEITAÇÕES SP SUL.xlsx</t>
  </si>
  <si>
    <t>12/13/2019 07:37:12</t>
  </si>
  <si>
    <t>OS_5775_TIMCELULARS.A_7_FaturamentoAceitaÃ§ÃodeSiteTLEBa_SeJulho2019 (1).xlsx</t>
  </si>
  <si>
    <t>E:\ACEITAÇÃO DE SITES\ALEXANDRE_LEAL\2019\JOSELEITAO\OUTUBRO\OS_5775_TIMCELULARS.A_7_FaturamentoAceitaÃ§ÃodeSiteTLEBa_SeJulho2019 (1).xlsx</t>
  </si>
  <si>
    <t>12/13/2019 07:37:17</t>
  </si>
  <si>
    <t>C:\A2\PAULAO\ACEITAÇÃO DE SITES\ALEXANDRE_LEAL\2019\JOSELEITAO\SETEMBRO\</t>
  </si>
  <si>
    <t>Aceitação de Sites Setembro 2019.xlsx</t>
  </si>
  <si>
    <t>E:\ACEITAÇÃO DE SITES\ALEXANDRE_LEAL\2019\JOSELEITAO\SETEMBRO\Aceitação de Sites Setembro 2019.xlsx</t>
  </si>
  <si>
    <t>12/13/2019 07:37:28</t>
  </si>
  <si>
    <t>E:\ACEITAÇÃO DE SITES\ALEXANDRE_LEAL\2019\JOSELEITAO\SETEMBRO\Cópia de Aceitação de Site - Agosto_setembro_outubro 2019- CONSOLIDADO.xlsx</t>
  </si>
  <si>
    <t>12/13/2019 07:37:29</t>
  </si>
  <si>
    <t>C:\A2\PAULAO\ACEITAÇÃO DE SITES\ALEXANDRE_LEAL\2019\MAIO\</t>
  </si>
  <si>
    <t>Planilha-aceitação-sites Maio CONSOLIDADO.xls</t>
  </si>
  <si>
    <t>E:\ACEITAÇÃO DE SITES\ALEXANDRE_LEAL\2019\MAIO\Planilha-aceitação-sites Maio CONSOLIDADO.xls</t>
  </si>
  <si>
    <t>12/16/2019 12:03:26</t>
  </si>
  <si>
    <t>12/16/2019 12:08:13</t>
  </si>
  <si>
    <t>12/16/2019 12:02:53</t>
  </si>
  <si>
    <t>mail.google.com/mail/u/0/jserror?script=https://mail.google.com/mail/u/0/#inbox/fmfcgxwgchdlwdxqmkprbnsprgbnklbf&amp;error=yo&amp;line=not available&amp;txz=p</t>
  </si>
  <si>
    <t>12/16/2019 12:02:54</t>
  </si>
  <si>
    <t>12/16/2019 12:03:07</t>
  </si>
  <si>
    <t>12/16/2019 12:03:50</t>
  </si>
  <si>
    <t>12/16/2019 12:04:28</t>
  </si>
  <si>
    <t>12/16/2019 12:06:05</t>
  </si>
  <si>
    <t>\\acsfs\profiles$\danielpdl\Links\</t>
  </si>
  <si>
    <t>link.txt</t>
  </si>
  <si>
    <t>\\acsfs\profiles$\danielpdl\Links\link.txt</t>
  </si>
  <si>
    <t>XLOG_danielpdl_11122019_124428.log</t>
  </si>
  <si>
    <t>\\acsfs\profiles$\danielpdl\My Documents\xworkcenter\logs\XLOG_danielpdl_11122019_124428.log</t>
  </si>
  <si>
    <t>wrapper.log</t>
  </si>
  <si>
    <t>\\acsfs\profiles$\danielpdl\My Documents\xworkcenter\logs\wrapper.log</t>
  </si>
  <si>
    <t>12/16/2019 12:05:57</t>
  </si>
  <si>
    <t>12/16/2019 12:10:14</t>
  </si>
  <si>
    <t>5dc04ffb-ecf4-4a4e-9875-8f4769448fa6.tmp</t>
  </si>
  <si>
    <t>\\acsfs\profiles$\geovanaasa\Downloads\5dc04ffb-ecf4-4a4e-9875-8f4769448fa6.tmp</t>
  </si>
  <si>
    <t>12/16/2019 12:08:27</t>
  </si>
  <si>
    <t>10aac47e-95e3-4a58-ba6a-570d5074e756.tmp</t>
  </si>
  <si>
    <t>\\acsfs\profiles$\geovanaasa\Downloads\10aac47e-95e3-4a58-ba6a-570d5074e756.tmp</t>
  </si>
  <si>
    <t>12/16/2019 12:06:21</t>
  </si>
  <si>
    <t>12/16/2019 12:08:42</t>
  </si>
  <si>
    <t>7f40c775-32ad-4e9f-8934-09144a4ac898.tmp</t>
  </si>
  <si>
    <t>\\acsfs\profiles$\sarahbal\Downloads\7f40c775-32ad-4e9f-8934-09144a4ac898.tmp</t>
  </si>
  <si>
    <t>12/16/2019 12:08:57</t>
  </si>
  <si>
    <t>79af6c0d-307a-4710-8dad-d874efeff402.tmp</t>
  </si>
  <si>
    <t>\\acsfs\profiles$\sarahbal\Downloads\79af6c0d-307a-4710-8dad-d874efeff402.tmp</t>
  </si>
  <si>
    <t>12/16/2019 12:09:09</t>
  </si>
  <si>
    <t>5c005583-24ae-4b88-a1ef-3e4e983a64c2.tmp</t>
  </si>
  <si>
    <t>\\acsfs\profiles$\sarahbal\Downloads\5c005583-24ae-4b88-a1ef-3e4e983a64c2.tmp</t>
  </si>
  <si>
    <t>12/16/2019 12:09:14</t>
  </si>
  <si>
    <t>99f8aec8-1060-423a-9739-c66e43308369.tmp</t>
  </si>
  <si>
    <t>\\acsfs\profiles$\vivianalds\Downloads\99f8aec8-1060-423a-9739-c66e43308369.tmp</t>
  </si>
  <si>
    <t>12/16/2019 12:08:59</t>
  </si>
  <si>
    <t>52b5a681-557c-4173-9c5f-9d8faa9c2d9f.tmp</t>
  </si>
  <si>
    <t>\\acsfs\profiles$\KARENDSR\Downloads\52b5a681-557c-4173-9c5f-9d8faa9c2d9f.tmp</t>
  </si>
  <si>
    <t>12/16/2019 12:06:32</t>
  </si>
  <si>
    <t>12/16/2019 12:07:17</t>
  </si>
  <si>
    <t>ListaDePresenca Kanban e SuperReview.xlsx</t>
  </si>
  <si>
    <t>12/16/2019 12:08:56</t>
  </si>
  <si>
    <t>e8f1be34-1f02-4309-aca7-c0fbfb045bc9.tmp</t>
  </si>
  <si>
    <t>\\acsfs\profiles$\luanarda\Downloads\e8f1be34-1f02-4309-aca7-c0fbfb045bc9.tmp</t>
  </si>
  <si>
    <t>12/16/2019 12:09:08</t>
  </si>
  <si>
    <t>b106b719-83ad-4754-975e-598d33a2ae3d.tmp</t>
  </si>
  <si>
    <t>\\acsfs\profiles$\wenderbnm\Downloads\b106b719-83ad-4754-975e-598d33a2ae3d.tmp</t>
  </si>
  <si>
    <t>12/16/2019 12:09:23</t>
  </si>
  <si>
    <t>23bcc616-b542-449c-a0b0-0f4b2bc1d304.tmp</t>
  </si>
  <si>
    <t>\\acsfs\profiles$\wenderbnm\Downloads\23bcc616-b542-449c-a0b0-0f4b2bc1d304.tmp</t>
  </si>
  <si>
    <t>12/16/2019 12:11:13</t>
  </si>
  <si>
    <t>1fe512e8-8a64-4c6d-889c-ce02e19fb4b3.tmp</t>
  </si>
  <si>
    <t>\\acsfs\profiles$\felipetds\Downloads\1fe512e8-8a64-4c6d-889c-ce02e19fb4b3.tmp</t>
  </si>
  <si>
    <t>f929b7d8-e868-46ad-be04-fbc32053810f.tmp</t>
  </si>
  <si>
    <t>\\acsfs\profiles$\ERICALSR\Downloads\f929b7d8-e868-46ad-be04-fbc32053810f.tmp</t>
  </si>
  <si>
    <t>12/16/2019 12:08:35</t>
  </si>
  <si>
    <t>12/16/2019 12:12:14</t>
  </si>
  <si>
    <t>12/16/2019 12:08:31</t>
  </si>
  <si>
    <t>12/16/2019 12:13:13</t>
  </si>
  <si>
    <t>08d9e937-60ec-48d0-b82a-9ca58b18ea39.tmp</t>
  </si>
  <si>
    <t>\\acsfs\profiles$\gabrielhca\Downloads\08d9e937-60ec-48d0-b82a-9ca58b18ea39.tmp</t>
  </si>
  <si>
    <t>12/16/2019 12:08:50</t>
  </si>
  <si>
    <t>4823986a-466e-457f-b894-945b14bc8eed.tmp</t>
  </si>
  <si>
    <t>\\acsfs\profiles$\gabrielhca\Downloads\4823986a-466e-457f-b894-945b14bc8eed.tmp</t>
  </si>
  <si>
    <t>12/16/2019 12:11:49</t>
  </si>
  <si>
    <t>d8fd6013-6f56-479a-a3d6-69f817dfc969.tmp</t>
  </si>
  <si>
    <t>\\acsfs\profiles$\gabrielhca\Downloads\d8fd6013-6f56-479a-a3d6-69f817dfc969.tmp</t>
  </si>
  <si>
    <t>12/16/2019 12:11:56</t>
  </si>
  <si>
    <t>6109c755-6794-4e05-b80b-78a21a2384aa.tmp</t>
  </si>
  <si>
    <t>\\acsfs\profiles$\gabrielhca\Downloads\6109c755-6794-4e05-b80b-78a21a2384aa.tmp</t>
  </si>
  <si>
    <t>12/16/2019 12:12:10</t>
  </si>
  <si>
    <t>a95f4c28-307a-4d76-bbb9-5f6ffb3e07b6.tmp</t>
  </si>
  <si>
    <t>\\acsfs\profiles$\dhiulliananads\Downloads\a95f4c28-307a-4d76-bbb9-5f6ffb3e07b6.tmp</t>
  </si>
  <si>
    <t>12/16/2019 12:08:58</t>
  </si>
  <si>
    <t>65e91ea0-8270-48a4-80da-af41411780ca.tmp</t>
  </si>
  <si>
    <t>\\acsfs\profiles$\marcellewdl\Downloads\65e91ea0-8270-48a4-80da-af41411780ca.tmp</t>
  </si>
  <si>
    <t>12/16/2019 12:09:51</t>
  </si>
  <si>
    <t>d3b2b393-634b-421f-b4bc-eb8bff13dc56.tmp</t>
  </si>
  <si>
    <t>\\acsfs\profiles$\kellzylenneasr\Downloads\d3b2b393-634b-421f-b4bc-eb8bff13dc56.tmp</t>
  </si>
  <si>
    <t>12/16/2019 12:15:14</t>
  </si>
  <si>
    <t>C:\Users\vanessasara\OneDrive - Grupo Algar\Ecossistema de Inovação\Prodex\PRODEX 2020 - PROPOSTA #DESAFIODOCLIENTE.pptx\</t>
  </si>
  <si>
    <t>12/16/2019 12:09:52</t>
  </si>
  <si>
    <t>12/16/2019 12:09:45</t>
  </si>
  <si>
    <t>84df56c4-78d5-4c84-a007-31419b5cddc6.tmp</t>
  </si>
  <si>
    <t>\\acsfs\profiles$\sarahbal\Downloads\84df56c4-78d5-4c84-a007-31419b5cddc6.tmp</t>
  </si>
  <si>
    <t>12/16/2019 12:10:08</t>
  </si>
  <si>
    <t>28125f85-b777-4d4e-99cb-09b0f483b1d5.tmp</t>
  </si>
  <si>
    <t>\\acsfs\profiles$\larissaad\Downloads\28125f85-b777-4d4e-99cb-09b0f483b1d5.tmp</t>
  </si>
  <si>
    <t>12/16/2019 12:17:14</t>
  </si>
  <si>
    <t>12/16/2019 12:14:38</t>
  </si>
  <si>
    <t>12/16/2019 12:15:21</t>
  </si>
  <si>
    <t>12/16/2019 12:18:14</t>
  </si>
  <si>
    <t>12/16/2019 12:15:22</t>
  </si>
  <si>
    <t>lu2454023e2qu.tmp</t>
  </si>
  <si>
    <t>\\acsfs\profiles$\dhiulliananads\My Documents\lu2454023e2qu.tmp</t>
  </si>
  <si>
    <t>\\acsfs\profiles$\dhiulliananads\My Documents\lu2454023e2qu.tmp\</t>
  </si>
  <si>
    <t>\\acsfs\profiles$\dhiulliananads\My Documents\lu2454023e2qu.tmp\META-INF\</t>
  </si>
  <si>
    <t>\\acsfs\profiles$\dhiulliananads\My Documents\lu2454023e2qu.tmp\Thumbnails\</t>
  </si>
  <si>
    <t>12/16/2019 12:13:03</t>
  </si>
  <si>
    <t>12/16/2019 12:13:04</t>
  </si>
  <si>
    <t>12/16/2019 12:14:50</t>
  </si>
  <si>
    <t>12/16/2019 12:15:51</t>
  </si>
  <si>
    <t>12/16/2019 12:12:26</t>
  </si>
  <si>
    <t>658bd9cf-3fb2-46e4-a363-2aad65ea8969.tmp</t>
  </si>
  <si>
    <t>\\acsfs\profiles$\gabrielhca\Downloads\658bd9cf-3fb2-46e4-a363-2aad65ea8969.tmp</t>
  </si>
  <si>
    <t>12/16/2019 12:16:17</t>
  </si>
  <si>
    <t>12/16/2019 12:21:14</t>
  </si>
  <si>
    <t>12/16/2019 12:19:19</t>
  </si>
  <si>
    <t>12/16/2019 12:22:14</t>
  </si>
  <si>
    <t>12/16/2019 12:20:32</t>
  </si>
  <si>
    <t>12/16/2019 12:23:15</t>
  </si>
  <si>
    <t>12/16/2019 12:20:50</t>
  </si>
  <si>
    <t>12/16/2019 12:21:50</t>
  </si>
  <si>
    <t>12/16/2019 12:20:21</t>
  </si>
  <si>
    <t>\\acsfs\profiles$\nataliafsi\My Documents\$RECYCLE.BIN\</t>
  </si>
  <si>
    <t>$IV8OO4F.txt</t>
  </si>
  <si>
    <t>\\acsfs\profiles$\nataliafsi\My Documents\$RECYCLE.BIN\$IV8OO4F.txt</t>
  </si>
  <si>
    <t>12/16/2019 12:20:31</t>
  </si>
  <si>
    <t>$I2F7WQS.txt</t>
  </si>
  <si>
    <t>\\acsfs\profiles$\nataliafsi\My Documents\$RECYCLE.BIN\$I2F7WQS.txt</t>
  </si>
  <si>
    <t>12/16/2019 12:20:27</t>
  </si>
  <si>
    <t>adalbertoms@algartech.com;alexandreapi@algartech.com;andersonoa@algartech.com;camilat@algartech.com;cinthia.guimaraes@algartech.com;danieldom@algartech.com;edilson@algartech.com;elisangela.silva@algartech.com;gisele.lopes@algartech.com;hugobsa@algartech.com;jeffersonrdsa@algartech.com;joelson.rosa@algarnet.onmicrosoft.com;kamiladsv@algartech.com;luiz.m.carvalho@algartech.com;marco.padovani@algartech.com;otavioffds@algartech.com;pablomlqu@algartech.com;patriciaf@algartech.com;pedrofs@algartech.com;renata.silva@algartech.com;renatobrl@algartech.com;sgc-th_gat@algartech.com;simoneesm@algartech.com;suenyfo@algartech.com;walter.silva@algartech.com;wesleydal@algartech.com;wilsonaapn@algartech.com;</t>
  </si>
  <si>
    <t>\\Acsfs\dsti\GAT\CIT - Coordenacao Inteligencia de TI\RELATORIOS FPW\Controle\OCORRENCIAS\OCORRENCIAS_DEZEMBRO2019\</t>
  </si>
  <si>
    <t>Ocorrências01a1212.xlsm</t>
  </si>
  <si>
    <t>adalbertoms@algartech.com,alexandreapi@algartech.com,andersonoa@algartech.com,camilat@algartech.com,cinthia.guimaraes@algartech.com,danieldom@algartech.com,edilson@algartech.com,elisangela.silva@algartech.com,gisele.lopes@algartech.com,hugobsa@algartech.com,jeffersonrdsa@algartech.com,joelson.rosa@algarnet.onmicrosoft.com,kamiladsv@algartech.com,luiz.m.carvalho@algartech.com,marco.padovani@algartech.com,otavioffds@algartech.com,pablomlqu@algartech.com,patriciaf@algartech.com,pedrofs@algartech.com,renata.silva@algartech.com,renatobrl@algartech.com,sgc-th_gat@algartech.com,simoneesm@algartech.com,suenyfo@algartech.com,walter.silva@algartech.com,wesleydal@algartech.com,wilsonaapn@algartech.com</t>
  </si>
  <si>
    <t>12/16/2019 12:19:11</t>
  </si>
  <si>
    <t>algartechcpcbv@algartech.com;andrelps@algartech.com;andrelpsa@algartech.com;flora.lira@bv.com.br;gabrielsma@algartech.com;jose.gomes@bv.com.br;rafaelggs@algartech.com;viniciussg@algartech.com;</t>
  </si>
  <si>
    <t>algartechcpcbv@algartech.com,andrelps@algartech.com,andrelpsa@algartech.com,flora.lira@bv.com.br,gabrielsma@algartech.com,jose.gomes@bv.com.br,rafaelggs@algartech.com,viniciussg@algartech.com</t>
  </si>
  <si>
    <t>12/16/2019 12:21:15</t>
  </si>
  <si>
    <t>12/16/2019 12:24:14</t>
  </si>
  <si>
    <t>TALITA SANTOS SILVA CASTRO (19337).contact</t>
  </si>
  <si>
    <t>\\acsfs\profiles$\talitassc\Contacts\TALITA SANTOS SILVA CASTRO (19337).contact</t>
  </si>
  <si>
    <t>12/16/2019 12:21:28</t>
  </si>
  <si>
    <t>12/16/2019 12:21:29</t>
  </si>
  <si>
    <t>12/16/2019 12:21:30</t>
  </si>
  <si>
    <t>12/16/2019 12:21:31</t>
  </si>
  <si>
    <t>12/16/2019 12:21:32</t>
  </si>
  <si>
    <t>12/16/2019 12:21:33</t>
  </si>
  <si>
    <t>12/16/2019 12:21:34</t>
  </si>
  <si>
    <t>12/16/2019 12:21:35</t>
  </si>
  <si>
    <t>12/16/2019 12:21:49</t>
  </si>
  <si>
    <t>12/16/2019 12:21:36</t>
  </si>
  <si>
    <t>12/16/2019 12:21:05</t>
  </si>
  <si>
    <t>12/16/2019 12:26:14</t>
  </si>
  <si>
    <t>12/16/2019 12:21:25</t>
  </si>
  <si>
    <t>12/16/2019 12:21:42</t>
  </si>
  <si>
    <t>12/16/2019 12:21:56</t>
  </si>
  <si>
    <t>12/16/2019 12:22:01</t>
  </si>
  <si>
    <t>12/16/2019 12:22:05</t>
  </si>
  <si>
    <t>12/16/2019 12:22:10</t>
  </si>
  <si>
    <t>12/16/2019 12:23:37</t>
  </si>
  <si>
    <t>12/16/2019 12:24:00</t>
  </si>
  <si>
    <t>12/16/2019 12:24:16</t>
  </si>
  <si>
    <t>12/16/2019 12:24:43</t>
  </si>
  <si>
    <t>12/16/2019 12:25:08</t>
  </si>
  <si>
    <t>12/16/2019 12:25:23</t>
  </si>
  <si>
    <t>12/16/2019 12:25:25</t>
  </si>
  <si>
    <t>12/16/2019 12:25:29</t>
  </si>
  <si>
    <t>12/16/2019 12:25:33</t>
  </si>
  <si>
    <t>12/16/2019 12:25:37</t>
  </si>
  <si>
    <t>celso.goncalves@bradesco.com.br;leandrolds@algartech.com;lucieneili@algartech.com;patricia.brito@bradesco.com.br;</t>
  </si>
  <si>
    <t>FATURAMENTO URR I 2019...xlsx</t>
  </si>
  <si>
    <t>celso.goncalves@bradesco.com.br,leandrolds@algartech.com,lucieneili@algartech.com,patricia.brito@bradesco.com.br</t>
  </si>
  <si>
    <t>12/16/2019 12:23:52</t>
  </si>
  <si>
    <t>12/16/2019 12:27:15</t>
  </si>
  <si>
    <t>8da14944-3892-4885-a0cf-ae072074beb0.tmp</t>
  </si>
  <si>
    <t>\\acsfs\profiles$\leticiala\Downloads\8da14944-3892-4885-a0cf-ae072074beb0.tmp</t>
  </si>
  <si>
    <t>12/16/2019 12:25:58</t>
  </si>
  <si>
    <t>d1096b9e-afd5-4db0-a91c-80604a24ec0b.tmp</t>
  </si>
  <si>
    <t>\\acsfs\profiles$\leticiala\Downloads\d1096b9e-afd5-4db0-a91c-80604a24ec0b.tmp</t>
  </si>
  <si>
    <t>12/16/2019 12:22:50</t>
  </si>
  <si>
    <t>12/16/2019 12:23:00</t>
  </si>
  <si>
    <t>12/16/2019 12:28:14</t>
  </si>
  <si>
    <t>12/16/2019 12:26:49</t>
  </si>
  <si>
    <t>12/16/2019 12:26:50</t>
  </si>
  <si>
    <t>12/16/2019 12:24:33</t>
  </si>
  <si>
    <t>mail.google.com/mail/u/0/jserror?script=https://mail.google.com/mail/u/0/#inbox/fmfcgxwgcqtddjdmslnqjjhnbqfbxgbw&amp;error=yo&amp;line=not available&amp;txz=p</t>
  </si>
  <si>
    <t>12/16/2019 12:26:51</t>
  </si>
  <si>
    <t>12/16/2019 12:26:03</t>
  </si>
  <si>
    <t>12/16/2019 12:26:52</t>
  </si>
  <si>
    <t>12/16/2019 12:25:35</t>
  </si>
  <si>
    <t>nr17.pdf</t>
  </si>
  <si>
    <t>\\acsfs\profiles$\nataliafsi\My Documents\nr17.pdf</t>
  </si>
  <si>
    <t>12/16/2019 12:27:27</t>
  </si>
  <si>
    <t>12/16/2019 12:30:14</t>
  </si>
  <si>
    <t>equipefabi@algartech.com.br;tecnicospj@algartech.com.br;</t>
  </si>
  <si>
    <t>Rotina Repescagem.</t>
  </si>
  <si>
    <t>equipefabi@algartech.com.br,tecnicospj@algartech.com.br</t>
  </si>
  <si>
    <t>12/16/2019 12:26:30</t>
  </si>
  <si>
    <t>\\acsfs\profiles$\ERICALSR\My Documents\</t>
  </si>
  <si>
    <t>adicional.txt</t>
  </si>
  <si>
    <t>\\acsfs\profiles$\ERICALSR\My Documents\adicional.txt</t>
  </si>
  <si>
    <t>12/16/2019 12:25:50</t>
  </si>
  <si>
    <t>12/16/2019 12:32:14</t>
  </si>
  <si>
    <t>12/16/2019 12:27:51</t>
  </si>
  <si>
    <t>12/16/2019 12:33:14</t>
  </si>
  <si>
    <t>12/16/2019 12:32:50</t>
  </si>
  <si>
    <t>12/16/2019 12:27:55</t>
  </si>
  <si>
    <t>12/16/2019 12:28:17</t>
  </si>
  <si>
    <t>$I08YON3.pdf</t>
  </si>
  <si>
    <t>\\acsfs\profiles$\nataliafsi\My Documents\$RECYCLE.BIN\$I08YON3.pdf</t>
  </si>
  <si>
    <t>12/16/2019 12:29:05</t>
  </si>
  <si>
    <t>12/16/2019 12:33:27</t>
  </si>
  <si>
    <t>12/16/2019 12:35:14</t>
  </si>
  <si>
    <t>12/16/2019 12:31:56</t>
  </si>
  <si>
    <t>12/16/2019 12:32:26</t>
  </si>
  <si>
    <t>12/16/2019 12:36:14</t>
  </si>
  <si>
    <t>12/16/2019 12:37:14</t>
  </si>
  <si>
    <t>12/16/2019 12:35:25</t>
  </si>
  <si>
    <t>12/16/2019 12:38:14</t>
  </si>
  <si>
    <t>mail.google.com/_/upload?authuser=0&amp;dcp=asu-n&amp;upload_id=AEnB2UqTbkpTTfL_N5xcMVhJV_DFHP9LeDpp_7k_NBRFisZPZKGIp3nUVIZlIJGy96ozlsU2oJT8L-4vlGGmswWmzku47GhIF1Xc7tLqYIrAUyVXQM06WGw&amp;upload_protocol=resumable</t>
  </si>
  <si>
    <t>12/16/2019 12:33:51</t>
  </si>
  <si>
    <t>12/16/2019 12:36:39</t>
  </si>
  <si>
    <t>12/16/2019 12:37:10</t>
  </si>
  <si>
    <t>12/16/2019 12:37:12</t>
  </si>
  <si>
    <t>12/16/2019 12:42:14</t>
  </si>
  <si>
    <t>12/16/2019 12:38:51</t>
  </si>
  <si>
    <t>12/16/2019 12:43:13</t>
  </si>
  <si>
    <t>12/16/2019 12:41:28</t>
  </si>
  <si>
    <t>12/16/2019 12:39:27</t>
  </si>
  <si>
    <t>12/16/2019 12:39:51</t>
  </si>
  <si>
    <t>12/16/2019 12:41:25</t>
  </si>
  <si>
    <t>12/16/2019 12:39:26</t>
  </si>
  <si>
    <t>12/16/2019 12:39:53</t>
  </si>
  <si>
    <t>lu7460fq8r.tmp</t>
  </si>
  <si>
    <t>\\acsfs\profiles$\CINTIADCF\lu7460fq8r.tmp</t>
  </si>
  <si>
    <t>\\acsfs\profiles$\CINTIADCF\lu7460fq8r.tmp\</t>
  </si>
  <si>
    <t>\\acsfs\profiles$\CINTIADCF\lu7460fq8r.tmp\META-INF\</t>
  </si>
  <si>
    <t>12/16/2019 12:44:14</t>
  </si>
  <si>
    <t>\\acsfs\profiles$\CINTIADCF\lu7460fq8r.tmp\Thumbnails\</t>
  </si>
  <si>
    <t>12/16/2019 12:42:49</t>
  </si>
  <si>
    <t>micheless@algartech.com.br;thaisaol@algartech.com.br;</t>
  </si>
  <si>
    <t>UPH GERAL</t>
  </si>
  <si>
    <t>micheless@algartech.com.br,thaisaol@algartech.com.br</t>
  </si>
  <si>
    <t>12/16/2019 12:42:09</t>
  </si>
  <si>
    <t>12/16/2019 12:47:13</t>
  </si>
  <si>
    <t>81c5f89a-9235-4113-a9ac-29145da60782.tmp</t>
  </si>
  <si>
    <t>\\acsfs\profiles$\leonardobb\Downloads\81c5f89a-9235-4113-a9ac-29145da60782.tmp</t>
  </si>
  <si>
    <t>12/16/2019 12:42:16</t>
  </si>
  <si>
    <t>da2e2141-b5d2-4733-929e-2c8c4d67dae1.tmp</t>
  </si>
  <si>
    <t>\\acsfs\profiles$\leonardobb\Downloads\da2e2141-b5d2-4733-929e-2c8c4d67dae1.tmp</t>
  </si>
  <si>
    <t>12/16/2019 12:44:51</t>
  </si>
  <si>
    <t>12/16/2019 12:48:13</t>
  </si>
  <si>
    <t>12/16/2019 12:45:51</t>
  </si>
  <si>
    <t>12/16/2019 12:52:13</t>
  </si>
  <si>
    <t>12/16/2019 12:48:35</t>
  </si>
  <si>
    <t>12/16/2019 12:53:14</t>
  </si>
  <si>
    <t>\\acsfs\profiles$\nataliafsi\Contacts\</t>
  </si>
  <si>
    <t>NATALIA FERNANDES SILVA (2063).contact</t>
  </si>
  <si>
    <t>\\acsfs\profiles$\nataliafsi\Contacts\NATALIA FERNANDES SILVA (2063).contact</t>
  </si>
  <si>
    <t>12/16/2019 12:48:52</t>
  </si>
  <si>
    <t>12/16/2019 12:51:22</t>
  </si>
  <si>
    <t>babae2c3-b562-4480-880d-8d2b778fecb0.tmp</t>
  </si>
  <si>
    <t>\\acsfs\profiles$\YASMINSC\Downloads\babae2c3-b562-4480-880d-8d2b778fecb0.tmp</t>
  </si>
  <si>
    <t>12/16/2019 12:48:53</t>
  </si>
  <si>
    <t>12/16/2019 12:52:36</t>
  </si>
  <si>
    <t>2b322cf6-9e23-4470-84c9-513c599a033a.tmp</t>
  </si>
  <si>
    <t>\\acsfs\profiles$\YASMINSC\Downloads\2b322cf6-9e23-4470-84c9-513c599a033a.tmp</t>
  </si>
  <si>
    <t>12/16/2019 12:50:51</t>
  </si>
  <si>
    <t>12/16/2019 12:51:51</t>
  </si>
  <si>
    <t>12/16/2019 12:52:38</t>
  </si>
  <si>
    <t>12/16/2019 12:48:39</t>
  </si>
  <si>
    <t>12/16/2019 12:50:40</t>
  </si>
  <si>
    <t>12/16/2019 12:54:13</t>
  </si>
  <si>
    <t>anapscl@algartech.com;bonfim.silva@bradesco.com.br;cristiany.caixeta@bradesco.com.br;greiciele.alves@bradesco.com.br;jussaragp@algartech.com;leandra.cardoso@bradesco.com.br;micheless@algartech.com.br;patriciaa.lima@temposervicos.com.br;rosemery.silva@bradesco.com.br;</t>
  </si>
  <si>
    <t>anapscl@algartech.com,bonfim.silva@bradesco.com.br,cristiany.caixeta@bradesco.com.br,greiciele.alves@bradesco.com.br,jussaragp@algartech.com,leandra.cardoso@bradesco.com.br,micheless@algartech.com.br,patriciaa.lima@temposervicos.com.br,rosemery.silva@bradesco.com.br</t>
  </si>
  <si>
    <t>12/16/2019 12:51:57</t>
  </si>
  <si>
    <t>12/16/2019 12:55:14</t>
  </si>
  <si>
    <t>326eedf1-8dc9-435d-abcb-6d438f3ce074.tmp</t>
  </si>
  <si>
    <t>\\acsfs\profiles$\geovanaasa\Downloads\326eedf1-8dc9-435d-abcb-6d438f3ce074.tmp</t>
  </si>
  <si>
    <t>12/16/2019 12:52:58</t>
  </si>
  <si>
    <t>e1479aa0-055d-47d5-b68a-8b7ed58a7200.tmp</t>
  </si>
  <si>
    <t>\\acsfs\profiles$\geovanaasa\Downloads\e1479aa0-055d-47d5-b68a-8b7ed58a7200.tmp</t>
  </si>
  <si>
    <t>12/16/2019 12:52:02</t>
  </si>
  <si>
    <t>679c7195-d68c-4a21-9ef0-201579d5b180.tmp</t>
  </si>
  <si>
    <t>\\acsfs\profiles$\ERICALSR\Downloads\679c7195-d68c-4a21-9ef0-201579d5b180.tmp</t>
  </si>
  <si>
    <t>12/16/2019 12:53:01</t>
  </si>
  <si>
    <t>aed0a4a8-2213-485c-803e-aee395827ea1.tmp</t>
  </si>
  <si>
    <t>\\acsfs\profiles$\ERICALSR\Downloads\aed0a4a8-2213-485c-803e-aee395827ea1.tmp</t>
  </si>
  <si>
    <t>12/16/2019 12:50:03</t>
  </si>
  <si>
    <t>12/16/2019 12:54:15</t>
  </si>
  <si>
    <t>12/16/2019 12:56:13</t>
  </si>
  <si>
    <t>lu7460fq8w.tmp</t>
  </si>
  <si>
    <t>\\acsfs\profiles$\CINTIADCF\lu7460fq8w.tmp</t>
  </si>
  <si>
    <t>\\acsfs\profiles$\CINTIADCF\lu7460fq8w.tmp\</t>
  </si>
  <si>
    <t>\\acsfs\profiles$\CINTIADCF\lu7460fq8w.tmp\META-INF\</t>
  </si>
  <si>
    <t>\\acsfs\profiles$\CINTIADCF\lu7460fq8w.tmp\Thumbnails\</t>
  </si>
  <si>
    <t>12/16/2019 12:57:14</t>
  </si>
  <si>
    <t>12/16/2019 12:53:46</t>
  </si>
  <si>
    <t>12/16/2019 12:58:13</t>
  </si>
  <si>
    <t>58962b24-4f78-4d4b-813d-e3ffee7484ce.tmp</t>
  </si>
  <si>
    <t>\\acsfs\profiles$\dhiulliananads\Downloads\58962b24-4f78-4d4b-813d-e3ffee7484ce.tmp</t>
  </si>
  <si>
    <t>12/16/2019 12:55:22</t>
  </si>
  <si>
    <t>44a9ff37-38bf-4ce1-8e69-7b75271f451b.tmp</t>
  </si>
  <si>
    <t>\\acsfs\profiles$\dhiulliananads\Downloads\44a9ff37-38bf-4ce1-8e69-7b75271f451b.tmp</t>
  </si>
  <si>
    <t>12/16/2019 12:55:59</t>
  </si>
  <si>
    <t>\\acsfs\profiles$\GABRIELHCA\My Documents\</t>
  </si>
  <si>
    <t>831e1540-cb4c-4ee0-94b2-360a5afab640.pdf</t>
  </si>
  <si>
    <t>\\acsfs\profiles$\GABRIELHCA\My Documents\831e1540-cb4c-4ee0-94b2-360a5afab640.pdf</t>
  </si>
  <si>
    <t>12/16/2019 12:57:01</t>
  </si>
  <si>
    <t>12/16/2019 12:56:51</t>
  </si>
  <si>
    <t>12/16/2019 12:57:51</t>
  </si>
  <si>
    <t>12/16/2019 12:59:14</t>
  </si>
  <si>
    <t>ENC: DEPARA - ATUALIZAÇÃO PESQUISA EMPRESA X BASE GERENCIADAS</t>
  </si>
  <si>
    <t>03 - DEPARA - BASE GERENCIADAS X ATUALIZAÇÃO PESQUISA EMPRESA.xlsx</t>
  </si>
  <si>
    <t>12/16/2019 12:55:26</t>
  </si>
  <si>
    <t>12/16/2019 13:00:13</t>
  </si>
  <si>
    <t>https://udpwfmniceap02/web/guest/home?p_auth=vj1fqnkb&amp;p_p_id=58&amp;p_p_lifecycle=1&amp;p_p_state=maximized&amp;p_p_mode=view&amp;savelastpath=0&amp;_58_struts_action=/login/forgot_password</t>
  </si>
  <si>
    <t>12/16/2019 12:56:35</t>
  </si>
  <si>
    <t>https://udpwfmniceap02/pt_br/web/guest/home?p_auth=vj1fqnkb&amp;p_p_id=58&amp;p_p_lifecycle=1&amp;p_p_state=maximized&amp;p_p_mode=view&amp;savelastpath=0&amp;_58_struts_action=/login/forgot_password</t>
  </si>
  <si>
    <t>12/16/2019 12:57:54</t>
  </si>
  <si>
    <t>12/16/2019 12:58:14</t>
  </si>
  <si>
    <t>12/16/2019 12:57:27</t>
  </si>
  <si>
    <t>ENC: Rotina Repescagem.</t>
  </si>
  <si>
    <t>12/16/2019 13:00:04</t>
  </si>
  <si>
    <t>12/16/2019 13:01:14</t>
  </si>
  <si>
    <t>2b3bdf59-c361-4b27-94d4-a4f34b900dd1.tmp</t>
  </si>
  <si>
    <t>\\acsfs\profiles$\valeriasda\Downloads\2b3bdf59-c361-4b27-94d4-a4f34b900dd1.tmp</t>
  </si>
  <si>
    <t>12/16/2019 13:00:25</t>
  </si>
  <si>
    <t>c01acaca-5263-4716-aadf-0c65e665f62e.tmp</t>
  </si>
  <si>
    <t>\\acsfs\profiles$\valeriasda\Downloads\c01acaca-5263-4716-aadf-0c65e665f62e.tmp</t>
  </si>
  <si>
    <t>12/16/2019 12:59:33</t>
  </si>
  <si>
    <t>71d66a9c-e940-4a49-8da4-864afbe3e78e.tmp</t>
  </si>
  <si>
    <t>\\acsfs\profiles$\felipetds\Downloads\71d66a9c-e940-4a49-8da4-864afbe3e78e.tmp</t>
  </si>
  <si>
    <t>12/16/2019 12:56:25</t>
  </si>
  <si>
    <t>12/16/2019 12:58:04</t>
  </si>
  <si>
    <t>12/16/2019 13:00:21</t>
  </si>
  <si>
    <t>831a760e-1bba-4e6b-bc25-373899195570.tmp</t>
  </si>
  <si>
    <t>\\acsfs\profiles$\isabellegtds\Downloads\831a760e-1bba-4e6b-bc25-373899195570.tmp</t>
  </si>
  <si>
    <t>12/16/2019 12:57:36</t>
  </si>
  <si>
    <t>12/16/2019 13:02:13</t>
  </si>
  <si>
    <t>192.168.1.121</t>
  </si>
  <si>
    <t>12/16/2019 12:59:53</t>
  </si>
  <si>
    <t>12/16/2019 13:03:13</t>
  </si>
  <si>
    <t>72cee4af-29b3-4c90-b4e4-71147ec90890.tmp</t>
  </si>
  <si>
    <t>\\acsfs\profiles$\kellzylenneasr\Downloads\72cee4af-29b3-4c90-b4e4-71147ec90890.tmp</t>
  </si>
  <si>
    <t>12/16/2019 13:02:51</t>
  </si>
  <si>
    <t>c50a339f-2809-44f5-be63-d7cbf710a986.tmp</t>
  </si>
  <si>
    <t>\\acsfs\profiles$\kellzylenneasr\Downloads\c50a339f-2809-44f5-be63-d7cbf710a986.tmp</t>
  </si>
  <si>
    <t>12/16/2019 13:01:33</t>
  </si>
  <si>
    <t>e54b1db8-3eef-4d93-84fb-34e2336d4c31.tmp</t>
  </si>
  <si>
    <t>\\acsfs\profiles$\alicecpbc\Downloads\e54b1db8-3eef-4d93-84fb-34e2336d4c31.tmp</t>
  </si>
  <si>
    <t>12/16/2019 13:01:45</t>
  </si>
  <si>
    <t>8ac5f2c8-8c22-4373-a25d-25ef205737cd.tmp</t>
  </si>
  <si>
    <t>\\acsfs\profiles$\alicecpbc\Downloads\8ac5f2c8-8c22-4373-a25d-25ef205737cd.tmp</t>
  </si>
  <si>
    <t>12/16/2019 13:04:13</t>
  </si>
  <si>
    <t>12/16/2019 13:03:19</t>
  </si>
  <si>
    <t>12/16/2019 13:03:03</t>
  </si>
  <si>
    <t>12/16/2019 13:05:14</t>
  </si>
  <si>
    <t>7405bba6-3573-41fa-855a-7536d4f0ae28.tmp</t>
  </si>
  <si>
    <t>\\acsfs\profiles$\vivianalds\Downloads\7405bba6-3573-41fa-855a-7536d4f0ae28.tmp</t>
  </si>
  <si>
    <t>12/16/2019 13:04:17</t>
  </si>
  <si>
    <t>b885c113-9d13-4a95-9cea-45b8fc7820a5.tmp</t>
  </si>
  <si>
    <t>\\acsfs\profiles$\vivianalds\Downloads\b885c113-9d13-4a95-9cea-45b8fc7820a5.tmp</t>
  </si>
  <si>
    <t>12/16/2019 13:00:51</t>
  </si>
  <si>
    <t>7d975cec-7cf0-4e72-b99b-9abdeac89213.tmp</t>
  </si>
  <si>
    <t>\\acsfs\profiles$\paulovadc\Downloads\7d975cec-7cf0-4e72-b99b-9abdeac89213.tmp</t>
  </si>
  <si>
    <t>12/16/2019 13:01:30</t>
  </si>
  <si>
    <t>12/16/2019 13:00:29</t>
  </si>
  <si>
    <t>a28ea1f9-abc7-4a2c-9182-fb85d751c42f.tmp</t>
  </si>
  <si>
    <t>\\acsfs\profiles$\luanarda\Downloads\a28ea1f9-abc7-4a2c-9182-fb85d751c42f.tmp</t>
  </si>
  <si>
    <t>12/16/2019 13:01:35</t>
  </si>
  <si>
    <t>e10a0c00-135e-4ee8-91ae-aac0d2f0bc4e.tmp</t>
  </si>
  <si>
    <t>\\acsfs\profiles$\luanarda\Downloads\e10a0c00-135e-4ee8-91ae-aac0d2f0bc4e.tmp</t>
  </si>
  <si>
    <t>12/16/2019 13:04:58</t>
  </si>
  <si>
    <t>12/16/2019 13:06:13</t>
  </si>
  <si>
    <t>12/16/2019 13:00:26</t>
  </si>
  <si>
    <t>2b69620e-2aae-48d2-92a0-b2dd6db180b3.tmp</t>
  </si>
  <si>
    <t>\\acsfs\profiles$\valeriasda\Downloads\2b69620e-2aae-48d2-92a0-b2dd6db180b3.tmp</t>
  </si>
  <si>
    <t>12/16/2019 13:00:34</t>
  </si>
  <si>
    <t>3e4ac945-c2bf-4068-8c59-69aa312bee44.tmp</t>
  </si>
  <si>
    <t>\\acsfs\profiles$\valeriasda\Downloads\3e4ac945-c2bf-4068-8c59-69aa312bee44.tmp</t>
  </si>
  <si>
    <t>12/16/2019 13:04:00</t>
  </si>
  <si>
    <t>lu402444z0.tmp</t>
  </si>
  <si>
    <t>\\acsfs\profiles$\CINTIADCF\lu402444z0.tmp</t>
  </si>
  <si>
    <t>\\acsfs\profiles$\CINTIADCF\lu402444z0.tmp\</t>
  </si>
  <si>
    <t>\\acsfs\profiles$\CINTIADCF\lu402444z0.tmp\META-INF\</t>
  </si>
  <si>
    <t>\\acsfs\profiles$\CINTIADCF\lu402444z0.tmp\Thumbnails\</t>
  </si>
  <si>
    <t>12/16/2019 13:00:49</t>
  </si>
  <si>
    <t>5533a87c-8ea4-4fe6-89a0-98185be0f93d.tmp</t>
  </si>
  <si>
    <t>\\acsfs\profiles$\felipetds\Downloads\5533a87c-8ea4-4fe6-89a0-98185be0f93d.tmp</t>
  </si>
  <si>
    <t>12/16/2019 13:06:00</t>
  </si>
  <si>
    <t>XLOG_anacdos_16122019_081534.log</t>
  </si>
  <si>
    <t>\\acsfs\profiles$\anacdos\My Documents\xworkcenter\logs\XLOG_anacdos_16122019_081534.log</t>
  </si>
  <si>
    <t>12/16/2019 13:04:47</t>
  </si>
  <si>
    <t>12/16/2019 13:02:23</t>
  </si>
  <si>
    <t>12/16/2019 13:07:14</t>
  </si>
  <si>
    <t>Importar_Quadro_Colaboradores_SinergyRH_20190913 (1).xlsx</t>
  </si>
  <si>
    <t>12/16/2019 13:05:17</t>
  </si>
  <si>
    <t>12/16/2019 13:06:39</t>
  </si>
  <si>
    <t>12/16/2019 13:08:13</t>
  </si>
  <si>
    <t>e7d68289-1747-4f38-81be-70f78762ae7d.tmp</t>
  </si>
  <si>
    <t>\\acsfs\profiles$\marcellewdl\Downloads\e7d68289-1747-4f38-81be-70f78762ae7d.tmp</t>
  </si>
  <si>
    <t>12/16/2019 13:05:58</t>
  </si>
  <si>
    <t>XLOG_Angelicacldr_16122019_084923.log</t>
  </si>
  <si>
    <t>\\acsfs\profiles$\Angelicacldr\My Documents\xworkcenter\logs\XLOG_Angelicacldr_16122019_084923.log</t>
  </si>
  <si>
    <t>12/16/2019 13:06:01</t>
  </si>
  <si>
    <t>12/16/2019 13:03:51</t>
  </si>
  <si>
    <t>12/16/2019 13:09:14</t>
  </si>
  <si>
    <t>12/16/2019 13:06:50</t>
  </si>
  <si>
    <t>\\acsfs\profiles$\stefaniasdf\My Documents\</t>
  </si>
  <si>
    <t>Duvidas e sugerstão.txt</t>
  </si>
  <si>
    <t>\\acsfs\profiles$\stefaniasdf\My Documents\Duvidas e sugerstão.txt</t>
  </si>
  <si>
    <t>12/16/2019 13:06:48</t>
  </si>
  <si>
    <t>12/16/2019 13:04:37</t>
  </si>
  <si>
    <t>12/16/2019 13:10:13</t>
  </si>
  <si>
    <t>de0d6290-016e-4280-bbf7-e99ee9ce672d.tmp</t>
  </si>
  <si>
    <t>\\acsfs\profiles$\vivianalds\Downloads\de0d6290-016e-4280-bbf7-e99ee9ce672d.tmp</t>
  </si>
  <si>
    <t>4328351a-08f0-4620-af52-7b912ebfdc3c.tmp</t>
  </si>
  <si>
    <t>\\acsfs\profiles$\vivianalds\Downloads\4328351a-08f0-4620-af52-7b912ebfdc3c.tmp</t>
  </si>
  <si>
    <t>12/16/2019 13:09:38</t>
  </si>
  <si>
    <t>12/16/2019 13:11:13</t>
  </si>
  <si>
    <t>7f729859-c75a-4204-9bdd-56809ccbccff.tmp</t>
  </si>
  <si>
    <t>\\acsfs\profiles$\adrielyas\Downloads\7f729859-c75a-4204-9bdd-56809ccbccff.tmp</t>
  </si>
  <si>
    <t>12/16/2019 13:06:29</t>
  </si>
  <si>
    <t>12/16/2019 13:10:10</t>
  </si>
  <si>
    <t>967b9de4-9bc2-4ff0-8a3a-94696942d68f.tmp</t>
  </si>
  <si>
    <t>\\acsfs\profiles$\cintiadcf\Downloads\967b9de4-9bc2-4ff0-8a3a-94696942d68f.tmp</t>
  </si>
  <si>
    <t>12/16/2019 13:10:18</t>
  </si>
  <si>
    <t>fa31c0f8-f725-4e85-908a-f6249fd9e514.tmp</t>
  </si>
  <si>
    <t>\\acsfs\profiles$\cintiadcf\Downloads\fa31c0f8-f725-4e85-908a-f6249fd9e514.tmp</t>
  </si>
  <si>
    <t>12/16/2019 13:07:35</t>
  </si>
  <si>
    <t>12/16/2019 13:12:13</t>
  </si>
  <si>
    <t>12/16/2019 13:09:37</t>
  </si>
  <si>
    <t>12/16/2019 13:13:13</t>
  </si>
  <si>
    <t>C:\Users\renatofol\OneDrive - Grupo Algar\ALGAR_-_Transformação Digital\Consultoria CX\Documentações\TIME CX\Clientes\Caixa Seguradora\</t>
  </si>
  <si>
    <t>cronograma macro.xlsx</t>
  </si>
  <si>
    <t>12/16/2019 13:09:39</t>
  </si>
  <si>
    <t>12/16/2019 13:08:15</t>
  </si>
  <si>
    <t>c2905934-3064-4759-a5dd-8faa4d8fa6c3.tmp</t>
  </si>
  <si>
    <t>\\acsfs\profiles$\marcellewdl\Downloads\c2905934-3064-4759-a5dd-8faa4d8fa6c3.tmp</t>
  </si>
  <si>
    <t>12/16/2019 13:08:51</t>
  </si>
  <si>
    <t>12/16/2019 13:14:13</t>
  </si>
  <si>
    <t>12/16/2019 13:09:55</t>
  </si>
  <si>
    <t>12/16/2019 13:13:28</t>
  </si>
  <si>
    <t>12/16/2019 13:15:13</t>
  </si>
  <si>
    <t>12/16/2019 13:14:07</t>
  </si>
  <si>
    <t>4902febb-2dae-43a9-b712-198308cd86cc.tmp</t>
  </si>
  <si>
    <t>\\acsfs\profiles$\gabrielhca\Downloads\4902febb-2dae-43a9-b712-198308cd86cc.tmp</t>
  </si>
  <si>
    <t>12/16/2019 13:14:51</t>
  </si>
  <si>
    <t>12/16/2019 13:16:14</t>
  </si>
  <si>
    <t>3b90c847-6733-4ead-9066-82a396903d1f.tmp</t>
  </si>
  <si>
    <t>\\acsfs\profiles$\valeriasda\Downloads\3b90c847-6733-4ead-9066-82a396903d1f.tmp</t>
  </si>
  <si>
    <t>12/16/2019 13:11:57</t>
  </si>
  <si>
    <t>12/16/2019 13:11:14</t>
  </si>
  <si>
    <t>0deddf17-3868-489e-aa43-37bb5ca4c433.tmp</t>
  </si>
  <si>
    <t>\\acsfs\profiles$\adrielyas\Downloads\0deddf17-3868-489e-aa43-37bb5ca4c433.tmp</t>
  </si>
  <si>
    <t>12/16/2019 13:15:18</t>
  </si>
  <si>
    <t>02bdaf39-ba0c-4e6b-aad6-558cfc139100.tmp</t>
  </si>
  <si>
    <t>\\acsfs\profiles$\adrielyas\Downloads\02bdaf39-ba0c-4e6b-aad6-558cfc139100.tmp</t>
  </si>
  <si>
    <t>12/16/2019 13:11:22</t>
  </si>
  <si>
    <t>d1e5d793-e323-4ab9-b2d4-0996ae3449da.tmp</t>
  </si>
  <si>
    <t>\\acsfs\profiles$\cintiadcf\Downloads\d1e5d793-e323-4ab9-b2d4-0996ae3449da.tmp</t>
  </si>
  <si>
    <t>12/16/2019 13:14:25</t>
  </si>
  <si>
    <t>9a49c2ef-3f71-44b7-b305-e1991a1edd1f.tmp</t>
  </si>
  <si>
    <t>\\acsfs\profiles$\cintiadcf\Downloads\9a49c2ef-3f71-44b7-b305-e1991a1edd1f.tmp</t>
  </si>
  <si>
    <t>12/16/2019 13:14:55</t>
  </si>
  <si>
    <t>bbd501ff-ccd2-4293-bcf3-06afe82ccdf4.tmp</t>
  </si>
  <si>
    <t>\\acsfs\profiles$\felipetds\Downloads\bbd501ff-ccd2-4293-bcf3-06afe82ccdf4.tmp</t>
  </si>
  <si>
    <t>12/16/2019 13:15:11</t>
  </si>
  <si>
    <t>9f5099f8-65ca-43d9-b17c-7a10be895232.tmp</t>
  </si>
  <si>
    <t>\\acsfs\profiles$\isabellegtds\Downloads\9f5099f8-65ca-43d9-b17c-7a10be895232.tmp</t>
  </si>
  <si>
    <t>12/16/2019 13:17:13</t>
  </si>
  <si>
    <t>12/16/2019 13:14:08</t>
  </si>
  <si>
    <t>12/16/2019 13:14:22</t>
  </si>
  <si>
    <t>12/16/2019 13:14:30</t>
  </si>
  <si>
    <t>12/16/2019 13:14:37</t>
  </si>
  <si>
    <t>12/16/2019 13:15:06</t>
  </si>
  <si>
    <t>12/16/2019 13:15:20</t>
  </si>
  <si>
    <t>12/16/2019 13:16:08</t>
  </si>
  <si>
    <t>12/16/2019 13:15:44</t>
  </si>
  <si>
    <t>12/16/2019 13:18:13</t>
  </si>
  <si>
    <t>07cb7926-8b1f-43db-b544-63d8385bfce0.tmp</t>
  </si>
  <si>
    <t>\\acsfs\profiles$\marcellewdl\Downloads\07cb7926-8b1f-43db-b544-63d8385bfce0.tmp</t>
  </si>
  <si>
    <t>12/16/2019 13:16:11</t>
  </si>
  <si>
    <t>efdd13b4-8f6a-4f72-988f-ebb7d5f0dc6e.tmp</t>
  </si>
  <si>
    <t>\\acsfs\profiles$\marcellewdl\Downloads\efdd13b4-8f6a-4f72-988f-ebb7d5f0dc6e.tmp</t>
  </si>
  <si>
    <t>12/16/2019 13:17:06</t>
  </si>
  <si>
    <t>mail.google.com/_/upload?authuser=0&amp;dcp=asu-n&amp;upload_id=AEnB2Uqfg5crvQx_gfkXSLhkje-a5B1kfFSq5JSIV2Jd4fp7Ihs8YzJDLwhwzBROBulkg7ObRyP0lhZfUs4pKBI-Yhw4NAqt7A&amp;upload_protocol=resumable</t>
  </si>
  <si>
    <t>karinars@algartech.com;luizavs@algartech.com;viniciussg@algartech.com;</t>
  </si>
  <si>
    <t>\\acsfs\DEPTOS\Operacao\PCP\5 - Comum\PLANEJAMENTO WHIRLPOOL\17 - PLANEJAMENTO REVISADO\ticket_526283\17 - PLANEJAMENTO REVISADO\PLANO WHIRLPOOL 2020\D2C\02- FEVEREIRO\</t>
  </si>
  <si>
    <t>karinars@algartech.com,luizavs@algartech.com,viniciussg@algartech.com</t>
  </si>
  <si>
    <t>12/16/2019 13:15:16</t>
  </si>
  <si>
    <t>59b59e32-4d7e-4e41-b460-14807bd7e94d.tmp</t>
  </si>
  <si>
    <t>\\acsfs\profiles$\kellzylenneasr\Downloads\59b59e32-4d7e-4e41-b460-14807bd7e94d.tmp</t>
  </si>
  <si>
    <t>12/16/2019 13:15:22</t>
  </si>
  <si>
    <t>88a2c369-ce37-4a41-ba0d-463b87c72dc6.tmp</t>
  </si>
  <si>
    <t>\\acsfs\profiles$\kellzylenneasr\Downloads\88a2c369-ce37-4a41-ba0d-463b87c72dc6.tmp</t>
  </si>
  <si>
    <t>12/16/2019 13:17:27</t>
  </si>
  <si>
    <t>2e7a0203-048e-44fb-9327-de063ab52ed1.tmp</t>
  </si>
  <si>
    <t>\\acsfs\profiles$\alicecpbc\Downloads\2e7a0203-048e-44fb-9327-de063ab52ed1.tmp</t>
  </si>
  <si>
    <t>12/16/2019 13:19:13</t>
  </si>
  <si>
    <t>12/16/2019 13:15:51</t>
  </si>
  <si>
    <t>12/16/2019 13:15:17</t>
  </si>
  <si>
    <t>12/16/2019 13:20:13</t>
  </si>
  <si>
    <t>0240aac3-a50f-482b-afa8-b845f2668dc9.tmp</t>
  </si>
  <si>
    <t>\\acsfs\profiles$\geovanaasa\Downloads\0240aac3-a50f-482b-afa8-b845f2668dc9.tmp</t>
  </si>
  <si>
    <t>12/16/2019 13:15:37</t>
  </si>
  <si>
    <t>12/16/2019 13:14:48</t>
  </si>
  <si>
    <t>3a26d6c2-fb69-4685-bcf9-317b9e3069f0.tmp</t>
  </si>
  <si>
    <t>\\acsfs\profiles$\ERICALSR\Downloads\3a26d6c2-fb69-4685-bcf9-317b9e3069f0.tmp</t>
  </si>
  <si>
    <t>12/16/2019 13:16:38</t>
  </si>
  <si>
    <t>741e103b-d86b-49e5-a123-7b15f5ecc839.tmp</t>
  </si>
  <si>
    <t>\\acsfs\profiles$\jonatanls\Downloads\741e103b-d86b-49e5-a123-7b15f5ecc839.tmp</t>
  </si>
  <si>
    <t>12/16/2019 13:17:35</t>
  </si>
  <si>
    <t>76159e12-be87-4c6a-a060-3221ba21b242.tmp</t>
  </si>
  <si>
    <t>\\acsfs\profiles$\jonatanls\Downloads\76159e12-be87-4c6a-a060-3221ba21b242.tmp</t>
  </si>
  <si>
    <t>12/16/2019 13:17:42</t>
  </si>
  <si>
    <t>.~lock.Status Filas (2).xlsx#</t>
  </si>
  <si>
    <t>\\acsfs\profiles$\jonatanls\Downloads\.~lock.Status Filas (2).xlsx#</t>
  </si>
  <si>
    <t>12/16/2019 13:18:18</t>
  </si>
  <si>
    <t>a0c121b3-1178-455e-a990-9f5deb4409e0.tmp</t>
  </si>
  <si>
    <t>\\acsfs\profiles$\jonatanls\Downloads\a0c121b3-1178-455e-a990-9f5deb4409e0.tmp</t>
  </si>
  <si>
    <t>12/16/2019 13:18:22</t>
  </si>
  <si>
    <t>.~lock.Status Filas (3).xlsx#</t>
  </si>
  <si>
    <t>\\acsfs\profiles$\jonatanls\Downloads\.~lock.Status Filas (3).xlsx#</t>
  </si>
  <si>
    <t>12/16/2019 13:18:29</t>
  </si>
  <si>
    <t>979802c5-6404-417b-8e24-1b82420e59a4.tmp</t>
  </si>
  <si>
    <t>\\acsfs\profiles$\jonatanls\Downloads\979802c5-6404-417b-8e24-1b82420e59a4.tmp</t>
  </si>
  <si>
    <t>12/16/2019 13:18:32</t>
  </si>
  <si>
    <t>.~lock.Status Filas (4).xlsx#</t>
  </si>
  <si>
    <t>\\acsfs\profiles$\jonatanls\Downloads\.~lock.Status Filas (4).xlsx#</t>
  </si>
  <si>
    <t>12/16/2019 13:19:16</t>
  </si>
  <si>
    <t>.~lock.Status Filas.xlsx#</t>
  </si>
  <si>
    <t>\\acsfs\profiles$\jonatanls\Downloads\.~lock.Status Filas.xlsx#</t>
  </si>
  <si>
    <t>12/16/2019 13:19:27</t>
  </si>
  <si>
    <t>\\acsfs\profiles$\jonatanls\Downloads\$RECYCLE.BIN\</t>
  </si>
  <si>
    <t>$I14EWJM.xlsx</t>
  </si>
  <si>
    <t>\\acsfs\profiles$\jonatanls\Downloads\$RECYCLE.BIN\$I14EWJM.xlsx</t>
  </si>
  <si>
    <t>12/16/2019 13:19:28</t>
  </si>
  <si>
    <t>$IU2ZT7N.xlsx</t>
  </si>
  <si>
    <t>\\acsfs\profiles$\jonatanls\Downloads\$RECYCLE.BIN\$IU2ZT7N.xlsx</t>
  </si>
  <si>
    <t>$I26KJYK.xlsx</t>
  </si>
  <si>
    <t>\\acsfs\profiles$\jonatanls\Downloads\$RECYCLE.BIN\$I26KJYK.xlsx</t>
  </si>
  <si>
    <t>12/16/2019 13:15:09</t>
  </si>
  <si>
    <t>2625b4a7-3b0c-441c-98e1-65f57744fb8d.tmp</t>
  </si>
  <si>
    <t>\\acsfs\profiles$\paulovadc\Downloads\2625b4a7-3b0c-441c-98e1-65f57744fb8d.tmp</t>
  </si>
  <si>
    <t>7777e2f4-3ce4-45b3-b369-0a549b673f65.tmp</t>
  </si>
  <si>
    <t>\\acsfs\profiles$\luanarda\Downloads\7777e2f4-3ce4-45b3-b369-0a549b673f65.tmp</t>
  </si>
  <si>
    <t>e58e86fb-9809-40aa-bee2-f6b139c5e6b1.tmp</t>
  </si>
  <si>
    <t>\\acsfs\profiles$\gabrielhca\Downloads\e58e86fb-9809-40aa-bee2-f6b139c5e6b1.tmp</t>
  </si>
  <si>
    <t>12/16/2019 13:16:18</t>
  </si>
  <si>
    <t>7ae3a4c7-544d-4870-8816-5c67b107cf3a.tmp</t>
  </si>
  <si>
    <t>\\acsfs\profiles$\gabrielhca\Downloads\7ae3a4c7-544d-4870-8816-5c67b107cf3a.tmp</t>
  </si>
  <si>
    <t>12/16/2019 13:16:53</t>
  </si>
  <si>
    <t>5256d3a2-42c6-4022-a9d3-e0a49954c2e3.tmp</t>
  </si>
  <si>
    <t>\\acsfs\profiles$\gabrielhca\Downloads\5256d3a2-42c6-4022-a9d3-e0a49954c2e3.tmp</t>
  </si>
  <si>
    <t>12/16/2019 13:17:20</t>
  </si>
  <si>
    <t>e7780f79-5ab0-4948-ae82-cdecc7b1a83c.tmp</t>
  </si>
  <si>
    <t>\\acsfs\profiles$\gabrielhca\Downloads\e7780f79-5ab0-4948-ae82-cdecc7b1a83c.tmp</t>
  </si>
  <si>
    <t>12/16/2019 13:15:48</t>
  </si>
  <si>
    <t>12/16/2019 13:21:13</t>
  </si>
  <si>
    <t>b41aee26-0e9a-499e-9d56-46d0c0cc717f.tmp</t>
  </si>
  <si>
    <t>\\acsfs\profiles$\PEDROHAB\Downloads\b41aee26-0e9a-499e-9d56-46d0c0cc717f.tmp</t>
  </si>
  <si>
    <t>b4194609-fa7e-49cd-82ca-06f61718065e.tmp</t>
  </si>
  <si>
    <t>\\acsfs\profiles$\PEDROHAB\Downloads\b4194609-fa7e-49cd-82ca-06f61718065e.tmp</t>
  </si>
  <si>
    <t>12/16/2019 13:18:34</t>
  </si>
  <si>
    <t>94c8fb22-24fc-40fd-bc72-109eb2681f20.tmp</t>
  </si>
  <si>
    <t>\\acsfs\profiles$\PEDROHAB\Downloads\94c8fb22-24fc-40fd-bc72-109eb2681f20.tmp</t>
  </si>
  <si>
    <t>12/16/2019 13:18:36</t>
  </si>
  <si>
    <t>bfc8313d-4ecd-438d-8bc2-b0fb5585fc2e.tmp</t>
  </si>
  <si>
    <t>\\acsfs\profiles$\PEDROHAB\Downloads\bfc8313d-4ecd-438d-8bc2-b0fb5585fc2e.tmp</t>
  </si>
  <si>
    <t>12/16/2019 13:20:27</t>
  </si>
  <si>
    <t>c037f89a-042a-45a2-8aa7-9801ea7d6079.tmp</t>
  </si>
  <si>
    <t>\\acsfs\profiles$\isabellegtds\Downloads\c037f89a-042a-45a2-8aa7-9801ea7d6079.tmp</t>
  </si>
  <si>
    <t>12/16/2019 13:20:41</t>
  </si>
  <si>
    <t>12/16/2019 13:22:13</t>
  </si>
  <si>
    <t>89c54ad7-d790-4858-adf7-e8050bb42e30.tmp</t>
  </si>
  <si>
    <t>\\acsfs\profiles$\isabellegtds\Downloads\89c54ad7-d790-4858-adf7-e8050bb42e30.tmp</t>
  </si>
  <si>
    <t>12/16/2019 13:16:12</t>
  </si>
  <si>
    <t>12/16/2019 13:16:27</t>
  </si>
  <si>
    <t>12/16/2019 13:16:34</t>
  </si>
  <si>
    <t>12/16/2019 13:16:39</t>
  </si>
  <si>
    <t>12/16/2019 13:16:44</t>
  </si>
  <si>
    <t>12/16/2019 13:17:59</t>
  </si>
  <si>
    <t>TALITA SANTOS SILVA CASTRO (22203).contact</t>
  </si>
  <si>
    <t>\\acsfs\profiles$\talitassc\Contacts\TALITA SANTOS SILVA CASTRO (22203).contact</t>
  </si>
  <si>
    <t>12/16/2019 13:18:19</t>
  </si>
  <si>
    <t>12/16/2019 13:18:20</t>
  </si>
  <si>
    <t>12/16/2019 13:18:21</t>
  </si>
  <si>
    <t>12/16/2019 13:18:23</t>
  </si>
  <si>
    <t>12/16/2019 13:18:24</t>
  </si>
  <si>
    <t>12/16/2019 13:18:25</t>
  </si>
  <si>
    <t>12/16/2019 13:18:26</t>
  </si>
  <si>
    <t>12/16/2019 13:19:10</t>
  </si>
  <si>
    <t>12/16/2019 13:19:11</t>
  </si>
  <si>
    <t>12/16/2019 13:19:12</t>
  </si>
  <si>
    <t>12/16/2019 13:23:14</t>
  </si>
  <si>
    <t>12/16/2019 13:19:05</t>
  </si>
  <si>
    <t>lu2454023e2qy.tmp</t>
  </si>
  <si>
    <t>\\acsfs\profiles$\dhiulliananads\My Documents\lu2454023e2qy.tmp</t>
  </si>
  <si>
    <t>\\acsfs\profiles$\dhiulliananads\My Documents\lu2454023e2qy.tmp\</t>
  </si>
  <si>
    <t>\\acsfs\profiles$\dhiulliananads\My Documents\lu2454023e2qy.tmp\META-INF\</t>
  </si>
  <si>
    <t>\\acsfs\profiles$\dhiulliananads\My Documents\lu2454023e2qy.tmp\Thumbnails\</t>
  </si>
  <si>
    <t>12/16/2019 13:19:23</t>
  </si>
  <si>
    <t>cf5a5539-bd6c-4942-9a83-7c06dc658e9e.tmp</t>
  </si>
  <si>
    <t>\\acsfs\profiles$\dhiulliananads\Downloads\cf5a5539-bd6c-4942-9a83-7c06dc658e9e.tmp</t>
  </si>
  <si>
    <t>12/16/2019 13:21:38</t>
  </si>
  <si>
    <t>12/16/2019 13:20:51</t>
  </si>
  <si>
    <t>12/16/2019 13:24:13</t>
  </si>
  <si>
    <t>12/16/2019 13:21:51</t>
  </si>
  <si>
    <t>12/16/2019 13:19:52</t>
  </si>
  <si>
    <t>12/16/2019 13:25:13</t>
  </si>
  <si>
    <t>\\acsfs\profiles$\jonatanls\My Documents\$RECYCLE.BIN\</t>
  </si>
  <si>
    <t>$IVHR6TS.ods</t>
  </si>
  <si>
    <t>\\acsfs\profiles$\jonatanls\My Documents\$RECYCLE.BIN\$IVHR6TS.ods</t>
  </si>
  <si>
    <t>12/16/2019 13:19:55</t>
  </si>
  <si>
    <t>\\acsfs\profiles$\jonatanls\My Documents\.~lock.Status Filas.xlsx#</t>
  </si>
  <si>
    <t>12/16/2019 13:23:23</t>
  </si>
  <si>
    <t>80eb0778-ab38-42a4-9587-a425d5ceb3fd.tmp</t>
  </si>
  <si>
    <t>\\acsfs\profiles$\jonatanls\Downloads\80eb0778-ab38-42a4-9587-a425d5ceb3fd.tmp</t>
  </si>
  <si>
    <t>12/16/2019 13:24:24</t>
  </si>
  <si>
    <t>\\acsfs\deptos\seguranca do trabalho\7 - treinamentos nrs - geral\7.4 - escalas - agendamentos nr17, integração staff e cipa\treinamentos 2019\lista de presença\</t>
  </si>
  <si>
    <t>lista de presença nr17 - seguro de vida (16-12-19).xlsx</t>
  </si>
  <si>
    <t>12/16/2019 13:23:02</t>
  </si>
  <si>
    <t>12/16/2019 13:23:04</t>
  </si>
  <si>
    <t>12/16/2019 13:24:25</t>
  </si>
  <si>
    <t>10.200.67.168</t>
  </si>
  <si>
    <t>74-86-7A-FB-18-48</t>
  </si>
  <si>
    <t>VOTORANT-IB009</t>
  </si>
  <si>
    <t>kamilamrc</t>
  </si>
  <si>
    <t>\\acsfs\profiles$\kamilamrc\Downloads\</t>
  </si>
  <si>
    <t>87d3ec90-bf15-44b4-9c5f-3e584fa794f8.tmp</t>
  </si>
  <si>
    <t>\\acsfs\profiles$\kamilamrc\Downloads\87d3ec90-bf15-44b4-9c5f-3e584fa794f8.tmp</t>
  </si>
  <si>
    <t>12/16/2019 13:21:05</t>
  </si>
  <si>
    <t>12/16/2019 13:26:13</t>
  </si>
  <si>
    <t>aa43c246-4e3b-45d6-be75-99a48b94f97b.tmp</t>
  </si>
  <si>
    <t>\\acsfs\profiles$\karinarm\Downloads\aa43c246-4e3b-45d6-be75-99a48b94f97b.tmp</t>
  </si>
  <si>
    <t>12/16/2019 13:25:31</t>
  </si>
  <si>
    <t>12/16/2019 13:27:13</t>
  </si>
  <si>
    <t>C:\Users\elianegr\Downloads\</t>
  </si>
  <si>
    <t>Dimensionamento_Dezembro 1.xlsx</t>
  </si>
  <si>
    <t>\\acsfs\DEPTOS\Operacao\Banco_Votorantim\Qualidade\Anderson\Dimensionamento Elii kk\Dimensionamento_Dezembro 1.xlsx</t>
  </si>
  <si>
    <t>\\acsfs\DEPTOS\Operacao\Banco_Votorantim\Qualidade\Anderson\Dimensionamento Elii kk\Dimensionamento_Dezembro 1.xlsx\</t>
  </si>
  <si>
    <t>\\acsfs\DEPTOS\Operacao\Banco_Votorantim\Qualidade\Anderson\Dimensionamento Elii kk\Dimensionamento_Dezembro 1.xlsx\:Zone.Identifier:$DATA</t>
  </si>
  <si>
    <t>12/16/2019 13:28:13</t>
  </si>
  <si>
    <t>12/16/2019 13:26:51</t>
  </si>
  <si>
    <t>12/16/2019 13:29:13</t>
  </si>
  <si>
    <t>12/16/2019 13:27:51</t>
  </si>
  <si>
    <t>12/16/2019 13:29:45</t>
  </si>
  <si>
    <t>12/16/2019 13:30:13</t>
  </si>
  <si>
    <t>12/16/2019 13:27:50</t>
  </si>
  <si>
    <t>nathalydds</t>
  </si>
  <si>
    <t>\\acsfs\profiles$\nathalydds\Downloads\</t>
  </si>
  <si>
    <t>6ea05a61-5b2e-4211-9df4-b6fa397e9d7d.tmp</t>
  </si>
  <si>
    <t>\\acsfs\profiles$\nathalydds\Downloads\6ea05a61-5b2e-4211-9df4-b6fa397e9d7d.tmp</t>
  </si>
  <si>
    <t>12/16/2019 13:28:27</t>
  </si>
  <si>
    <t>f1115497-9744-43b8-91ba-92d1f28c51ba.tmp</t>
  </si>
  <si>
    <t>\\acsfs\profiles$\nathalydds\Downloads\f1115497-9744-43b8-91ba-92d1f28c51ba.tmp</t>
  </si>
  <si>
    <t>12/16/2019 13:29:50</t>
  </si>
  <si>
    <t>c042b2e2-c239-4aa9-82d5-043fa7ac7508.tmp</t>
  </si>
  <si>
    <t>\\acsfs\profiles$\nathalydds\Downloads\c042b2e2-c239-4aa9-82d5-043fa7ac7508.tmp</t>
  </si>
  <si>
    <t>12/16/2019 13:29:28</t>
  </si>
  <si>
    <t>12/16/2019 13:29:29</t>
  </si>
  <si>
    <t>12/16/2019 13:29:30</t>
  </si>
  <si>
    <t>12/16/2019 13:29:31</t>
  </si>
  <si>
    <t>12/16/2019 13:29:32</t>
  </si>
  <si>
    <t>12/16/2019 13:29:33</t>
  </si>
  <si>
    <t>12/16/2019 13:29:34</t>
  </si>
  <si>
    <t>12/16/2019 13:25:27</t>
  </si>
  <si>
    <t>1cd52253-b164-4956-b0a8-5f358880d8b4.tmp</t>
  </si>
  <si>
    <t>\\acsfs\profiles$\kamilamrc\Downloads\1cd52253-b164-4956-b0a8-5f358880d8b4.tmp</t>
  </si>
  <si>
    <t>12/16/2019 13:25:32</t>
  </si>
  <si>
    <t>7f20eebf-cd0b-4f29-b4c4-9109410c5bd9.tmp</t>
  </si>
  <si>
    <t>\\acsfs\profiles$\kamilamrc\Downloads\7f20eebf-cd0b-4f29-b4c4-9109410c5bd9.tmp</t>
  </si>
  <si>
    <t>12/16/2019 13:25:40</t>
  </si>
  <si>
    <t>d1f1c1d5-f1e6-40e4-a7e7-42c862159d6f.tmp</t>
  </si>
  <si>
    <t>\\acsfs\profiles$\kamilamrc\Downloads\d1f1c1d5-f1e6-40e4-a7e7-42c862159d6f.tmp</t>
  </si>
  <si>
    <t>12/16/2019 13:27:12</t>
  </si>
  <si>
    <t>4124f65d-fee1-46d9-acdf-cc3cfff7a6ff.tmp</t>
  </si>
  <si>
    <t>\\acsfs\profiles$\kamilamrc\Downloads\4124f65d-fee1-46d9-acdf-cc3cfff7a6ff.tmp</t>
  </si>
  <si>
    <t>12/16/2019 13:27:27</t>
  </si>
  <si>
    <t>262c214f-5edb-4d3e-acaa-c28ec57f9f94.tmp</t>
  </si>
  <si>
    <t>\\acsfs\profiles$\kamilamrc\Downloads\262c214f-5edb-4d3e-acaa-c28ec57f9f94.tmp</t>
  </si>
  <si>
    <t>12/16/2019 13:27:37</t>
  </si>
  <si>
    <t>bc91f0fd-0a3f-47d8-9b9a-8ef4569ad41e.tmp</t>
  </si>
  <si>
    <t>\\acsfs\profiles$\kamilamrc\Downloads\bc91f0fd-0a3f-47d8-9b9a-8ef4569ad41e.tmp</t>
  </si>
  <si>
    <t>12/16/2019 13:31:13</t>
  </si>
  <si>
    <t>12/16/2019 13:29:35</t>
  </si>
  <si>
    <t>12/16/2019 13:29:36</t>
  </si>
  <si>
    <t>12/16/2019 13:29:37</t>
  </si>
  <si>
    <t>12/16/2019 13:29:38</t>
  </si>
  <si>
    <t>12/16/2019 13:29:39</t>
  </si>
  <si>
    <t>12/16/2019 13:29:40</t>
  </si>
  <si>
    <t>12/16/2019 13:29:41</t>
  </si>
  <si>
    <t>12/16/2019 13:29:42</t>
  </si>
  <si>
    <t>12/16/2019 13:29:43</t>
  </si>
  <si>
    <t>12/16/2019 13:29:44</t>
  </si>
  <si>
    <t>12/16/2019 13:29:46</t>
  </si>
  <si>
    <t>12/16/2019 13:26:55</t>
  </si>
  <si>
    <t>12/16/2019 13:30:38</t>
  </si>
  <si>
    <t>2584d7c9-4475-426f-b11e-90e67d9f737f.tmp</t>
  </si>
  <si>
    <t>\\acsfs\profiles$\karinarm\Downloads\2584d7c9-4475-426f-b11e-90e67d9f737f.tmp</t>
  </si>
  <si>
    <t>12/16/2019 13:30:35</t>
  </si>
  <si>
    <t>ENC: Produtividade CRCe até 15/12</t>
  </si>
  <si>
    <t>12/16/2019 13:28:32</t>
  </si>
  <si>
    <t>12/16/2019 13:32:14</t>
  </si>
  <si>
    <t>783d6f45-57fb-47cd-82ba-ad75b6dc7901.tmp</t>
  </si>
  <si>
    <t>\\acsfs\profiles$\alexandrapp\Downloads\783d6f45-57fb-47cd-82ba-ad75b6dc7901.tmp</t>
  </si>
  <si>
    <t>12/16/2019 13:29:52</t>
  </si>
  <si>
    <t>f95f1c83-b0ac-4c94-9ace-894cf95790f1.tmp</t>
  </si>
  <si>
    <t>\\acsfs\profiles$\alexandrapp\Downloads\f95f1c83-b0ac-4c94-9ace-894cf95790f1.tmp</t>
  </si>
  <si>
    <t>12/16/2019 13:31:04</t>
  </si>
  <si>
    <t>0fdce2bd-0a43-45ab-b97a-5be20c95c398.tmp</t>
  </si>
  <si>
    <t>\\acsfs\profiles$\alexandrapp\Downloads\0fdce2bd-0a43-45ab-b97a-5be20c95c398.tmp</t>
  </si>
  <si>
    <t>12/16/2019 13:31:06</t>
  </si>
  <si>
    <t>Q29udHJvbGxlci5JRS1XYXRoZG9j.ica:Zone.Identifier</t>
  </si>
  <si>
    <t>\\acsfs\profiles$\alexandrapp\Downloads\Q29udHJvbGxlci5JRS1XYXRoZG9j.ica:Zone.Identifier</t>
  </si>
  <si>
    <t>12/16/2019 13:30:40</t>
  </si>
  <si>
    <t>12/16/2019 13:33:13</t>
  </si>
  <si>
    <t>12/16/2019 13:30:41</t>
  </si>
  <si>
    <t>12/16/2019 13:30:42</t>
  </si>
  <si>
    <t>12/16/2019 13:30:43</t>
  </si>
  <si>
    <t>12/16/2019 13:30:44</t>
  </si>
  <si>
    <t>12/16/2019 13:30:45</t>
  </si>
  <si>
    <t>12/16/2019 13:30:46</t>
  </si>
  <si>
    <t>12/16/2019 13:30:47</t>
  </si>
  <si>
    <t>12/16/2019 13:30:48</t>
  </si>
  <si>
    <t>12/16/2019 13:30:49</t>
  </si>
  <si>
    <t>12/16/2019 13:30:50</t>
  </si>
  <si>
    <t>12/16/2019 13:30:51</t>
  </si>
  <si>
    <t>12/16/2019 13:30:52</t>
  </si>
  <si>
    <t>12/16/2019 13:30:53</t>
  </si>
  <si>
    <t>12/16/2019 13:30:54</t>
  </si>
  <si>
    <t>12/16/2019 13:30:55</t>
  </si>
  <si>
    <t>12/16/2019 13:30:56</t>
  </si>
  <si>
    <t>12/16/2019 13:30:57</t>
  </si>
  <si>
    <t>12/16/2019 13:32:51</t>
  </si>
  <si>
    <t>12/16/2019 13:34:13</t>
  </si>
  <si>
    <t>12/16/2019 13:32:02</t>
  </si>
  <si>
    <t>samldsm</t>
  </si>
  <si>
    <t>\\acsfs\profiles$\samldsm\Downloads\</t>
  </si>
  <si>
    <t>5c0eb618-2497-4b09-b78d-0fb2e3a7a96d.tmp</t>
  </si>
  <si>
    <t>\\acsfs\profiles$\samldsm\Downloads\5c0eb618-2497-4b09-b78d-0fb2e3a7a96d.tmp</t>
  </si>
  <si>
    <t>12/16/2019 13:32:13</t>
  </si>
  <si>
    <t>02a6bc61-fe8d-4646-b40c-f0083ed08876.tmp</t>
  </si>
  <si>
    <t>\\acsfs\profiles$\samldsm\Downloads\02a6bc61-fe8d-4646-b40c-f0083ed08876.tmp</t>
  </si>
  <si>
    <t>12/16/2019 13:32:53</t>
  </si>
  <si>
    <t>Não confirmado 533365.crdownload</t>
  </si>
  <si>
    <t>\\acsfs\profiles$\samldsm\Downloads\Não confirmado 533365.crdownload</t>
  </si>
  <si>
    <t>12/16/2019 13:32:57</t>
  </si>
  <si>
    <t>0bbf50e2-49c6-4b04-8b29-b34873641048.tmp</t>
  </si>
  <si>
    <t>\\acsfs\profiles$\samldsm\Downloads\0bbf50e2-49c6-4b04-8b29-b34873641048.tmp</t>
  </si>
  <si>
    <t>12/16/2019 13:33:11</t>
  </si>
  <si>
    <t>Não confirmado 556508.crdownload</t>
  </si>
  <si>
    <t>\\acsfs\profiles$\samldsm\Downloads\Não confirmado 556508.crdownload</t>
  </si>
  <si>
    <t>a2a45072-0c25-4cd0-9a07-aaa74ffd0ed9.tmp</t>
  </si>
  <si>
    <t>\\acsfs\profiles$\samldsm\Downloads\a2a45072-0c25-4cd0-9a07-aaa74ffd0ed9.tmp</t>
  </si>
  <si>
    <t>12/16/2019 13:33:36</t>
  </si>
  <si>
    <t>12/16/2019 13:33:37</t>
  </si>
  <si>
    <t>12/16/2019 13:33:38</t>
  </si>
  <si>
    <t>12/16/2019 13:33:39</t>
  </si>
  <si>
    <t>12/16/2019 13:31:15</t>
  </si>
  <si>
    <t>http:///batch?%24ct=multipart%2Fmixed%3B%20boundary%3D%22%3D%3D%3D%3D%3Dpvdnvplzkat0%3D%3D%3D%3D%3D%22&amp;key=AIzaSyAy9VVXHSpS2IJpptzYtGbLP3-3_l0aBk4</t>
  </si>
  <si>
    <t>12/16/2019 13:31:23</t>
  </si>
  <si>
    <t>http:///batch?%24ct=multipart%2Fmixed%3B%20boundary%3D%22%3D%3D%3D%3D%3D8ovwdlfacgxd%3D%3D%3D%3D%3D%22&amp;key=AIzaSyAy9VVXHSpS2IJpptzYtGbLP3-3_l0aBk4</t>
  </si>
  <si>
    <t>066bea6da31_u x-goog-authuser: 0 --=====8ovwdlfacgxd=====--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066bea6da31_u x-goog-authuser: 0 --=====8ovwdlfacgxd=====-- 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http:///batch?%24ct=multipart%2Fmixed%3B%20boundary%3D%22%3D%3D%3D%3D%3Dkc1cd9pzrro2%3D%3D%3D%3D%3D%22&amp;key=AIzaSyAy9VVXHSpS2IJpptzYtGbLP3-3_l0aBk4</t>
  </si>
  <si>
    <t>066bea6da31_u x-goog-authuser: 0 --=====8ovwdlfacgxd=====--;066bea6da31_u x-goog-authuser: 0 --=====kc1cd9pzrro2===== content-type: application/http content-transfer-encoding: binary get /drive/v2internal/files/1fganwx3b9hbmljmvekywbmbd5spphqj41xacfem2fzw?fields=kind;actionitems;ancestorhasaugmentedpermissions;containsunsubscribedchildren;copyable;dis;displayname;domain;emailaddress;explicitlytrashed;file(kind;fileextension;fileid;filesize;flaggedforabuse;foldercolor;folderfeatures;haschildfolders;hasnsic_x0017_�r���_x0001_;hasthumbnail;hasvisitorpermissions;id;id);items(deleted;items(kind;ken;kind;lastmodifyi;lastmodifyinguser(kind;lastviewedbymedate;mimetype;modifiedbymedate;modifieddate;ontainsunsubscribedchildren;owners(kind;per;permission;permissionid;picture;primarysyncparentid;quotabytesused;recency;recencyreason;rpermissions;shareable;shared;sharedwithmedate;sharinguser(kind;sourceappid;spaces;subscribed;teamdriveid;thumbnailversion;title;userpermission(role);version;workspaceids;</t>
  </si>
  <si>
    <t>http://066bea6da31_u x-goog-authuser: 0 --=====8ovwdlfacgxd=====-- ,066bea6da31_u x-goog-authuser: 0 --=====kc1cd9pzrro2===== content-type: application/http content-transfer-encoding: binary get /drive/v2internal/files/1fganwx3b9hbmljmvekywbmbd5spphqj41xacfem2fzw?fields=kind,actionitems,ancestorhasaugmentedpermissions,containsunsubscribedchildren,copyable,dis,displayname,domain,emailaddress,explicitlytrashed,file(kind,fileextension,fileid,filesize,flaggedforabuse,foldercolor,folderfeatures,haschildfolders,hasnsic_x0017_�r���_x0001_,hasthumbnail,hasvisitorpermissions,id,id),items(deleted,items(kind,ken,kind,lastmodifyi,lastmodifyinguser(kind,lastviewedbymedate,mimetype,modifiedbymedate,modifieddate,ontainsunsubscribedchildren,owners(kind,per,permission,permissionid,picture,primarysyncparentid,quotabytesused,recency,recencyreason,rpermissions,shareable,shared,sharedwithmedate,sharinguser(kind,sourceappid,spaces,subscribed,teamdriveid,thumbnailversion,title,userpermission(role),version,workspaceids</t>
  </si>
  <si>
    <t>066bea6da31_u x-goog-authuser: 0 --=====8ovwdlfacgxd=====--;066bea6da31_u x-goog-authuser: 0 --=====kc1cd9pzrro2===== content-type: application/http content-transfer-encoding: binary get /drive/v2internal/files/1fganwx3b9hbmljmvekywbmbd5spphqj41xacfem2fzw?fields=kind;actionitems;ancestorhasaugmentedpermission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;displayname;domain;emailaddress;explicitlytrashed;file(kind;fileextension;fileid;filesize;flaggedforabuse;foldercolor;folderfeatures;hasaugmentedpermissions;haschildfolders;hasnsic_x0017_�r���_x0001_;hasthumbnail;hasvisitorpermissions;hidden;id;id);items(deleted;items(kind;ken;kind;labels(starred;lastmodifyi;lastmodifyinguser(kind;lastviewedbymedate;mimetype;modifiedbymeda</t>
  </si>
  <si>
    <t>http://066bea6da31_u x-goog-authuser: 0 --=====8ovwdlfacgxd=====-- ,066bea6da31_u x-goog-authuser: 0 --=====kc1cd9pzrro2===== content-type: application/http content-transfer-encoding: binary get /drive/v2internal/files/1fganwx3b9hbmljmvekywbmbd5spphqj41xacfem2fzw?fields=kind,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,displayname,domain,emailaddress,explicitlytrashed,file(kind,fileextension,fileid,filesize,flaggedforabuse,foldercolor,folderfeatures,hasaugmentedpermissions,haschildfolders,hasnsic_x0017_�r���_x0001_,hasthumbnail,hasvisitorpermissions,hidden,id,id),items(deleted,items(kind,ken,kind,labels(starred,lastmodifyi,lastmodifyinguser(kind,lastviewedbymedate,mimetype,modifi</t>
  </si>
  <si>
    <t>12/16/2019 13:31:30</t>
  </si>
  <si>
    <t>http:///batch?%24ct=multipart%2Fmixed%3B%20boundary%3D%22%3D%3D%3D%3D%3Dl5pngsnruuxc%3D%3D%3D%3D%3D%22&amp;key=AIzaSyAy9VVXHSpS2IJpptzYtGbLP3-3_l0aBk4</t>
  </si>
  <si>
    <t>12/16/2019 13:31:31</t>
  </si>
  <si>
    <t>http:///batch?%24ct=multipart%2Fmixed%3B%20boundary%3D%22%3D%3D%3D%3D%3Dlbn645nqut9h%3D%3D%3D%3D%3D%22&amp;key=AIzaSyAy9VVXHSpS2IJpptzYtGbLP3-3_l0aBk4</t>
  </si>
  <si>
    <t>12/16/2019 13:31:33</t>
  </si>
  <si>
    <t>http:///batch?%24ct=multipart%2Fmixed%3B%20boundary%3D%22%3D%3D%3D%3D%3D6y9iqn14dsbf%3D%3D%3D%3D%3D%22&amp;key=AIzaSyAy9VVXHSpS2IJpptzYtGbLP3-3_l0aBk4</t>
  </si>
  <si>
    <t>12/16/2019 13:33:10</t>
  </si>
  <si>
    <t>12/16/2019 13:33:27</t>
  </si>
  <si>
    <t>12/16/2019 13:35:13</t>
  </si>
  <si>
    <t>C:\Users\rodrigoate\Downloads\</t>
  </si>
  <si>
    <t>Projeto Caixa CAP.xlsx</t>
  </si>
  <si>
    <t>d3603d14-50eb-415d-8a92-5fe30b404074.tmp</t>
  </si>
  <si>
    <t>\\acsfs\profiles$\ayalabfi\Downloads\d3603d14-50eb-415d-8a92-5fe30b404074.tmp</t>
  </si>
  <si>
    <t>12/16/2019 13:31:34</t>
  </si>
  <si>
    <t>0664db58-22f0-4d26-9842-817b1706f0dd.tmp</t>
  </si>
  <si>
    <t>\\acsfs\profiles$\ayalabfi\Downloads\0664db58-22f0-4d26-9842-817b1706f0dd.tmp</t>
  </si>
  <si>
    <t>12/16/2019 13:31:36</t>
  </si>
  <si>
    <t>894d64e5-df32-406b-8b45-39450b9e870d.tmp</t>
  </si>
  <si>
    <t>\\acsfs\profiles$\ayalabfi\Downloads\894d64e5-df32-406b-8b45-39450b9e870d.tmp</t>
  </si>
  <si>
    <t>12/16/2019 13:36:13</t>
  </si>
  <si>
    <t>12/16/2019 13:29:47</t>
  </si>
  <si>
    <t>12/16/2019 13:29:48</t>
  </si>
  <si>
    <t>12/16/2019 13:29:49</t>
  </si>
  <si>
    <t>12/16/2019 13:29:51</t>
  </si>
  <si>
    <t>12/16/2019 13:32:09</t>
  </si>
  <si>
    <t>12/16/2019 13:37:13</t>
  </si>
  <si>
    <t>1074816b-0046-4e8a-854c-27f7e7f9d7a0.tmp</t>
  </si>
  <si>
    <t>\\acsfs\profiles$\alexandrapp\Downloads\1074816b-0046-4e8a-854c-27f7e7f9d7a0.tmp</t>
  </si>
  <si>
    <t>12/16/2019 13:32:48</t>
  </si>
  <si>
    <t>89eeb1a7-d8fc-4460-b330-94db42675b03.tmp</t>
  </si>
  <si>
    <t>\\acsfs\profiles$\alexandrapp\Downloads\89eeb1a7-d8fc-4460-b330-94db42675b03.tmp</t>
  </si>
  <si>
    <t>12/16/2019 13:32:55</t>
  </si>
  <si>
    <t>36608f7a-e3cf-4a53-b5a6-e3c7824ee037.tmp</t>
  </si>
  <si>
    <t>\\acsfs\profiles$\alexandrapp\Downloads\36608f7a-e3cf-4a53-b5a6-e3c7824ee037.tmp</t>
  </si>
  <si>
    <t>12/16/2019 13:33:35</t>
  </si>
  <si>
    <t>34e9ba72-4b92-40d6-8abd-c67f04cb702e.tmp</t>
  </si>
  <si>
    <t>\\acsfs\profiles$\alexandrapp\Downloads\34e9ba72-4b92-40d6-8abd-c67f04cb702e.tmp</t>
  </si>
  <si>
    <t>12/16/2019 13:38:13</t>
  </si>
  <si>
    <t>12/16/2019 13:37:20</t>
  </si>
  <si>
    <t>12/16/2019 13:33:05</t>
  </si>
  <si>
    <t>12/16/2019 13:33:51</t>
  </si>
  <si>
    <t>12/16/2019 13:39:13</t>
  </si>
  <si>
    <t>12/14/2019 18:30:02</t>
  </si>
  <si>
    <t>C:\Users\viniciussg\OneDrive\PGV STORE\</t>
  </si>
  <si>
    <t>controle de compras.xlsx</t>
  </si>
  <si>
    <t>Não confirmado 622807.crdownload</t>
  </si>
  <si>
    <t>\\acsfs\profiles$\samldsm\Downloads\Não confirmado 622807.crdownload</t>
  </si>
  <si>
    <t>9a055f8a-4cd2-458e-8209-a9098a440b7f.tmp</t>
  </si>
  <si>
    <t>\\acsfs\profiles$\samldsm\Downloads\9a055f8a-4cd2-458e-8209-a9098a440b7f.tmp</t>
  </si>
  <si>
    <t>da1ca724-af49-4f5b-903e-5aa9313736b1.tmp</t>
  </si>
  <si>
    <t>\\acsfs\profiles$\samldsm\Downloads\da1ca724-af49-4f5b-903e-5aa9313736b1.tmp</t>
  </si>
  <si>
    <t>12/16/2019 13:34:56</t>
  </si>
  <si>
    <t>6f7ea8ed-3107-424b-9fc8-a7b257f94f25.tmp</t>
  </si>
  <si>
    <t>\\acsfs\profiles$\samldsm\Downloads\6f7ea8ed-3107-424b-9fc8-a7b257f94f25.tmp</t>
  </si>
  <si>
    <t>12/16/2019 13:35:05</t>
  </si>
  <si>
    <t>627cdc0e-c5e0-4310-ad7f-13bda8d82499.tmp</t>
  </si>
  <si>
    <t>\\acsfs\profiles$\samldsm\Downloads\627cdc0e-c5e0-4310-ad7f-13bda8d82499.tmp</t>
  </si>
  <si>
    <t>12/16/2019 13:35:22</t>
  </si>
  <si>
    <t>d3ac9276-8137-4a94-a9a3-a2c4fbd1852f.tmp</t>
  </si>
  <si>
    <t>\\acsfs\profiles$\samldsm\Downloads\d3ac9276-8137-4a94-a9a3-a2c4fbd1852f.tmp</t>
  </si>
  <si>
    <t>12/16/2019 13:37:40</t>
  </si>
  <si>
    <t>52378ba1-5c6f-421d-88e3-0d9f1c1919e7.tmp</t>
  </si>
  <si>
    <t>\\acsfs\profiles$\samldsm\Downloads\52378ba1-5c6f-421d-88e3-0d9f1c1919e7.tmp</t>
  </si>
  <si>
    <t>12/16/2019 13:37:57</t>
  </si>
  <si>
    <t>5e1f32bc-195b-4579-b183-de36abf98ceb.tmp</t>
  </si>
  <si>
    <t>\\acsfs\profiles$\samldsm\Downloads\5e1f32bc-195b-4579-b183-de36abf98ceb.tmp</t>
  </si>
  <si>
    <t>12/16/2019 13:38:31</t>
  </si>
  <si>
    <t>3bb4037f-06d2-438a-96c3-19502713b4c8.tmp</t>
  </si>
  <si>
    <t>\\acsfs\profiles$\samldsm\Downloads\3bb4037f-06d2-438a-96c3-19502713b4c8.tmp</t>
  </si>
  <si>
    <t>12/16/2019 13:33:40</t>
  </si>
  <si>
    <t>12/16/2019 13:33:41</t>
  </si>
  <si>
    <t>12/16/2019 13:33:42</t>
  </si>
  <si>
    <t>12/16/2019 13:33:43</t>
  </si>
  <si>
    <t>12/16/2019 13:33:44</t>
  </si>
  <si>
    <t>12/16/2019 13:33:45</t>
  </si>
  <si>
    <t>12/16/2019 13:33:46</t>
  </si>
  <si>
    <t>12/16/2019 13:33:47</t>
  </si>
  <si>
    <t>12/16/2019 13:33:48</t>
  </si>
  <si>
    <t>12/16/2019 13:33:49</t>
  </si>
  <si>
    <t>12/16/2019 13:33:50</t>
  </si>
  <si>
    <t>12/16/2019 13:33:52</t>
  </si>
  <si>
    <t>12/16/2019 13:33:53</t>
  </si>
  <si>
    <t>12/16/2019 13:33:54</t>
  </si>
  <si>
    <t>12/16/2019 13:33:55</t>
  </si>
  <si>
    <t>12/16/2019 13:33:56</t>
  </si>
  <si>
    <t>12/16/2019 13:33:57</t>
  </si>
  <si>
    <t>12/16/2019 13:33:58</t>
  </si>
  <si>
    <t>12/16/2019 13:33:59</t>
  </si>
  <si>
    <t>12/16/2019 13:34:00</t>
  </si>
  <si>
    <t>12/16/2019 13:34:01</t>
  </si>
  <si>
    <t>12/16/2019 13:34:02</t>
  </si>
  <si>
    <t>12/16/2019 13:34:03</t>
  </si>
  <si>
    <t>12/16/2019 13:34:04</t>
  </si>
  <si>
    <t>12/16/2019 13:34:05</t>
  </si>
  <si>
    <t>12/16/2019 13:35:31</t>
  </si>
  <si>
    <t>12/16/2019 13:40:13</t>
  </si>
  <si>
    <t>12/16/2019 13:36:07</t>
  </si>
  <si>
    <t>12/16/2019 13:36:24</t>
  </si>
  <si>
    <t>12/16/2019 13:36:42</t>
  </si>
  <si>
    <t>.~lock.Status Filas1.xlsx#</t>
  </si>
  <si>
    <t>\\acsfs\profiles$\jonatanls\My Documents\.~lock.Status Filas1.xlsx#</t>
  </si>
  <si>
    <t>lu158081e5tls.tmp</t>
  </si>
  <si>
    <t>\\acsfs\profiles$\jonatanls\My Documents\lu158081e5tls.tmp</t>
  </si>
  <si>
    <t>12/16/2019 13:36:56</t>
  </si>
  <si>
    <t>12/16/2019 13:36:54</t>
  </si>
  <si>
    <t>6b7dd4fb-bf22-4d31-bc69-70f7f2aa53aa.tmp</t>
  </si>
  <si>
    <t>\\acsfs\profiles$\karinarm\Downloads\6b7dd4fb-bf22-4d31-bc69-70f7f2aa53aa.tmp</t>
  </si>
  <si>
    <t>12/16/2019 13:37:43</t>
  </si>
  <si>
    <t>ed800a39-db97-4524-ae56-75b83722d8ff.tmp</t>
  </si>
  <si>
    <t>\\acsfs\profiles$\karinarm\Downloads\ed800a39-db97-4524-ae56-75b83722d8ff.tmp</t>
  </si>
  <si>
    <t>12/16/2019 13:37:42</t>
  </si>
  <si>
    <t>lista de presença nr17 (em branco).xlsx</t>
  </si>
  <si>
    <t>12/16/2019 13:37:50</t>
  </si>
  <si>
    <t>lista de presença nr17 - seguro residencial (16-12-2019).xlsx</t>
  </si>
  <si>
    <t>12/16/2019 13:37:34</t>
  </si>
  <si>
    <t>12/16/2019 13:41:14</t>
  </si>
  <si>
    <t>ad503940-44ac-45db-8812-b4a900a4151a.tmp</t>
  </si>
  <si>
    <t>\\acsfs\profiles$\wenderbnm\Downloads\ad503940-44ac-45db-8812-b4a900a4151a.tmp</t>
  </si>
  <si>
    <t>12/16/2019 13:38:51</t>
  </si>
  <si>
    <t>9a7f8f65-b90e-4b05-a604-a829eba064db.tmp</t>
  </si>
  <si>
    <t>\\acsfs\profiles$\wenderbnm\Downloads\9a7f8f65-b90e-4b05-a604-a829eba064db.tmp</t>
  </si>
  <si>
    <t>12/16/2019 13:39:44</t>
  </si>
  <si>
    <t>1b702db4-0fe6-46de-a2a3-e546408ad2a9.tmp</t>
  </si>
  <si>
    <t>\\acsfs\profiles$\wenderbnm\Downloads\1b702db4-0fe6-46de-a2a3-e546408ad2a9.tmp</t>
  </si>
  <si>
    <t>12/16/2019 13:36:30</t>
  </si>
  <si>
    <t>12/16/2019 13:36:36</t>
  </si>
  <si>
    <t>marianeps@algartech.com;talmaiardo@algartech.com;</t>
  </si>
  <si>
    <t>marianeps@algartech.com,talmaiardo@algartech.com</t>
  </si>
  <si>
    <t>12/16/2019 13:36:52</t>
  </si>
  <si>
    <t>marianeps@algartech.com;talmaiardo@algartech.com;thiagordu@algartech.com;</t>
  </si>
  <si>
    <t>marianeps@algartech.com,talmaiardo@algartech.com,thiagordu@algartech.com</t>
  </si>
  <si>
    <t>12/16/2019 13:38:02</t>
  </si>
  <si>
    <t>12/16/2019 13:38:21</t>
  </si>
  <si>
    <t>http:///batch?%24ct=multipart%2Fmixed%3B%20boundary%3D%22%3D%3D%3D%3D%3Dd4hchvotp6ko%3D%3D%3D%3D%3D%22&amp;key=AIzaSyAy9VVXHSpS2IJpptzYtGbLP3-3_l0aBk4</t>
  </si>
  <si>
    <t>12/16/2019 13:38:28</t>
  </si>
  <si>
    <t>http:///batch?%24ct=multipart%2Fmixed%3B%20boundary%3D%22%3D%3D%3D%3D%3D9w3avl6m1p7q%3D%3D%3D%3D%3D%22&amp;key=AIzaSyAy9VVXHSpS2IJpptzYtGbLP3-3_l0aBk4</t>
  </si>
  <si>
    <t>12/16/2019 13:38:29</t>
  </si>
  <si>
    <t>http:///batch?%24ct=multipart%2Fmixed%3B%20boundary%3D%22%3D%3D%3D%3D%3Darnc56sxprqf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ure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ure,rpermissions,shared,sharedwithmedate,thumbnailversion,title,userpermission(role),workspaceids</t>
  </si>
  <si>
    <t>12/16/2019 13:38:38</t>
  </si>
  <si>
    <t>http:///batch?%24ct=multipart%2Fmixed%3B%20boundary%3D%22%3D%3D%3D%3D%3D2mg6vjjfj1g7%3D%3D%3D%3D%3D%22&amp;key=AIzaSyAy9VVXHSpS2IJpptzYtGbLP3-3_l0aBk4</t>
  </si>
  <si>
    <t>12/16/2019 13:38:39</t>
  </si>
  <si>
    <t>http:///batch?%24ct=multipart%2Fmixed%3B%20boundary%3D%22%3D%3D%3D%3D%3Dwxzgq4ts8nkh%3D%3D%3D%3D%3D%22&amp;key=AIzaSyAy9VVXHSpS2IJpptzYtGbLP3-3_l0aBk4</t>
  </si>
  <si>
    <t>12/16/2019 13:39:18</t>
  </si>
  <si>
    <t>0;0.241;0.241];0.668;0];11.604999999974552;11.705000000006294;12.854];13.974999999987858;136.723;14.09000000001015;15.344;15.344];15.504999999990332;15.552;15.552];19.414999999980864;21.464;21.464];22.829999999999018;26.164999999991778;3;3.774999999990314;4;4.843;541.2950000000194;552.5000000000091;57.62999999998897;6.009];632.1149999999989;633.5350000000233;633.7300000000141;633.8100000000111;65.47499999999218;690.6000000000176;694.6800000000053;695.2350000000251;697.6350000000195;700";739.2850000000237;744.3500000000256;745.0300000000141;886.073];9.339999999980364;:400;css;first-contentful-paint;first-paint;glr_bffy_k_rbaeeyf18qkg.cmid/s32-c/photo.jpg";https://apis.google.com/js/api.js;https://drive.google.com/_/drive_fe/_/ss/k=drive_fe.main.-13zk2a6g6udmq.l.w.o/am=bdjcyqij7c_jhwdg/d=0/ct=zgms/rs=afb8gsxkevkqqego253hcz0aw1gj1pkxra;https://fonts.gstatic.com/s/googlesans/v14/4uabrenhsxjlgdugo1oillu94ytzcwy.woff2;https://fonts.gstatic.com/s/googlesans/v14/4uagrenhsxjlgdugo1oill3owp4.woff2;https://fonts.gstatic</t>
  </si>
  <si>
    <t>http://0,0.241,0.241],0.668,0],11.604999999974552,11.705000000006294,12.854],13.974999999987858,136.723,14.09000000001015,15.344,15.344],15.504999999990332,15.552,15.552],19.414999999980864,21.464,21.464],22.829999999999018,26.164999999991778,3,3.774999999990314,4,4.843,541.2950000000194,552.5000000000091,57.62999999998897,6.009],632.1149999999989,633.5350000000233,633.7300000000141,633.8100000000111,65.47499999999218,690.6000000000176,694.6800000000053,695.2350000000251,697.6350000000195,700",739.2850000000237,744.3500000000256,745.0300000000141,886.073],9.339999999980364,:400,css,first-contentful-paint,first-paint,glr_bffy_k_rbaeeyf18qkg.cmid/s32-c/photo.jpg",https://apis.google.com/js/api.js,https://drive.google.com/_/drive_fe/_/ss/k=drive_fe.main.-13zk2a6g6udmq.l.w.o/am=bdjcyqij7c_jhwdg/d=0/ct=zgms/rs=afb8gsxkevkqqego253hcz0aw1gj1pkxra,https://fonts.gstatic.com/s/googlesans/v14/4uabrenhsxjlgdugo1oillu94ytzcwy.woff2,https://fonts.gstatic.com/s/googlesans/v14/4uagrenhsxjlgdugo1oill3owp4.woff2,https://fonts.</t>
  </si>
  <si>
    <t>0;0.241;0.241];0.668;0];108.4049999999761;11.604999999974552;11.705000000006294;12.854];13.59;13.974999999987858;136.723;14.09000000001015;1413.2349999999858;15.344;15.344];15.504999999990332;15.552;15.552];1597.596];19.414999999980864;21.464;21.464];21.7;21.7];22.829999999999018;2221.700000000027;242.0099999999934;2536.2599999999984;26.164999999991778;27.314999999986867;282.2349999999856;3;3.774999999990314;3202.555000000018;3248.970000000014;33.212;33.212];3412.085000000019;3482.0950000000153;38.19];4;4.843;485.7199999999864;5;5.39000000000533;5.474999999990359;510.681;541.2950000000194;552.5000000000091;57.62999999998897;6.009];632.1149999999989;633.3050000000071;633.5350000000233;633.7300000000141;633.8100000000111;642.8650000000005;65.47499999999218;690.6000000000176;694.6800000000053;695.2350000000251;695.9100000000262;697.6350000000195;700";739.2850000000237;744.3500000000256;745.0300000000141;765.9000000000162;886.073];9.339999999980364;:400;["https://drive.google.com/_/drive_fe/_/js/k=drive_fe.main.p</t>
  </si>
  <si>
    <t>http://0,0.241,0.241],0.668,0],108.4049999999761,11.604999999974552,11.705000000006294,12.854],13.59,13.974999999987858,136.723,14.09000000001015,1413.2349999999858,15.344,15.344],15.504999999990332,15.552,15.552],1597.596],19.414999999980864,21.464,21.464],21.7,21.7],22.829999999999018,2221.700000000027,242.0099999999934,2536.2599999999984,26.164999999991778,27.314999999986867,282.2349999999856,3,3.774999999990314,3202.555000000018,3248.970000000014,33.212,33.212],3412.085000000019,3482.0950000000153,38.19],4,4.843,485.7199999999864,5,5.39000000000533,5.474999999990359,510.681,541.2950000000194,552.5000000000091,57.62999999998897,6.009],632.1149999999989,633.3050000000071,633.5350000000233,633.7300000000141,633.8100000000111,642.8650000000005,65.47499999999218,690.6000000000176,694.6800000000053,695.2350000000251,695.9100000000262,697.6350000000195,700",739.2850000000237,744.3500000000256,745.0300000000141,765.9000000000162,886.073],9.339999999980364,:400,["https://drive.google.com/_/drive_fe/_/js/k=drive_fe</t>
  </si>
  <si>
    <t>0;0.241;0.241];0.668;0];108.4049999999761;11.604999999974552;11.705000000006294;12.854];13.59;13.974999999987858;136.723;14.09000000001015;1413.2349999999858;15.344;15.344];15.504999999990332;15.552;15.552];159.079999999989;1597.596];19.414999999980864;21.464;21.464];21.7;21.7];22.829999999999018;2221.700000000027;224;224.25000000001182;225.90500000001157;229.849999999999;242.0099999999934;2536.2599999999984;26.164999999991778;27.314999999986867;282.2349999999856;3;3.774999999990314;3202.555000000018;3248.970000000014;33.212;33.212];3412.085000000019;3423.6000000000217;3427.379999999999;3429.8900000000003;3481.620000000021;3482.0950000000153;3496.850000000023;3571.480000000008;3577.920000000006;38.19];4;4.843;485.7199999999864;5;5.39000000000533;5.474999999990359;510.681;541.2950000000194;552.5000000000091;57.62999999998897;6.009];632.1149999999989;633.3050000000071;633.5350000000233;633.7300000000141;633.8100000000111;642.8650000000005;65.47499999999218;690.6000000000176;694.6800000000053;695.2350000000251;6</t>
  </si>
  <si>
    <t>http://0,0.241,0.241],0.668,0],108.4049999999761,11.604999999974552,11.705000000006294,12.854],13.59,13.974999999987858,136.723,14.09000000001015,1413.2349999999858,15.344,15.344],15.504999999990332,15.552,15.552],159.079999999989,1597.596],19.414999999980864,21.464,21.464],21.7,21.7],22.829999999999018,2221.700000000027,224,224.25000000001182,225.90500000001157,229.849999999999,242.0099999999934,2536.2599999999984,26.164999999991778,27.314999999986867,282.2349999999856,3,3.774999999990314,3202.555000000018,3248.970000000014,33.212,33.212],3412.085000000019,3423.6000000000217,3427.379999999999,3429.8900000000003,3481.620000000021,3482.0950000000153,3496.850000000023,3571.480000000008,3577.920000000006,38.19],4,4.843,485.7199999999864,5,5.39000000000533,5.474999999990359,510.681,541.2950000000194,552.5000000000091,57.62999999998897,6.009],632.1149999999989,633.3050000000071,633.5350000000233,633.7300000000141,633.8100000000111,642.8650000000005,65.47499999999218,690.6000000000176,694.6800000000053,695.23500000</t>
  </si>
  <si>
    <t>0;0.241;0.241];0.356;0.356];0.668;0];108.4049999999761;11.604999999974552;11.705000000006294;12.854];13.59;13.974999999987858;136.723;14.09000000001015;1413.2349999999858;15.344;15.344];15.504999999990332;15.552;15.552];159.079999999989;1597.596];19.414999999980864;2;21.464;21.464];21.7;21.7];22.829999999999018;2221.700000000027;224;224.25000000001182;224.69499999999698;225.90500000001157;229.849999999999;242.0099999999934;2536.2599999999984;26.164999999991778;27.314999999986867;282.2349999999856;3;3.774999999990314;316.083];3202.555000000018;3248.970000000014;33.212;33.212];3412.085000000019;3423.6000000000217;3427.379999999999;3429.8900000000003;3481.620000000021;3482.0950000000153;3496.850000000023;3502.7250000000267;3571.480000000008;3577.920000000006;3655.664999999999;38.19];3816.720000000004;3817.3300000000268;3820.7450000000163;4;4.843;453.9149999999945;457.53000000001;485.7199999999864;5;5.39000000000533;5.474999999990359;510.681;541.2950000000194;552.5000000000091;57.62999999998897;6.009];632.1149999</t>
  </si>
  <si>
    <t>http://0,0.241,0.241],0.356,0.356],0.668,0],108.4049999999761,11.604999999974552,11.705000000006294,12.854],13.59,13.974999999987858,136.723,14.09000000001015,1413.2349999999858,15.344,15.344],15.504999999990332,15.552,15.552],159.079999999989,1597.596],19.414999999980864,2,21.464,21.464],21.7,21.7],22.829999999999018,2221.700000000027,224,224.25000000001182,224.69499999999698,225.90500000001157,229.849999999999,242.0099999999934,2536.2599999999984,26.164999999991778,27.314999999986867,282.2349999999856,3,3.774999999990314,316.083],3202.555000000018,3248.970000000014,33.212,33.212],3412.085000000019,3423.6000000000217,3427.379999999999,3429.8900000000003,3481.620000000021,3482.0950000000153,3496.850000000023,3502.7250000000267,3571.480000000008,3577.920000000006,3655.664999999999,38.19],3816.720000000004,3817.3300000000268,3820.7450000000163,4,4.843,453.9149999999945,457.53000000001,485.7199999999864,5,5.39000000000533,5.474999999990359,510.681,541.2950000000194,552.5000000000091,57.62999999998897,6.009],632.</t>
  </si>
  <si>
    <t>0;0.241;0.241];0.356;0.356];0.668;0];108.4049999999761;11.604999999974552;11.705000000006294;12.344;12.344];12.854];13.59;13.974999999987858;136.723;14.09000000001015;1413.2349999999858;15.344;15.344];15.504999999990332;15.552;15.552];15.593;15.593];159.079999999989;1597.596];18.187;18.187];19.414999999980864;2;21.464;21.464];21.7;21.7];22.829999999999018;2221.700000000027;224;224.25000000001182;224.69499999999698;225.90500000001157;229.849999999999;242.0099999999934;2536.2599999999984;2550.1700000000083;2553.4799999999796;2571.3100000000113;2571.4800000000087;2572.0399999999863;2572.9249999999984;2574.045000000013;2576.8700000000135;2579.2900000000136;2590.7200000000057;26.164999999991778;2604.479999999996;2604.845000_x000F_;2610.559999999992;27.314999999986867;282.2349999999856;3;3.774999999990314;316.083];3202.555000000018;3248.970000000014;325.42499999999563;33.212;33.212];3412.085000000019;3423.6000000000217;3427.379999999999;3429.8900000000003;3481.620000000021;3482.0950000000153;3496.850000000023;3502.725000</t>
  </si>
  <si>
    <t>http://0,0.241,0.241],0.356,0.356],0.668,0],108.4049999999761,11.604999999974552,11.705000000006294,12.344,12.344],12.854],13.59,13.974999999987858,136.723,14.09000000001015,1413.2349999999858,15.344,15.344],15.504999999990332,15.552,15.552],15.593,15.593],159.079999999989,1597.596],18.187,18.187],19.414999999980864,2,21.464,21.464],21.7,21.7],22.829999999999018,2221.700000000027,224,224.25000000001182,224.69499999999698,225.90500000001157,229.849999999999,242.0099999999934,2536.2599999999984,2550.1700000000083,2553.4799999999796,2571.3100000000113,2571.4800000000087,2572.0399999999863,2572.9249999999984,2574.045000000013,2576.8700000000135,2579.2900000000136,2590.7200000000057,26.164999999991778,2604.479999999996,2604.845000_x000F_,2610.559999999992,27.314999999986867,282.2349999999856,3,3.774999999990314,316.083],3202.555000000018,3248.970000000014,325.42499999999563,33.212,33.212],3412.085000000019,3423.6000000000217,3427.379999999999,3429.8900000000003,3481.620000000021,3482.0950000000153,3496.850000000023,3502</t>
  </si>
  <si>
    <t>12/16/2019 13:39:19</t>
  </si>
  <si>
    <t>0;0.241;0.241];0.329;0.336;0.356;0.356];0.462];0.551;0.668;0.683];0.93;0.937];0];1.052;1.811];105.15999999998348;108.4049999999761;11.604999999974552;11.705000000006294;117.49500000001899;12.344;12.344];12.854];13.59;13.974999999987858;136.723;14.09000000001015;1413.2349999999858;146.26999999998588;15.344;15.344];15.504999999990332;15.552;15.552];15.593;15.593];159.079999999989;1597.596];17.265;17.265];178.8699999999899;18.187;18.187];19.414999999980864;2;2.332];21.464;21.464];21.7;21.7];22.829999999999018;2221.700000000027;224;224.25000000001182;224.69499999999698;225.90500000001157;229.849999999999;242.0099999999934;2536.2599999999984;2550.1700000000083;2553.4799999999796;2571.3100000000113;2571.4800000000087;2572.0399999999863;2572.9249999999984;2574.045000000013;2576.8700000000135;2579.2900000000136;2588.0549999999967;2588.5399999999954;2589.155000000006;2589.2699999999986;2590.7200000000057;26.164999999991778;2602.325000000007;2604.479999999996;2604.845000_x000F_;2604.845000000011;2610.559999999992;27.31499999</t>
  </si>
  <si>
    <t>http://0,0.241,0.241],0.329,0.336,0.356,0.356],0.462],0.551,0.668,0.683],0.93,0.937],0],1.052,1.811],105.15999999998348,108.4049999999761,11.604999999974552,11.705000000006294,117.49500000001899,12.344,12.344],12.854],13.59,13.974999999987858,136.723,14.09000000001015,1413.2349999999858,146.26999999998588,15.344,15.344],15.504999999990332,15.552,15.552],15.593,15.593],159.079999999989,1597.596],17.265,17.265],178.8699999999899,18.187,18.187],19.414999999980864,2,2.332],21.464,21.464],21.7,21.7],22.829999999999018,2221.700000000027,224,224.25000000001182,224.69499999999698,225.90500000001157,229.849999999999,242.0099999999934,2536.2599999999984,2550.1700000000083,2553.4799999999796,2571.3100000000113,2571.4800000000087,2572.0399999999863,2572.9249999999984,2574.045000000013,2576.8700000000135,2579.2900000000136,2588.0549999999967,2588.5399999999954,2589.155000000006,2589.2699999999986,2590.7200000000057,26.164999999991778,2602.325000000007,2604.479999999996,2604.845000_x000F_,2604.845000000011,2610.559999999992,27.3</t>
  </si>
  <si>
    <t>0;0.241;0.241];0.27;0.329;0.336;0.356;0.356];0.371];0.385;0.462];0.477;0.526;0.551;0.567;0.668;0.669];0.683];0.897];0.93;0.937];0.938];0.961];0];1.052;1.811];105.15999999998348;108.4049999999761;11.604999999974552;11.705000000006294;115.28499999999985;117.49500000001899;12.299;12.344;12.344];12.854];13.59;13.974999999987858;136.723;14.09000000001015;1413.2349999999858;146.26999999998588;15.344;15.344];15.504999999990332;15.552;15.552];15.593;15.593];159.079999999989;1597.596];17.265;17.265];178.8699999999899;18.187;18.187];19.414999999980864;2;2.332];207.11499999998705;21.464;21.464];21.7;21.7];22.829999999999018;2221.700000000027;224;224.25000000001182;224.69499999999698;225.90500000001157;229.849999999999;23.224999999996726;23.421];23.51999999999134;242.0099999999934;25.795000000016444;2536.2599999999984;2550.1700000000083;2553.4799999999796;2571.3100000000113;2571.4800000000087;2572.0399999999863;2572.9249999999984;2574.045000000013;2576.8700000000135;2579.2900000000136;2588.0549999999967;2588.539999999995</t>
  </si>
  <si>
    <t>http://0,0.241,0.241],0.27,0.329,0.336,0.356,0.356],0.371],0.385,0.462],0.477,0.526,0.551,0.567,0.668,0.669],0.683],0.897],0.93,0.937],0.938],0.961],0],1.052,1.811],105.15999999998348,108.4049999999761,11.604999999974552,11.705000000006294,115.28499999999985,117.49500000001899,12.299,12.344,12.344],12.854],13.59,13.974999999987858,136.723,14.09000000001015,1413.2349999999858,146.26999999998588,15.344,15.344],15.504999999990332,15.552,15.552],15.593,15.593],159.079999999989,1597.596],17.265,17.265],178.8699999999899,18.187,18.187],19.414999999980864,2,2.332],207.11499999998705,21.464,21.464],21.7,21.7],22.829999999999018,2221.700000000027,224,224.25000000001182,224.69499999999698,225.90500000001157,229.849999999999,23.224999999996726,23.421],23.51999999999134,242.0099999999934,25.795000000016444,2536.2599999999984,2550.1700000000083,2553.4799999999796,2571.3100000000113,2571.4800000000087,2572.0399999999863,2572.9249999999984,2574.045000000013,2576.8700000000135,2579.2900000000136,2588.0549999999967,2588.53999</t>
  </si>
  <si>
    <t>0;0.241;0.241];0.27;0.329;0.336;0.356;0.356];0.371];0.385;0.462];0.477;0.526;0.551;0.567;0.668;0.669];0.683];0.897];0.93;0.937];0.938];0.961];0];1.052;1.137];1.811];10177.255000000003;10265.810000000016;105.15999999998348;108.4049999999761;11.604999999974552;11.705000000006294;115.28499999999985;117.49500000001899;12.299;12.344;12.344];12.854];122.69500000002154;13.59;13.974999999987858;136.723;14.09000000001015;1413.2349999999858;146.26999999998588;15.344;15.344];15.504999999990332;15.552;15.552];15.593;15.593];15.929999999996653;159.079999999989;1597.596];17.265;17.265];178.8699999999899;18.187;18.187];19.414999999980864;2;2.199];2.332];207.11499999998705;21.464;21.464];21.7;21.7];22.829999999999018;2221.700000000027;224;224.25000000001182;224.486;224.69499999999698;225.90500000001157;229.849999999999;23.224999999996726;23.421];23.51999999999134;242.0099999999934;25.795000000016444;2536.2599999999984;2550.1700000000083;2553.4799999999796;2571.3100000000113;2571.4800000000087;2572.0399999999863;2572.92499999</t>
  </si>
  <si>
    <t>http://0,0.241,0.241],0.27,0.329,0.336,0.356,0.356],0.371],0.385,0.462],0.477,0.526,0.551,0.567,0.668,0.669],0.683],0.897],0.93,0.937],0.938],0.961],0],1.052,1.137],1.811],10177.255000000003,10265.810000000016,105.15999999998348,108.4049999999761,11.604999999974552,11.705000000006294,115.28499999999985,117.49500000001899,12.299,12.344,12.344],12.854],122.69500000002154,13.59,13.974999999987858,136.723,14.09000000001015,1413.2349999999858,146.26999999998588,15.344,15.344],15.504999999990332,15.552,15.552],15.593,15.593],15.929999999996653,159.079999999989,1597.596],17.265,17.265],178.8699999999899,18.187,18.187],19.414999999980864,2,2.199],2.332],207.11499999998705,21.464,21.464],21.7,21.7],22.829999999999018,2221.700000000027,224,224.25000000001182,224.486,224.69499999999698,225.90500000001157,229.849999999999,23.224999999996726,23.421],23.51999999999134,242.0099999999934,25.795000000016444,2536.2599999999984,2550.1700000000083,2553.4799999999796,2571.3100000000113,2571.4800000000087,2572.0399999999863,2572.9</t>
  </si>
  <si>
    <t>0;0.241;0.241];0.27;0.329;0.336;0.356;0.356];0.371];0.385;0.444;0.462];0.477;0.526;0.551;0.567;0.668;0.669];0.683];0.693];0.897];0.93;0.937];0.938];0.961];0];1.052;1.137];1.811];10177.255000000003;10265.810000000016;10299.01000000001;10357.995000000017;10392.650000000003;10404.275000000012;10445.71000000002;10484.845000000007;105.15999999998348;108.4049999999761;1083656409722;11.224;11.354;11.604999999974552;11.705000000006294;115.28499999999985;117.49500000001899;12.299;12.344;12.344];12.854];122.69500000002154;13.59;13.974999999987858;136.723;14.09000000001015;1413.2349999999858;146.26999999998588;15.344;15.344];15.504999999990332;15.552;15.552];15.593;15.593];15.929999999996653;1576514298515076:183318602:1309185865;1576514307883000;1576514307906000;159.079999999989;1597.596];1600];1600]];17.265;17.265];178.8699999999899;18.187;18.187];19.414999999980864;1];1fganwx3b9hbmljmvekywbmbd5spphqj41xacfem2fzw;2;2.199];2.332];2.462;200];207.11499999998705;21.464;21.464];21.7;21.7];22.829999999999018;2221.70000000002</t>
  </si>
  <si>
    <t>http://0,0.241,0.241],0.27,0.329,0.336,0.356,0.356],0.371],0.385,0.444,0.462],0.477,0.526,0.551,0.567,0.668,0.669],0.683],0.693],0.897],0.93,0.937],0.938],0.961],0],1.052,1.137],1.811],10177.255000000003,10265.810000000016,10299.01000000001,10357.995000000017,10392.650000000003,10404.275000000012,10445.71000000002,10484.845000000007,105.15999999998348,108.4049999999761,1083656409722,11.224,11.354,11.604999999974552,11.705000000006294,115.28499999999985,117.49500000001899,12.299,12.344,12.344],12.854],122.69500000002154,13.59,13.974999999987858,136.723,14.09000000001015,1413.2349999999858,146.26999999998588,15.344,15.344],15.504999999990332,15.552,15.552],15.593,15.593],15.929999999996653,1576514298515076:183318602:1309185865,1576514307883000,1576514307906000,159.079999999989,1597.596],1600],1600]],17.265,17.265],178.8699999999899,18.187,18.187],19.414999999980864,1],1fganwx3b9hbmljmvekywbmbd5spphqj41xacfem2fzw,2,2.199],2.332],2.462,200],207.11499999998705,21.464,21.464],21.7,21.7],22.829999999999018,2221.7000</t>
  </si>
  <si>
    <t>0;0.241;0.241];0.27;0.329;0.336;0.356;0.356];0.371];0.385;0.444;0.462];0.477;0.526;0.551;0.567;0.668;0.669];0.683];0.693];0.897];0.93;0.937];0.938];0.961];0];1;1.052;1.137];1.811];10;10177.255000000003;10265.810000000016;10299.01000000001;10357.995000000017;10392.650000000003;10404.275000000012;10445.71000000002;10484.845000000007;105.15999999998348;108.4049999999761;1083656409722;11;11.224;11.354;11.604999999974552;11.705000000006294;115.28499999999985;117.49500000001899;12;12.299;12.344;12.344];12.854];122.69500000002154;13;13.59;13.974999999987858;136.723;1380;14;14.09000000001015;1413.2349999999858;146.26999999998588;15.344;15.344];15.504999999990332;15.552;15.552];15.593;15.593];15.929999999996653;1576514298515076:183318602:1309185865;1576514307883000;1576514307906000;1576514308633000;1576514309140000;1576514309664000;1576514309665000;1576514328589000;159.079999999989;1597.596];15];1600];1600]];17.265;17.265];178.8699999999899;18.187;18.187];19.414999999980864;1];1fganwx3b9hbmljmvekywbmbd5spphqj41xacfem2</t>
  </si>
  <si>
    <t>http://0,0.241,0.241],0.27,0.329,0.336,0.356,0.356],0.371],0.385,0.444,0.462],0.477,0.526,0.551,0.567,0.668,0.669],0.683],0.693],0.897],0.93,0.937],0.938],0.961],0],1,1.052,1.137],1.811],10,10177.255000000003,10265.810000000016,10299.01000000001,10357.995000000017,10392.650000000003,10404.275000000012,10445.71000000002,10484.845000000007,105.15999999998348,108.4049999999761,1083656409722,11,11.224,11.354,11.604999999974552,11.705000000006294,115.28499999999985,117.49500000001899,12,12.299,12.344,12.344],12.854],122.69500000002154,13,13.59,13.974999999987858,136.723,1380,14,14.09000000001015,1413.2349999999858,146.26999999998588,15.344,15.344],15.504999999990332,15.552,15.552],15.593,15.593],15.929999999996653,1576514298515076:183318602:1309185865,1576514307883000,1576514307906000,1576514308633000,1576514309140000,1576514309664000,1576514309665000,1576514328589000,159.079999999989,1597.596],15],1600],1600]],17.265,17.265],178.8699999999899,18.187,18.187],19.414999999980864,1],1fganwx3b9hbmljmvekywbmbd5spphqj41</t>
  </si>
  <si>
    <t>"mozilla/5.0 (windows nt 6.1) applewebkit/537.36 (khtml;0;0.241;0.241];0.27;0.329;0.336;0.356;0.356];0.371];0.385;0.444;0.462];0.477;0.526;0.551;0.567;0.668;0.669];0.683];0.693];0.897];0.93;0.937];0.938];0.961];0];1;1.052;1.137];1.811];10;10000];10177.255000000003;10265.810000000016;10299.01000000001;10357.995000000017;10392.650000000003;10404.275000000012;10445.71000000002;10484.845000000007;105.15999999998348;108.4049999999761;1083656409722;11;11.224;11.354;11.604999999974552;11.705000000006294;115.28499999999985;117.49500000001899;12;12.299;12.344;12.344];12.854];122.69500000002154;13;13.59;13.974999999987858;136.723;13700109;13700167;13700185;13700235;13700451;13700563;13700883;13700946;13700951;13700982;13701078;13701139;13701207;13701214;13701235;13701239;13701262;13701298;13701418;13701422;13701430;13701450;13701458;13701486;13701506;13701510;13701534;13701537]];13701537]]];13701573;13701577;13701589;13701609;13701614;13701621;13701625;13701633;13701653;13701657;13701693;13701710;13701749;13701825;1370</t>
  </si>
  <si>
    <t>http://"mozilla/5.0 (windows nt 6.1) applewebkit/537.36 (khtml,0,0.241,0.241],0.27,0.329,0.336,0.356,0.356],0.371],0.385,0.444,0.462],0.477,0.526,0.551,0.567,0.668,0.669],0.683],0.693],0.897],0.93,0.937],0.938],0.961],0],1,1.052,1.137],1.811],10,10000],10177.255000000003,10265.810000000016,10299.01000000001,10357.995000000017,10392.650000000003,10404.275000000012,10445.71000000002,10484.845000000007,105.15999999998348,108.4049999999761,1083656409722,11,11.224,11.354,11.604999999974552,11.705000000006294,115.28499999999985,117.49500000001899,12,12.299,12.344,12.344],12.854],122.69500000002154,13,13.59,13.974999999987858,136.723,13700109,13700167,13700185,13700235,13700451,13700563,13700883,13700946,13700951,13700982,13701078,13701139,13701207,13701214,13701235,13701239,13701262,13701298,13701418,13701422,13701430,13701450,13701458,13701486,13701506,13701510,13701534,13701537]],13701537]]],13701573,13701577,13701589,13701609,13701614,13701621,13701625,13701633,13701653,13701657,13701693,13701710,13701749,137018</t>
  </si>
  <si>
    <t>12/16/2019 13:39:36</t>
  </si>
  <si>
    <t>mail.google.com/_/upload?authuser=0&amp;dcp=asu-n&amp;upload_id=AEnB2UprT7R2yMWzFEhJXjfWX5NGvEjIvBCJ4oFjxOZa4GD3JHibP4RCWKz3AhY9STbAWD_x0lMYndbM0lO1Curar751BuTLKdaz2faDuTc4tqO4zihfOTc&amp;upload_protocol=resumable</t>
  </si>
  <si>
    <t>C:\Users\fernandaab\Desktop\Késia\Ligações para Mutante - 2º ciclo\</t>
  </si>
  <si>
    <t>GEOVANA ALINE SANTOS E SILVA_1_6765812984484804293_1_32.wav</t>
  </si>
  <si>
    <t>12/16/2019 13:40:47</t>
  </si>
  <si>
    <t>12/16/2019 13:43:14</t>
  </si>
  <si>
    <t>12/16/2019 13:38:34</t>
  </si>
  <si>
    <t>12/16/2019 13:40:59</t>
  </si>
  <si>
    <t>12/16/2019 13:44:13</t>
  </si>
  <si>
    <t>12/16/2019 13:39:51</t>
  </si>
  <si>
    <t>12/16/2019 13:40:44</t>
  </si>
  <si>
    <t>53913833-9334-4707-becd-8ff04619b2e3.tmp</t>
  </si>
  <si>
    <t>\\acsfs\profiles$\danielta\Downloads\53913833-9334-4707-becd-8ff04619b2e3.tmp</t>
  </si>
  <si>
    <t>12/16/2019 13:41:28</t>
  </si>
  <si>
    <t>a89853af-d925-47c3-a063-62e81897f4ad.tmp</t>
  </si>
  <si>
    <t>\\acsfs\profiles$\danielta\Downloads\a89853af-d925-47c3-a063-62e81897f4ad.tmp</t>
  </si>
  <si>
    <t>12/16/2019 13:42:06</t>
  </si>
  <si>
    <t>76a40562-dac9-4f2c-b5c6-8d3936bbb368.tmp</t>
  </si>
  <si>
    <t>\\acsfs\profiles$\danielta\Downloads\76a40562-dac9-4f2c-b5c6-8d3936bbb368.tmp</t>
  </si>
  <si>
    <t>12/16/2019 13:42:49</t>
  </si>
  <si>
    <t>6fce9f01-8f84-4052-9076-0c8f51fd3fed.tmp</t>
  </si>
  <si>
    <t>\\acsfs\profiles$\danielta\Downloads\6fce9f01-8f84-4052-9076-0c8f51fd3fed.tmp</t>
  </si>
  <si>
    <t>958dbf40-5a7b-44d1-97d6-b1d0eff09b6b.tmp</t>
  </si>
  <si>
    <t>\\acsfs\profiles$\samldsm\Downloads\958dbf40-5a7b-44d1-97d6-b1d0eff09b6b.tmp</t>
  </si>
  <si>
    <t>12/16/2019 13:40:02</t>
  </si>
  <si>
    <t>e4f15329-cc6f-49f8-995a-2aae4dcb5f6d.tmp</t>
  </si>
  <si>
    <t>\\acsfs\profiles$\samldsm\Downloads\e4f15329-cc6f-49f8-995a-2aae4dcb5f6d.tmp</t>
  </si>
  <si>
    <t>12/16/2019 13:40:06</t>
  </si>
  <si>
    <t>2bb6de66-0850-4afa-86be-322434f168ec.tmp</t>
  </si>
  <si>
    <t>\\acsfs\profiles$\samldsm\Downloads\2bb6de66-0850-4afa-86be-322434f168ec.tmp</t>
  </si>
  <si>
    <t>12/16/2019 13:42:20</t>
  </si>
  <si>
    <t>940a3c43-ea41-4262-9ef4-edcd4d7bc7b5.tmp</t>
  </si>
  <si>
    <t>\\acsfs\profiles$\KARENJSS\Downloads\940a3c43-ea41-4262-9ef4-edcd4d7bc7b5.tmp</t>
  </si>
  <si>
    <t>12/16/2019 13:40:11</t>
  </si>
  <si>
    <t>edcf5dcd-67dc-424e-b6ae-98a7590ecc0a.tmp</t>
  </si>
  <si>
    <t>\\acsfs\profiles$\samldsm\Downloads\edcf5dcd-67dc-424e-b6ae-98a7590ecc0a.tmp</t>
  </si>
  <si>
    <t>12/16/2019 13:40:19</t>
  </si>
  <si>
    <t>0d61fbcc-266d-46da-b62f-87432cafa6f5.tmp</t>
  </si>
  <si>
    <t>\\acsfs\profiles$\samldsm\Downloads\0d61fbcc-266d-46da-b62f-87432cafa6f5.tmp</t>
  </si>
  <si>
    <t>12/16/2019 13:40:24</t>
  </si>
  <si>
    <t>cb7734c8-d8ab-49f8-bd78-d88c11637f54.tmp</t>
  </si>
  <si>
    <t>\\acsfs\profiles$\samldsm\Downloads\cb7734c8-d8ab-49f8-bd78-d88c11637f54.tmp</t>
  </si>
  <si>
    <t>12/16/2019 13:43:16</t>
  </si>
  <si>
    <t>0dc6a29b-f89e-4251-8cb0-052c1eafa2a0.tmp</t>
  </si>
  <si>
    <t>\\acsfs\profiles$\KARENJSS\Downloads\0dc6a29b-f89e-4251-8cb0-052c1eafa2a0.tmp</t>
  </si>
  <si>
    <t>12/16/2019 13:40:28</t>
  </si>
  <si>
    <t>90686a03-35ef-457b-be2d-9694b68bc430.tmp</t>
  </si>
  <si>
    <t>\\acsfs\profiles$\samldsm\Downloads\90686a03-35ef-457b-be2d-9694b68bc430.tmp</t>
  </si>
  <si>
    <t>12/16/2019 13:41:04</t>
  </si>
  <si>
    <t>f21d271e-94ec-49b7-8b71-48f1666ce6c4.tmp</t>
  </si>
  <si>
    <t>\\acsfs\profiles$\samldsm\Downloads\f21d271e-94ec-49b7-8b71-48f1666ce6c4.tmp</t>
  </si>
  <si>
    <t>12/16/2019 13:42:27</t>
  </si>
  <si>
    <t>d620bd41-e2e9-452a-8e10-ac1b528c5643.tmp</t>
  </si>
  <si>
    <t>\\acsfs\profiles$\samldsm\Downloads\d620bd41-e2e9-452a-8e10-ac1b528c5643.tmp</t>
  </si>
  <si>
    <t>12/16/2019 13:42:40</t>
  </si>
  <si>
    <t>d43bb3ea-dc7e-44e2-9218-bd16a721dac7.tmp</t>
  </si>
  <si>
    <t>\\acsfs\profiles$\samldsm\Downloads\d43bb3ea-dc7e-44e2-9218-bd16a721dac7.tmp</t>
  </si>
  <si>
    <t>ecad2dc8-cf30-41d3-b3df-37db27a4158d.tmp</t>
  </si>
  <si>
    <t>\\acsfs\profiles$\samldsm\Downloads\ecad2dc8-cf30-41d3-b3df-37db27a4158d.tmp</t>
  </si>
  <si>
    <t>12/16/2019 13:43:29</t>
  </si>
  <si>
    <t>12/16/2019 13:46:14</t>
  </si>
  <si>
    <t>0b984451-ed7d-41c2-b9f8-95045c08773b.tmp</t>
  </si>
  <si>
    <t>\\acsfs\profiles$\marcileiasdm\Downloads\0b984451-ed7d-41c2-b9f8-95045c08773b.tmp</t>
  </si>
  <si>
    <t>12/16/2019 13:44:33</t>
  </si>
  <si>
    <t>8594c53a-da79-4554-ae26-19c61f6a50bf.tmp</t>
  </si>
  <si>
    <t>\\acsfs\profiles$\marcileiasdm\Downloads\8594c53a-da79-4554-ae26-19c61f6a50bf.tmp</t>
  </si>
  <si>
    <t>12/16/2019 13:45:13</t>
  </si>
  <si>
    <t>12/16/2019 13:42:30</t>
  </si>
  <si>
    <t>87b9f942-9b45-4b52-aad5-6ea1be7f17c4.tmp</t>
  </si>
  <si>
    <t>\\acsfs\profiles$\gabrielarb\Downloads\87b9f942-9b45-4b52-aad5-6ea1be7f17c4.tmp</t>
  </si>
  <si>
    <t>12/16/2019 13:43:15</t>
  </si>
  <si>
    <t>3cee777e-c84b-4cc5-86e5-354654cee680.tmp</t>
  </si>
  <si>
    <t>\\acsfs\profiles$\gabrielarb\Downloads\3cee777e-c84b-4cc5-86e5-354654cee680.tmp</t>
  </si>
  <si>
    <t>12/16/2019 13:44:26</t>
  </si>
  <si>
    <t>7a898dbb-9146-4904-8185-9129d0d5ab79.tmp</t>
  </si>
  <si>
    <t>\\acsfs\profiles$\gabrielarb\Downloads\7a898dbb-9146-4904-8185-9129d0d5ab79.tmp</t>
  </si>
  <si>
    <t>12/16/2019 13:44:38</t>
  </si>
  <si>
    <t>cbc9db5c-650d-4e08-b537-c0e9c5e1c67a.tmp</t>
  </si>
  <si>
    <t>\\acsfs\profiles$\gabrielarb\Downloads\cbc9db5c-650d-4e08-b537-c0e9c5e1c67a.tmp</t>
  </si>
  <si>
    <t>12/16/2019 13:45:43</t>
  </si>
  <si>
    <t>12/16/2019 13:47:13</t>
  </si>
  <si>
    <t>74-86-7A-FB-16-E4</t>
  </si>
  <si>
    <t>VOTORANT-MB007</t>
  </si>
  <si>
    <t>brendavdoa</t>
  </si>
  <si>
    <t>\\acsfs\profiles$\brendavdoa\Favorites\Welcome - 1 total view.url\</t>
  </si>
  <si>
    <t>\\acsfs\profiles$\brendavdoa\Favorites\Welcome - 1 total view.url\:favicon:$DATA</t>
  </si>
  <si>
    <t>\\acsfs\profiles$\brendavdoa\Favorites\</t>
  </si>
  <si>
    <t>Welcome - 1 total view.url</t>
  </si>
  <si>
    <t>\\acsfs\profiles$\brendavdoa\Favorites\Welcome - 1 total view.url</t>
  </si>
  <si>
    <t>12/16/2019 13:42:57</t>
  </si>
  <si>
    <t>7a6a9736-0d89-4afd-a1dc-764b439cbdf0.tmp</t>
  </si>
  <si>
    <t>\\acsfs\profiles$\deboraaa\Downloads\7a6a9736-0d89-4afd-a1dc-764b439cbdf0.tmp</t>
  </si>
  <si>
    <t>12/16/2019 13:44:11</t>
  </si>
  <si>
    <t>c27858b7-ab60-4762-b5d7-1b7d78a8db9e.tmp</t>
  </si>
  <si>
    <t>\\acsfs\profiles$\deboraaa\Downloads\c27858b7-ab60-4762-b5d7-1b7d78a8db9e.tmp</t>
  </si>
  <si>
    <t>12/16/2019 13:46:35</t>
  </si>
  <si>
    <t>dff7b3dc-fc3e-4472-ac77-156b9b580590.tmp</t>
  </si>
  <si>
    <t>\\acsfs\profiles$\deboraaa\Downloads\dff7b3dc-fc3e-4472-ac77-156b9b580590.tmp</t>
  </si>
  <si>
    <t>12/16/2019 13:48:14</t>
  </si>
  <si>
    <t>12/16/2019 13:43:59</t>
  </si>
  <si>
    <t>985ee7c0-df48-4066-a348-c9b5f487a785.tmp</t>
  </si>
  <si>
    <t>\\acsfs\profiles$\bernardopcm\Downloads\985ee7c0-df48-4066-a348-c9b5f487a785.tmp</t>
  </si>
  <si>
    <t>12/16/2019 13:44:05</t>
  </si>
  <si>
    <t>0bbdd518-f806-4c5f-b9b9-840e602ee528.tmp</t>
  </si>
  <si>
    <t>\\acsfs\profiles$\bernardopcm\Downloads\0bbdd518-f806-4c5f-b9b9-840e602ee528.tmp</t>
  </si>
  <si>
    <t>12/16/2019 13:45:03</t>
  </si>
  <si>
    <t>3c5bc1a4-d289-49a0-8cc0-336deaed7c03.tmp</t>
  </si>
  <si>
    <t>\\acsfs\profiles$\bernardopcm\Downloads\3c5bc1a4-d289-49a0-8cc0-336deaed7c03.tmp</t>
  </si>
  <si>
    <t>12/16/2019 13:45:36</t>
  </si>
  <si>
    <t>0bb8d3f5-0ec1-4243-b467-d93dba9283b4.tmp</t>
  </si>
  <si>
    <t>\\acsfs\profiles$\bernardopcm\Downloads\0bb8d3f5-0ec1-4243-b467-d93dba9283b4.tmp</t>
  </si>
  <si>
    <t>12/16/2019 13:46:19</t>
  </si>
  <si>
    <t>13a4b9c0-a538-411b-b717-054ab85d5217.tmp</t>
  </si>
  <si>
    <t>\\acsfs\profiles$\bernardopcm\Downloads\13a4b9c0-a538-411b-b717-054ab85d5217.tmp</t>
  </si>
  <si>
    <t>12/16/2019 13:44:51</t>
  </si>
  <si>
    <t>12/16/2019 13:49:14</t>
  </si>
  <si>
    <t>12/16/2019 13:45:51</t>
  </si>
  <si>
    <t>12/16/2019 13:44:03</t>
  </si>
  <si>
    <t>dc08b3b1-5e7d-4af3-a942-f53d0683ed9f.tmp</t>
  </si>
  <si>
    <t>\\acsfs\profiles$\KARENJSS\Downloads\dc08b3b1-5e7d-4af3-a942-f53d0683ed9f.tmp</t>
  </si>
  <si>
    <t>12/16/2019 13:44:48</t>
  </si>
  <si>
    <t>dfbec88b-b9cb-4272-b675-ba5da1e837d7.tmp</t>
  </si>
  <si>
    <t>\\acsfs\profiles$\KARENJSS\Downloads\dfbec88b-b9cb-4272-b675-ba5da1e837d7.tmp</t>
  </si>
  <si>
    <t>12/16/2019 13:44:50</t>
  </si>
  <si>
    <t>aa3314ce-4097-4137-b992-549357a53794.tmp</t>
  </si>
  <si>
    <t>\\acsfs\profiles$\samldsm\Downloads\aa3314ce-4097-4137-b992-549357a53794.tmp</t>
  </si>
  <si>
    <t>12/16/2019 13:45:04</t>
  </si>
  <si>
    <t>fd01ee8f-97eb-4307-978d-e42f264fc96d.tmp</t>
  </si>
  <si>
    <t>\\acsfs\profiles$\samldsm\Downloads\fd01ee8f-97eb-4307-978d-e42f264fc96d.tmp</t>
  </si>
  <si>
    <t>12/16/2019 13:46:43</t>
  </si>
  <si>
    <t>3c46f5d2-580c-4030-bb92-34b3c46aaf94.tmp</t>
  </si>
  <si>
    <t>\\acsfs\profiles$\samldsm\Downloads\3c46f5d2-580c-4030-bb92-34b3c46aaf94.tmp</t>
  </si>
  <si>
    <t>12/16/2019 13:49:21</t>
  </si>
  <si>
    <t>12/16/2019 13:50:14</t>
  </si>
  <si>
    <t>b06b9beb-6d29-48fb-9420-94f4f8b7eecd.tmp</t>
  </si>
  <si>
    <t>\\acsfs\profiles$\LUCASNS\Downloads\b06b9beb-6d29-48fb-9420-94f4f8b7eecd.tmp</t>
  </si>
  <si>
    <t>12/16/2019 13:46:11</t>
  </si>
  <si>
    <t>ecffd771-4da6-4840-a755-0bdd4023b9d2.tmp</t>
  </si>
  <si>
    <t>\\acsfs\profiles$\karinarm\Downloads\ecffd771-4da6-4840-a755-0bdd4023b9d2.tmp</t>
  </si>
  <si>
    <t>12/16/2019 13:45:20</t>
  </si>
  <si>
    <t>12/16/2019 13:51:14</t>
  </si>
  <si>
    <t>286005a7-af54-4de9-9e48-85af37df2783.tmp</t>
  </si>
  <si>
    <t>\\acsfs\profiles$\marcileiasdm\Downloads\286005a7-af54-4de9-9e48-85af37df2783.tmp</t>
  </si>
  <si>
    <t>12/16/2019 13:45:57</t>
  </si>
  <si>
    <t>9caef011-6088-468c-9b58-cbefc3fb00dd.tmp</t>
  </si>
  <si>
    <t>\\acsfs\profiles$\gabrielarb\Downloads\9caef011-6088-468c-9b58-cbefc3fb00dd.tmp</t>
  </si>
  <si>
    <t>12/16/2019 13:46:29</t>
  </si>
  <si>
    <t>1742af5d-a360-4611-8171-113c9244f0f7.tmp</t>
  </si>
  <si>
    <t>\\acsfs\profiles$\gabrielarb\Downloads\1742af5d-a360-4611-8171-113c9244f0f7.tmp</t>
  </si>
  <si>
    <t>12/16/2019 13:50:19</t>
  </si>
  <si>
    <t>12/16/2019 13:52:14</t>
  </si>
  <si>
    <t>f197e91a-bd1a-44a8-9822-b85c85d42bd4.tmp</t>
  </si>
  <si>
    <t>\\acsfs\profiles$\isabellegtds\Downloads\f197e91a-bd1a-44a8-9822-b85c85d42bd4.tmp</t>
  </si>
  <si>
    <t>12/16/2019 13:51:12</t>
  </si>
  <si>
    <t>e3737ac8-f232-4751-95a7-39708afccfd2.tmp</t>
  </si>
  <si>
    <t>\\acsfs\profiles$\isabellegtds\Downloads\e3737ac8-f232-4751-95a7-39708afccfd2.tmp</t>
  </si>
  <si>
    <t>12/16/2019 13:48:47</t>
  </si>
  <si>
    <t>9f11873a-208a-4bb0-87f1-ad2eb24d9cb1.tmp</t>
  </si>
  <si>
    <t>\\acsfs\profiles$\deboraaa\Downloads\9f11873a-208a-4bb0-87f1-ad2eb24d9cb1.tmp</t>
  </si>
  <si>
    <t>12/16/2019 13:51:22</t>
  </si>
  <si>
    <t>12/16/2019 13:53:15</t>
  </si>
  <si>
    <t>12/16/2019 13:49:09</t>
  </si>
  <si>
    <t>190e397b-54af-43c4-8718-599a407085d2.tmp</t>
  </si>
  <si>
    <t>\\acsfs\profiles$\bernardopcm\Downloads\190e397b-54af-43c4-8718-599a407085d2.tmp</t>
  </si>
  <si>
    <t>12/16/2019 13:50:26</t>
  </si>
  <si>
    <t>f2cf6e56-f210-4a07-81ec-f7dabd711231.tmp</t>
  </si>
  <si>
    <t>\\acsfs\profiles$\bernardopcm\Downloads\f2cf6e56-f210-4a07-81ec-f7dabd711231.tmp</t>
  </si>
  <si>
    <t>12/16/2019 13:52:04</t>
  </si>
  <si>
    <t>a8f6c750-4023-4111-a866-d92ad02e5f97.tmp</t>
  </si>
  <si>
    <t>\\acsfs\profiles$\bernardopcm\Downloads\a8f6c750-4023-4111-a866-d92ad02e5f97.tmp</t>
  </si>
  <si>
    <t>12/16/2019 13:52:41</t>
  </si>
  <si>
    <t>12/16/2019 13:50:48</t>
  </si>
  <si>
    <t>2381d997-de9d-4c2e-9ebe-858c96bbc911.tmp</t>
  </si>
  <si>
    <t>\\acsfs\profiles$\marcellewdl\Downloads\2381d997-de9d-4c2e-9ebe-858c96bbc911.tmp</t>
  </si>
  <si>
    <t>12/16/2019 13:50:51</t>
  </si>
  <si>
    <t>12/16/2019 13:54:15</t>
  </si>
  <si>
    <t>12/16/2019 13:51:51</t>
  </si>
  <si>
    <t>12/16/2019 13:50:21</t>
  </si>
  <si>
    <t>9eb0f782-9a04-4fa0-94a9-a36f8c5f9d38.tmp</t>
  </si>
  <si>
    <t>\\acsfs\profiles$\samldsm\Downloads\9eb0f782-9a04-4fa0-94a9-a36f8c5f9d38.tmp</t>
  </si>
  <si>
    <t>12/16/2019 13:51:02</t>
  </si>
  <si>
    <t>89d75b57-247a-4506-a8ae-3613989d59f2.tmp</t>
  </si>
  <si>
    <t>\\acsfs\profiles$\samldsm\Downloads\89d75b57-247a-4506-a8ae-3613989d59f2.tmp</t>
  </si>
  <si>
    <t>12/16/2019 13:55:15</t>
  </si>
  <si>
    <t>85f7f25e-47eb-4f61-9927-270eb4676bef.tmp</t>
  </si>
  <si>
    <t>\\acsfs\profiles$\JOAOVAL\Downloads\85f7f25e-47eb-4f61-9927-270eb4676bef.tmp</t>
  </si>
  <si>
    <t>12/16/2019 13:53:43</t>
  </si>
  <si>
    <t>54034e09-0aec-4a58-abe9-442c62b1367a.tmp</t>
  </si>
  <si>
    <t>\\acsfs\profiles$\JOAOVAL\Downloads\54034e09-0aec-4a58-abe9-442c62b1367a.tmp</t>
  </si>
  <si>
    <t>12/16/2019 13:49:57</t>
  </si>
  <si>
    <t>28d3c57c-a9f9-47f6-bf3c-4adbc38d3603.tmp</t>
  </si>
  <si>
    <t>\\acsfs\profiles$\LUCASNS\Downloads\28d3c57c-a9f9-47f6-bf3c-4adbc38d3603.tmp</t>
  </si>
  <si>
    <t>12/16/2019 13:51:36</t>
  </si>
  <si>
    <t>0d85edaf-5834-4a0c-bf26-e3412f3335cf.tmp</t>
  </si>
  <si>
    <t>\\acsfs\profiles$\ayalabfi\Downloads\0d85edaf-5834-4a0c-bf26-e3412f3335cf.tmp</t>
  </si>
  <si>
    <t>12/16/2019 13:51:47</t>
  </si>
  <si>
    <t>12/16/2019 13:56:15</t>
  </si>
  <si>
    <t>12/16/2019 13:52:00</t>
  </si>
  <si>
    <t>7c04cc62-03cc-4370-a49d-1c071b635452.tmp</t>
  </si>
  <si>
    <t>\\acsfs\profiles$\gabrielafs\Downloads\7c04cc62-03cc-4370-a49d-1c071b635452.tmp</t>
  </si>
  <si>
    <t>dfc9d44b-833f-42b8-8108-6005ed69b9d3.tmp</t>
  </si>
  <si>
    <t>\\acsfs\profiles$\gabrielafs\Downloads\dfc9d44b-833f-42b8-8108-6005ed69b9d3.tmp</t>
  </si>
  <si>
    <t>12/16/2019 13:52:01</t>
  </si>
  <si>
    <t>3c6e4bb9-338b-4ea1-b8ff-58039bf8d65a.tmp</t>
  </si>
  <si>
    <t>\\acsfs\profiles$\gabrielafs\Downloads\3c6e4bb9-338b-4ea1-b8ff-58039bf8d65a.tmp</t>
  </si>
  <si>
    <t>12/16/2019 13:52:02</t>
  </si>
  <si>
    <t>b1544f93-1ce3-4507-9c21-b12b40d2dfd2.tmp</t>
  </si>
  <si>
    <t>\\acsfs\profiles$\gabrielafs\Downloads\b1544f93-1ce3-4507-9c21-b12b40d2dfd2.tmp</t>
  </si>
  <si>
    <t>12/16/2019 13:52:50</t>
  </si>
  <si>
    <t>088f47a2-4267-4466-88fc-bd47f4ea35fc.tmp</t>
  </si>
  <si>
    <t>\\acsfs\profiles$\gabrielafs\Downloads\088f47a2-4267-4466-88fc-bd47f4ea35fc.tmp</t>
  </si>
  <si>
    <t>12/16/2019 13:54:27</t>
  </si>
  <si>
    <t>12/13/2019 21:44:15</t>
  </si>
  <si>
    <t>010250af-4cbb-4fd6-b007-525794ab3ebc.tmp</t>
  </si>
  <si>
    <t>\\acsfs\profiles$\layonmof\Downloads\010250af-4cbb-4fd6-b007-525794ab3ebc.tmp</t>
  </si>
  <si>
    <t>12/13/2019 21:44:31</t>
  </si>
  <si>
    <t>1e44b86f-74e1-4c47-bc7d-569dd1cb41b1.tmp</t>
  </si>
  <si>
    <t>\\acsfs\profiles$\layonmof\Downloads\1e44b86f-74e1-4c47-bc7d-569dd1cb41b1.tmp</t>
  </si>
  <si>
    <t>12/16/2019 13:55:02</t>
  </si>
  <si>
    <t>16-12 SEGUNDA.txt</t>
  </si>
  <si>
    <t>\\acsfs\profiles$\gabrielamdp\My Documents\16-12 SEGUNDA.txt</t>
  </si>
  <si>
    <t>13.txt</t>
  </si>
  <si>
    <t>\\acsfs\profiles$\marcelacdss\My Documents\ATENDIMENTOS\DEZEMBRO\13.txt</t>
  </si>
  <si>
    <t>12/16/2019 13:54:31</t>
  </si>
  <si>
    <t>\\acsfs\profiles$\marcelacdss\Downloads\</t>
  </si>
  <si>
    <t>d2e22edc-daf3-4eb5-ab6b-0dada721c3a8.tmp</t>
  </si>
  <si>
    <t>\\acsfs\profiles$\marcelacdss\Downloads\d2e22edc-daf3-4eb5-ab6b-0dada721c3a8.tmp</t>
  </si>
  <si>
    <t>12/16/2019 13:55:33</t>
  </si>
  <si>
    <t>6c92b6f7-400c-45f2-9e81-0a6b4b47aa65.tmp</t>
  </si>
  <si>
    <t>\\acsfs\profiles$\marcelacdss\Downloads\6c92b6f7-400c-45f2-9e81-0a6b4b47aa65.tmp</t>
  </si>
  <si>
    <t>12/16/2019 13:51:19</t>
  </si>
  <si>
    <t>17a28141-e6f0-4a53-be00-00a2f8c75cf0.tmp</t>
  </si>
  <si>
    <t>\\acsfs\profiles$\isabellegtds\Downloads\17a28141-e6f0-4a53-be00-00a2f8c75cf0.tmp</t>
  </si>
  <si>
    <t>12/16/2019 13:52:09</t>
  </si>
  <si>
    <t>12/16/2019 13:57:15</t>
  </si>
  <si>
    <t>e8fe0899-2ecb-41c9-8005-c6f9f1883766.tmp</t>
  </si>
  <si>
    <t>\\acsfs\profiles$\isabellegtds\Downloads\e8fe0899-2ecb-41c9-8005-c6f9f1883766.tmp</t>
  </si>
  <si>
    <t>12/16/2019 13:53:10</t>
  </si>
  <si>
    <t>\\acsfs\profiles$\brendavdoa\My Documents\</t>
  </si>
  <si>
    <t>boleto.txt</t>
  </si>
  <si>
    <t>\\acsfs\profiles$\brendavdoa\My Documents\boleto.txt</t>
  </si>
  <si>
    <t>12/16/2019 13:52:25</t>
  </si>
  <si>
    <t>12/16/2019 13:58:15</t>
  </si>
  <si>
    <t>12/16/2019 13:57:45</t>
  </si>
  <si>
    <t>d226f36a-a5f8-4611-8be3-92f4714d72e2.tmp</t>
  </si>
  <si>
    <t>\\acsfs\profiles$\bernardopcm\Downloads\d226f36a-a5f8-4611-8be3-92f4714d72e2.tmp</t>
  </si>
  <si>
    <t>12/16/2019 13:56:13</t>
  </si>
  <si>
    <t>12/16/2019 13:56:47</t>
  </si>
  <si>
    <t>12/16/2019 13:54:39</t>
  </si>
  <si>
    <t>12/16/2019 13:59:15</t>
  </si>
  <si>
    <t>mail.google.com/mail/u/0/jserror?script=https://mail.google.com/mail/u/0/#inbox/qgrcjhrtstxnzfkhmrdprwwnwsbxgrbfdrl&amp;error=yo&amp;line=not available&amp;txz=p</t>
  </si>
  <si>
    <t>12/16/2019 13:56:28</t>
  </si>
  <si>
    <t>12/16/2019 13:56:51</t>
  </si>
  <si>
    <t>12/16/2019 13:57:51</t>
  </si>
  <si>
    <t>12/16/2019 13:54:14</t>
  </si>
  <si>
    <t>12/16/2019 13:57:01</t>
  </si>
  <si>
    <t>12/16/2019 14:00:15</t>
  </si>
  <si>
    <t>9342aa5a-2fe5-4652-8649-486dfb9780c7.tmp</t>
  </si>
  <si>
    <t>\\acsfs\profiles$\JOAOVAL\Downloads\9342aa5a-2fe5-4652-8649-486dfb9780c7.tmp</t>
  </si>
  <si>
    <t>12/16/2019 13:57:26</t>
  </si>
  <si>
    <t>850ea297-0875-42db-a5b3-a158957ac17b.tmp</t>
  </si>
  <si>
    <t>\\acsfs\profiles$\paulovadc\Downloads\850ea297-0875-42db-a5b3-a158957ac17b.tmp</t>
  </si>
  <si>
    <t>12/16/2019 13:56:57</t>
  </si>
  <si>
    <t>8c325b65-ffa2-4de0-9b62-f13a5d2000cd.tmp</t>
  </si>
  <si>
    <t>\\acsfs\profiles$\ayalabfi\Downloads\8c325b65-ffa2-4de0-9b62-f13a5d2000cd.tmp</t>
  </si>
  <si>
    <t>12/16/2019 13:57:38</t>
  </si>
  <si>
    <t>37c9f766-16c7-4c47-92ed-6418bd9b4562.tmp</t>
  </si>
  <si>
    <t>\\acsfs\profiles$\ayalabfi\Downloads\37c9f766-16c7-4c47-92ed-6418bd9b4562.tmp</t>
  </si>
  <si>
    <t>12/16/2019 13:58:10</t>
  </si>
  <si>
    <t>5886b408-c466-4c81-8f7e-9b35a551f41b.tmp</t>
  </si>
  <si>
    <t>\\acsfs\profiles$\ayalabfi\Downloads\5886b408-c466-4c81-8f7e-9b35a551f41b.tmp</t>
  </si>
  <si>
    <t>12/16/2019 13:59:03</t>
  </si>
  <si>
    <t>85763d1c-a02a-49f2-98fc-f6aa52b6e2cd.tmp</t>
  </si>
  <si>
    <t>\\acsfs\profiles$\ayalabfi\Downloads\85763d1c-a02a-49f2-98fc-f6aa52b6e2cd.tmp</t>
  </si>
  <si>
    <t>12/16/2019 13:59:11</t>
  </si>
  <si>
    <t>60d9f837-acbc-4b67-90ac-07d70ad9f26c.tmp</t>
  </si>
  <si>
    <t>\\acsfs\profiles$\ayalabfi\Downloads\60d9f837-acbc-4b67-90ac-07d70ad9f26c.tmp</t>
  </si>
  <si>
    <t>12/16/2019 14:00:04</t>
  </si>
  <si>
    <t>12/16/2019 14:01:14</t>
  </si>
  <si>
    <t>5967b5cb-6ba1-40e5-aa48-ee74d4cf823b.tmp</t>
  </si>
  <si>
    <t>\\acsfs\profiles$\larissaad\Downloads\5967b5cb-6ba1-40e5-aa48-ee74d4cf823b.tmp</t>
  </si>
  <si>
    <t>12/16/2019 13:56:45</t>
  </si>
  <si>
    <t>12/16/2019 13:59:29</t>
  </si>
  <si>
    <t>12/16/2019 14:02:15</t>
  </si>
  <si>
    <t>Entrar no cliente Zimbra para Web.url:favicon</t>
  </si>
  <si>
    <t>\\acsfs\profiles$\deboraaa\Favorites\Entrar no cliente Zimbra para Web.url:favicon</t>
  </si>
  <si>
    <t>12/16/2019 14:01:18</t>
  </si>
  <si>
    <t>62bab175-a326-499b-8b69-f011533ddbb6.tmp</t>
  </si>
  <si>
    <t>\\acsfs\profiles$\deboraaa\Downloads\62bab175-a326-499b-8b69-f011533ddbb6.tmp</t>
  </si>
  <si>
    <t>12/16/2019 14:01:33</t>
  </si>
  <si>
    <t>10.203.30.69</t>
  </si>
  <si>
    <t>mail.google.com/_/upload?authuser=0&amp;dcp=asu-n&amp;upload_id=AEnB2UodxkwrgJP2X0uEwW9emUICsZd2iAm8QGzUkR9mEeM8f6wNv8nLunSeXFhe0SMwARMrVG4XvZSjDGB99np5PoZ31fd1ephOqsvikaDDp0JxzxS7ifs&amp;upload_protocol=resumable</t>
  </si>
  <si>
    <t>NR17 TELECOM.xlsx</t>
  </si>
  <si>
    <t>12/16/2019 14:03:14</t>
  </si>
  <si>
    <t>12/16/2019 13:59:06</t>
  </si>
  <si>
    <t>Mobilizações_Orçamentos executados 01-12 à 15-12 - Algar.xlsx</t>
  </si>
  <si>
    <t>12/16/2019 14:00:08</t>
  </si>
  <si>
    <t>be85b3d9-f420-4018-9144-838d4131a8f6.tmp</t>
  </si>
  <si>
    <t>\\acsfs\profiles$\leonardobb\Downloads\be85b3d9-f420-4018-9144-838d4131a8f6.tmp</t>
  </si>
  <si>
    <t>12/16/2019 14:00:43</t>
  </si>
  <si>
    <t>177ab6eb-0b2d-4baf-b373-cc61c43a30de.tmp</t>
  </si>
  <si>
    <t>\\acsfs\profiles$\leonardobb\Downloads\177ab6eb-0b2d-4baf-b373-cc61c43a30de.tmp</t>
  </si>
  <si>
    <t>12/16/2019 14:02:51</t>
  </si>
  <si>
    <t>12/16/2019 14:04:15</t>
  </si>
  <si>
    <t>12/16/2019 13:59:48</t>
  </si>
  <si>
    <t>7a9e6b60-5580-4442-b623-5c00050a4d0b.tmp</t>
  </si>
  <si>
    <t>\\acsfs\profiles$\joycemmdl\Downloads\7a9e6b60-5580-4442-b623-5c00050a4d0b.tmp</t>
  </si>
  <si>
    <t>12/16/2019 14:02:31</t>
  </si>
  <si>
    <t>12/16/2019 14:02:48</t>
  </si>
  <si>
    <t>b5c14576-14c0-46c4-ada1-dad908c44b44.tmp</t>
  </si>
  <si>
    <t>\\acsfs\profiles$\joycemmdl\Downloads\b5c14576-14c0-46c4-ada1-dad908c44b44.tmp</t>
  </si>
  <si>
    <t>12/16/2019 14:04:37</t>
  </si>
  <si>
    <t>12/16/2019 14:05:14</t>
  </si>
  <si>
    <t>lu158081e5tm9.tmp</t>
  </si>
  <si>
    <t>\\acsfs\profiles$\jonatanls\My Documents\lu158081e5tm9.tmp</t>
  </si>
  <si>
    <t>12/16/2019 14:01:37</t>
  </si>
  <si>
    <t>12/16/2019 14:06:15</t>
  </si>
  <si>
    <t>feb394a6-6a51-4247-90f6-fb4570a24647.tmp</t>
  </si>
  <si>
    <t>\\acsfs\profiles$\larissaad\Downloads\feb394a6-6a51-4247-90f6-fb4570a24647.tmp</t>
  </si>
  <si>
    <t>12/16/2019 14:01:41</t>
  </si>
  <si>
    <t>cd7d127a-1d4f-4ca2-86c2-57dc006c2b96.tmp</t>
  </si>
  <si>
    <t>\\acsfs\profiles$\larissaad\Downloads\cd7d127a-1d4f-4ca2-86c2-57dc006c2b96.tmp</t>
  </si>
  <si>
    <t>12/16/2019 14:05:15</t>
  </si>
  <si>
    <t>9ee19384-3912-462a-9716-daa3240f7aee.tmp</t>
  </si>
  <si>
    <t>\\acsfs\profiles$\larissaad\Downloads\9ee19384-3912-462a-9716-daa3240f7aee.tmp</t>
  </si>
  <si>
    <t>12/16/2019 14:03:04</t>
  </si>
  <si>
    <t>10.200.66.196</t>
  </si>
  <si>
    <t>fe40c8a0-bb7a-4716-bef5-3be0ec486cde.tmp</t>
  </si>
  <si>
    <t>\\acsfs\profiles$\layonmof\Downloads\fe40c8a0-bb7a-4716-bef5-3be0ec486cde.tmp</t>
  </si>
  <si>
    <t>12/16/2019 14:03:25</t>
  </si>
  <si>
    <t>12/16/2019 14:03:31</t>
  </si>
  <si>
    <t>3b138d2b-3729-4205-ad1d-c8e62f92345f.tmp</t>
  </si>
  <si>
    <t>\\acsfs\profiles$\layonmof\Downloads\3b138d2b-3729-4205-ad1d-c8e62f92345f.tmp</t>
  </si>
  <si>
    <t>12/16/2019 14:03:51</t>
  </si>
  <si>
    <t>2b551b8c-9590-484f-bd97-8fd940b35cbf.tmp</t>
  </si>
  <si>
    <t>\\acsfs\profiles$\layonmof\Downloads\2b551b8c-9590-484f-bd97-8fd940b35cbf.tmp</t>
  </si>
  <si>
    <t>12/16/2019 14:03:55</t>
  </si>
  <si>
    <t>99ab696c-86a6-49ee-9b85-0a396b6afe7c.tmp</t>
  </si>
  <si>
    <t>\\acsfs\profiles$\layonmof\Downloads\99ab696c-86a6-49ee-9b85-0a396b6afe7c.tmp</t>
  </si>
  <si>
    <t>12/16/2019 14:04:45</t>
  </si>
  <si>
    <t>4efd351c-b4d7-4c15-a087-d425397833aa.tmp</t>
  </si>
  <si>
    <t>\\acsfs\profiles$\layonmof\Downloads\4efd351c-b4d7-4c15-a087-d425397833aa.tmp</t>
  </si>
  <si>
    <t>12/16/2019 14:04:53</t>
  </si>
  <si>
    <t>f94f77ad-9414-4fc1-b295-1889eb802576.tmp</t>
  </si>
  <si>
    <t>\\acsfs\profiles$\layonmof\Downloads\f94f77ad-9414-4fc1-b295-1889eb802576.tmp</t>
  </si>
  <si>
    <t>12/16/2019 14:05:13</t>
  </si>
  <si>
    <t>f9ae21b9-c9bc-466b-a850-7c5469ee1dc5.tmp</t>
  </si>
  <si>
    <t>\\acsfs\profiles$\layonmof\Downloads\f9ae21b9-c9bc-466b-a850-7c5469ee1dc5.tmp</t>
  </si>
  <si>
    <t>7273f11e-0197-4d1d-94a6-00af2127c790.tmp</t>
  </si>
  <si>
    <t>\\acsfs\profiles$\deborahsi\Downloads\7273f11e-0197-4d1d-94a6-00af2127c790.tmp</t>
  </si>
  <si>
    <t>12/16/2019 14:04:28</t>
  </si>
  <si>
    <t>773f3679-d057-421c-891a-5d4c237d79d4.tmp</t>
  </si>
  <si>
    <t>\\acsfs\profiles$\isabellegtds\Downloads\773f3679-d057-421c-891a-5d4c237d79d4.tmp</t>
  </si>
  <si>
    <t>12/16/2019 14:02:50</t>
  </si>
  <si>
    <t>12/16/2019 14:08:14</t>
  </si>
  <si>
    <t>12/16/2019 14:06:18</t>
  </si>
  <si>
    <t>12/16/2019 14:06:55</t>
  </si>
  <si>
    <t>mail.google.com/sync/u/0/i/s?hl=pt-BR&amp;c=675</t>
  </si>
  <si>
    <t>12/16/2019 14:06:56</t>
  </si>
  <si>
    <t>mail.google.com/sync/u/0/i/s?hl=pt-BR&amp;c=681</t>
  </si>
  <si>
    <t>12/16/2019 14:07:08</t>
  </si>
  <si>
    <t>mail.google.com/sync/u/0/i/s?hl=pt-BR&amp;c=685</t>
  </si>
  <si>
    <t>12/16/2019 14:07:15</t>
  </si>
  <si>
    <t>mail.google.com/sync/u/0/i/s?hl=pt-BR&amp;c=687</t>
  </si>
  <si>
    <t>12/16/2019 14:07:22</t>
  </si>
  <si>
    <t>mail.google.com/sync/u/0/i/s?hl=pt-BR&amp;c=689</t>
  </si>
  <si>
    <t>12/16/2019 14:07:26</t>
  </si>
  <si>
    <t>mail.google.com/sync/u/0/i/s?hl=pt-BR&amp;c=691</t>
  </si>
  <si>
    <t>12/16/2019 14:07:30</t>
  </si>
  <si>
    <t>mail.google.com/sync/u/0/i/s?hl=pt-BR&amp;c=693</t>
  </si>
  <si>
    <t>12/16/2019 14:07:34</t>
  </si>
  <si>
    <t>mail.google.com/sync/u/0/i/s?hl=pt-BR&amp;c=695</t>
  </si>
  <si>
    <t>fbdf56be-13e3-4dcd-b199-b0644a31e4e0.tmp</t>
  </si>
  <si>
    <t>\\acsfs\profiles$\bernardopcm\Downloads\fbdf56be-13e3-4dcd-b199-b0644a31e4e0.tmp</t>
  </si>
  <si>
    <t>12/16/2019 14:05:58</t>
  </si>
  <si>
    <t>a0dd7236-e21a-406f-b583-cbdd3c0c4d7b.tmp</t>
  </si>
  <si>
    <t>\\acsfs\profiles$\leonardobb\Downloads\a0dd7236-e21a-406f-b583-cbdd3c0c4d7b.tmp</t>
  </si>
  <si>
    <t>12/16/2019 14:09:14</t>
  </si>
  <si>
    <t>12/16/2019 14:06:51</t>
  </si>
  <si>
    <t>10.200.66.51</t>
  </si>
  <si>
    <t>74-86-7A-FB-17-64</t>
  </si>
  <si>
    <t>VOTORANT-YB010</t>
  </si>
  <si>
    <t>ca11ab22-0ec7-4104-98bd-d3c8330ba0b5.tmp</t>
  </si>
  <si>
    <t>\\acsfs\profiles$\regisadsa\Downloads\ca11ab22-0ec7-4104-98bd-d3c8330ba0b5.tmp</t>
  </si>
  <si>
    <t>12/16/2019 14:08:01</t>
  </si>
  <si>
    <t>3a3fddf6-dde0-436d-a507-b51a8415046f.tmp</t>
  </si>
  <si>
    <t>\\acsfs\profiles$\regisadsa\Downloads\3a3fddf6-dde0-436d-a507-b51a8415046f.tmp</t>
  </si>
  <si>
    <t>12/16/2019 14:05:24</t>
  </si>
  <si>
    <t>12/16/2019 14:10:14</t>
  </si>
  <si>
    <t>LISTA DE PRESENÇA16.xlsx.xla</t>
  </si>
  <si>
    <t>12/16/2019 14:05:26</t>
  </si>
  <si>
    <t>mail.google.com/_/upload?authuser=0&amp;dcp=asu-n&amp;upload_id=AEnB2UrHFLTtBueDuDMKphcDyETDV6R6zwru88c-1c9hRwAcEIYr8Yk-8T-rmllbQM8d3Hy2URNQs_4-uX-8wvSCjqISf2JJtD1cowyKbPbwrBwYGaBUv1Y&amp;upload_protocol=resumable</t>
  </si>
  <si>
    <t>12/16/2019 14:04:56</t>
  </si>
  <si>
    <t>$IXU2PGR.xlsx</t>
  </si>
  <si>
    <t>\\acsfs\profiles$\jonatanls\My Documents\$RECYCLE.BIN\$IXU2PGR.xlsx</t>
  </si>
  <si>
    <t>12/16/2019 14:04:59</t>
  </si>
  <si>
    <t>c84766f8-9f75-4e26-b240-2d9432ec7728.tmp</t>
  </si>
  <si>
    <t>\\acsfs\profiles$\jonatanls\Downloads\c84766f8-9f75-4e26-b240-2d9432ec7728.tmp</t>
  </si>
  <si>
    <t>12/16/2019 14:06:21</t>
  </si>
  <si>
    <t>12/16/2019 14:06:49</t>
  </si>
  <si>
    <t>ed3d07c7-f6fe-4971-993d-dba5bb617528.tmp</t>
  </si>
  <si>
    <t>\\acsfs\profiles$\jonatanls\Downloads\ed3d07c7-f6fe-4971-993d-dba5bb617528.tmp</t>
  </si>
  <si>
    <t>12/16/2019 14:06:52</t>
  </si>
  <si>
    <t>12/16/2019 14:08:24</t>
  </si>
  <si>
    <t>12/16/2019 14:08:46</t>
  </si>
  <si>
    <t>12/16/2019 14:08:08</t>
  </si>
  <si>
    <t>mail.google.com/_/upload?authuser=0&amp;dcp=asu-n&amp;upload_id=AEnB2UphVRy5gWtSh2doHGf7IuVLxO5VpmL4O8oq8JkpbuIjENLrXhfztiMbhiXls6tYXXm_zeiuPNgVmNsXGJvovBJjuduY3lUs1Rx0Bj6lPXbKEIr8k-A&amp;upload_protocol=resumable</t>
  </si>
  <si>
    <t>BBN RONALD.xlsx</t>
  </si>
  <si>
    <t>0450c3f9-4733-46ab-a80d-fd2d6572067c.tmp</t>
  </si>
  <si>
    <t>\\acsfs\profiles$\ayalabfi\Downloads\0450c3f9-4733-46ab-a80d-fd2d6572067c.tmp</t>
  </si>
  <si>
    <t>12/16/2019 14:06:19</t>
  </si>
  <si>
    <t>0ccda429-a3a8-422b-ba21-51a2971363a8.tmp</t>
  </si>
  <si>
    <t>\\acsfs\profiles$\wenderbnm\Downloads\0ccda429-a3a8-422b-ba21-51a2971363a8.tmp</t>
  </si>
  <si>
    <t>12/16/2019 14:08:34</t>
  </si>
  <si>
    <t>12/16/2019 14:11:14</t>
  </si>
  <si>
    <t>cff0bedf-374a-41bf-aa21-fc7483c630a4.tmp</t>
  </si>
  <si>
    <t>\\acsfs\profiles$\marcileiasdm\Downloads\cff0bedf-374a-41bf-aa21-fc7483c630a4.tmp</t>
  </si>
  <si>
    <t>12/16/2019 14:06:07</t>
  </si>
  <si>
    <t>0c4733f8-a1b8-4dd4-bfb8-2ac00e0c2708.tmp</t>
  </si>
  <si>
    <t>\\acsfs\profiles$\layonmof\Downloads\0c4733f8-a1b8-4dd4-bfb8-2ac00e0c2708.tmp</t>
  </si>
  <si>
    <t>99a95fca-6633-4cd5-91d6-8d5e3700e732.tmp</t>
  </si>
  <si>
    <t>\\acsfs\profiles$\deborahsi\Downloads\99a95fca-6633-4cd5-91d6-8d5e3700e732.tmp</t>
  </si>
  <si>
    <t>12/16/2019 14:06:59</t>
  </si>
  <si>
    <t>0e88969f-e019-4108-80aa-1a8c5cf497f0.tmp</t>
  </si>
  <si>
    <t>\\acsfs\profiles$\deborahsi\Downloads\0e88969f-e019-4108-80aa-1a8c5cf497f0.tmp</t>
  </si>
  <si>
    <t>12/16/2019 14:08:04</t>
  </si>
  <si>
    <t>81d3b706-f297-4777-a465-9fe753dad89e.tmp</t>
  </si>
  <si>
    <t>\\acsfs\profiles$\deborahsi\Downloads\81d3b706-f297-4777-a465-9fe753dad89e.tmp</t>
  </si>
  <si>
    <t>12/16/2019 14:07:39</t>
  </si>
  <si>
    <t>12/16/2019 14:13:14</t>
  </si>
  <si>
    <t>mail.google.com/sync/u/0/i/s?hl=pt-BR&amp;c=697</t>
  </si>
  <si>
    <t>12/16/2019 14:07:42</t>
  </si>
  <si>
    <t>mail.google.com/sync/u/0/i/s?hl=pt-BR&amp;c=699</t>
  </si>
  <si>
    <t>12/16/2019 14:09:31</t>
  </si>
  <si>
    <t>12/16/2019 14:09:38</t>
  </si>
  <si>
    <t>12/16/2019 14:08:51</t>
  </si>
  <si>
    <t>12/16/2019 14:14:15</t>
  </si>
  <si>
    <t>12/16/2019 14:09:51</t>
  </si>
  <si>
    <t>12/16/2019 14:08:49</t>
  </si>
  <si>
    <t>c674c349-b8ce-4b5f-b3c9-fb51a29daa31.tmp</t>
  </si>
  <si>
    <t>\\acsfs\profiles$\regisadsa\Downloads\c674c349-b8ce-4b5f-b3c9-fb51a29daa31.tmp</t>
  </si>
  <si>
    <t>12/16/2019 14:09:39</t>
  </si>
  <si>
    <t>e7835349-15e6-4d31-a8d4-050da596d4cc.tmp</t>
  </si>
  <si>
    <t>\\acsfs\profiles$\regisadsa\Downloads\e7835349-15e6-4d31-a8d4-050da596d4cc.tmp</t>
  </si>
  <si>
    <t>12/16/2019 14:10:03</t>
  </si>
  <si>
    <t>5c565ab0-feef-4820-a7ed-fbd8a6dbb25f.tmp</t>
  </si>
  <si>
    <t>\\acsfs\profiles$\regisadsa\Downloads\5c565ab0-feef-4820-a7ed-fbd8a6dbb25f.tmp</t>
  </si>
  <si>
    <t>12/16/2019 14:11:41</t>
  </si>
  <si>
    <t>12/16/2019 14:15:14</t>
  </si>
  <si>
    <t>12/16/2019 14:14:37</t>
  </si>
  <si>
    <t>12/16/2019 14:11:50</t>
  </si>
  <si>
    <t>12/16/2019 14:13:07</t>
  </si>
  <si>
    <t>12/16/2019 13:49:19</t>
  </si>
  <si>
    <t>\\acsfs\profiles$\stefaniasdf\My Documents\xworkcenter\logs\</t>
  </si>
  <si>
    <t>XLOG_stefaniasdf_16122019_133326.log</t>
  </si>
  <si>
    <t>\\acsfs\profiles$\stefaniasdf\My Documents\xworkcenter\logs\XLOG_stefaniasdf_16122019_133326.log</t>
  </si>
  <si>
    <t>12/16/2019 14:14:27</t>
  </si>
  <si>
    <t>\\acsfs\profiles$\kamilamrc\My Documents\xworkcenter\lex\</t>
  </si>
  <si>
    <t>\\acsfs\profiles$\kamilamrc\My Documents\xworkcenter\lex\temp.tlx</t>
  </si>
  <si>
    <t>12/16/2019 14:14:28</t>
  </si>
  <si>
    <t>12/16/2019 14:14:29</t>
  </si>
  <si>
    <t>12/16/2019 14:16:15</t>
  </si>
  <si>
    <t>12/16/2019 14:14:30</t>
  </si>
  <si>
    <t>12/16/2019 14:14:32</t>
  </si>
  <si>
    <t>12/16/2019 14:14:33</t>
  </si>
  <si>
    <t>12/16/2019 14:14:34</t>
  </si>
  <si>
    <t>12/16/2019 14:14:35</t>
  </si>
  <si>
    <t>12/16/2019 14:14:36</t>
  </si>
  <si>
    <t>12/16/2019 14:14:38</t>
  </si>
  <si>
    <t>12/16/2019 14:14:39</t>
  </si>
  <si>
    <t>12/16/2019 14:12:25</t>
  </si>
  <si>
    <t>c2e82462-7d91-4617-8164-5751e9a0f4df.tmp</t>
  </si>
  <si>
    <t>\\acsfs\profiles$\gabrielafs\Downloads\c2e82462-7d91-4617-8164-5751e9a0f4df.tmp</t>
  </si>
  <si>
    <t>12/16/2019 14:14:40</t>
  </si>
  <si>
    <t>12/16/2019 14:14:41</t>
  </si>
  <si>
    <t>12/16/2019 14:14:42</t>
  </si>
  <si>
    <t>12/16/2019 14:14:43</t>
  </si>
  <si>
    <t>12/16/2019 14:14:44</t>
  </si>
  <si>
    <t>12/16/2019 14:14:45</t>
  </si>
  <si>
    <t>12/16/2019 14:14:46</t>
  </si>
  <si>
    <t>12/16/2019 14:14:47</t>
  </si>
  <si>
    <t>12/16/2019 14:14:48</t>
  </si>
  <si>
    <t>12/16/2019 14:14:49</t>
  </si>
  <si>
    <t>12/16/2019 14:11:59</t>
  </si>
  <si>
    <t>12/16/2019 14:17:14</t>
  </si>
  <si>
    <t>52c7d2c2-1567-425a-8036-b36b364545b1.tmp</t>
  </si>
  <si>
    <t>\\acsfs\profiles$\deboraaa\Downloads\52c7d2c2-1567-425a-8036-b36b364545b1.tmp</t>
  </si>
  <si>
    <t>12/16/2019 14:15:56</t>
  </si>
  <si>
    <t>12/16/2019 14:18:14</t>
  </si>
  <si>
    <t>matheusmax</t>
  </si>
  <si>
    <t>\\acsfs\profiles$\matheusmax\My Documents\My Pictures\</t>
  </si>
  <si>
    <t>\\acsfs\profiles$\matheusmax\My Documents\My Videos\desktop.ini</t>
  </si>
  <si>
    <t>12/16/2019 14:15:58</t>
  </si>
  <si>
    <t>\\acsfs\profiles$\matheusmax\My Documents\My Videos\</t>
  </si>
  <si>
    <t>12/16/2019 14:16:02</t>
  </si>
  <si>
    <t>12/16/2019 14:16:04</t>
  </si>
  <si>
    <t>12/16/2019 14:16:05</t>
  </si>
  <si>
    <t>12/16/2019 14:16:07</t>
  </si>
  <si>
    <t>\\acsfs\profiles$\matheusmax\My Documents\My Music\</t>
  </si>
  <si>
    <t>\\acsfs\profiles$\matheusmax\My Documents\My Pictures\desktop.ini</t>
  </si>
  <si>
    <t>12/16/2019 14:16:08</t>
  </si>
  <si>
    <t>12/16/2019 14:16:14</t>
  </si>
  <si>
    <t>12/16/2019 14:16:16</t>
  </si>
  <si>
    <t>12/16/2019 14:16:19</t>
  </si>
  <si>
    <t>\\acsfs\profiles$\matheusmax\Contacts\</t>
  </si>
  <si>
    <t>\\acsfs\profiles$\matheusmax\Contacts\desktop.ini</t>
  </si>
  <si>
    <t>12/16/2019 14:16:20</t>
  </si>
  <si>
    <t>12/16/2019 14:16:22</t>
  </si>
  <si>
    <t>12/16/2019 14:16:24</t>
  </si>
  <si>
    <t>12/16/2019 14:16:25</t>
  </si>
  <si>
    <t>12/16/2019 14:16:26</t>
  </si>
  <si>
    <t>12/16/2019 14:16:28</t>
  </si>
  <si>
    <t>\\acsfs\profiles$\matheusmax\My Documents\</t>
  </si>
  <si>
    <t>\\acsfs\profiles$\matheusmax\Favorites\desktop.ini</t>
  </si>
  <si>
    <t>12/16/2019 14:16:29</t>
  </si>
  <si>
    <t>12/16/2019 14:16:30</t>
  </si>
  <si>
    <t>12/16/2019 14:16:33</t>
  </si>
  <si>
    <t>12/16/2019 14:16:36</t>
  </si>
  <si>
    <t>12/16/2019 14:16:38</t>
  </si>
  <si>
    <t>12/16/2019 14:16:40</t>
  </si>
  <si>
    <t>\\acsfs\profiles$\matheusmax\My Documents\My Music\desktop.ini</t>
  </si>
  <si>
    <t>12/16/2019 14:16:41</t>
  </si>
  <si>
    <t>12/16/2019 14:16:42</t>
  </si>
  <si>
    <t>12/16/2019 14:16:43</t>
  </si>
  <si>
    <t>12/16/2019 14:16:44</t>
  </si>
  <si>
    <t>12/16/2019 14:16:46</t>
  </si>
  <si>
    <t>\\acsfs\profiles$\matheusmax\Searches\</t>
  </si>
  <si>
    <t>\\acsfs\profiles$\matheusmax\Searches\desktop.ini</t>
  </si>
  <si>
    <t>12/16/2019 14:16:47</t>
  </si>
  <si>
    <t>12/16/2019 14:16:48</t>
  </si>
  <si>
    <t>12/16/2019 14:16:50</t>
  </si>
  <si>
    <t>12/16/2019 14:16:51</t>
  </si>
  <si>
    <t>12/16/2019 14:16:53</t>
  </si>
  <si>
    <t>\\acsfs\profiles$\matheusmax\Downloads\</t>
  </si>
  <si>
    <t>\\acsfs\profiles$\matheusmax\Downloads\desktop.ini</t>
  </si>
  <si>
    <t>12/16/2019 14:16:54</t>
  </si>
  <si>
    <t>12/16/2019 14:16:55</t>
  </si>
  <si>
    <t>\\acsfs\profiles$\matheusmax\Favorites\</t>
  </si>
  <si>
    <t>\\acsfs\profiles$\matheusmax\My Documents\desktop.ini</t>
  </si>
  <si>
    <t>12/16/2019 14:16:58</t>
  </si>
  <si>
    <t>12/16/2019 14:17:00</t>
  </si>
  <si>
    <t>12/16/2019 14:17:03</t>
  </si>
  <si>
    <t>12/16/2019 14:17:05</t>
  </si>
  <si>
    <t>12/16/2019 14:17:06</t>
  </si>
  <si>
    <t>12/16/2019 14:17:09</t>
  </si>
  <si>
    <t>\\acsfs\profiles$\matheusmax\Saved Games\desktop.ini</t>
  </si>
  <si>
    <t>12/16/2019 14:17:10</t>
  </si>
  <si>
    <t>2f6af7a6-1784-4f8e-a3fd-90244b457eca.tmp</t>
  </si>
  <si>
    <t>\\acsfs\profiles$\bernardopcm\Downloads\2f6af7a6-1784-4f8e-a3fd-90244b457eca.tmp</t>
  </si>
  <si>
    <t>12/16/2019 14:17:19</t>
  </si>
  <si>
    <t>42b9438e-b8db-4829-86e5-47c92393caa1.tmp</t>
  </si>
  <si>
    <t>\\acsfs\profiles$\bernardopcm\Downloads\42b9438e-b8db-4829-86e5-47c92393caa1.tmp</t>
  </si>
  <si>
    <t>12/16/2019 14:17:01</t>
  </si>
  <si>
    <t>12/16/2019 14:16:52</t>
  </si>
  <si>
    <t>12/16/2019 14:15:36</t>
  </si>
  <si>
    <t>12/16/2019 14:14:52</t>
  </si>
  <si>
    <t>12/16/2019 14:19:15</t>
  </si>
  <si>
    <t>12/16/2019 14:15:52</t>
  </si>
  <si>
    <t>12/16/2019 14:16:27</t>
  </si>
  <si>
    <t>fc7e074a-5b26-4158-82d8-b29b8939a6b9.tmp</t>
  </si>
  <si>
    <t>\\acsfs\profiles$\cristianodab\Downloads\fc7e074a-5b26-4158-82d8-b29b8939a6b9.tmp</t>
  </si>
  <si>
    <t>12/16/2019 14:16:34</t>
  </si>
  <si>
    <t>Não confirmado 166872.crdownload</t>
  </si>
  <si>
    <t>\\acsfs\profiles$\cristianodab\Downloads\Não confirmado 166872.crdownload</t>
  </si>
  <si>
    <t>fa9a04ff-d299-4757-9620-8bcba7d885b6.tmp</t>
  </si>
  <si>
    <t>\\acsfs\profiles$\cristianodab\Downloads\fa9a04ff-d299-4757-9620-8bcba7d885b6.tmp</t>
  </si>
  <si>
    <t>12/16/2019 14:17:18</t>
  </si>
  <si>
    <t>90a802fd-eac1-4cbe-8afa-34cefe85f5c8.tmp</t>
  </si>
  <si>
    <t>\\acsfs\profiles$\cristianodab\Downloads\90a802fd-eac1-4cbe-8afa-34cefe85f5c8.tmp</t>
  </si>
  <si>
    <t>12/16/2019 14:19:20</t>
  </si>
  <si>
    <t>12/16/2019 14:20:15</t>
  </si>
  <si>
    <t>12/16/2019 14:19:21</t>
  </si>
  <si>
    <t>lu163762gqv8w.tmp</t>
  </si>
  <si>
    <t>\\acsfs\profiles$\luanarda\lu163762gqv8w.tmp</t>
  </si>
  <si>
    <t>\\acsfs\profiles$\luanarda\lu163762gqv8w.tmp\</t>
  </si>
  <si>
    <t>\\acsfs\profiles$\luanarda\lu163762gqv8w.tmp\META-INF\</t>
  </si>
  <si>
    <t>\\acsfs\profiles$\luanarda\lu163762gqv8w.tmp\Thumbnails\</t>
  </si>
  <si>
    <t>12/16/2019 14:14:50</t>
  </si>
  <si>
    <t>12/16/2019 14:21:15</t>
  </si>
  <si>
    <t>12/16/2019 14:14:51</t>
  </si>
  <si>
    <t>12/16/2019 14:14:53</t>
  </si>
  <si>
    <t>12/16/2019 14:14:54</t>
  </si>
  <si>
    <t>12/16/2019 14:14:55</t>
  </si>
  <si>
    <t>12/16/2019 14:17:30</t>
  </si>
  <si>
    <t>8fe30898-39b4-40cc-bd25-6a792ad2936d.tmp</t>
  </si>
  <si>
    <t>\\acsfs\profiles$\brendadsl\Downloads\8fe30898-39b4-40cc-bd25-6a792ad2936d.tmp</t>
  </si>
  <si>
    <t>12/16/2019 14:17:55</t>
  </si>
  <si>
    <t>02c359a3-5abd-447e-8470-140606833e7f.tmp</t>
  </si>
  <si>
    <t>\\acsfs\profiles$\brendadsl\Downloads\02c359a3-5abd-447e-8470-140606833e7f.tmp</t>
  </si>
  <si>
    <t>12/16/2019 14:17:57</t>
  </si>
  <si>
    <t>8de91185-fa76-4b97-9fa5-7e246fb0b80e.tmp</t>
  </si>
  <si>
    <t>\\acsfs\profiles$\brendadsl\Downloads\8de91185-fa76-4b97-9fa5-7e246fb0b80e.tmp</t>
  </si>
  <si>
    <t>89af501a-ee21-4036-9f98-1a8c9c68e781.tmp</t>
  </si>
  <si>
    <t>\\acsfs\profiles$\gabrielamdp\Downloads\89af501a-ee21-4036-9f98-1a8c9c68e781.tmp</t>
  </si>
  <si>
    <t>12/16/2019 14:17:58</t>
  </si>
  <si>
    <t>993699db-35dd-411c-840b-523c937d6f55.tmp</t>
  </si>
  <si>
    <t>\\acsfs\profiles$\brendadsl\Downloads\993699db-35dd-411c-840b-523c937d6f55.tmp</t>
  </si>
  <si>
    <t>1df4f341-77af-4b47-9242-4237729b9287.tmp</t>
  </si>
  <si>
    <t>\\acsfs\profiles$\gabrielamdp\Downloads\1df4f341-77af-4b47-9242-4237729b9287.tmp</t>
  </si>
  <si>
    <t>12/16/2019 14:18:01</t>
  </si>
  <si>
    <t>e378e826-9263-44d4-bdc4-2f9b56866d6b.tmp</t>
  </si>
  <si>
    <t>\\acsfs\profiles$\brendadsl\Downloads\e378e826-9263-44d4-bdc4-2f9b56866d6b.tmp</t>
  </si>
  <si>
    <t>4402c149-cc0f-441b-9b50-d5b3125e4f13.tmp</t>
  </si>
  <si>
    <t>\\acsfs\profiles$\gabrielamdp\Downloads\4402c149-cc0f-441b-9b50-d5b3125e4f13.tmp</t>
  </si>
  <si>
    <t>12/16/2019 14:18:08</t>
  </si>
  <si>
    <t>710188af-90d7-4ce9-8ae9-70de573f8548.tmp</t>
  </si>
  <si>
    <t>\\acsfs\profiles$\brendadsl\Downloads\710188af-90d7-4ce9-8ae9-70de573f8548.tmp</t>
  </si>
  <si>
    <t>767094bc-7be9-4045-a11c-1d8cb370d8fe.tmp</t>
  </si>
  <si>
    <t>\\acsfs\profiles$\gabrielamdp\Downloads\767094bc-7be9-4045-a11c-1d8cb370d8fe.tmp</t>
  </si>
  <si>
    <t>e336fcaf-97e9-4689-a455-6ce28fefb8b8.tmp</t>
  </si>
  <si>
    <t>\\acsfs\profiles$\gabrielamdp\Downloads\e336fcaf-97e9-4689-a455-6ce28fefb8b8.tmp</t>
  </si>
  <si>
    <t>12/16/2019 14:17:52</t>
  </si>
  <si>
    <t>12/16/2019 14:18:05</t>
  </si>
  <si>
    <t>marianerdo@algartech.com;talmaiardo@algartech.com;thiagordu@algartech.com;</t>
  </si>
  <si>
    <t>marianerdo@algartech.com,talmaiardo@algartech.com,thiagordu@algartech.com</t>
  </si>
  <si>
    <t>f1764508-d6ce-4dbb-bc32-04e857ae9c13.tmp</t>
  </si>
  <si>
    <t>\\acsfs\profiles$\deborahsi\Downloads\f1764508-d6ce-4dbb-bc32-04e857ae9c13.tmp</t>
  </si>
  <si>
    <t>12/16/2019 14:19:39</t>
  </si>
  <si>
    <t>bb900b2d-03ca-4815-ab10-1dff39e411fe.tmp</t>
  </si>
  <si>
    <t>\\acsfs\profiles$\deborahsi\Downloads\bb900b2d-03ca-4815-ab10-1dff39e411fe.tmp</t>
  </si>
  <si>
    <t>12/16/2019 14:18:48</t>
  </si>
  <si>
    <t>74-86-7A-FB-14-4D</t>
  </si>
  <si>
    <t>VOTORANT-LB008</t>
  </si>
  <si>
    <t>ingridsm</t>
  </si>
  <si>
    <t>\\acsfs\profiles$\ingridsm\</t>
  </si>
  <si>
    <t>minha pasta.txt</t>
  </si>
  <si>
    <t>\\acsfs\profiles$\ingridsm\minha pasta.txt</t>
  </si>
  <si>
    <t>12/16/2019 14:18:58</t>
  </si>
  <si>
    <t>12/16/2019 14:20:41</t>
  </si>
  <si>
    <t>12/16/2019 14:22:15</t>
  </si>
  <si>
    <t>12/16/2019 14:20:42</t>
  </si>
  <si>
    <t>12/16/2019 14:20:43</t>
  </si>
  <si>
    <t>12/16/2019 14:20:44</t>
  </si>
  <si>
    <t>12/16/2019 14:20:45</t>
  </si>
  <si>
    <t>12/16/2019 14:20:46</t>
  </si>
  <si>
    <t>12/16/2019 14:16:03</t>
  </si>
  <si>
    <t>86aacd88-5cf0-429b-a0f7-c3b456b7fb18.tmp</t>
  </si>
  <si>
    <t>\\acsfs\profiles$\victorgl\Downloads\86aacd88-5cf0-429b-a0f7-c3b456b7fb18.tmp</t>
  </si>
  <si>
    <t>7e17c210-6d01-4c72-8150-e548b7f9455c.tmp</t>
  </si>
  <si>
    <t>\\acsfs\profiles$\victorgl\Downloads\7e17c210-6d01-4c72-8150-e548b7f9455c.tmp</t>
  </si>
  <si>
    <t>12/16/2019 14:18:19</t>
  </si>
  <si>
    <t>4a7d34d0-5b99-4a47-973c-cadeddc19c68.tmp</t>
  </si>
  <si>
    <t>\\acsfs\profiles$\victorgl\Downloads\4a7d34d0-5b99-4a47-973c-cadeddc19c68.tmp</t>
  </si>
  <si>
    <t>12/16/2019 14:20:47</t>
  </si>
  <si>
    <t>12/16/2019 14:18:27</t>
  </si>
  <si>
    <t>264c9c7e-2e2f-42d7-9c7c-c18115fd8bb0.tmp</t>
  </si>
  <si>
    <t>\\acsfs\profiles$\victorgl\Downloads\264c9c7e-2e2f-42d7-9c7c-c18115fd8bb0.tmp</t>
  </si>
  <si>
    <t>12/16/2019 14:20:48</t>
  </si>
  <si>
    <t>12/16/2019 14:20:49</t>
  </si>
  <si>
    <t>12/16/2019 14:20:50</t>
  </si>
  <si>
    <t>12/16/2019 14:20:51</t>
  </si>
  <si>
    <t>12/16/2019 14:20:52</t>
  </si>
  <si>
    <t>12/16/2019 14:20:53</t>
  </si>
  <si>
    <t>12/16/2019 14:20:54</t>
  </si>
  <si>
    <t>12/16/2019 14:20:55</t>
  </si>
  <si>
    <t>12/16/2019 14:20:56</t>
  </si>
  <si>
    <t>12/16/2019 14:20:57</t>
  </si>
  <si>
    <t>12/16/2019 14:20:58</t>
  </si>
  <si>
    <t>12/16/2019 14:20:59</t>
  </si>
  <si>
    <t>12/16/2019 14:21:00</t>
  </si>
  <si>
    <t>12/16/2019 14:21:01</t>
  </si>
  <si>
    <t>12/16/2019 14:21:02</t>
  </si>
  <si>
    <t>12/16/2019 14:17:36</t>
  </si>
  <si>
    <t>12/16/2019 14:23:15</t>
  </si>
  <si>
    <t>winrt--{S-1-5-21-602162358-764733703-839522115-347219}-.searchconnector-ms</t>
  </si>
  <si>
    <t>\\acsfs\profiles$\matheusmax\Searches\winrt--{S-1-5-21-602162358-764733703-839522115-347219}-.searchconnector-ms</t>
  </si>
  <si>
    <t>12/16/2019 14:18:40</t>
  </si>
  <si>
    <t>8e944193-2246-4f3f-8592-5c0f6254899f.tmp</t>
  </si>
  <si>
    <t>\\acsfs\profiles$\matheusmax\Downloads\8e944193-2246-4f3f-8592-5c0f6254899f.tmp</t>
  </si>
  <si>
    <t>12/16/2019 14:19:03</t>
  </si>
  <si>
    <t>a1dcc7a0-88fd-444a-8a0b-e2d0de7b124e.tmp</t>
  </si>
  <si>
    <t>\\acsfs\profiles$\matheusmax\Downloads\a1dcc7a0-88fd-444a-8a0b-e2d0de7b124e.tmp</t>
  </si>
  <si>
    <t>12/16/2019 14:19:23</t>
  </si>
  <si>
    <t>Unconfirmed 656062.crdownload</t>
  </si>
  <si>
    <t>\\acsfs\profiles$\matheusmax\Downloads\Unconfirmed 656062.crdownload</t>
  </si>
  <si>
    <t>12/16/2019 14:20:09</t>
  </si>
  <si>
    <t>8e977146-6729-4967-b142-92855d4d7630.tmp</t>
  </si>
  <si>
    <t>\\acsfs\profiles$\matheusmax\Downloads\8e977146-6729-4967-b142-92855d4d7630.tmp</t>
  </si>
  <si>
    <t>12/16/2019 14:18:17</t>
  </si>
  <si>
    <t>5ea5ace4-93a1-4844-925f-59fc0629eab3.tmp</t>
  </si>
  <si>
    <t>\\acsfs\profiles$\danielpdl\Downloads\5ea5ace4-93a1-4844-925f-59fc0629eab3.tmp</t>
  </si>
  <si>
    <t>12/16/2019 14:20:16</t>
  </si>
  <si>
    <t>a2825270-c041-4150-8659-a95f1a8ffe58.tmp</t>
  </si>
  <si>
    <t>\\acsfs\profiles$\matheusmax\Downloads\a2825270-c041-4150-8659-a95f1a8ffe58.tmp</t>
  </si>
  <si>
    <t>12/16/2019 14:19:07</t>
  </si>
  <si>
    <t>XLOG_danielpdl_16122019_133027.log</t>
  </si>
  <si>
    <t>\\acsfs\profiles$\danielpdl\My Documents\xworkcenter\logs\XLOG_danielpdl_16122019_133027.log</t>
  </si>
  <si>
    <t>12/16/2019 14:19:50</t>
  </si>
  <si>
    <t>12/16/2019 14:19:51</t>
  </si>
  <si>
    <t>12/16/2019 14:19:52</t>
  </si>
  <si>
    <t>12/16/2019 14:19:53</t>
  </si>
  <si>
    <t>12/16/2019 14:19:54</t>
  </si>
  <si>
    <t>12/16/2019 14:19:55</t>
  </si>
  <si>
    <t>12/16/2019 14:19:56</t>
  </si>
  <si>
    <t>12/16/2019 14:19:57</t>
  </si>
  <si>
    <t>12/16/2019 14:19:58</t>
  </si>
  <si>
    <t>12/16/2019 14:19:59</t>
  </si>
  <si>
    <t>12/16/2019 14:20:00</t>
  </si>
  <si>
    <t>12/16/2019 14:20:01</t>
  </si>
  <si>
    <t>12/16/2019 14:20:02</t>
  </si>
  <si>
    <t>12/16/2019 14:20:03</t>
  </si>
  <si>
    <t>12/16/2019 14:20:04</t>
  </si>
  <si>
    <t>12/16/2019 14:20:05</t>
  </si>
  <si>
    <t>12/16/2019 14:20:06</t>
  </si>
  <si>
    <t>12/16/2019 14:22:26</t>
  </si>
  <si>
    <t>12/16/2019 14:19:36</t>
  </si>
  <si>
    <t>6de5fcb9-5be5-454a-9adb-78e5cb076b5f.tmp</t>
  </si>
  <si>
    <t>\\acsfs\profiles$\YASMINSC\Downloads\6de5fcb9-5be5-454a-9adb-78e5cb076b5f.tmp</t>
  </si>
  <si>
    <t>12/16/2019 14:21:17</t>
  </si>
  <si>
    <t>12/16/2019 14:24:14</t>
  </si>
  <si>
    <t>Microanálise 20191215.xlsm</t>
  </si>
  <si>
    <t>12/16/2019 14:22:54</t>
  </si>
  <si>
    <t>493eb7a7-c6af-44c6-b448-4c50502245ee.tmp</t>
  </si>
  <si>
    <t>\\acsfs\profiles$\yurics\Downloads\493eb7a7-c6af-44c6-b448-4c50502245ee.tmp</t>
  </si>
  <si>
    <t>12/16/2019 14:21:52</t>
  </si>
  <si>
    <t>12/16/2019 14:19:32</t>
  </si>
  <si>
    <t>16.txt</t>
  </si>
  <si>
    <t>\\acsfs\profiles$\marcelacdss\My Documents\ATENDIMENTOS\DEZEMBRO\16.txt</t>
  </si>
  <si>
    <t>12/16/2019 14:19:38</t>
  </si>
  <si>
    <t>17.txt</t>
  </si>
  <si>
    <t>\\acsfs\profiles$\marcelacdss\My Documents\ATENDIMENTOS\DEZEMBRO\17.txt</t>
  </si>
  <si>
    <t>12/16/2019 14:19:42</t>
  </si>
  <si>
    <t>18.txt</t>
  </si>
  <si>
    <t>\\acsfs\profiles$\marcelacdss\My Documents\ATENDIMENTOS\DEZEMBRO\18.txt</t>
  </si>
  <si>
    <t>12/16/2019 14:19:47</t>
  </si>
  <si>
    <t>19.txt</t>
  </si>
  <si>
    <t>\\acsfs\profiles$\marcelacdss\My Documents\ATENDIMENTOS\DEZEMBRO\19.txt</t>
  </si>
  <si>
    <t>20.txt</t>
  </si>
  <si>
    <t>\\acsfs\profiles$\marcelacdss\My Documents\ATENDIMENTOS\DEZEMBRO\20.txt</t>
  </si>
  <si>
    <t>12/16/2019 14:22:07</t>
  </si>
  <si>
    <t>\\acsfs\profiles$\ellencds\Downloads\</t>
  </si>
  <si>
    <t>dcd6b6f7-7dae-4de6-9180-4c5820b08792.tmp</t>
  </si>
  <si>
    <t>\\acsfs\profiles$\ellencds\Downloads\dcd6b6f7-7dae-4de6-9180-4c5820b08792.tmp</t>
  </si>
  <si>
    <t>12/16/2019 14:22:16</t>
  </si>
  <si>
    <t>70a94d55-a49b-480b-a65c-826ab5419534.tmp</t>
  </si>
  <si>
    <t>\\acsfs\profiles$\ellencds\Downloads\70a94d55-a49b-480b-a65c-826ab5419534.tmp</t>
  </si>
  <si>
    <t>c0991692-c230-4469-8b71-15351fc6e62c.tmp</t>
  </si>
  <si>
    <t>\\acsfs\profiles$\cristianodab\Downloads\c0991692-c230-4469-8b71-15351fc6e62c.tmp</t>
  </si>
  <si>
    <t>12/16/2019 14:20:35</t>
  </si>
  <si>
    <t>d78e56ac-dbbf-4f66-95ed-47e743d4c0f0.tmp</t>
  </si>
  <si>
    <t>\\acsfs\profiles$\cristianodab\Downloads\d78e56ac-dbbf-4f66-95ed-47e743d4c0f0.tmp</t>
  </si>
  <si>
    <t>0cf57142-bea0-45f8-8a0d-b6015095816c.tmp</t>
  </si>
  <si>
    <t>\\acsfs\profiles$\cristianodab\Downloads\0cf57142-bea0-45f8-8a0d-b6015095816c.tmp</t>
  </si>
  <si>
    <t>12/16/2019 14:22:22</t>
  </si>
  <si>
    <t>12/16/2019 14:25:14</t>
  </si>
  <si>
    <t>7f26be03-7d8d-48a1-90e2-a09ea9f060da.tmp</t>
  </si>
  <si>
    <t>\\acsfs\profiles$\vivianibfs\Downloads\7f26be03-7d8d-48a1-90e2-a09ea9f060da.tmp</t>
  </si>
  <si>
    <t>12/16/2019 14:24:48</t>
  </si>
  <si>
    <t>53c57c95-67ed-4e07-b11b-557bf6d19aba.tmp</t>
  </si>
  <si>
    <t>\\acsfs\profiles$\vivianibfs\Downloads\53c57c95-67ed-4e07-b11b-557bf6d19aba.tmp</t>
  </si>
  <si>
    <t>f10c44d6-b7a9-47a3-8fc0-54fe0128052e.tmp</t>
  </si>
  <si>
    <t>\\acsfs\profiles$\ayalabfi\Downloads\f10c44d6-b7a9-47a3-8fc0-54fe0128052e.tmp</t>
  </si>
  <si>
    <t>12/16/2019 14:21:04</t>
  </si>
  <si>
    <t>12/16/2019 14:26:14</t>
  </si>
  <si>
    <t>3279fe65-8ef0-4666-b4ac-cc4a51d6fcde.tmp</t>
  </si>
  <si>
    <t>\\acsfs\profiles$\brendadsl\Downloads\3279fe65-8ef0-4666-b4ac-cc4a51d6fcde.tmp</t>
  </si>
  <si>
    <t>12/16/2019 14:24:31</t>
  </si>
  <si>
    <t>c268c936-efc7-4f63-a38c-642bd9a7e39e.tmp</t>
  </si>
  <si>
    <t>\\acsfs\profiles$\gabrielamdp\Downloads\c268c936-efc7-4f63-a38c-642bd9a7e39e.tmp</t>
  </si>
  <si>
    <t>3e690133-9328-4416-b1fc-afa7b6079573.tmp</t>
  </si>
  <si>
    <t>\\acsfs\profiles$\brendadsl\Downloads\3e690133-9328-4416-b1fc-afa7b6079573.tmp</t>
  </si>
  <si>
    <t>b0aecb4c-ac15-41cc-adb9-1e4ab7b93f24.tmp</t>
  </si>
  <si>
    <t>\\acsfs\profiles$\brendadsl\Downloads\b0aecb4c-ac15-41cc-adb9-1e4ab7b93f24.tmp</t>
  </si>
  <si>
    <t>12/16/2019 14:23:16</t>
  </si>
  <si>
    <t>a331f886-7514-437c-a1ef-bd288586ed18.tmp</t>
  </si>
  <si>
    <t>\\acsfs\profiles$\brendadsl\Downloads\a331f886-7514-437c-a1ef-bd288586ed18.tmp</t>
  </si>
  <si>
    <t>12/16/2019 14:22:45</t>
  </si>
  <si>
    <t>12/16/2019 14:24:33</t>
  </si>
  <si>
    <t>170e931c-1046-44fd-aa0f-b7efd2aeb911.tmp</t>
  </si>
  <si>
    <t>\\acsfs\profiles$\deborahsi\Downloads\170e931c-1046-44fd-aa0f-b7efd2aeb911.tmp</t>
  </si>
  <si>
    <t>12/16/2019 14:23:47</t>
  </si>
  <si>
    <t>12/16/2019 14:22:53</t>
  </si>
  <si>
    <t>12/16/2019 14:27:15</t>
  </si>
  <si>
    <t>12/16/2019 14:24:38</t>
  </si>
  <si>
    <t>3b4a4b5e-640c-4c2e-94e1-af2df033b9eb.tmp</t>
  </si>
  <si>
    <t>\\acsfs\profiles$\victorgl\Downloads\3b4a4b5e-640c-4c2e-94e1-af2df033b9eb.tmp</t>
  </si>
  <si>
    <t>12/16/2019 14:21:03</t>
  </si>
  <si>
    <t>12/16/2019 14:21:05</t>
  </si>
  <si>
    <t>12/16/2019 14:21:06</t>
  </si>
  <si>
    <t>12/16/2019 14:21:07</t>
  </si>
  <si>
    <t>12/16/2019 14:22:36</t>
  </si>
  <si>
    <t>12/16/2019 14:28:14</t>
  </si>
  <si>
    <t>72030845-6b7f-4c63-9c6f-4d2adecd3d5c.tmp</t>
  </si>
  <si>
    <t>\\acsfs\profiles$\danielpdl\Downloads\72030845-6b7f-4c63-9c6f-4d2adecd3d5c.tmp</t>
  </si>
  <si>
    <t>b55697e9-8d88-466c-ab03-8998bb14afdc.tmp</t>
  </si>
  <si>
    <t>\\acsfs\profiles$\danielpdl\Downloads\b55697e9-8d88-466c-ab03-8998bb14afdc.tmp</t>
  </si>
  <si>
    <t>12/16/2019 14:23:55</t>
  </si>
  <si>
    <t>12/16/2019 14:24:17</t>
  </si>
  <si>
    <t>mail.google.com/_/upload?authuser=0&amp;dcp=asu-n&amp;upload_id=AEnB2Up9PwGBg_WTKf1fGJ3xCEEFFHP6kOmh-RmD0IlvpE9eNSh9GX6xJrdvtSrxdnSUpKR3dncsvauTrg4fbEZjduD5Xe29zhtkzmyWC1zWfQsh-ykdMfk&amp;upload_protocol=resumable</t>
  </si>
  <si>
    <t>Compromissos Servico - CARLOS MAURICIO.xlsx</t>
  </si>
  <si>
    <t>12/16/2019 14:29:14</t>
  </si>
  <si>
    <t>b78da5d2-91e1-4160-aa98-066b55af167c.tmp</t>
  </si>
  <si>
    <t>\\acsfs\profiles$\geovannasm\Downloads\b78da5d2-91e1-4160-aa98-066b55af167c.tmp</t>
  </si>
  <si>
    <t>3bd54397-46fc-47d8-be57-71b6237e5926.tmp</t>
  </si>
  <si>
    <t>\\acsfs\profiles$\geovannasm\Downloads\3bd54397-46fc-47d8-be57-71b6237e5926.tmp</t>
  </si>
  <si>
    <t>12/16/2019 14:04:44</t>
  </si>
  <si>
    <t>bc957fa7-49eb-48ea-836d-26bc9fd33060.tmp</t>
  </si>
  <si>
    <t>\\acsfs\profiles$\geovannasm\Downloads\bc957fa7-49eb-48ea-836d-26bc9fd33060.tmp</t>
  </si>
  <si>
    <t>12/16/2019 14:06:24</t>
  </si>
  <si>
    <t>8064f3fe-3a70-4c42-be98-0d1bf2f475c0.tmp</t>
  </si>
  <si>
    <t>\\acsfs\profiles$\geovannasm\Downloads\8064f3fe-3a70-4c42-be98-0d1bf2f475c0.tmp</t>
  </si>
  <si>
    <t>4f356a45-44b0-4650-8681-4d411099dedb.tmp</t>
  </si>
  <si>
    <t>\\acsfs\profiles$\geovannasm\Downloads\4f356a45-44b0-4650-8681-4d411099dedb.tmp</t>
  </si>
  <si>
    <t>12/16/2019 14:22:37</t>
  </si>
  <si>
    <t>331e2a88-7a57-4ec0-853b-e372e39aa763.tmp</t>
  </si>
  <si>
    <t>\\acsfs\profiles$\geovannasm\Downloads\331e2a88-7a57-4ec0-853b-e372e39aa763.tmp</t>
  </si>
  <si>
    <t>12/16/2019 14:24:08</t>
  </si>
  <si>
    <t>70cc1285-51c2-4702-9c8d-975470e6c2c3.tmp</t>
  </si>
  <si>
    <t>\\acsfs\profiles$\yurics\Downloads\70cc1285-51c2-4702-9c8d-975470e6c2c3.tmp</t>
  </si>
  <si>
    <t>e9e532c5-2b12-4911-b94c-a0f3740ca079.tmp</t>
  </si>
  <si>
    <t>\\acsfs\profiles$\yurics\Downloads\e9e532c5-2b12-4911-b94c-a0f3740ca079.tmp</t>
  </si>
  <si>
    <t>12/16/2019 14:25:55</t>
  </si>
  <si>
    <t>c24ab430-12c8-4960-a32f-83e858d46b33.tmp</t>
  </si>
  <si>
    <t>\\acsfs\profiles$\yurics\Downloads\c24ab430-12c8-4960-a32f-83e858d46b33.tmp</t>
  </si>
  <si>
    <t>12/16/2019 14:26:52</t>
  </si>
  <si>
    <t>12/16/2019 14:27:52</t>
  </si>
  <si>
    <t>12/16/2019 14:26:49</t>
  </si>
  <si>
    <t>https://udpwfmniceap02/web/guest/home?p_auth=moyjp6gt&amp;p_p_id=58&amp;p_p_lifecycle=1&amp;p_p_state=maximized&amp;p_p_mode=view&amp;savelastpath=0&amp;_58_struts_action=/login/forgot_password</t>
  </si>
  <si>
    <t>12/16/2019 14:27:02</t>
  </si>
  <si>
    <t>12/16/2019 14:24:23</t>
  </si>
  <si>
    <t>580af242-8314-40e7-9695-0dc7034ccd54.tmp</t>
  </si>
  <si>
    <t>\\acsfs\profiles$\ellencds\Downloads\580af242-8314-40e7-9695-0dc7034ccd54.tmp</t>
  </si>
  <si>
    <t>12/16/2019 14:25:17</t>
  </si>
  <si>
    <t>954a3b22-1e2b-41a5-93b0-009ab9475bc3.tmp</t>
  </si>
  <si>
    <t>\\acsfs\profiles$\ellencds\Downloads\954a3b22-1e2b-41a5-93b0-009ab9475bc3.tmp</t>
  </si>
  <si>
    <t>12/16/2019 14:26:48</t>
  </si>
  <si>
    <t>fd5272f6-385d-43b0-b28c-b4dbf910c156.tmp</t>
  </si>
  <si>
    <t>\\acsfs\profiles$\ellencds\Downloads\fd5272f6-385d-43b0-b28c-b4dbf910c156.tmp</t>
  </si>
  <si>
    <t>12/16/2019 14:24:02</t>
  </si>
  <si>
    <t>12/16/2019 14:24:16</t>
  </si>
  <si>
    <t>92a6b8c3-998f-4db6-ad8e-793a6cfc7683.tmp</t>
  </si>
  <si>
    <t>\\acsfs\profiles$\cristianodab\Downloads\92a6b8c3-998f-4db6-ad8e-793a6cfc7683.tmp</t>
  </si>
  <si>
    <t>12/16/2019 14:29:12</t>
  </si>
  <si>
    <t>12/16/2019 14:30:14</t>
  </si>
  <si>
    <t>12/16/2019 14:27:17</t>
  </si>
  <si>
    <t>12/16/2019 14:26:47</t>
  </si>
  <si>
    <t>d4709f0a-8d7b-4f65-9a69-4b36cb4ffe0f.tmp</t>
  </si>
  <si>
    <t>\\acsfs\profiles$\ayalabfi\Downloads\d4709f0a-8d7b-4f65-9a69-4b36cb4ffe0f.tmp</t>
  </si>
  <si>
    <t>12/16/2019 14:29:52</t>
  </si>
  <si>
    <t>12/16/2019 14:31:14</t>
  </si>
  <si>
    <t>ceb65c8d-76fa-47fc-9997-34d68765abb1.tmp</t>
  </si>
  <si>
    <t>\\acsfs\profiles$\gabrielarb\Downloads\ceb65c8d-76fa-47fc-9997-34d68765abb1.tmp</t>
  </si>
  <si>
    <t>12/16/2019 14:28:27</t>
  </si>
  <si>
    <t>9ad82fc2-ef80-43cc-b39a-9cf38ec9292c.tmp</t>
  </si>
  <si>
    <t>\\acsfs\profiles$\layonmof\Downloads\9ad82fc2-ef80-43cc-b39a-9cf38ec9292c.tmp</t>
  </si>
  <si>
    <t>12/16/2019 14:29:04</t>
  </si>
  <si>
    <t>a5cc1bdb-57a5-433a-b488-59aeb7c4fd14.tmp</t>
  </si>
  <si>
    <t>\\acsfs\profiles$\layonmof\Downloads\a5cc1bdb-57a5-433a-b488-59aeb7c4fd14.tmp</t>
  </si>
  <si>
    <t>e8fe7efd-e0a7-4c4a-b7ab-b44df8e744e0.tmp</t>
  </si>
  <si>
    <t>\\acsfs\profiles$\gabrielamdp\Downloads\e8fe7efd-e0a7-4c4a-b7ab-b44df8e744e0.tmp</t>
  </si>
  <si>
    <t>12/16/2019 14:26:02</t>
  </si>
  <si>
    <t>Bloco 16122019.txt</t>
  </si>
  <si>
    <t>\\acsfs\profiles$\brendadsl\My Documents\Blocos\Blocos Dezembro 2019\Bloco 16122019.txt</t>
  </si>
  <si>
    <t>12/16/2019 14:29:22</t>
  </si>
  <si>
    <t>12/16/2019 14:30:33</t>
  </si>
  <si>
    <t>12/16/2019 14:27:51</t>
  </si>
  <si>
    <t>12/16/2019 14:28:10</t>
  </si>
  <si>
    <t>mail.google.com/_/upload?authuser=0&amp;dcp=asu-n&amp;upload_id=AEnB2UrAyomPmtdA7X8DMllGMDCCtJq_RlcG6m0yoSlaGFsPzY2GlHPB9gZ73sLSCERRlyVLd8Uk19lTdi33qG1hT6A51Lqb89S1ERRvEBTPVfgKocPKVzA&amp;upload_protocol=resumable</t>
  </si>
  <si>
    <t>C:\Users\TEMP\LIgação para mutant segundo ciclo\</t>
  </si>
  <si>
    <t>Myllena Ribeiro de Lima_1_6768238292387310826_1_32.wav</t>
  </si>
  <si>
    <t>12/16/2019 14:28:41</t>
  </si>
  <si>
    <t>12/16/2019 14:30:02</t>
  </si>
  <si>
    <t>leticiaat</t>
  </si>
  <si>
    <t>\\acsfs\profiles$\leticiaat\Downloads\</t>
  </si>
  <si>
    <t>4319edbc-2ab0-47a0-8b5c-a13386662a66.tmp</t>
  </si>
  <si>
    <t>\\acsfs\profiles$\leticiaat\Downloads\4319edbc-2ab0-47a0-8b5c-a13386662a66.tmp</t>
  </si>
  <si>
    <t>12/16/2019 14:30:46</t>
  </si>
  <si>
    <t>c2406e34-7b2b-40ff-834a-ea8d555a4a41.tmp</t>
  </si>
  <si>
    <t>\\acsfs\profiles$\leticiaat\Downloads\c2406e34-7b2b-40ff-834a-ea8d555a4a41.tmp</t>
  </si>
  <si>
    <t>12/16/2019 14:27:13</t>
  </si>
  <si>
    <t>12/16/2019 14:32:14</t>
  </si>
  <si>
    <t>sayharaefs</t>
  </si>
  <si>
    <t>\\acsfs\profiles$\sayharaefs\Downloads\</t>
  </si>
  <si>
    <t>1e08e83c-b285-4159-8fc1-6840a543505b.tmp</t>
  </si>
  <si>
    <t>\\acsfs\profiles$\sayharaefs\Downloads\1e08e83c-b285-4159-8fc1-6840a543505b.tmp</t>
  </si>
  <si>
    <t>12/16/2019 14:27:46</t>
  </si>
  <si>
    <t>208bc4fe-9ddb-4fb0-a9a1-0f333714a871.tmp</t>
  </si>
  <si>
    <t>\\acsfs\profiles$\sayharaefs\Downloads\208bc4fe-9ddb-4fb0-a9a1-0f333714a871.tmp</t>
  </si>
  <si>
    <t>12/16/2019 14:30:04</t>
  </si>
  <si>
    <t>c5387142-2fc2-47f2-a44e-44d76149ff49.tmp</t>
  </si>
  <si>
    <t>\\acsfs\profiles$\sayharaefs\Downloads\c5387142-2fc2-47f2-a44e-44d76149ff49.tmp</t>
  </si>
  <si>
    <t>12/16/2019 14:29:32</t>
  </si>
  <si>
    <t>12/16/2019 14:33:14</t>
  </si>
  <si>
    <t>12/16/2019 14:27:48</t>
  </si>
  <si>
    <t>mail.google.com/sync/u/0/i/s?hl=pt-BR&amp;c=723</t>
  </si>
  <si>
    <t>12/16/2019 14:27:56</t>
  </si>
  <si>
    <t>mail.google.com/sync/u/0/i/s?hl=pt-BR&amp;c=726</t>
  </si>
  <si>
    <t>12/16/2019 14:29:56</t>
  </si>
  <si>
    <t>mail.google.com/sync/u/0/i/s?hl=pt-BR&amp;c=730</t>
  </si>
  <si>
    <t>12/16/2019 14:30:01</t>
  </si>
  <si>
    <t>mail.google.com/sync/u/0/i/s?hl=pt-BR&amp;c=732</t>
  </si>
  <si>
    <t>12/16/2019 14:33:09</t>
  </si>
  <si>
    <t>12/16/2019 14:28:52</t>
  </si>
  <si>
    <t>12/16/2019 14:34:14</t>
  </si>
  <si>
    <t>12/16/2019 14:32:52</t>
  </si>
  <si>
    <t>12/16/2019 14:29:51</t>
  </si>
  <si>
    <t>f0754b30-d40f-44d8-b83b-4f404474f22a.tmp</t>
  </si>
  <si>
    <t>\\acsfs\profiles$\ellencds\Downloads\f0754b30-d40f-44d8-b83b-4f404474f22a.tmp</t>
  </si>
  <si>
    <t>12/16/2019 14:34:26</t>
  </si>
  <si>
    <t>12/16/2019 14:35:14</t>
  </si>
  <si>
    <t>C:\Users\vanessasara\OneDrive - Grupo Algar\Programa Algar Inovação\PGP\MOSTRA 2018 - PROJETOS 2017\3 - Relatórios\2019\</t>
  </si>
  <si>
    <t>Pagamento_Abr_TH_2019.xls</t>
  </si>
  <si>
    <t>12/16/2019 14:33:24</t>
  </si>
  <si>
    <t>12/16/2019 14:33:49</t>
  </si>
  <si>
    <t>af0d658d-82ee-498f-ba3c-9ab5ef810a8c.tmp</t>
  </si>
  <si>
    <t>\\acsfs\profiles$\jonatanls\Downloads\af0d658d-82ee-498f-ba3c-9ab5ef810a8c.tmp</t>
  </si>
  <si>
    <t>12/16/2019 14:36:14</t>
  </si>
  <si>
    <t>http:///batch?%24ct=multipart%2Fmixed%3B%20boundary%3D%22%3D%3D%3D%3D%3D6t8rnt5tscau%3D%3D%3D%3D%3D%22&amp;key=AIzaSyAy9VVXHSpS2IJpptzYtGbLP3-3_l0aBk4</t>
  </si>
  <si>
    <t>12/16/2019 14:33:17</t>
  </si>
  <si>
    <t>http:///batch?%24ct=multipart%2Fmixed%3B%20boundary%3D%22%3D%3D%3D%3D%3Dj2rf3bwnarit%3D%3D%3D%3D%3D%22&amp;key=AIzaSyAy9VVXHSpS2IJpptzYtGbLP3-3_l0aBk4</t>
  </si>
  <si>
    <t>http:///batch?%24ct=multipart%2Fmixed%3B%20boundary%3D%22%3D%3D%3D%3D%3Dwnppm2aecsih%3D%3D%3D%3D%3D%22&amp;key=AIzaSyAy9VVXHSpS2IJpptzYtGbLP3-3_l0aBk4</t>
  </si>
  <si>
    <t>ancestorhasaugmentedpermissions;containsunsubscribedchildren;dis;displayname;domain;emailaddress;file(kind;fileid;filesize;hasthumbnail;hasvisitorpermissions;id;id);items(deleted;ken;kind;lastmodifyi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tedpermissions,containsunsubscribedchildren,dis,displayname,domain,emailaddress,file(kind,fileid,filesize,hasthumbnail,hasvisitorpermissions,id,id),items(deleted,ken,kind,lastmodifyi,lastmodifyinguser(kind,lastviewedbymedate,modifiedbymedate,modifieddate,ontainsunsubscribedchildren,owners(kind,per,permissionid,picture,rpermissions,shared,sharedwithmedate,thumbnailversion,title,userpermission(role),workspaceids</t>
  </si>
  <si>
    <t>12/16/2019 14:33:22</t>
  </si>
  <si>
    <t>http:///batch?%24ct=multipart%2Fmixed%3B%20boundary%3D%22%3D%3D%3D%3D%3D9abzolif48ce%3D%3D%3D%3D%3D%22&amp;key=AIzaSyAy9VVXHSpS2IJpptzYtGbLP3-3_l0aBk4</t>
  </si>
  <si>
    <t>http:///batch?%24ct=multipart%2Fmixed%3B%20boundary%3D%22%3D%3D%3D%3D%3D2myymiwgryfu%3D%3D%3D%3D%3D%22&amp;key=AIzaSyAy9VVXHSpS2IJpptzYtGbLP3-3_l0aBk4</t>
  </si>
  <si>
    <t>12/16/2019 14:33:34</t>
  </si>
  <si>
    <t>http:///batch?%24ct=multipart%2Fmixed%3B%20boundary%3D%22%3D%3D%3D%3D%3D416sjf3soo8o%3D%3D%3D%3D%3D%22&amp;key=AIzaSyAy9VVXHSpS2IJpptzYtGbLP3-3_l0aBk4</t>
  </si>
  <si>
    <t>ancestorhasaugmen;containsunsubscribedchildren;displayname;domain;emaila;emailaddress;filesize;id);lastmodifyinguser(kind;lastviewedbymedate;modifiedbymedate;ontainsunsubscribedchildren;owners(kind;permissionid;picture;rpermissions;workspaceids;</t>
  </si>
  <si>
    <t>http://ancestorhasaugmen,containsunsubscribedchildren,displayname,domain,emaila,emailaddress,filesize,id),lastmodifyinguser(kind,lastviewedbymedate,modifiedbymedate,ontainsunsubscribedchildren,owners(kind,permissionid,picture,rpermissions,workspaceids</t>
  </si>
  <si>
    <t>12/16/2019 14:33:39</t>
  </si>
  <si>
    <t>http:///batch?%24ct=multipart%2Fmixed%3B%20boundary%3D%22%3D%3D%3D%3D%3D5f514p6gxobd%3D%3D%3D%3D%3D%22&amp;key=AIzaSyAy9VVXHSpS2IJpptzYtGbLP3-3_l0aBk4</t>
  </si>
  <si>
    <t>12/16/2019 14:33:40</t>
  </si>
  <si>
    <t>http:///batch?%24ct=multipart%2Fmixed%3B%20boundary%3D%22%3D%3D%3D%3D%3Du2yv9clgipte%3D%3D%3D%3D%3D%22&amp;key=AIzaSyAy9VVXHSpS2IJpptzYtGbLP3-3_l0aBk4</t>
  </si>
  <si>
    <t>12/16/2019 14:33:41</t>
  </si>
  <si>
    <t>http:///batch?%24ct=multipart%2Fmixed%3B%20boundary%3D%22%3D%3D%3D%3D%3Dr5enxactbs6q%3D%3D%3D%3D%3D%22&amp;key=AIzaSyAy9VVXHSpS2IJpptzYtGbLP3-3_l0aBk4</t>
  </si>
  <si>
    <t>12/16/2019 14:33:48</t>
  </si>
  <si>
    <t>http:///batch?%24ct=multipart%2Fmixed%3B%20boundary%3D%22%3D%3D%3D%3D%3Dniw0fdqdx33q%3D%3D%3D%3D%3D%22&amp;key=AIzaSyAy9VVXHSpS2IJpptzYtGbLP3-3_l0aBk4</t>
  </si>
  <si>
    <t>http:///batch?%24ct=multipart%2Fmixed%3B%20boundary%3D%22%3D%3D%3D%3D%3D3s074jjzb34g%3D%3D%3D%3D%3D%22&amp;key=AIzaSyAy9VVXHSpS2IJpptzYtGbLP3-3_l0aBk4</t>
  </si>
  <si>
    <t>12/16/2019 14:33:50</t>
  </si>
  <si>
    <t>http:///batch?%24ct=multipart%2Fmixed%3B%20boundary%3D%22%3D%3D%3D%3D%3D8temqzsfjmk5%3D%3D%3D%3D%3D%22&amp;key=AIzaSyAy9VVXHSpS2IJpptzYtGbLP3-3_l0aBk4</t>
  </si>
  <si>
    <t>12/16/2019 14:34:03</t>
  </si>
  <si>
    <t>http:///batch?%24ct=multipart%2Fmixed%3B%20boundary%3D%22%3D%3D%3D%3D%3D54vs21jwl8hf%3D%3D%3D%3D%3D%22&amp;key=AIzaSyAy9VVXHSpS2IJpptzYtGbLP3-3_l0aBk4</t>
  </si>
  <si>
    <t>5llkvnxnizs5wymkfiounc 8y0/xjhrrd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5llkvnxnizs5wymkfiounc 8y0/xjhrrd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6/2019 14:34:04</t>
  </si>
  <si>
    <t>http:///batch?%24ct=multipart%2Fmixed%3B%20boundary%3D%22%3D%3D%3D%3D%3Dyaw1tusv6179%3D%3D%3D%3D%3D%22&amp;key=AIzaSyAy9VVXHSpS2IJpptzYtGbLP3-3_l0aBk4</t>
  </si>
  <si>
    <t>12/16/2019 14:34:05</t>
  </si>
  <si>
    <t>http:///batch?%24ct=multipart%2Fmixed%3B%20boundary%3D%22%3D%3D%3D%3D%3Dixikbomkkel%3D%3D%3D%3D%3D%22&amp;key=AIzaSyAy9VVXHSpS2IJpptzYtGbLP3-3_l0aBk4</t>
  </si>
  <si>
    <t>12/16/2019 14:34:09</t>
  </si>
  <si>
    <t>0;0.241;0.241];0.668;0];12.854];136.723;15.344;15.344];17.560000000230502;18.2449999997516;18.669999999929132;19.26000000003114;20.36999999972977;21.464;21.464];21.864999999706924;23.915000000215514;27.149999999892316;3;33.212;33.212];4;4.842;50.87000000003172;529.8349999998209;530.2050000000236;572.3149999998896;573.804999999993;574.1649999999936;574.3299999999181;574.3849999998929;6.009];63.00999999984924;65.77500000003056;700";709.5449999997072;713.8649999997142;714.509999999791;715.3749999997672;717.6349999999729;748.7999999998465;886.073];:400;["https:�;css;first-contentful-paint;first-paint;glr_bffy_k_rbaeeyf18qkg.cmid/s32-c/photo.jpg";https://apis.google.com/js/api.js;https://drive.google.com/_/drive_fe/_/ss/k=drive_fe.main.-13zk2a6g6udmq.l.w.o/am=bdjcyqij7c_jhwdg/d=0/ct=zgms/rs=afb8gsxkevkqqego253hcz0aw1gj1pkxra;https://fonts.gstatic.com/s/googlesans/v14/4uagrenhsxjlgdugo1oill3owp4.woff2;https://fonts.gstatic.com/s/productsans/v10/pxidypqkot1tnfhsfmofgshvf9eo.woff2;https://fonts.gstatic.com/s/roboto/v</t>
  </si>
  <si>
    <t>http://0,0.241,0.241],0.668,0],12.854],136.723,15.344,15.344],17.560000000230502,18.2449999997516,18.669999999929132,19.26000000003114,20.36999999972977,21.464,21.464],21.864999999706924,23.915000000215514,27.149999999892316,3,33.212,33.212],4,4.842,50.87000000003172,529.8349999998209,530.2050000000236,572.3149999998896,573.804999999993,574.1649999999936,574.3299999999181,574.3849999998929,6.009],63.00999999984924,65.77500000003056,700",709.5449999997072,713.8649999997142,714.509999999791,715.3749999997672,717.6349999999729,748.7999999998465,886.073],:400,["https:�,css,first-contentful-paint,first-paint,glr_bffy_k_rbaeeyf18qkg.cmid/s32-c/photo.jpg",https://apis.google.com/js/api.js,https://drive.google.com/_/drive_fe/_/ss/k=drive_fe.main.-13zk2a6g6udmq.l.w.o/am=bdjcyqij7c_jhwdg/d=0/ct=zgms/rs=afb8gsxkevkqqego253hcz0aw1gj1pkxra,https://fonts.gstatic.com/s/googlesans/v14/4uagrenhsxjlgdugo1oill3owp4.woff2,https://fonts.gstatic.com/s/productsans/v10/pxidypqkot1tnfhsfmofgshvf9eo.woff2,https://fonts.gstatic.com/s/r</t>
  </si>
  <si>
    <t>0;0.241;0.241];0.668;0];1096.7899999996007;12.854];1213.4949999999662;13.59;136.723;15.344;15.344];15.552;15.552];1597.596];160.46499999993102;17.560000000230502;18.2449999997516;18.669999999929132;19.26000000003114;20.36999999972977;21.464;21.464];21.7;21.7];21.864999999706924;23.915000000215514;269.905000000108;27.149999999892316;27.735000000120635;3;3.5950000001321314;3.7550000001829176;308.88499999991836;33.212;33.212];38.19];38.86999999986074;4;4.842;41.68499999968844;5;50.87000000003172;510.681;529.8349999998209;530.2050000000236;572.3149999998896;573.804999999993;574.1649999999936;574.3299999999181;574.3849999998929;6.009];63.00999999984924;65.77500000003056;68.0899999997564;694.2449999996825;700";709.5449999997072;713.8649999997142;714.509999999791;715.3749999997672;717.6349999999729;744.7699999997894;748.7999999998465;750.6349999998747;751.3500000000022;766.5799999999763;881.0650000000351;886.073];895.1199999996788;947.1599999997125;99.96000000001004;:400;["https://drive.google.com/_/drive_fe/_/js/k=</t>
  </si>
  <si>
    <t>http://0,0.241,0.241],0.668,0],1096.7899999996007,12.854],1213.4949999999662,13.59,136.723,15.344,15.344],15.552,15.552],1597.596],160.46499999993102,17.560000000230502,18.2449999997516,18.669999999929132,19.26000000003114,20.36999999972977,21.464,21.464],21.7,21.7],21.864999999706924,23.915000000215514,269.905000000108,27.149999999892316,27.735000000120635,3,3.5950000001321314,3.7550000001829176,308.88499999991836,33.212,33.212],38.19],38.86999999986074,4,4.842,41.68499999968844,5,50.87000000003172,510.681,529.8349999998209,530.2050000000236,572.3149999998896,573.804999999993,574.1649999999936,574.3299999999181,574.3849999998929,6.009],63.00999999984924,65.77500000003056,68.0899999997564,694.2449999996825,700",709.5449999997072,713.8649999997142,714.509999999791,715.3749999997672,717.6349999999729,744.7699999997894,748.7999999998465,750.6349999998747,751.3500000000022,766.5799999999763,881.0650000000351,886.073],895.1199999996788,947.1599999997125,99.96000000001004,:400,["https://drive.google.com/_/drive_fe/</t>
  </si>
  <si>
    <t>12/16/2019 14:34:10</t>
  </si>
  <si>
    <t>0;0.241;0.241];0.668;0];1096.7899999996007;1108.1249999997453;1110.8349999999518;12.854];1206.6649999997026;1213.4949999999662;127.268;13.59;1300.8099999997285;136.723;15.344;15.344];15.552;15.552];1597.596];160.46499999993102;17.560000000230502;18.2449999997516;18.669999999929132;19.26000000003114;20.36999999972977;21.464;21.464];21.7;21.7];21.864999999706924;23.915000000215514;234.1999999998734;236.78000000018073;269.905000000108;27.149999999892316;27.735000000120635;3;3.5950000001321314;3.7550000001829176;308.88499999991836;33.212;33.212];38.19];38.86999999986074;4;4.842;41.68499999968844;449.344];5;50.87000000003172;510.681;52.23999999998341;529.8349999998209;530.2050000000236;572.3149999998896;573.804999999993;574.1649999999936;574.3299999999181;574.3849999998929;6.009];63.00999999984924;65.77500000003056;68.0899999997564;694.2449999996825;700";709.5449999997072;713.8649999997142;714.509999999791;715.3749999997672;717.6349999999729;744.7699999997894;748.7999999998465;750.6349999998747;751.3500000000022;7</t>
  </si>
  <si>
    <t>http://0,0.241,0.241],0.668,0],1096.7899999996007,1108.1249999997453,1110.8349999999518,12.854],1206.6649999997026,1213.4949999999662,127.268,13.59,1300.8099999997285,136.723,15.344,15.344],15.552,15.552],1597.596],160.46499999993102,17.560000000230502,18.2449999997516,18.669999999929132,19.26000000003114,20.36999999972977,21.464,21.464],21.7,21.7],21.864999999706924,23.915000000215514,234.1999999998734,236.78000000018073,269.905000000108,27.149999999892316,27.735000000120635,3,3.5950000001321314,3.7550000001829176,308.88499999991836,33.212,33.212],38.19],38.86999999986074,4,4.842,41.68499999968844,449.344],5,50.87000000003172,510.681,52.23999999998341,529.8349999998209,530.2050000000236,572.3149999998896,573.804999999993,574.1649999999936,574.3299999999181,574.3849999998929,6.009],63.00999999984924,65.77500000003056,68.0899999997564,694.2449999996825,700",709.5449999997072,713.8649999997142,714.509999999791,715.3749999997672,717.6349999999729,744.7699999997894,748.7999999998465,750.6349999998747,751.35000000</t>
  </si>
  <si>
    <t>0;0.241;0.241];0.668;0];1.55;1096.7899999996007;1108.1249999997453;1110.8349999999518;1113.2699999998295;1180.5349999999635;12.854];1206.6649999997026;1213.4949999999662;127.268;1280.1699999999983;13.59;1300.8099999997285;1340.7600000000457;136.723;15.344;15.344];15.552;15.552];155.69000000004962;1597.596];160.46499999993102;17.560000000230502;18.2449999997516;18.669999999929132;19.26000000003114;20.36999999972977;21.464;21.464];21.7;21.7];21.864999999706924;23.915000000215514;231.4649999998437;234.1999999998734;236.78000000018073;269.905000000108;27.149999999892316;27.735000000120635;3;3.5950000001321314;3.7550000001829176;308.88499999991836;33.212;33.212];36.04499999983091;38.19];38.86999999986074;4;4.842;41.68499999968844;449.344];5;50.87000000003172;510.681;52.23999999998341;529.8349999998209;530.2050000000236;572.3149999998896;573.804999999993;574.1649999999936;574.3299999999181;574.3849999998929;6.009];63.00999999984924;65.77500000003056;68.0899999997564;694.2449999996825;7.884999999987485;700";709.5449</t>
  </si>
  <si>
    <t>http://0,0.241,0.241],0.668,0],1.55,1096.7899999996007,1108.1249999997453,1110.8349999999518,1113.2699999998295,1180.5349999999635,12.854],1206.6649999997026,1213.4949999999662,127.268,1280.1699999999983,13.59,1300.8099999997285,1340.7600000000457,136.723,15.344,15.344],15.552,15.552],155.69000000004962,1597.596],160.46499999993102,17.560000000230502,18.2449999997516,18.669999999929132,19.26000000003114,20.36999999972977,21.464,21.464],21.7,21.7],21.864999999706924,23.915000000215514,231.4649999998437,234.1999999998734,236.78000000018073,269.905000000108,27.149999999892316,27.735000000120635,3,3.5950000001321314,3.7550000001829176,308.88499999991836,33.212,33.212],36.04499999983091,38.19],38.86999999986074,4,4.842,41.68499999968844,449.344],5,50.87000000003172,510.681,52.23999999998341,529.8349999998209,530.2050000000236,572.3149999998896,573.804999999993,574.1649999999936,574.3299999999181,574.3849999998929,6.009],63.00999999984924,65.77500000003056,68.0899999997564,694.2449999996825,7.884999999987485,700",7</t>
  </si>
  <si>
    <t>12/16/2019 14:35:25</t>
  </si>
  <si>
    <t>09f9c62d-f9a9-4050-afdb-2c5dc1736386.tmp</t>
  </si>
  <si>
    <t>\\acsfs\profiles$\gabrielamdp\Downloads\09f9c62d-f9a9-4050-afdb-2c5dc1736386.tmp</t>
  </si>
  <si>
    <t>12/16/2019 14:30:47</t>
  </si>
  <si>
    <t>12/16/2019 14:32:24</t>
  </si>
  <si>
    <t>12/16/2019 14:31:28</t>
  </si>
  <si>
    <t>b14f5ce4-f6f3-4f6a-bf94-71ef95205ff7.tmp</t>
  </si>
  <si>
    <t>\\acsfs\profiles$\leticiaat\Downloads\b14f5ce4-f6f3-4f6a-bf94-71ef95205ff7.tmp</t>
  </si>
  <si>
    <t>12/16/2019 14:31:36</t>
  </si>
  <si>
    <t>2d0473b1-8d1c-4968-812e-72ac821000ba.tmp</t>
  </si>
  <si>
    <t>\\acsfs\profiles$\leticiaat\Downloads\2d0473b1-8d1c-4968-812e-72ac821000ba.tmp</t>
  </si>
  <si>
    <t>12/16/2019 14:35:48</t>
  </si>
  <si>
    <t>12/16/2019 14:37:14</t>
  </si>
  <si>
    <t>12/16/2019 14:35:18</t>
  </si>
  <si>
    <t>12/16/2019 14:38:13</t>
  </si>
  <si>
    <t>12/16/2019 14:25:07</t>
  </si>
  <si>
    <t>10.200.67.141</t>
  </si>
  <si>
    <t>\\acsfs\profiles$\sarahbal\Contacts\</t>
  </si>
  <si>
    <t>SARAH BEATRIZ ALVES LIMA (36).contact</t>
  </si>
  <si>
    <t>\\acsfs\profiles$\sarahbal\Contacts\SARAH BEATRIZ ALVES LIMA (36).contact</t>
  </si>
  <si>
    <t>12/16/2019 14:25:08</t>
  </si>
  <si>
    <t>12/16/2019 14:25:21</t>
  </si>
  <si>
    <t>\\acsfs\profiles$\sarahbal\My Documents\My Videos\</t>
  </si>
  <si>
    <t>\\acsfs\profiles$\sarahbal\My Documents\My Videos\desktop.ini</t>
  </si>
  <si>
    <t>\\acsfs\profiles$\sarahbal\My Documents\My Pictures\</t>
  </si>
  <si>
    <t>\\acsfs\profiles$\sarahbal\My Documents\My Pictures\desktop.ini</t>
  </si>
  <si>
    <t>12/16/2019 14:25:22</t>
  </si>
  <si>
    <t>\\acsfs\profiles$\sarahbal\Contacts\desktop.ini</t>
  </si>
  <si>
    <t>12/16/2019 14:25:23</t>
  </si>
  <si>
    <t>\\acsfs\profiles$\sarahbal\Favorites\</t>
  </si>
  <si>
    <t>\\acsfs\profiles$\sarahbal\Favorites\desktop.ini</t>
  </si>
  <si>
    <t>12/16/2019 14:25:24</t>
  </si>
  <si>
    <t>\\acsfs\profiles$\sarahbal\My Documents\My Music\</t>
  </si>
  <si>
    <t>\\acsfs\profiles$\sarahbal\My Documents\My Music\desktop.ini</t>
  </si>
  <si>
    <t>12/16/2019 14:25:25</t>
  </si>
  <si>
    <t>\\acsfs\profiles$\sarahbal\Searches\</t>
  </si>
  <si>
    <t>\\acsfs\profiles$\sarahbal\Searches\desktop.ini</t>
  </si>
  <si>
    <t>\\acsfs\profiles$\sarahbal\Downloads\desktop.ini</t>
  </si>
  <si>
    <t>12/16/2019 14:25:26</t>
  </si>
  <si>
    <t>\\acsfs\profiles$\sarahbal\My Documents\desktop.ini</t>
  </si>
  <si>
    <t>12/16/2019 14:25:27</t>
  </si>
  <si>
    <t>\\acsfs\profiles$\sarahbal\Saved Games\</t>
  </si>
  <si>
    <t>\\acsfs\profiles$\sarahbal\Saved Games\desktop.ini</t>
  </si>
  <si>
    <t>12/16/2019 14:25:39</t>
  </si>
  <si>
    <t>\\acsfs\profiles$\sarahbal\Favorites\Links for Brasil\</t>
  </si>
  <si>
    <t>\\acsfs\profiles$\sarahbal\Favorites\Links for Brasil\desktop.ini</t>
  </si>
  <si>
    <t>12/16/2019 14:25:40</t>
  </si>
  <si>
    <t>\\acsfs\profiles$\sarahbal\Favorites\Links for Brasil\Microsoft Brasil.url</t>
  </si>
  <si>
    <t>\\acsfs\profiles$\sarahbal\Favorites\Links for Brasil\Windows Brasil.url</t>
  </si>
  <si>
    <t>\\acsfs\profiles$\sarahbal\Favorites\Links for Brasil\MSN Brasil.url</t>
  </si>
  <si>
    <t>12/16/2019 14:34:38</t>
  </si>
  <si>
    <t>12/16/2019 14:33:10</t>
  </si>
  <si>
    <t>12/16/2019 14:33:11</t>
  </si>
  <si>
    <t>12/16/2019 14:33:12</t>
  </si>
  <si>
    <t>12/16/2019 14:33:13</t>
  </si>
  <si>
    <t>12/16/2019 14:33:15</t>
  </si>
  <si>
    <t>12/16/2019 14:33:16</t>
  </si>
  <si>
    <t>12/16/2019 14:39:14</t>
  </si>
  <si>
    <t>12/16/2019 14:33:18</t>
  </si>
  <si>
    <t>12/16/2019 14:33:19</t>
  </si>
  <si>
    <t>12/16/2019 14:33:20</t>
  </si>
  <si>
    <t>12/16/2019 14:33:21</t>
  </si>
  <si>
    <t>12/16/2019 14:33:23</t>
  </si>
  <si>
    <t>12/16/2019 14:33:25</t>
  </si>
  <si>
    <t>12/16/2019 14:37:21</t>
  </si>
  <si>
    <t>e1ccf70d-7a8c-406c-9293-2c927a445f8e.tmp</t>
  </si>
  <si>
    <t>\\acsfs\profiles$\yurics\Downloads\e1ccf70d-7a8c-406c-9293-2c927a445f8e.tmp</t>
  </si>
  <si>
    <t>12/16/2019 14:33:52</t>
  </si>
  <si>
    <t>12/16/2019 14:36:56</t>
  </si>
  <si>
    <t>12/16/2019 14:40:14</t>
  </si>
  <si>
    <t>Pagamento_Out_TH_2019.xls</t>
  </si>
  <si>
    <t>12/16/2019 14:37:40</t>
  </si>
  <si>
    <t>25099599-e632-424b-9a1b-640379ed0d99.tmp</t>
  </si>
  <si>
    <t>\\acsfs\profiles$\paulovadc\Downloads\25099599-e632-424b-9a1b-640379ed0d99.tmp</t>
  </si>
  <si>
    <t>12/16/2019 14:36:11</t>
  </si>
  <si>
    <t>12/16/2019 14:41:14</t>
  </si>
  <si>
    <t>12/16/2019 14:37:07</t>
  </si>
  <si>
    <t>http:///batch?%24ct=multipart%2Fmixed%3B%20boundary%3D%22%3D%3D%3D%3D%3Dt3an1y61ycaw%3D%3D%3D%3D%3D%22&amp;key=AIzaSyAy9VVXHSpS2IJpptzYtGbLP3-3_l0aBk4</t>
  </si>
  <si>
    <t>12/16/2019 14:37:08</t>
  </si>
  <si>
    <t>http:///batch?%24ct=multipart%2Fmixed%3B%20boundary%3D%22%3D%3D%3D%3D%3D9n0ucgqeq5zb%3D%3D%3D%3D%3D%22&amp;key=AIzaSyAy9VVXHSpS2IJpptzYtGbLP3-3_l0aBk4</t>
  </si>
  <si>
    <t>12/16/2019 14:37:09</t>
  </si>
  <si>
    <t>http:///batch?%24ct=multipart%2Fmixed%3B%20boundary%3D%22%3D%3D%3D%3D%3Dr29i5jrjz5ir%3D%3D%3D%3D%3D%22&amp;key=AIzaSyAy9VVXHSpS2IJpptzYtGbLP3-3_l0aBk4</t>
  </si>
  <si>
    <t>12/16/2019 14:37:46</t>
  </si>
  <si>
    <t>http:///batch?%24ct=multipart%2Fmixed%3B%20boundary%3D%22%3D%3D%3D%3D%3Dda0njuweelps%3D%3D%3D%3D%3D%22&amp;key=AIzaSyAy9VVXHSpS2IJpptzYtGbLP3-3_l0aBk4</t>
  </si>
  <si>
    <t>12/16/2019 14:37:47</t>
  </si>
  <si>
    <t>12/16/2019 14:37:48</t>
  </si>
  <si>
    <t>http:///batch?%24ct=multipart%2Fmixed%3B%20boundary%3D%22%3D%3D%3D%3D%3Dj9rbqbjptokf%3D%3D%3D%3D%3D%22&amp;key=AIzaSyAy9VVXHSpS2IJpptzYtGbLP3-3_l0aBk4</t>
  </si>
  <si>
    <t>ancestorhasaugmentedpermissions;containsunsubscribedchildren;displayname;domain;emailaddress;file(kind;fileid;filesize;hasthumbnail;hasvisitorpermissions;id;id);items(deleted;ken;kf===== content-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f===== content-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tkz2dqt5kt8b%3D%3D%3D%3D%3D%22&amp;key=AIzaSyAy9VVXHSpS2IJpptzYtGbLP3-3_l0aBk4</t>
  </si>
  <si>
    <t>12/16/2019 14:39:49</t>
  </si>
  <si>
    <t>http:///batch?%24ct=multipart%2Fmixed%3B%20boundary%3D%22%3D%3D%3D%3D%3D26uneyabw9qr%3D%3D%3D%3D%3D%22&amp;key=AIzaSyAy9VVXHSpS2IJpptzYtGbLP3-3_l0aBk4</t>
  </si>
  <si>
    <t>12/16/2019 14:39:50</t>
  </si>
  <si>
    <t>http:///batch?%24ct=multipart%2Fmixed%3B%20boundary%3D%22%3D%3D%3D%3D%3D2sllji6wfo1s%3D%3D%3D%3D%3D%22&amp;key=AIzaSyAy9VVXHSpS2IJpptzYtGbLP3-3_l0aBk4</t>
  </si>
  <si>
    <t>12/16/2019 14:39:51</t>
  </si>
  <si>
    <t>http:///batch?%24ct=multipart%2Fmixed%3B%20boundary%3D%22%3D%3D%3D%3D%3D1fwfg0q03gwx%3D%3D%3D%3D%3D%22&amp;key=AIzaSyAy9VVXHSpS2IJpptzYtGbLP3-3_l0aBk4</t>
  </si>
  <si>
    <t>12/16/2019 14:40:26</t>
  </si>
  <si>
    <t>0dbb1f8c-a666-483c-9fd0-90ca30caba47.tmp</t>
  </si>
  <si>
    <t>\\acsfs\profiles$\adrielyas\Downloads\0dbb1f8c-a666-483c-9fd0-90ca30caba47.tmp</t>
  </si>
  <si>
    <t>12/16/2019 14:36:55</t>
  </si>
  <si>
    <t>12/16/2019 14:37:04</t>
  </si>
  <si>
    <t>12/16/2019 14:37:33</t>
  </si>
  <si>
    <t>12/16/2019 14:38:12</t>
  </si>
  <si>
    <t>12/16/2019 14:39:54</t>
  </si>
  <si>
    <t>12/16/2019 14:39:01</t>
  </si>
  <si>
    <t>12/16/2019 14:42:14</t>
  </si>
  <si>
    <t>eee45c8d-29ec-4413-bec3-6e47a739b3b6.tmp</t>
  </si>
  <si>
    <t>\\acsfs\profiles$\erichds\Downloads\eee45c8d-29ec-4413-bec3-6e47a739b3b6.tmp</t>
  </si>
  <si>
    <t>12/16/2019 14:40:23</t>
  </si>
  <si>
    <t>239f4c95-055a-4b38-aabe-06030cbcb7d0.tmp</t>
  </si>
  <si>
    <t>\\acsfs\profiles$\erichds\Downloads\239f4c95-055a-4b38-aabe-06030cbcb7d0.tmp</t>
  </si>
  <si>
    <t>12/16/2019 14:40:34</t>
  </si>
  <si>
    <t>4f737201-ac0d-4aa1-abba-ed639a51c512.tmp</t>
  </si>
  <si>
    <t>\\acsfs\profiles$\erichds\Downloads\4f737201-ac0d-4aa1-abba-ed639a51c512.tmp</t>
  </si>
  <si>
    <t>12/16/2019 14:41:34</t>
  </si>
  <si>
    <t>12/16/2019 14:38:02</t>
  </si>
  <si>
    <t>d93f6c97-b871-4699-be1f-7cda582e2cd4.tmp</t>
  </si>
  <si>
    <t>\\acsfs\profiles$\henriqueco\Downloads\d93f6c97-b871-4699-be1f-7cda582e2cd4.tmp</t>
  </si>
  <si>
    <t>12/16/2019 14:39:27</t>
  </si>
  <si>
    <t>be536b62-5095-417f-becc-bad9faa80762.tmp</t>
  </si>
  <si>
    <t>\\acsfs\profiles$\henriqueco\Downloads\be536b62-5095-417f-becc-bad9faa80762.tmp</t>
  </si>
  <si>
    <t>12/16/2019 14:40:47</t>
  </si>
  <si>
    <t>3cb68178-e6bc-45fc-89be-a5b92ad9a5d5.tmp</t>
  </si>
  <si>
    <t>\\acsfs\profiles$\henriqueco\Downloads\3cb68178-e6bc-45fc-89be-a5b92ad9a5d5.tmp</t>
  </si>
  <si>
    <t>12/16/2019 14:41:08</t>
  </si>
  <si>
    <t>12/16/2019 14:43:14</t>
  </si>
  <si>
    <t>10.200.66.3</t>
  </si>
  <si>
    <t>74-86-7A-FB-1B-4A</t>
  </si>
  <si>
    <t>VOTORANT-SB009</t>
  </si>
  <si>
    <t>9b691d59-2552-4d03-8c7d-6e91545325e3.tmp</t>
  </si>
  <si>
    <t>\\acsfs\profiles$\layonmof\Downloads\9b691d59-2552-4d03-8c7d-6e91545325e3.tmp</t>
  </si>
  <si>
    <t>12/16/2019 14:42:46</t>
  </si>
  <si>
    <t>6a59f575-9b05-418f-901d-70dbf790a250.tmp</t>
  </si>
  <si>
    <t>\\acsfs\profiles$\layonmof\Downloads\6a59f575-9b05-418f-901d-70dbf790a250.tmp</t>
  </si>
  <si>
    <t>12/16/2019 14:42:58</t>
  </si>
  <si>
    <t>8e7ca0c8-05f7-4cd8-9ea8-a3b45b233126.tmp</t>
  </si>
  <si>
    <t>\\acsfs\profiles$\layonmof\Downloads\8e7ca0c8-05f7-4cd8-9ea8-a3b45b233126.tmp</t>
  </si>
  <si>
    <t>12/16/2019 14:39:23</t>
  </si>
  <si>
    <t>12/16/2019 14:44:13</t>
  </si>
  <si>
    <t>12/16/2019 14:38:52</t>
  </si>
  <si>
    <t>12/16/2019 14:39:52</t>
  </si>
  <si>
    <t>12/16/2019 14:43:45</t>
  </si>
  <si>
    <t>https://udpwfmniceap02/web/guest/home?p_auth=7ttluzpk&amp;p_p_id=58&amp;p_p_lifecycle=1&amp;p_p_state=maximized&amp;p_p_mode=view&amp;savelastpath=0&amp;_58_struts_action=/login/forgot_password</t>
  </si>
  <si>
    <t>12/16/2019 14:41:03</t>
  </si>
  <si>
    <t>12/16/2019 14:45:14</t>
  </si>
  <si>
    <t>12/16/2019 14:41:46</t>
  </si>
  <si>
    <t>bf1a7ca8-5d0e-4d8e-b8c5-70d5e79c6ca1.tmp</t>
  </si>
  <si>
    <t>\\acsfs\profiles$\jonatanls\Downloads\bf1a7ca8-5d0e-4d8e-b8c5-70d5e79c6ca1.tmp</t>
  </si>
  <si>
    <t>12/16/2019 14:42:42</t>
  </si>
  <si>
    <t>12/16/2019 14:41:02</t>
  </si>
  <si>
    <t>12/16/2019 14:46:14</t>
  </si>
  <si>
    <t>http:///batch?%24ct=multipart%2Fmixed%3B%20boundary%3D%22%3D%3D%3D%3D%3Dj262z7v7ndyz%3D%3D%3D%3D%3D%22&amp;key=AIzaSyAy9VVXHSpS2IJpptzYtGbLP3-3_l0aBk4</t>
  </si>
  <si>
    <t>http:///batch?%24ct=multipart%2Fmixed%3B%20boundary%3D%22%3D%3D%3D%3D%3Dktcusg3mnwxh%3D%3D%3D%3D%3D%22&amp;key=AIzaSyAy9VVXHSpS2IJpptzYtGbLP3-3_l0aBk4</t>
  </si>
  <si>
    <t>12/16/2019 14:41:04</t>
  </si>
  <si>
    <t>http:///batch?%24ct=multipart%2Fmixed%3B%20boundary%3D%22%3D%3D%3D%3D%3Dieezh3kc1hjw%3D%3D%3D%3D%3D%22&amp;key=AIzaSyAy9VVXHSpS2IJpptzYtGbLP3-3_l0aBk4</t>
  </si>
  <si>
    <t>12/16/2019 14:42:31</t>
  </si>
  <si>
    <t>7ab3ebff-9822-409c-a1ce-72dd0ab90254.tmp</t>
  </si>
  <si>
    <t>\\acsfs\profiles$\gabrielamdp\Downloads\7ab3ebff-9822-409c-a1ce-72dd0ab90254.tmp</t>
  </si>
  <si>
    <t>12/16/2019 14:42:41</t>
  </si>
  <si>
    <t>3e6ad0ad-1e3b-48c5-9add-8c3b9bc3ef09.tmp</t>
  </si>
  <si>
    <t>\\acsfs\profiles$\gabrielamdp\Downloads\3e6ad0ad-1e3b-48c5-9add-8c3b9bc3ef09.tmp</t>
  </si>
  <si>
    <t>12/16/2019 14:42:45</t>
  </si>
  <si>
    <t>db650088-bf05-4aa9-84a3-327c1b9d91fc.tmp</t>
  </si>
  <si>
    <t>\\acsfs\profiles$\gabrielamdp\Downloads\db650088-bf05-4aa9-84a3-327c1b9d91fc.tmp</t>
  </si>
  <si>
    <t>12/16/2019 14:42:49</t>
  </si>
  <si>
    <t>3bafe635-2d18-49db-9b87-19576da10485.tmp</t>
  </si>
  <si>
    <t>\\acsfs\profiles$\gabrielamdp\Downloads\3bafe635-2d18-49db-9b87-19576da10485.tmp</t>
  </si>
  <si>
    <t>12/16/2019 14:42:53</t>
  </si>
  <si>
    <t>0b414718-5ab7-44c7-9ef1-61a949ade1a4.tmp</t>
  </si>
  <si>
    <t>\\acsfs\profiles$\gabrielamdp\Downloads\0b414718-5ab7-44c7-9ef1-61a949ade1a4.tmp</t>
  </si>
  <si>
    <t>12/16/2019 14:42:57</t>
  </si>
  <si>
    <t>e7171e42-3ae5-481f-b933-bdd8749a28ec.tmp</t>
  </si>
  <si>
    <t>\\acsfs\profiles$\gabrielamdp\Downloads\e7171e42-3ae5-481f-b933-bdd8749a28ec.tmp</t>
  </si>
  <si>
    <t>12/16/2019 14:43:01</t>
  </si>
  <si>
    <t>b1e693f3-d316-44b8-802d-a6d8892c7ecb.tmp</t>
  </si>
  <si>
    <t>\\acsfs\profiles$\gabrielamdp\Downloads\b1e693f3-d316-44b8-802d-a6d8892c7ecb.tmp</t>
  </si>
  <si>
    <t>12/16/2019 14:43:05</t>
  </si>
  <si>
    <t>58eab02c-a819-48d8-88ec-aa8a1fcde07d.tmp</t>
  </si>
  <si>
    <t>\\acsfs\profiles$\gabrielamdp\Downloads\58eab02c-a819-48d8-88ec-aa8a1fcde07d.tmp</t>
  </si>
  <si>
    <t>12/16/2019 14:43:10</t>
  </si>
  <si>
    <t>5537af31-948e-437b-a6e7-b109d6808fc1.tmp</t>
  </si>
  <si>
    <t>\\acsfs\profiles$\gabrielamdp\Downloads\5537af31-948e-437b-a6e7-b109d6808fc1.tmp</t>
  </si>
  <si>
    <t>ac287b9a-cfe2-4d6f-baee-27d86f897a76.tmp</t>
  </si>
  <si>
    <t>\\acsfs\profiles$\gabrielamdp\Downloads\ac287b9a-cfe2-4d6f-baee-27d86f897a76.tmp</t>
  </si>
  <si>
    <t>12/16/2019 14:43:19</t>
  </si>
  <si>
    <t>d0bfb2b6-5e75-4530-83e2-d06d92cb42da.tmp</t>
  </si>
  <si>
    <t>\\acsfs\profiles$\gabrielamdp\Downloads\d0bfb2b6-5e75-4530-83e2-d06d92cb42da.tmp</t>
  </si>
  <si>
    <t>12/16/2019 14:43:32</t>
  </si>
  <si>
    <t>e3d01040-1a9f-4e26-9c80-2806ccb1d03e.tmp</t>
  </si>
  <si>
    <t>\\acsfs\profiles$\gabrielamdp\Downloads\e3d01040-1a9f-4e26-9c80-2806ccb1d03e.tmp</t>
  </si>
  <si>
    <t>12/16/2019 14:43:37</t>
  </si>
  <si>
    <t>3af2eee7-e882-4244-83ce-295281852c21.tmp</t>
  </si>
  <si>
    <t>\\acsfs\profiles$\gabrielamdp\Downloads\3af2eee7-e882-4244-83ce-295281852c21.tmp</t>
  </si>
  <si>
    <t>12/16/2019 14:43:41</t>
  </si>
  <si>
    <t>d1f80247-fe9c-49e3-b82d-10d979cb7aa5.tmp</t>
  </si>
  <si>
    <t>\\acsfs\profiles$\gabrielamdp\Downloads\d1f80247-fe9c-49e3-b82d-10d979cb7aa5.tmp</t>
  </si>
  <si>
    <t>12/16/2019 14:43:44</t>
  </si>
  <si>
    <t>3a83d35f-18cf-47f6-ba8a-58b576651ef2.tmp</t>
  </si>
  <si>
    <t>\\acsfs\profiles$\gabrielamdp\Downloads\3a83d35f-18cf-47f6-ba8a-58b576651ef2.tmp</t>
  </si>
  <si>
    <t>12/16/2019 14:44:27</t>
  </si>
  <si>
    <t>87dcea3c-6794-4abd-ba13-40216b73aeb8.tmp</t>
  </si>
  <si>
    <t>\\acsfs\profiles$\gabrielamdp\Downloads\87dcea3c-6794-4abd-ba13-40216b73aeb8.tmp</t>
  </si>
  <si>
    <t>12/16/2019 14:42:34</t>
  </si>
  <si>
    <t>12/16/2019 14:43:49</t>
  </si>
  <si>
    <t>12/16/2019 14:44:03</t>
  </si>
  <si>
    <t>12/16/2019 14:44:54</t>
  </si>
  <si>
    <t>12/16/2019 14:42:15</t>
  </si>
  <si>
    <t>anavbg@algartech.com;bianca.boari@dxc.com;bvs-centralcartoes@bv.com.br;fernandorsju@algartech.com;marianeps@algartech.com;talmaiardo@algartech.com;thiagordu@algartech.com;</t>
  </si>
  <si>
    <t>anavbg@algartech.com,bianca.boari@dxc.com,bvs-centralcartoes@bv.com.br,fernandorsju@algartech.com,marianeps@algartech.com,talmaiardo@algartech.com,thiagordu@algartech.com</t>
  </si>
  <si>
    <t>12/16/2019 14:42:27</t>
  </si>
  <si>
    <t>12/16/2019 14:42:43</t>
  </si>
  <si>
    <t>mail.google.com/sync/u/0/i/s?hl=pt-BR&amp;c=139</t>
  </si>
  <si>
    <t>12/16/2019 14:43:03</t>
  </si>
  <si>
    <t>12/16/2019 14:45:11</t>
  </si>
  <si>
    <t>937b9021-e7cf-453f-be21-aebb6048b891.tmp</t>
  </si>
  <si>
    <t>\\acsfs\profiles$\leticiaat\Downloads\937b9021-e7cf-453f-be21-aebb6048b891.tmp</t>
  </si>
  <si>
    <t>12/16/2019 14:42:19</t>
  </si>
  <si>
    <t>12/16/2019 14:47:14</t>
  </si>
  <si>
    <t>0d538533-4138-496b-8f0c-2b015de3eabe.tmp</t>
  </si>
  <si>
    <t>\\acsfs\profiles$\matheushds\Downloads\0d538533-4138-496b-8f0c-2b015de3eabe.tmp</t>
  </si>
  <si>
    <t>12/16/2019 14:42:08</t>
  </si>
  <si>
    <t>12/16/2019 14:42:09</t>
  </si>
  <si>
    <t>12/16/2019 14:42:16</t>
  </si>
  <si>
    <t>12/16/2019 14:42:17</t>
  </si>
  <si>
    <t>12/16/2019 14:42:20</t>
  </si>
  <si>
    <t>12/16/2019 14:42:22</t>
  </si>
  <si>
    <t>12/16/2019 14:42:23</t>
  </si>
  <si>
    <t>12/16/2019 14:42:24</t>
  </si>
  <si>
    <t>12/16/2019 14:42:32</t>
  </si>
  <si>
    <t>12/16/2019 14:42:33</t>
  </si>
  <si>
    <t>12/16/2019 14:42:36</t>
  </si>
  <si>
    <t>12/16/2019 14:42:37</t>
  </si>
  <si>
    <t>12/16/2019 14:42:39</t>
  </si>
  <si>
    <t>12/16/2019 14:42:40</t>
  </si>
  <si>
    <t>12/16/2019 14:42:44</t>
  </si>
  <si>
    <t>12/16/2019 14:42:47</t>
  </si>
  <si>
    <t>12/16/2019 14:42:48</t>
  </si>
  <si>
    <t>12/16/2019 14:42:51</t>
  </si>
  <si>
    <t>12/16/2019 14:42:55</t>
  </si>
  <si>
    <t>12/16/2019 14:42:56</t>
  </si>
  <si>
    <t>12/16/2019 14:42:59</t>
  </si>
  <si>
    <t>12/16/2019 14:43:00</t>
  </si>
  <si>
    <t>12/16/2019 14:43:02</t>
  </si>
  <si>
    <t>12/16/2019 14:43:06</t>
  </si>
  <si>
    <t>12/16/2019 14:43:07</t>
  </si>
  <si>
    <t>12/16/2019 14:43:09</t>
  </si>
  <si>
    <t>12/16/2019 14:43:12</t>
  </si>
  <si>
    <t>12/16/2019 14:43:13</t>
  </si>
  <si>
    <t>winrt--{S-1-5-21-602162358-764733703-839522115-358593}-.searchconnector-ms</t>
  </si>
  <si>
    <t>\\acsfs\profiles$\joycemmdl\Searches\winrt--{S-1-5-21-602162358-764733703-839522115-358593}-.searchconnector-ms</t>
  </si>
  <si>
    <t>12/16/2019 14:43:11</t>
  </si>
  <si>
    <t>12/16/2019 14:48:14</t>
  </si>
  <si>
    <t>10.200.67.76</t>
  </si>
  <si>
    <t>78-2B-CB-C1-05-18</t>
  </si>
  <si>
    <t>VOTORANT-IB011</t>
  </si>
  <si>
    <t>anakcs</t>
  </si>
  <si>
    <t>\\acsfs\profiles$\anakcs\My Documents\xworkcenter\lex\</t>
  </si>
  <si>
    <t>\\acsfs\profiles$\anakcs\My Documents\xworkcenter\lex\temp.tlx</t>
  </si>
  <si>
    <t>12/16/2019 14:43:15</t>
  </si>
  <si>
    <t>12/16/2019 14:43:16</t>
  </si>
  <si>
    <t>12/16/2019 14:43:17</t>
  </si>
  <si>
    <t>12/16/2019 14:43:18</t>
  </si>
  <si>
    <t>12/16/2019 14:43:20</t>
  </si>
  <si>
    <t>12/16/2019 14:43:21</t>
  </si>
  <si>
    <t>12/16/2019 14:43:22</t>
  </si>
  <si>
    <t>12/16/2019 14:43:23</t>
  </si>
  <si>
    <t>12/16/2019 14:43:24</t>
  </si>
  <si>
    <t>12/16/2019 14:43:25</t>
  </si>
  <si>
    <t>12/16/2019 14:43:26</t>
  </si>
  <si>
    <t>12/16/2019 14:43:27</t>
  </si>
  <si>
    <t>12/16/2019 14:43:28</t>
  </si>
  <si>
    <t>12/16/2019 14:43:29</t>
  </si>
  <si>
    <t>12/16/2019 14:47:45</t>
  </si>
  <si>
    <t>ENC: Volume Gerenciadas Amex e Visa - 16/12</t>
  </si>
  <si>
    <t>12/16/2019 14:43:59</t>
  </si>
  <si>
    <t>12/16/2019 14:49:14</t>
  </si>
  <si>
    <t>anacarolinesn@algartech.com;anapscl@algartech.com.br;fabio.ribeiro@algarnet.onmicrosoft.com;fredericobs@algartecnologia.com.br;julianatem@algartech.com;katiargf@algartech.com;lilian.alves@temposervicos.com.br;micheless@algartech.com.br;</t>
  </si>
  <si>
    <t>anacarolinesn@algartech.com,anapscl@algartech.com.br,fabio.ribeiro@algarnet.onmicrosoft.com,fredericobs@algartecnologia.com.br,julianatem@algartech.com,katiargf@algartech.com,lilian.alves@temposervicos.com.br,micheless@algartech.com.br</t>
  </si>
  <si>
    <t>12/16/2019 14:45:30</t>
  </si>
  <si>
    <t>ana.palazzo@bradesco.com.br;anacarolinesn@algartech.com;anapscl@algartech.com.br;felipe.silva@temposervicos.com.br;katiargf@algartech.com;kenia.oliveira@temposervicos.com.br;lorena.r.silva@bradesco.com.br;micheless@algartech.com;reginaldo.cardozo@bradesco.com.br;solange.contriciani@bradesco.com.br;</t>
  </si>
  <si>
    <t>ana.palazzo@bradesco.com.br,anacarolinesn@algartech.com,anapscl@algartech.com.br,felipe.silva@temposervicos.com.br,katiargf@algartech.com,kenia.oliveira@temposervicos.com.br,lorena.r.silva@bradesco.com.br,micheless@algartech.com,reginaldo.cardozo@bradesco.com.br,solange.contriciani@bradesco.com.br</t>
  </si>
  <si>
    <t>12/16/2019 14:44:52</t>
  </si>
  <si>
    <t>12/16/2019 14:45:52</t>
  </si>
  <si>
    <t>c4540eb4-1d49-409d-87ff-4c8555a6e1be.tmp</t>
  </si>
  <si>
    <t>\\acsfs\profiles$\samldsm\Downloads\c4540eb4-1d49-409d-87ff-4c8555a6e1be.tmp</t>
  </si>
  <si>
    <t>12/16/2019 14:45:24</t>
  </si>
  <si>
    <t>12/16/2019 14:49:23</t>
  </si>
  <si>
    <t>12/16/2019 14:50:14</t>
  </si>
  <si>
    <t>0756526f-4bb8-48df-b067-0f859fd3f423.tmp</t>
  </si>
  <si>
    <t>\\acsfs\profiles$\jonatanls\Downloads\0756526f-4bb8-48df-b067-0f859fd3f423.tmp</t>
  </si>
  <si>
    <t>12/16/2019 14:48:17</t>
  </si>
  <si>
    <t>12/16/2019 14:52:14</t>
  </si>
  <si>
    <t>87c4da43-fbdc-4add-b91a-25772f86a776.tmp</t>
  </si>
  <si>
    <t>\\acsfs\profiles$\alexandrapp\Downloads\87c4da43-fbdc-4add-b91a-25772f86a776.tmp</t>
  </si>
  <si>
    <t>12/16/2019 14:48:19</t>
  </si>
  <si>
    <t>Holerite_122019_2107966.pdf:Zone.Identifier</t>
  </si>
  <si>
    <t>\\acsfs\profiles$\alexandrapp\Downloads\Holerite_122019_2107966.pdf:Zone.Identifier</t>
  </si>
  <si>
    <t>12/16/2019 14:51:07</t>
  </si>
  <si>
    <t>480d5dc2-8605-4c1c-9cf8-06484c37b7e9.tmp</t>
  </si>
  <si>
    <t>\\acsfs\profiles$\alexandrapp\Downloads\480d5dc2-8605-4c1c-9cf8-06484c37b7e9.tmp</t>
  </si>
  <si>
    <t>Holerite_122019_2107966 (1).pdf:Zone.Identifier</t>
  </si>
  <si>
    <t>\\acsfs\profiles$\alexandrapp\Downloads\Holerite_122019_2107966 (1).pdf:Zone.Identifier</t>
  </si>
  <si>
    <t>12/16/2019 14:48:26</t>
  </si>
  <si>
    <t>12/16/2019 14:53:14</t>
  </si>
  <si>
    <t>12/16/2019 14:52:27</t>
  </si>
  <si>
    <t>acde9a69-30a2-4659-94ba-1745a8b02069.tmp</t>
  </si>
  <si>
    <t>\\acsfs\profiles$\bernardopcm\Downloads\acde9a69-30a2-4659-94ba-1745a8b02069.tmp</t>
  </si>
  <si>
    <t>12/16/2019 14:50:43</t>
  </si>
  <si>
    <t>12/16/2019 14:51:12</t>
  </si>
  <si>
    <t>12/16/2019 14:50:52</t>
  </si>
  <si>
    <t>12/16/2019 14:54:15</t>
  </si>
  <si>
    <t>12/16/2019 14:51:52</t>
  </si>
  <si>
    <t>12/16/2019 14:50:23</t>
  </si>
  <si>
    <t>12/16/2019 14:50:54</t>
  </si>
  <si>
    <t>10.200.67.40</t>
  </si>
  <si>
    <t>74-86-7A-FC-CF-6D</t>
  </si>
  <si>
    <t>VOTORANT-JB004</t>
  </si>
  <si>
    <t>\\acsfs\profiles$\maxmillianosv\My Documents\xworkcenter\lex\</t>
  </si>
  <si>
    <t>\\acsfs\profiles$\maxmillianosv\My Documents\xworkcenter\lex\temp.tlx</t>
  </si>
  <si>
    <t>12/16/2019 14:50:55</t>
  </si>
  <si>
    <t>12/16/2019 14:50:56</t>
  </si>
  <si>
    <t>12/16/2019 14:55:14</t>
  </si>
  <si>
    <t>12/16/2019 14:50:57</t>
  </si>
  <si>
    <t>12/16/2019 14:50:58</t>
  </si>
  <si>
    <t>12/16/2019 14:50:59</t>
  </si>
  <si>
    <t>12/16/2019 14:51:00</t>
  </si>
  <si>
    <t>12/16/2019 14:51:01</t>
  </si>
  <si>
    <t>12/16/2019 14:51:02</t>
  </si>
  <si>
    <t>12/16/2019 14:51:03</t>
  </si>
  <si>
    <t>12/16/2019 14:51:04</t>
  </si>
  <si>
    <t>12/16/2019 14:51:05</t>
  </si>
  <si>
    <t>12/16/2019 14:51:06</t>
  </si>
  <si>
    <t>12/16/2019 14:51:08</t>
  </si>
  <si>
    <t>12/16/2019 14:51:09</t>
  </si>
  <si>
    <t>12/16/2019 14:51:10</t>
  </si>
  <si>
    <t>12/16/2019 14:51:11</t>
  </si>
  <si>
    <t>12/16/2019 14:51:13</t>
  </si>
  <si>
    <t>12/16/2019 14:51:14</t>
  </si>
  <si>
    <t>12/16/2019 14:51:15</t>
  </si>
  <si>
    <t>12/16/2019 14:51:16</t>
  </si>
  <si>
    <t>12/16/2019 14:50:48</t>
  </si>
  <si>
    <t>12/16/2019 14:50:49</t>
  </si>
  <si>
    <t>12/16/2019 14:50:50</t>
  </si>
  <si>
    <t>12/16/2019 14:50:51</t>
  </si>
  <si>
    <t>12/16/2019 14:50:53</t>
  </si>
  <si>
    <t>12/16/2019 14:54:04</t>
  </si>
  <si>
    <t>12/16/2019 14:56:14</t>
  </si>
  <si>
    <t>5d2e5c40-f41a-44b7-981a-637a5d7525df.tmp</t>
  </si>
  <si>
    <t>\\acsfs\profiles$\gabrielafs\Downloads\5d2e5c40-f41a-44b7-981a-637a5d7525df.tmp</t>
  </si>
  <si>
    <t>12/16/2019 14:52:38</t>
  </si>
  <si>
    <t>12/16/2019 14:53:41</t>
  </si>
  <si>
    <t>10.200.67.164</t>
  </si>
  <si>
    <t>64-1C-67-9D-1E-23</t>
  </si>
  <si>
    <t>VOTORANT-FB008</t>
  </si>
  <si>
    <t>tiagosno</t>
  </si>
  <si>
    <t>\\acsfs\profiles$\tiagosno\My Documents\xworkcenter\lex\</t>
  </si>
  <si>
    <t>\\acsfs\profiles$\tiagosno\My Documents\xworkcenter\lex\temp.tlx</t>
  </si>
  <si>
    <t>12/16/2019 14:51:17</t>
  </si>
  <si>
    <t>12/16/2019 14:51:18</t>
  </si>
  <si>
    <t>12/16/2019 14:55:21</t>
  </si>
  <si>
    <t>0cae12ee-cb64-48a3-b426-4bc9a3f10363.tmp</t>
  </si>
  <si>
    <t>\\acsfs\profiles$\leticiaat\Downloads\0cae12ee-cb64-48a3-b426-4bc9a3f10363.tmp</t>
  </si>
  <si>
    <t>12/16/2019 14:51:19</t>
  </si>
  <si>
    <t>12/16/2019 14:51:20</t>
  </si>
  <si>
    <t>12/16/2019 14:51:59</t>
  </si>
  <si>
    <t>12/16/2019 14:57:15</t>
  </si>
  <si>
    <t>CadastroGeral SGI.xlsx</t>
  </si>
  <si>
    <t>12/16/2019 14:53:21</t>
  </si>
  <si>
    <t>f4713700-ef9f-48c1-9d46-508e7c1d339e.tmp</t>
  </si>
  <si>
    <t>\\acsfs\profiles$\henriqueco\Downloads\f4713700-ef9f-48c1-9d46-508e7c1d339e.tmp</t>
  </si>
  <si>
    <t>12/16/2019 14:53:39</t>
  </si>
  <si>
    <t>12/16/2019 14:58:14</t>
  </si>
  <si>
    <t>mail.google.com/_/upload?authuser=0&amp;dcp=asu-n&amp;upload_id=AEnB2UrbN8HupjsAa4vzbztR7PKrlOdQ_QjVrQOAD_jsr5cE6HV0PyVjpysA-_3w8QWOR3jjMVtwI9d1BhkLkLOs5-dijNTKhA&amp;upload_protocol=resumable</t>
  </si>
  <si>
    <t>IMG_0669.jpg</t>
  </si>
  <si>
    <t>12/16/2019 14:53:46</t>
  </si>
  <si>
    <t>mail.google.com/sync/u/0/i/s?hl=pt-BR&amp;c=782</t>
  </si>
  <si>
    <t>12/16/2019 14:54:49</t>
  </si>
  <si>
    <t>mail.google.com/sync/u/0/i/s?hl=pt-BR&amp;c=808</t>
  </si>
  <si>
    <t>12/16/2019 14:55:30</t>
  </si>
  <si>
    <t>mail.google.com/sync/u/0/i/s?hl=pt-BR&amp;c=813</t>
  </si>
  <si>
    <t>12/16/2019 14:55:39</t>
  </si>
  <si>
    <t>12/16/2019 14:56:52</t>
  </si>
  <si>
    <t>12/16/2019 14:59:15</t>
  </si>
  <si>
    <t>12/16/2019 14:57:52</t>
  </si>
  <si>
    <t>12/16/2019 14:56:36</t>
  </si>
  <si>
    <t>12/16/2019 14:56:37</t>
  </si>
  <si>
    <t>12/16/2019 14:56:38</t>
  </si>
  <si>
    <t>12/16/2019 14:56:39</t>
  </si>
  <si>
    <t>12/16/2019 14:56:40</t>
  </si>
  <si>
    <t>12/16/2019 14:56:41</t>
  </si>
  <si>
    <t>12/16/2019 14:56:42</t>
  </si>
  <si>
    <t>12/16/2019 14:56:43</t>
  </si>
  <si>
    <t>12/16/2019 14:56:44</t>
  </si>
  <si>
    <t>12/16/2019 14:56:45</t>
  </si>
  <si>
    <t>12/16/2019 14:56:46</t>
  </si>
  <si>
    <t>12/16/2019 14:56:47</t>
  </si>
  <si>
    <t>12/16/2019 14:56:48</t>
  </si>
  <si>
    <t>12/16/2019 14:56:49</t>
  </si>
  <si>
    <t>12/16/2019 14:56:50</t>
  </si>
  <si>
    <t>12/16/2019 14:56:51</t>
  </si>
  <si>
    <t>12/16/2019 14:56:53</t>
  </si>
  <si>
    <t>12/16/2019 14:56:54</t>
  </si>
  <si>
    <t>12/16/2019 14:56:55</t>
  </si>
  <si>
    <t>12/16/2019 14:56:56</t>
  </si>
  <si>
    <t>12/16/2019 14:56:57</t>
  </si>
  <si>
    <t>12/16/2019 14:56:58</t>
  </si>
  <si>
    <t>12/16/2019 14:56:59</t>
  </si>
  <si>
    <t>12/16/2019 14:57:00</t>
  </si>
  <si>
    <t>12/16/2019 14:57:01</t>
  </si>
  <si>
    <t>12/16/2019 14:57:02</t>
  </si>
  <si>
    <t>12/16/2019 14:57:53</t>
  </si>
  <si>
    <t>52ecf2b5-1ea4-42d2-b8dd-0aa6361704ff.tmp</t>
  </si>
  <si>
    <t>\\acsfs\profiles$\ellencds\Downloads\52ecf2b5-1ea4-42d2-b8dd-0aa6361704ff.tmp</t>
  </si>
  <si>
    <t>12/16/2019 14:55:59</t>
  </si>
  <si>
    <t>875b2eff-f249-445d-bbd1-c1479d8c0b55.tmp</t>
  </si>
  <si>
    <t>\\acsfs\profiles$\regisadsa\Downloads\875b2eff-f249-445d-bbd1-c1479d8c0b55.tmp</t>
  </si>
  <si>
    <t>12/16/2019 15:00:15</t>
  </si>
  <si>
    <t>\\acsfs\profiles$\maxmillianosv\Favorites\Entrar no cliente Zimbra para Web.url\</t>
  </si>
  <si>
    <t>\\acsfs\profiles$\maxmillianosv\Favorites\Entrar no cliente Zimbra para Web.url\:favicon:$DATA</t>
  </si>
  <si>
    <t>12/16/2019 14:58:30</t>
  </si>
  <si>
    <t>\\acsfs\profiles$\maxmillianosv\Favorites\Welcome - 1.url\</t>
  </si>
  <si>
    <t>\\acsfs\profiles$\maxmillianosv\Favorites\Welcome - 1.url\:favicon:$DATA</t>
  </si>
  <si>
    <t>12/16/2019 14:58:51</t>
  </si>
  <si>
    <t>Gestão de Reajustes 2019 v8.1 16_12.xlsx</t>
  </si>
  <si>
    <t>12/16/2019 14:58:19</t>
  </si>
  <si>
    <t>12/16/2019 15:01:15</t>
  </si>
  <si>
    <t>bf5cfbfc-6fbd-48b8-b58d-42999064541d.tmp</t>
  </si>
  <si>
    <t>\\acsfs\profiles$\gabrielafs\Downloads\bf5cfbfc-6fbd-48b8-b58d-42999064541d.tmp</t>
  </si>
  <si>
    <t>12/16/2019 14:57:12</t>
  </si>
  <si>
    <t>12/16/2019 14:57:29</t>
  </si>
  <si>
    <t>12/16/2019 14:59:39</t>
  </si>
  <si>
    <t>57e78338-0e71-4731-8cc5-76617dd8c093.tmp</t>
  </si>
  <si>
    <t>\\acsfs\profiles$\brendadsl\Downloads\57e78338-0e71-4731-8cc5-76617dd8c093.tmp</t>
  </si>
  <si>
    <t>12/16/2019 14:57:41</t>
  </si>
  <si>
    <t>12/16/2019 15:02:15</t>
  </si>
  <si>
    <t>fe7f24e3-fce2-48ff-8c5c-9fb629641b26.tmp</t>
  </si>
  <si>
    <t>\\acsfs\profiles$\victorgl\Downloads\fe7f24e3-fce2-48ff-8c5c-9fb629641b26.tmp</t>
  </si>
  <si>
    <t>12/16/2019 15:01:18</t>
  </si>
  <si>
    <t>12/16/2019 15:01:29</t>
  </si>
  <si>
    <t>12/16/2019 15:03:15</t>
  </si>
  <si>
    <t>12/16/2019 15:00:27</t>
  </si>
  <si>
    <t>12/16/2019 15:04:15</t>
  </si>
  <si>
    <t>12/16/2019 15:02:52</t>
  </si>
  <si>
    <t>12/16/2019 15:02:43</t>
  </si>
  <si>
    <t>6b2d3873-bdd8-477a-954b-ac2f2b50569c.tmp</t>
  </si>
  <si>
    <t>\\acsfs\profiles$\danielta\Downloads\6b2d3873-bdd8-477a-954b-ac2f2b50569c.tmp</t>
  </si>
  <si>
    <t>12/16/2019 15:02:16</t>
  </si>
  <si>
    <t>12/16/2019 15:06:15</t>
  </si>
  <si>
    <t>ddfe96be-a099-4fa8-888d-87a5422cc783.tmp</t>
  </si>
  <si>
    <t>\\acsfs\profiles$\gabrielarb\Downloads\ddfe96be-a099-4fa8-888d-87a5422cc783.tmp</t>
  </si>
  <si>
    <t>12/16/2019 15:05:12</t>
  </si>
  <si>
    <t>ancestorhasaugmentedpermissions;bvs-centralcartoes@bv.com.br;cintia.souza-domingues@dxc.com;containsunsubscribedchildren;displayname;domain;eduardo.santana@bv.com.br;emailaddress;fernandorsju@algartech.com;file(kind;fileid;filesize;hasthumbnail;hasvisitorpermissions;id;id);items(deleted;ken;kind;lastmodifyinguser(kind;lastviewedbymedate;marianeps@algartech.com;modifiedbymedate;modifieddate;ontainsunsubscribedchildren;owners(kind;per;permissionid;picture;shared;sharedwithmedate;talmaiardo@algartech.com;thiagordu@algartech.com;thumbnailversion;title;userpermission(role);workspaceids;</t>
  </si>
  <si>
    <t>ancestorhasaugmentedpermissions,bvs-centralcartoes@bv.com.br,cintia.souza-domingues@dxc.com,containsunsubscribedchildren,displayname,domain,eduardo.santana@bv.com.br,emailaddress,fernandorsju@algartech.com,file(kind,fileid,filesize,hasthumbnail,hasvisitorpermissions,id,id),items(deleted,ken,kind,lastmodifyinguser(kind,lastviewedbymedate,marianeps@algartech.com,modifiedbymedate,modifieddate,ontainsunsubscribedchildren,owners(kind,per,permissionid,picture,shared,sharedwithmedate,talmaiardo@algartech.com,thiagordu@algartech.com,thumbnailversion,title,userpermission(role),workspaceids</t>
  </si>
  <si>
    <t>12/16/2019 15:05:34</t>
  </si>
  <si>
    <t>9d1562f1-275b-4c43-8bd2-7fa935b22bf5.tmp</t>
  </si>
  <si>
    <t>\\acsfs\profiles$\gabrielamdp\Downloads\9d1562f1-275b-4c43-8bd2-7fa935b22bf5.tmp</t>
  </si>
  <si>
    <t>12/16/2019 15:01:51</t>
  </si>
  <si>
    <t>12/16/2019 15:00:53</t>
  </si>
  <si>
    <t>d5117708-a53a-40de-8e83-4ab318df8bdf.tmp</t>
  </si>
  <si>
    <t>\\acsfs\profiles$\deborahsi\Downloads\d5117708-a53a-40de-8e83-4ab318df8bdf.tmp</t>
  </si>
  <si>
    <t>12/16/2019 15:01:58</t>
  </si>
  <si>
    <t>bd58d111-11a1-41c1-875d-22f6557113e6.tmp</t>
  </si>
  <si>
    <t>\\acsfs\profiles$\leticiaat\Downloads\bd58d111-11a1-41c1-875d-22f6557113e6.tmp</t>
  </si>
  <si>
    <t>12/16/2019 15:02:04</t>
  </si>
  <si>
    <t>d3403383-055a-46cf-9a34-01a15c39d7a0.tmp</t>
  </si>
  <si>
    <t>\\acsfs\profiles$\leticiaat\Downloads\d3403383-055a-46cf-9a34-01a15c39d7a0.tmp</t>
  </si>
  <si>
    <t>12/16/2019 15:03:04</t>
  </si>
  <si>
    <t>12/16/2019 15:07:15</t>
  </si>
  <si>
    <t>4446e21f-d193-4602-9fc6-121abe8a9671.tmp</t>
  </si>
  <si>
    <t>\\acsfs\profiles$\alexandrapp\Downloads\4446e21f-d193-4602-9fc6-121abe8a9671.tmp</t>
  </si>
  <si>
    <t>12/16/2019 15:03:05</t>
  </si>
  <si>
    <t>Q29udHJvbGxlci5TQUNBLVNBQw-- (1).ica:Zone.Identifier</t>
  </si>
  <si>
    <t>\\acsfs\profiles$\alexandrapp\Downloads\Q29udHJvbGxlci5TQUNBLVNBQw-- (1).ica:Zone.Identifier</t>
  </si>
  <si>
    <t>12/16/2019 15:07:12</t>
  </si>
  <si>
    <t>12/16/2019 15:08:15</t>
  </si>
  <si>
    <t>CDI_MANUAL - layssa.xlsx</t>
  </si>
  <si>
    <t>DESLIGAMENTO - LAYSSA.pdf</t>
  </si>
  <si>
    <t>12/16/2019 15:06:16</t>
  </si>
  <si>
    <t>12/16/2019 15:09:14</t>
  </si>
  <si>
    <t>anapscl@algartech.com.br;fabio.ribeiro@algarnet.onmicrosoft.com;fredericobs@algartecnologia.com.br;jaquelineaferr@algartech.com;katiargf@algartech.com;kelly.barbosa@temposervicos.com.br;micheless@algartech.com.br;</t>
  </si>
  <si>
    <t>anapscl@algartech.com.br,fabio.ribeiro@algarnet.onmicrosoft.com,fredericobs@algartecnologia.com.br,jaquelineaferr@algartech.com,katiargf@algartech.com,kelly.barbosa@temposervicos.com.br,micheless@algartech.com.br</t>
  </si>
  <si>
    <t>12/16/2019 15:07:07</t>
  </si>
  <si>
    <t>ana.palazzo@bradesco.com.br;anapscl@algartech.com.br;filipe.s.carvalho@bradesco.com.br;jaquelineaferr@algartech.com;katiargf@algartech.com;kelly.barbosa@temposervicos.com.br;kenia.oliveira@temposervicos.com.br;leticia.albuquerque@bradesco.com.br;lorena.r.silva@bradesco.com.br;micheless@algartech.com;reginaldo.cardozo@bradesco.com.br;solange.contriciani@bradesco.com.br;</t>
  </si>
  <si>
    <t>ana.palazzo@bradesco.com.br,anapscl@algartech.com.br,filipe.s.carvalho@bradesco.com.br,jaquelineaferr@algartech.com,katiargf@algartech.com,kelly.barbosa@temposervicos.com.br,kenia.oliveira@temposervicos.com.br,leticia.albuquerque@bradesco.com.br,lorena.r.silva@bradesco.com.br,micheless@algartech.com,reginaldo.cardozo@bradesco.com.br,solange.contriciani@bradesco.com.br</t>
  </si>
  <si>
    <t>12/16/2019 15:03:52</t>
  </si>
  <si>
    <t>12/16/2019 15:11:14</t>
  </si>
  <si>
    <t>12/16/2019 15:05:38</t>
  </si>
  <si>
    <t>12/16/2019 15:05:45</t>
  </si>
  <si>
    <t>12/16/2019 15:06:05</t>
  </si>
  <si>
    <t>mail.google.com/sync/u/0/i/s?hl=pt-BR&amp;c=174</t>
  </si>
  <si>
    <t>12/16/2019 15:06:10</t>
  </si>
  <si>
    <t>mail.google.com/_/upload?authuser=0&amp;dcp=asu-n&amp;upload_id=AEnB2Uo4xZBlmUFSjAGbr3NzDSe1n5Pts7lQ3yoBgYsNkAx86Xp5mZjMPTOjOhP4tNmxXbF4YtIrVQjz1tYgoepgOpSF8kVtnw&amp;upload_protocol=resumable</t>
  </si>
  <si>
    <t>CPF 122.910.848-36 ROBERTO DE BARROS CAMARGO FILHO.pdf</t>
  </si>
  <si>
    <t>12/16/2019 15:06:12</t>
  </si>
  <si>
    <t>mail.google.com/sync/u/0/i/s?hl=pt-BR&amp;c=176</t>
  </si>
  <si>
    <t>12/16/2019 15:06:27</t>
  </si>
  <si>
    <t>mail.google.com/sync/u/0/i/s?hl=pt-BR&amp;c=178</t>
  </si>
  <si>
    <t>12/16/2019 15:06:31</t>
  </si>
  <si>
    <t>mail.google.com/_/upload?authuser=0&amp;dcp=asu-n&amp;upload_id=AEnB2UoOrAFmu3Lqlead2IOrp9kHmptF6r5s4ezo9jYJhLG4H1zVJc3EtJH1OhgPC0k00TZAZCsfUMVXFPbUWP2V-5x-rK89FCOKruaLyh1tfv2eucJZWEI&amp;upload_protocol=resumable</t>
  </si>
  <si>
    <t>CPF 122.910.848-36 ROBERTO DE BARROS CAMARGO FILHO (2).pdf</t>
  </si>
  <si>
    <t>12/16/2019 15:06:34</t>
  </si>
  <si>
    <t>12/16/2019 15:06:46</t>
  </si>
  <si>
    <t>mail.google.com/_/upload?authuser=0&amp;dcp=asu-n&amp;upload_id=AEnB2UqAgn252nN64RRuh8xYjcz5kAFZpq_AaZEPGKiACNBHJxJiikjTiP2WjMxtO4aYebnhQJCFSjezeiFHekAbPMoFlcl56g&amp;upload_protocol=resumable</t>
  </si>
  <si>
    <t>CPF 12291084836 - OPERADOR NATHALIA RIOS MODESTO RODRIGUES_1_6755488862357760376_1_32.wav</t>
  </si>
  <si>
    <t>12/16/2019 15:10:12</t>
  </si>
  <si>
    <t>12/16/2019 15:07:48</t>
  </si>
  <si>
    <t>12/16/2019 15:08:32</t>
  </si>
  <si>
    <t>4dd18649-e963-49e7-afeb-df43f97763b0.tmp</t>
  </si>
  <si>
    <t>\\acsfs\profiles$\deborahsi\Downloads\4dd18649-e963-49e7-afeb-df43f97763b0.tmp</t>
  </si>
  <si>
    <t>12/16/2019 15:09:29</t>
  </si>
  <si>
    <t>12/16/2019 15:12:15</t>
  </si>
  <si>
    <t>d970cb5d-35f2-4ac6-8e52-c6a4347b2667.tmp</t>
  </si>
  <si>
    <t>\\acsfs\profiles$\erichds\Downloads\d970cb5d-35f2-4ac6-8e52-c6a4347b2667.tmp</t>
  </si>
  <si>
    <t>12/16/2019 15:09:15</t>
  </si>
  <si>
    <t>12/16/2019 15:08:58</t>
  </si>
  <si>
    <t>3089512a-225e-4e3c-bd26-44b2ed97d4fe.tmp</t>
  </si>
  <si>
    <t>\\acsfs\profiles$\alexandrapp\Downloads\3089512a-225e-4e3c-bd26-44b2ed97d4fe.tmp</t>
  </si>
  <si>
    <t>12/16/2019 15:08:38</t>
  </si>
  <si>
    <t>12/16/2019 15:13:14</t>
  </si>
  <si>
    <t>609d0d82-c98f-41ef-a87b-7606d531da60.tmp</t>
  </si>
  <si>
    <t>\\acsfs\profiles$\kellzylenneasr\Downloads\609d0d82-c98f-41ef-a87b-7606d531da60.tmp</t>
  </si>
  <si>
    <t>12/16/2019 15:09:07</t>
  </si>
  <si>
    <t>1105f58a-7622-4d30-84ec-bf25cc573157.tmp</t>
  </si>
  <si>
    <t>\\acsfs\profiles$\kellzylenneasr\Downloads\1105f58a-7622-4d30-84ec-bf25cc573157.tmp</t>
  </si>
  <si>
    <t>12/16/2019 15:08:52</t>
  </si>
  <si>
    <t>12/16/2019 15:14:15</t>
  </si>
  <si>
    <t>12/16/2019 15:09:52</t>
  </si>
  <si>
    <t>12/16/2019 15:12:48</t>
  </si>
  <si>
    <t>12/16/2019 15:16:14</t>
  </si>
  <si>
    <t>376d4fa5-3d1f-42a8-be11-79a0e010a4ca.tmp</t>
  </si>
  <si>
    <t>\\acsfs\profiles$\marcileiasdm\Downloads\376d4fa5-3d1f-42a8-be11-79a0e010a4ca.tmp</t>
  </si>
  <si>
    <t>12/16/2019 15:14:04</t>
  </si>
  <si>
    <t>12/16/2019 15:14:00</t>
  </si>
  <si>
    <t>12/16/2019 15:17:14</t>
  </si>
  <si>
    <t>12/16/2019 15:14:47</t>
  </si>
  <si>
    <t>\\acsfs\Deptos\Operacao\Banco_Votorantim\Supervisao\Maristela\ALTO VALOR\Cópia de °ºAcompanhamento de Equipe Maristelaº°.xlsx\</t>
  </si>
  <si>
    <t>image2.svg</t>
  </si>
  <si>
    <t>\\acsfs\Deptos\Operacao\Banco_Votorantim\Supervisao\Maristela\ALTO VALOR\Cópia de °ºAcompanhamento de Equipe Maristelaº°.xlsx</t>
  </si>
  <si>
    <t>\\acsfs\Deptos\Operacao\Banco_Votorantim\Supervisao\Maristela\ALTO VALOR\</t>
  </si>
  <si>
    <t>Cópia de °ºAcompanhamento de Equipe Maristelaº°.xlsx</t>
  </si>
  <si>
    <t>12/16/2019 15:14:28</t>
  </si>
  <si>
    <t>12/16/2019 15:18:14</t>
  </si>
  <si>
    <t>12/16/2019 15:14:40</t>
  </si>
  <si>
    <t>12/16/2019 15:15:37</t>
  </si>
  <si>
    <t>12/16/2019 15:19:14</t>
  </si>
  <si>
    <t>12/16/2019 15:14:52</t>
  </si>
  <si>
    <t>12/16/2019 15:15:52</t>
  </si>
  <si>
    <t>12/16/2019 15:20:14</t>
  </si>
  <si>
    <t>12/16/2019 15:16:55</t>
  </si>
  <si>
    <t>12/16/2019 15:17:03</t>
  </si>
  <si>
    <t>12/16/2019 15:21:14</t>
  </si>
  <si>
    <t>mail.google.com/_/upload?authuser=1&amp;dcp=asu-n&amp;upload_id=AEnB2UpXaTIt44iNDodCSamCGMC0jsihCNxAE-SbnoyJBvmvf62yAM55xMNuFGsltlYKf22fh_81uH6WU6Tt4Oq9gOspOfXrACd_jRrmPwGkyJ5OUaqyfNM&amp;upload_protocol=resumable</t>
  </si>
  <si>
    <t>12/16/2019 15:16:32</t>
  </si>
  <si>
    <t>http:///batch?%24ct=multipart%2Fmixed%3B%20boundary%3D%22%3D%3D%3D%3D%3Dt5fwwndolz1m%3D%3D%3D%3D%3D%22&amp;key=AIzaSyAy9VVXHSpS2IJpptzYtGbLP3-3_l0aBk4</t>
  </si>
  <si>
    <t>12/16/2019 15:16:35</t>
  </si>
  <si>
    <t>http:///batch?%24ct=multipart%2Fmixed%3B%20boundary%3D%22%3D%3D%3D%3D%3Dow1z9s9bc4zb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12/16/2019 15:16:40</t>
  </si>
  <si>
    <t>http:///batch?%24ct=multipart%2Fmixed%3B%20boundary%3D%22%3D%3D%3D%3D%3Dprdlq3ichxbm%3D%3D%3D%3D%3D%22&amp;key=AIzaSyAy9VVXHSpS2IJpptzYtGbLP3-3_l0aBk4</t>
  </si>
  <si>
    <t>http:///batch?%24ct=multipart%2Fmixed%3B%20boundary%3D%22%3D%3D%3D%3D%3Dwyt4unjavyhz%3D%3D%3D%3D%3D%22&amp;key=AIzaSyAy9VVXHSpS2IJpptzYtGbLP3-3_l0aBk4</t>
  </si>
  <si>
    <t>12/16/2019 15:17:35</t>
  </si>
  <si>
    <t>0;0.241;0.241];0.668;0];12.854];1269.6249999999054;1273.6349999995582;1274.13499999966;1274.8000000001412;1276.7400000002453;13.355000000046857;13.574999999946158;13.584999999693537;13.59;1312.5049999998737;1313.2100000002538;1320.5699999998615;1329.834999999548;1332.7849999996033;136.723;1383.7100000000646;1461.5649999996094;15.344;15.344];15.552;15.552];1576.469999999972;1597.596];17.60999999987689;19.359999999323918;2.690000000256987;202.67499999954453;203.0349999995451;205.99500000025728;209.09000000028755;21.464;21.464];21.464]�03�_x0016__�8=;21.7;21.7];229.63499999968917;230.5949999999939;29.139999999642896;3;3.6250000002837623;33.212;33.212];34.169999999903666;368.58999999913067;378.59500000013213;38.19];4;4.5949999994263635;4.843;5;509.61999999981344;510.681;523.3349999998609;525.7599999995364;535.6449999999313;535.9349999998813;536.2249999998312;536.2749999994776;551.1850000002596;58.90499999986787;6.009];700";705.4950000001554;886.073];:400;["https://drive.google.com/_/drive_fe/_/js/k=drive_fe.main.pt_br.</t>
  </si>
  <si>
    <t>http://0,0.241,0.241],0.668,0],12.854],1269.6249999999054,1273.6349999995582,1274.13499999966,1274.8000000001412,1276.7400000002453,13.355000000046857,13.574999999946158,13.584999999693537,13.59,1312.5049999998737,1313.2100000002538,1320.5699999998615,1329.834999999548,1332.7849999996033,136.723,1383.7100000000646,1461.5649999996094,15.344,15.344],15.552,15.552],1576.469999999972,1597.596],17.60999999987689,19.359999999323918,2.690000000256987,202.67499999954453,203.0349999995451,205.99500000025728,209.09000000028755,21.464,21.464],21.464]�03�_x0016__�8=,21.7,21.7],229.63499999968917,230.5949999999939,29.139999999642896,3,3.6250000002837623,33.212,33.212],34.169999999903666,368.58999999913067,378.59500000013213,38.19],4,4.5949999994263635,4.843,5,509.61999999981344,510.681,523.3349999998609,525.7599999995364,535.6449999999313,535.9349999998813,536.2249999998312,536.2749999994776,551.1850000002596,58.90499999986787,6.009],700",705.4950000001554,886.073],:400,["https://drive.google.com/_/drive_fe/_/js/k=drive_fe.main</t>
  </si>
  <si>
    <t>12/16/2019 15:17:36</t>
  </si>
  <si>
    <t>"2":"&lt;div dir=\"ltr\"&gt;&lt;div;"9":{"2":[{"1":0;0;0.241;0.241];0.668;0];12.854];1269.6249999999054;1273.6349999995582;1274.13499999966;1274.8000000001412;1276.7400000002453;13.355000000046857;13.574999999946158;13.584999999693537;13.59;1312.5049999998737;1313.2100000002538;1320.5699999998615;1329.834999999548;1332.7849999996033;136.723;1383.7100000000646;1461.5649999996094;1469.6549999998751;1477.5949999993827;15.344;15.344];15.552;15.552];1536.2749999994776;1536.7449999994278;1576.469999999972;1597.596];17.60999999987689;179.96500000026572;180.77500000072177;19.359999999323918;2.690000000256987;202.67499999954453;203.0349999995451;205.99500000025728;209.09000000028755;21.464;21.464];21.464]�03�_x0016__�8=;21.7;21.7];229.63499999968917;230.5949999999939;255.9850000006918;256.8700000001627;29.139999999642896;3;3.6250000002837623;33.212;33.212];34.169999999903666;368.58999999913067;378.59500000013213;38.19];4;4.5949999994263635;4.843;5;509.61999999981344;510.681;523.3349999998609;525.7599999995364;535.6449999999313;535.9</t>
  </si>
  <si>
    <t>http://"2":"&lt;div dir=\"ltr\"&gt;&lt;div,"9":{"2":[{"1":0,0,0.241,0.241],0.668,0],12.854],1269.6249999999054,1273.6349999995582,1274.13499999966,1274.8000000001412,1276.7400000002453,13.355000000046857,13.574999999946158,13.584999999693537,13.59,1312.5049999998737,1313.2100000002538,1320.5699999998615,1329.834999999548,1332.7849999996033,136.723,1383.7100000000646,1461.5649999996094,1469.6549999998751,1477.5949999993827,15.344,15.344],15.552,15.552],1536.2749999994776,1536.7449999994278,1576.469999999972,1597.596],17.60999999987689,179.96500000026572,180.77500000072177,19.359999999323918,2.690000000256987,202.67499999954453,203.0349999995451,205.99500000025728,209.09000000028755,21.464,21.464],21.464]�03�_x0016__�8=,21.7,21.7],229.63499999968917,230.5949999999939,255.9850000006918,256.8700000001627,29.139999999642896,3,3.6250000002837623,33.212,33.212],34.169999999903666,368.58999999913067,378.59500000013213,38.19],4,4.5949999994263635,4.843,5,509.61999999981344,510.681,523.3349999998609,525.7599999995364,535.644999999931</t>
  </si>
  <si>
    <t>"2":"&lt;div dir=\"ltr\"&gt;&lt;div;"9":{"2":[{"1":0;0;0.241;0.241];0.668;0];12.854];1269.6249999999054;127.268;127.84999999985303;1273.6349999995582;1274.13499999966;1274.8000000001412;1276.7400000002453;13.355000000046857;13.574999999946158;13.584999999693537;13.59;1312.5049999998737;1313.2100000002538;1320.5699999998615;1329.834999999548;1332.7849999996033;136.723;1383.7100000000646;1461.5649999996094;1469.6549999998751;1474.0649999994275;1477.5949999993827;15.344;15.344];15.552;15.552];151.38499999920896;1536.2749999994776;1536.7449999994278;1562.3100000002523;1576.469999999972;1585.280000000239;1597.596];1668.189999999413;17.60999999987689;1763.0499999995664;179.96500000026572;180.77500000072177;19.359999999323918;2.690000000256987;200.2200000006269;202.67499999954453;203.0349999995451;205.99500000025728;209.09000000028755;21.464;21.464];21.464]�03�_x0016__�8=;21.7;21.7];226.2299999993047;229.63499999968917;230.5949999999939;255.9850000006918;256.8700000001627;29.139999999642896;3;3.6250000002837623;33.212;33.212];34.1</t>
  </si>
  <si>
    <t>http://"2":"&lt;div dir=\"ltr\"&gt;&lt;div,"9":{"2":[{"1":0,0,0.241,0.241],0.668,0],12.854],1269.6249999999054,127.268,127.84999999985303,1273.6349999995582,1274.13499999966,1274.8000000001412,1276.7400000002453,13.355000000046857,13.574999999946158,13.584999999693537,13.59,1312.5049999998737,1313.2100000002538,1320.5699999998615,1329.834999999548,1332.7849999996033,136.723,1383.7100000000646,1461.5649999996094,1469.6549999998751,1474.0649999994275,1477.5949999993827,15.344,15.344],15.552,15.552],151.38499999920896,1536.2749999994776,1536.7449999994278,1562.3100000002523,1576.469999999972,1585.280000000239,1597.596],1668.189999999413,17.60999999987689,1763.0499999995664,179.96500000026572,180.77500000072177,19.359999999323918,2.690000000256987,200.2200000006269,202.67499999954453,203.0349999995451,205.99500000025728,209.09000000028755,21.464,21.464],21.464]�03�_x0016__�8=,21.7,21.7],226.2299999993047,229.63499999968917,230.5949999999939,255.9850000006918,256.8700000001627,29.139999999642896,3,3.6250000002837623,33.212,33.21</t>
  </si>
  <si>
    <t>12/16/2019 15:17:46</t>
  </si>
  <si>
    <t>http:///batch?%24ct=multipart%2Fmixed%3B%20boundary%3D%22%3D%3D%3D%3D%3D4wi3l6v259re%3D%3D%3D%3D%3D%22&amp;key=AIzaSyAy9VVXHSpS2IJpptzYtGbLP3-3_l0aBk4</t>
  </si>
  <si>
    <t>ancestorhasaugmen;ancestorhasaugmentedpermissions;containsunsubscribedchildren;displayname;domain;emaila;emailaddress;file(kind;fileid;filesize;hasthumbnail;hasvisitorpermissions;id;id);items(deleted;items(kind;ken;kind;lastmodifyinguser(kind;lastviewedbymedate;modifiedbymedate;modifieddate;ontainsunsubscribedchildren;owners(kind;per;permission;permissionid;picture;rpermissions;shared;sharedwithmedate;thumbnailversion;title;userpermission(role);workspaceids;</t>
  </si>
  <si>
    <t>http://ancestorhasaugmen,ancestorhasaugmentedpermissions,containsunsubscribedchildren,displayname,domain,emaila,emailaddress,file(kind,fileid,filesize,hasthumbnail,hasvisitorpermissions,id,id),items(deleted,items(kind,ken,kind,lastmodifyinguser(kind,lastviewedbymedate,modifiedbymedate,modifieddate,ontainsunsubscribedchildren,owners(kind,per,permission,permissionid,picture,rpermissions,shared,sharedwithmedate,thumbnailversion,title,userpermission(role),workspaceids</t>
  </si>
  <si>
    <t>12/16/2019 15:17:51</t>
  </si>
  <si>
    <t>http:///batch?%24ct=multipart%2Fmixed%3B%20boundary%3D%22%3D%3D%3D%3D%3Dk360kz13yx3f%3D%3D%3D%3D%3D%22&amp;key=AIzaSyAy9VVXHSpS2IJpptzYtGbLP3-3_l0aBk4</t>
  </si>
  <si>
    <t>12/16/2019 15:17:52</t>
  </si>
  <si>
    <t>http:///batch?%24ct=multipart%2Fmixed%3B%20boundary%3D%22%3D%3D%3D%3D%3Dzbci2h3i4ee2%3D%3D%3D%3D%3D%22&amp;key=AIzaSyAy9VVXHSpS2IJpptzYtGbLP3-3_l0aBk4</t>
  </si>
  <si>
    <t>12/16/2019 15:17:53</t>
  </si>
  <si>
    <t>http:///batch?%24ct=multipart%2Fmixed%3B%20boundary%3D%22%3D%3D%3D%3D%3Dif4n7g43fiik%3D%3D%3D%3D%3D%22&amp;key=AIzaSyAy9VVXHSpS2IJpptzYtGbLP3-3_l0aBk4</t>
  </si>
  <si>
    <t>12/16/2019 15:17:56</t>
  </si>
  <si>
    <t>http:///batch?%24ct=multipart%2Fmixed%3B%20boundary%3D%22%3D%3D%3D%3D%3D8ip2zonu8vt3%3D%3D%3D%3D%3D%22&amp;key=AIzaSyAy9VVXHSpS2IJpptzYtGbLP3-3_l0aBk4</t>
  </si>
  <si>
    <t>12/16/2019 15:17:58</t>
  </si>
  <si>
    <t>http:///batch?%24ct=multipart%2Fmixed%3B%20boundary%3D%22%3D%3D%3D%3D%3D7khynzazitfb%3D%3D%3D%3D%3D%22&amp;key=AIzaSyAy9VVXHSpS2IJpptzYtGbLP3-3_l0aBk4</t>
  </si>
  <si>
    <t>12/16/2019 15:17:59</t>
  </si>
  <si>
    <t>http:///batch?%24ct=multipart%2Fmixed%3B%20boundary%3D%22%3D%3D%3D%3D%3Dg3lm36ctnshx%3D%3D%3D%3D%3D%22&amp;key=AIzaSyAy9VVXHSpS2IJpptzYtGbLP3-3_l0aBk4</t>
  </si>
  <si>
    <t>http:///batch?%24ct=multipart%2Fmixed%3B%20boundary%3D%22%3D%3D%3D%3D%3Ddkk8raptm4u0%3D%3D%3D%3D%3D%22&amp;key=AIzaSyAy9VVXHSpS2IJpptzYtGbLP3-3_l0aBk4</t>
  </si>
  <si>
    <t>12/16/2019 15:18:03</t>
  </si>
  <si>
    <t>http:///batch?%24ct=multipart%2Fmixed%3B%20boundary%3D%22%3D%3D%3D%3D%3Dkitem925bjul%3D%3D%3D%3D%3D%22&amp;key=AIzaSyAy9VVXHSpS2IJpptzYtGbLP3-3_l0aBk4</t>
  </si>
  <si>
    <t>12/16/2019 15:18:04</t>
  </si>
  <si>
    <t>http:///batch?%24ct=multipart%2Fmixed%3B%20boundary%3D%22%3D%3D%3D%3D%3Dxckar7jhsfks%3D%3D%3D%3D%3D%22&amp;key=AIzaSyAy9VVXHSpS2IJpptzYtGbLP3-3_l0aBk4</t>
  </si>
  <si>
    <t>http:///batch?%24ct=multipart%2Fmixed%3B%20boundary%3D%22%3D%3D%3D%3D%3Dqtlyuaub26gx%3D%3D%3D%3D%3D%22&amp;key=AIzaSyAy9VVXHSpS2IJpptzYtGbLP3-3_l0aBk4</t>
  </si>
  <si>
    <t>12/16/2019 15:19:07</t>
  </si>
  <si>
    <t>fb879292-1999-4ffe-a304-85de9f5bc687.tmp</t>
  </si>
  <si>
    <t>\\acsfs\profiles$\leticiaat\Downloads\fb879292-1999-4ffe-a304-85de9f5bc687.tmp</t>
  </si>
  <si>
    <t>12/16/2019 15:20:37</t>
  </si>
  <si>
    <t>12/16/2019 15:22:14</t>
  </si>
  <si>
    <t>10.200.67.19</t>
  </si>
  <si>
    <t>78-2B-CB-C1-06-9D</t>
  </si>
  <si>
    <t>VOTORANT-JB008</t>
  </si>
  <si>
    <t>\\acsfs\profiles$\maxmillianosv\Contacts\</t>
  </si>
  <si>
    <t>MAXMILLIANO SILVA VIEIRA (23858).contact</t>
  </si>
  <si>
    <t>\\acsfs\profiles$\maxmillianosv\Contacts\MAXMILLIANO SILVA VIEIRA (23858).contact</t>
  </si>
  <si>
    <t>12/16/2019 15:20:51</t>
  </si>
  <si>
    <t>\\acsfs\profiles$\maxmillianosv\My Documents\My Videos\</t>
  </si>
  <si>
    <t>\\acsfs\profiles$\maxmillianosv\My Documents\My Videos\desktop.ini</t>
  </si>
  <si>
    <t>12/16/2019 15:20:52</t>
  </si>
  <si>
    <t>\\acsfs\profiles$\maxmillianosv\My Documents\My Pictures\</t>
  </si>
  <si>
    <t>\\acsfs\profiles$\maxmillianosv\My Documents\My Pictures\desktop.ini</t>
  </si>
  <si>
    <t>12/16/2019 15:20:53</t>
  </si>
  <si>
    <t>\\acsfs\profiles$\maxmillianosv\Contacts\desktop.ini</t>
  </si>
  <si>
    <t>\\acsfs\profiles$\maxmillianosv\Favorites\desktop.ini</t>
  </si>
  <si>
    <t>12/16/2019 15:20:54</t>
  </si>
  <si>
    <t>\\acsfs\profiles$\maxmillianosv\My Documents\My Music\</t>
  </si>
  <si>
    <t>\\acsfs\profiles$\maxmillianosv\My Documents\My Music\desktop.ini</t>
  </si>
  <si>
    <t>12/16/2019 15:20:55</t>
  </si>
  <si>
    <t>\\acsfs\profiles$\maxmillianosv\Searches\</t>
  </si>
  <si>
    <t>\\acsfs\profiles$\maxmillianosv\Searches\desktop.ini</t>
  </si>
  <si>
    <t>12/16/2019 15:20:56</t>
  </si>
  <si>
    <t>\\acsfs\profiles$\maxmillianosv\Downloads\</t>
  </si>
  <si>
    <t>\\acsfs\profiles$\maxmillianosv\Downloads\desktop.ini</t>
  </si>
  <si>
    <t>\\acsfs\profiles$\maxmillianosv\My Documents\desktop.ini</t>
  </si>
  <si>
    <t>12/16/2019 15:20:57</t>
  </si>
  <si>
    <t>\\acsfs\profiles$\maxmillianosv\Saved Games\</t>
  </si>
  <si>
    <t>\\acsfs\profiles$\maxmillianosv\Saved Games\desktop.ini</t>
  </si>
  <si>
    <t>12/16/2019 15:20:58</t>
  </si>
  <si>
    <t>12/16/2019 15:21:13</t>
  </si>
  <si>
    <t>\\acsfs\profiles$\maxmillianosv\Favorites\Links for Brasil\desktop.ini</t>
  </si>
  <si>
    <t>12/16/2019 15:21:15</t>
  </si>
  <si>
    <t>12/16/2019 15:21:16</t>
  </si>
  <si>
    <t>12/16/2019 15:23:14</t>
  </si>
  <si>
    <t>\\cppfs\cpdeptos\CPC\3 - Acompanhamento\CORRENTISTA\Boletim Semanal\Boletim Semanal_016 12- Comercial Algar.pptx\</t>
  </si>
  <si>
    <t>12/16/2019 15:22:17</t>
  </si>
  <si>
    <t>12/16/2019 15:19:56</t>
  </si>
  <si>
    <t>claudineiavc@algartech.com.br;</t>
  </si>
  <si>
    <t>ENC: Produtividade CRCe Novembro - Fechamento</t>
  </si>
  <si>
    <t>claudineiavc@algartech.com.br</t>
  </si>
  <si>
    <t>12/16/2019 15:22:01</t>
  </si>
  <si>
    <t>12/16/2019 15:22:25</t>
  </si>
  <si>
    <t>12/16/2019 15:22:37</t>
  </si>
  <si>
    <t>12/16/2019 15:22:46</t>
  </si>
  <si>
    <t>12/16/2019 15:23:07</t>
  </si>
  <si>
    <t>12/16/2019 15:24:14</t>
  </si>
  <si>
    <t>12/16/2019 15:21:52</t>
  </si>
  <si>
    <t>12/16/2019 15:23:59</t>
  </si>
  <si>
    <t>12/16/2019 15:25:14</t>
  </si>
  <si>
    <t>ec7d408d-1330-4e94-9563-c3c8df9a6629.tmp</t>
  </si>
  <si>
    <t>\\acsfs\profiles$\laurandos\Downloads\ec7d408d-1330-4e94-9563-c3c8df9a6629.tmp</t>
  </si>
  <si>
    <t>12/16/2019 15:20:41</t>
  </si>
  <si>
    <t>12/16/2019 15:26:14</t>
  </si>
  <si>
    <t>http:///batch?%24ct=multipart%2Fmixed%3B%20boundary%3D%22%3D%3D%3D%3D%3Div0ckchfq4hp%3D%3D%3D%3D%3D%22&amp;key=AIzaSyAy9VVXHSpS2IJpptzYtGbLP3-3_l0aBk4</t>
  </si>
  <si>
    <t>12/16/2019 15:21:18</t>
  </si>
  <si>
    <t>http:///batch?%24ct=multipart%2Fmixed%3B%20boundary%3D%22%3D%3D%3D%3D%3Dclbt8f907udo%3D%3D%3D%3D%3D%22&amp;key=AIzaSyAy9VVXHSpS2IJpptzYtGbLP3-3_l0aBk4</t>
  </si>
  <si>
    <t>12/16/2019 15:21:19</t>
  </si>
  <si>
    <t>http:///batch?%24ct=multipart%2Fmixed%3B%20boundary%3D%22%3D%3D%3D%3D%3D6yceuvfohmtz%3D%3D%3D%3D%3D%22&amp;key=AIzaSyAy9VVXHSpS2IJpptzYtGbLP3-3_l0aBk4</t>
  </si>
  <si>
    <t>12/16/2019 15:21:20</t>
  </si>
  <si>
    <t>http:///batch?%24ct=multipart%2Fmixed%3B%20boundary%3D%22%3D%3D%3D%3D%3D9ls8plhbzbng%3D%3D%3D%3D%3D%22&amp;key=AIzaSyAy9VVXHSpS2IJpptzYtGbLP3-3_l0aBk4</t>
  </si>
  <si>
    <t>12/16/2019 15:21:02</t>
  </si>
  <si>
    <t>0e839a66-353e-4491-b027-b1dd951a8308.tmp</t>
  </si>
  <si>
    <t>\\acsfs\profiles$\gabrielamdp\Downloads\0e839a66-353e-4491-b027-b1dd951a8308.tmp</t>
  </si>
  <si>
    <t>12/16/2019 15:22:00</t>
  </si>
  <si>
    <t>cf7186df-1940-4b4e-ab4c-d82926003347.tmp</t>
  </si>
  <si>
    <t>\\acsfs\profiles$\gabrielamdp\Downloads\cf7186df-1940-4b4e-ab4c-d82926003347.tmp</t>
  </si>
  <si>
    <t>12/16/2019 15:22:54</t>
  </si>
  <si>
    <t>acbe4978-d139-4d21-b374-c23a5813cd51.tmp</t>
  </si>
  <si>
    <t>\\acsfs\profiles$\gabrielamdp\Downloads\acbe4978-d139-4d21-b374-c23a5813cd51.tmp</t>
  </si>
  <si>
    <t>12/16/2019 15:24:13</t>
  </si>
  <si>
    <t>12/16/2019 15:25:05</t>
  </si>
  <si>
    <t>12/16/2019 15:23:10</t>
  </si>
  <si>
    <t>12/16/2019 15:27:14</t>
  </si>
  <si>
    <t>12/16/2019 15:23:43</t>
  </si>
  <si>
    <t>12/16/2019 15:28:14</t>
  </si>
  <si>
    <t>8daf15a1-ad5f-43b1-a9ed-ce677fc53afb.tmp</t>
  </si>
  <si>
    <t>\\acsfs\profiles$\layonmof\Downloads\8daf15a1-ad5f-43b1-a9ed-ce677fc53afb.tmp</t>
  </si>
  <si>
    <t>12/16/2019 15:24:12</t>
  </si>
  <si>
    <t>3f303c45-cdba-49a1-bec7-c1bc7931e59a.tmp</t>
  </si>
  <si>
    <t>\\acsfs\profiles$\layonmof\Downloads\3f303c45-cdba-49a1-bec7-c1bc7931e59a.tmp</t>
  </si>
  <si>
    <t>12/16/2019 15:25:06</t>
  </si>
  <si>
    <t>413bd411-44d9-4629-9c0a-f2e4b7d0aa20.tmp</t>
  </si>
  <si>
    <t>\\acsfs\profiles$\layonmof\Downloads\413bd411-44d9-4629-9c0a-f2e4b7d0aa20.tmp</t>
  </si>
  <si>
    <t>12/16/2019 15:26:52</t>
  </si>
  <si>
    <t>12/16/2019 15:29:14</t>
  </si>
  <si>
    <t>12/16/2019 15:27:52</t>
  </si>
  <si>
    <t>12/16/2019 15:25:37</t>
  </si>
  <si>
    <t>12/16/2019 15:30:14</t>
  </si>
  <si>
    <t>cb5d7f95-6225-46ea-a373-9502c2d6a79c.tmp</t>
  </si>
  <si>
    <t>\\acsfs\profiles$\laurandos\Downloads\cb5d7f95-6225-46ea-a373-9502c2d6a79c.tmp</t>
  </si>
  <si>
    <t>12/16/2019 15:28:05</t>
  </si>
  <si>
    <t>alexandremdo@algartech.com;claudiac.machado@bradesco.com.br;gina.cervelli@bradesco.com.br;leandrolds@algartech.com;mariliafsc@algartech.com;patriciaac@algartech.com;paulohm@algartech.com;sarah.henrique@bradesco.com.br;victormg@algartech.com;vivianeppe@algartech.com;</t>
  </si>
  <si>
    <t>alexandremdo@algartech.com,claudiac.machado@bradesco.com.br,gina.cervelli@bradesco.com.br,leandrolds@algartech.com,mariliafsc@algartech.com,patriciaac@algartech.com,paulohm@algartech.com,sarah.henrique@bradesco.com.br,victormg@algartech.com,vivianeppe@algartech.com</t>
  </si>
  <si>
    <t>12/16/2019 15:29:20</t>
  </si>
  <si>
    <t>12/16/2019 15:27:04</t>
  </si>
  <si>
    <t>12/16/2019 15:31:15</t>
  </si>
  <si>
    <t>12/16/2019 15:30:17</t>
  </si>
  <si>
    <t>3417e52d-0936-4785-ac36-711f1f2a410f.tmp</t>
  </si>
  <si>
    <t>\\acsfs\profiles$\adrielyas\Downloads\3417e52d-0936-4785-ac36-711f1f2a410f.tmp</t>
  </si>
  <si>
    <t>12/16/2019 15:27:42</t>
  </si>
  <si>
    <t>12/16/2019 15:32:14</t>
  </si>
  <si>
    <t>3dd4644a-b52c-4e09-96bc-d29a8341263b.tmp</t>
  </si>
  <si>
    <t>\\acsfs\profiles$\erichds\Downloads\3dd4644a-b52c-4e09-96bc-d29a8341263b.tmp</t>
  </si>
  <si>
    <t>12/16/2019 15:27:51</t>
  </si>
  <si>
    <t>12/16/2019 15:28:47</t>
  </si>
  <si>
    <t>\\acsfs\profiles$\maxmillianosv\Favorites\NetScaler Gateway.url\</t>
  </si>
  <si>
    <t>\\acsfs\profiles$\maxmillianosv\Favorites\NetScaler Gateway.url\:favicon:$DATA</t>
  </si>
  <si>
    <t>12/16/2019 15:31:29</t>
  </si>
  <si>
    <t>12/16/2019 15:33:14</t>
  </si>
  <si>
    <t>Duvidas.xlsx</t>
  </si>
  <si>
    <t>12/16/2019 15:30:07</t>
  </si>
  <si>
    <t>12/16/2019 15:30:27</t>
  </si>
  <si>
    <t>12/16/2019 15:30:38</t>
  </si>
  <si>
    <t>12/16/2019 15:30:42</t>
  </si>
  <si>
    <t>12/16/2019 15:30:55</t>
  </si>
  <si>
    <t>12/16/2019 15:31:03</t>
  </si>
  <si>
    <t>12/16/2019 15:32:52</t>
  </si>
  <si>
    <t>12/16/2019 15:34:14</t>
  </si>
  <si>
    <t>12/16/2019 15:35:14</t>
  </si>
  <si>
    <t>12/16/2019 15:34:33</t>
  </si>
  <si>
    <t>12/16/2019 15:31:30</t>
  </si>
  <si>
    <t>12/16/2019 15:36:14</t>
  </si>
  <si>
    <t>mail.google.com/_/upload?authuser=1&amp;dcp=asu-n&amp;upload_id=AEnB2UpyONhvcKhTopI4J7RV0K1mGeBTnKb_XzD6ELkFseKJJpJHHX2rEVMCk3LO5becYeq_ZTUgQ9qst2jqGT-z5nEfNpegIDaG_ItI0OTfW0vieintdPI&amp;upload_protocol=resumable</t>
  </si>
  <si>
    <t>12/16/2019 15:30:37</t>
  </si>
  <si>
    <t>Unconfirmed 239370.crdownload</t>
  </si>
  <si>
    <t>\\acsfs\profiles$\adrielyas\Downloads\Unconfirmed 239370.crdownload</t>
  </si>
  <si>
    <t>12/16/2019 15:34:51</t>
  </si>
  <si>
    <t>12/16/2019 15:38:14</t>
  </si>
  <si>
    <t>12/16/2019 15:35:15</t>
  </si>
  <si>
    <t>12/16/2019 15:38:00</t>
  </si>
  <si>
    <t>12/16/2019 15:33:52</t>
  </si>
  <si>
    <t>12/16/2019 15:39:14</t>
  </si>
  <si>
    <t>12/16/2019 15:36:31</t>
  </si>
  <si>
    <t>12/16/2019 15:36:32</t>
  </si>
  <si>
    <t>12/16/2019 15:36:34</t>
  </si>
  <si>
    <t>12/16/2019 15:36:35</t>
  </si>
  <si>
    <t>12/16/2019 15:36:37</t>
  </si>
  <si>
    <t>12/16/2019 15:36:39</t>
  </si>
  <si>
    <t>12/16/2019 15:36:40</t>
  </si>
  <si>
    <t>12/16/2019 15:36:41</t>
  </si>
  <si>
    <t>12/16/2019 15:36:42</t>
  </si>
  <si>
    <t>12/16/2019 15:36:44</t>
  </si>
  <si>
    <t>12/16/2019 15:36:47</t>
  </si>
  <si>
    <t>12/16/2019 15:36:48</t>
  </si>
  <si>
    <t>12/16/2019 15:36:49</t>
  </si>
  <si>
    <t>12/16/2019 15:36:51</t>
  </si>
  <si>
    <t>12/16/2019 15:36:52</t>
  </si>
  <si>
    <t>12/16/2019 15:36:53</t>
  </si>
  <si>
    <t>12/16/2019 15:36:55</t>
  </si>
  <si>
    <t>12/16/2019 15:36:56</t>
  </si>
  <si>
    <t>12/16/2019 15:36:57</t>
  </si>
  <si>
    <t>12/16/2019 15:36:59</t>
  </si>
  <si>
    <t>12/16/2019 15:37:00</t>
  </si>
  <si>
    <t>12/16/2019 15:37:01</t>
  </si>
  <si>
    <t>12/16/2019 15:37:02</t>
  </si>
  <si>
    <t>12/16/2019 15:37:04</t>
  </si>
  <si>
    <t>12/16/2019 15:37:05</t>
  </si>
  <si>
    <t>12/16/2019 15:37:06</t>
  </si>
  <si>
    <t>12/16/2019 15:37:08</t>
  </si>
  <si>
    <t>12/16/2019 15:37:09</t>
  </si>
  <si>
    <t>12/16/2019 15:37:10</t>
  </si>
  <si>
    <t>12/16/2019 15:37:11</t>
  </si>
  <si>
    <t>12/16/2019 15:37:12</t>
  </si>
  <si>
    <t>12/16/2019 15:37:14</t>
  </si>
  <si>
    <t>12/16/2019 15:37:16</t>
  </si>
  <si>
    <t>12/16/2019 15:37:17</t>
  </si>
  <si>
    <t>12/16/2019 15:37:18</t>
  </si>
  <si>
    <t>12/16/2019 15:37:20</t>
  </si>
  <si>
    <t>12/16/2019 15:37:21</t>
  </si>
  <si>
    <t>12/16/2019 15:37:22</t>
  </si>
  <si>
    <t>12/16/2019 15:37:23</t>
  </si>
  <si>
    <t>12/16/2019 15:37:40</t>
  </si>
  <si>
    <t>12/16/2019 15:40:15</t>
  </si>
  <si>
    <t>12/16/2019 15:37:56</t>
  </si>
  <si>
    <t>12/16/2019 15:41:14</t>
  </si>
  <si>
    <t>http:///batch?%24ct=multipart%2Fmixed%3B%20boundary%3D%22%3D%3D%3D%3D%3Dvg9gypeht05q%3D%3D%3D%3D%3D%22&amp;key=AIzaSyAy9VVXHSpS2IJpptzYtGbLP3-3_l0aBk4</t>
  </si>
  <si>
    <t>12/16/2019 15:37:59</t>
  </si>
  <si>
    <t>http:///batch?%24ct=multipart%2Fmixed%3B%20boundary%3D%22%3D%3D%3D%3D%3Dbqtftgxd39b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mission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mission,permissionid,picture,shared,sharedwithmedate,thumbnailversion,title,userpermission(role),workspaceids</t>
  </si>
  <si>
    <t>http:///batch?%24ct=multipart%2Fmixed%3B%20boundary%3D%22%3D%3D%3D%3D%3Dblujgfxs62lj%3D%3D%3D%3D%3D%22&amp;key=AIzaSyAy9VVXHSpS2IJpptzYtGbLP3-3_l0aBk4</t>
  </si>
  <si>
    <t>12/16/2019 15:38:03</t>
  </si>
  <si>
    <t>http:///batch?%24ct=multipart%2Fmixed%3B%20boundary%3D%22%3D%3D%3D%3D%3Dak8cv26twf13%3D%3D%3D%3D%3D%22&amp;key=AIzaSyAy9VVXHSpS2IJpptzYtGbLP3-3_l0aBk4</t>
  </si>
  <si>
    <t>12/16/2019 15:38:04</t>
  </si>
  <si>
    <t>http:///batch?%24ct=multipart%2Fmixed%3B%20boundary%3D%22%3D%3D%3D%3D%3Dvfhupr7lwuzq%3D%3D%3D%3D%3D%22&amp;key=AIzaSyAy9VVXHSpS2IJpptzYtGbLP3-3_l0aBk4</t>
  </si>
  <si>
    <t>12/16/2019 15:38:08</t>
  </si>
  <si>
    <t>http:///batch?%24ct=multipart%2Fmixed%3B%20boundary%3D%22%3D%3D%3D%3D%3D3kv5xtt3fwb0%3D%3D%3D%3D%3D%22&amp;key=AIzaSyAy9VVXHSpS2IJpptzYtGbLP3-3_l0aBk4</t>
  </si>
  <si>
    <t>ancestorhasaugmentedpermissions;containsunsubscribedchildren;displayname;domain;emaila;emailaddress;file(kind;fileid;filesize;hasthumbnail;hasvisitorpermissions;id;id);items(deleted;items(kind;ken;kind;lastmodifyinguser(kind;lastviewedbymedate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ancestorhasaugmentedpermissions,containsunsubscribedchildren,displayname,domain,emaila,emailaddress,file(kind,fileid,filesize,hasthumbnail,hasvisitorpermissions,id,id),items(deleted,items(kind,ken,kind,lastmodifyinguser(kind,lastviewedbymedate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11</t>
  </si>
  <si>
    <t>http:///batch?%24ct=multipart%2Fmixed%3B%20boundary%3D%22%3D%3D%3D%3D%3Dqr93qgnm5oy0%3D%3D%3D%3D%3D%22&amp;key=AIzaSyAy9VVXHSpS2IJpptzYtGbLP3-3_l0aBk4</t>
  </si>
  <si>
    <t>12/16/2019 15:38:12</t>
  </si>
  <si>
    <t>http:///batch?%24ct=multipart%2Fmixed%3B%20boundary%3D%22%3D%3D%3D%3D%3D67lppi6vk88d%3D%3D%3D%3D%3D%22&amp;key=AIzaSyAy9VVXHSpS2IJpptzYtGbLP3-3_l0aBk4</t>
  </si>
  <si>
    <t>12/16/2019 15:38:13</t>
  </si>
  <si>
    <t>http:///batch?%24ct=multipart%2Fmixed%3B%20boundary%3D%22%3D%3D%3D%3D%3Dr3gd1akizm9a%3D%3D%3D%3D%3D%22&amp;key=AIzaSyAy9VVXHSpS2IJpptzYtGbLP3-3_l0aBk4</t>
  </si>
  <si>
    <t>12/16/2019 15:38:19</t>
  </si>
  <si>
    <t>0;0.241;0.241];0.668;0];1015339;1047354;1136919;113xrufp6r1bdxs2j9tq9ythihnkzqldedpmiu1aidr8;1145945;1189409;12.510000000474975;12.854];1271074;1291535;1315340;136.723;1393095;13jemz0p4uedw-apqc0wxpv7nebwjngrx5vgmkgxn5aq;1576521476353000];1576521479215000;1576521479313000;1600];1600]];1618749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749999999650754;200];21.464;21.464];2805;2805];2];3;3.2049999999799184;33.212;33.212];4;4.0300000000570435;4.1650000002846355;4.374999999527063;4.843;4.84500000038679;4.950000000462751;4479749;4482109;499.97999999959575;5;546.6999999998734;551.0649999996531;552.5099999995291;552.7300000003379;552.929999999833;552.9950000000099;594.5050000000265;6;6.009];659.359999999651</t>
  </si>
  <si>
    <t>http://0,0.241,0.241],0.668,0],1015339,1047354,1136919,113xrufp6r1bdxs2j9tq9ythihnkzqldedpmiu1aidr8,1145945,1189409,12.510000000474975,12.854],1271074,1291535,1315340,136.723,1393095,13jemz0p4uedw-apqc0wxpv7nebwjngrx5vgmkgxn5aq,1576521476353000],1576521479215000,1576521479313000,1600],1600]],1618749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749999999650754,200],21.464,21.464],2805,2805],2],3,3.2049999999799184,33.212,33.212],4,4.0300000000570435,4.1650000002846355,4.374999999527063,4.843,4.84500000038679,4.950000000462751,4479749,4482109,499.97999999959575,5,546.6999999998734,551.0649999996531,552.5099999995291,552.7300000003379,552.929999999833,552.9950000000099,594.5050000000265,6,6.009],659.35999</t>
  </si>
  <si>
    <t>0;0.241;0.241];0.668;0];1015339;1047354;1136919;113xrufp6r1bdxs2j9tq9ythihnkzqldedpmiu1aidr8;1145945;1189409;12.510000000474975;12.854];1271074;1291535;13.59;1315340;136.56499999979133;136.723;1393095;13jemz0p4uedw-apqc0wxpv7nebwjngrx5vgmkgxn5aq;15.344;15.344];15.552;15.552];1576521476353000];1576521479215000;1576521479313000;1597.596];1600];1600]];1618749;171.75999999926717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749999999650754;2.794999999423453;2.8050000000803266;200];21.464;21.464];21.7;21.7];2805;2805];2];3;3.2049999999799184;3.485000000182481;3.960000000006403;33.212;33.212];38.19];4;4.0300000000570435;4.1650000002846355;4.374999999527063;4.843;4.84500000038679;4.950000000462751;4479749;4482</t>
  </si>
  <si>
    <t>http://0,0.241,0.241],0.668,0],1015339,1047354,1136919,113xrufp6r1bdxs2j9tq9ythihnkzqldedpmiu1aidr8,1145945,1189409,12.510000000474975,12.854],1271074,1291535,13.59,1315340,136.56499999979133,136.723,1393095,13jemz0p4uedw-apqc0wxpv7nebwjngrx5vgmkgxn5aq,15.344,15.344],15.552,15.552],1576521476353000],1576521479215000,1576521479313000,1597.596],1600],1600]],1618749,171.75999999926717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749999999650754,2.794999999423453,2.8050000000803266,200],21.464,21.464],21.7,21.7],2805,2805],2],3,3.2049999999799184,3.485000000182481,3.960000000006403,33.212,33.212],38.19],4,4.0300000000570435,4.1650000002846355,4.374999999527063,4.843,4.84500000038679,4.950000000462751,44797</t>
  </si>
  <si>
    <t>0;0.241;0.241];0.668;0];1015339;1047354;1136919;113xrufp6r1bdxs2j9tq9ythihnkzqldedpmiu1aidr8;1145945;1189409;12.510000000474975;12.854];1271074;1291535;13.59;1315340;136.56499999979133;136.723;1393095;13jemz0p4uedw-apqc0wxpv7nebwjngrx5vgmkgxn5aq;148.8099999996848;15.344;15.344];15.552;15.552];1576521476353000];1576521479215000;1576521479313000;1597.596];1600];1600]];1618749;171.75999999926717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749999999650754;2.794999999423453;2.8050000000803266;200];21.464;21.464];21.7;21.7];2805;2805];2];3;3.2049999999799184;3.485000000182481;3.960000000006403;33.212;33.212];38.19];4;4.0300000000570435;4.1650000002846355;4.374999999527063;4.843;4.84500000038679;4.9500000004</t>
  </si>
  <si>
    <t>http://0,0.241,0.241],0.668,0],1015339,1047354,1136919,113xrufp6r1bdxs2j9tq9ythihnkzqldedpmiu1aidr8,1145945,1189409,12.510000000474975,12.854],1271074,1291535,13.59,1315340,136.56499999979133,136.723,1393095,13jemz0p4uedw-apqc0wxpv7nebwjngrx5vgmkgxn5aq,148.8099999996848,15.344,15.344],15.552,15.552],1576521476353000],1576521479215000,1576521479313000,1597.596],1600],1600]],1618749,171.75999999926717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749999999650754,2.794999999423453,2.8050000000803266,200],21.464,21.464],21.7,21.7],2805,2805],2],3,3.2049999999799184,3.485000000182481,3.960000000006403,33.212,33.212],38.19],4,4.0300000000570435,4.1650000002846355,4.374999999527063,4.843,4.84500000038679,4.950</t>
  </si>
  <si>
    <t>12/16/2019 15:38:20</t>
  </si>
  <si>
    <t>0;0.241;0.241];0.668;0];1.3550000003306195;1015339;1047354;11.224;1136919;113xrufp6r1bdxs2j9tq9ythihnkzqldedpmiu1aidr8;1145945;1189409;12.510000000474975;12.854];1271074;1291535;13.59;1315340;136.56499999979133;136.723;1393095;13jemz0p4uedw-apqc0wxpv7nebwjngrx5vgmkgxn5aq;148.8099999996848;15.344;15.344];15.552;15.552];1576521476353000];1576521479215000;1576521479313000;1597.596];1600];1600]];1618749;171.75999999926717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5349999996251427;2.569999999650463;2.749999999650754;2.794999999423453;2.8050000000803266;2.8899999997520354;200];21.464;21.464];21.7;21.7];2805;2805];2];3;3.2049999999799184;3.485000000182481;3.960000000006403;30.255];33.212;33.212];38.19];4;4</t>
  </si>
  <si>
    <t>http://0,0.241,0.241],0.668,0],1.3550000003306195,1015339,1047354,11.224,1136919,113xrufp6r1bdxs2j9tq9ythihnkzqldedpmiu1aidr8,1145945,1189409,12.510000000474975,12.854],1271074,1291535,13.59,1315340,136.56499999979133,136.723,1393095,13jemz0p4uedw-apqc0wxpv7nebwjngrx5vgmkgxn5aq,148.8099999996848,15.344,15.344],15.552,15.552],1576521476353000],1576521479215000,1576521479313000,1597.596],1600],1600]],1618749,171.75999999926717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5349999996251427,2.569999999650463,2.749999999650754,2.794999999423453,2.8050000000803266,2.8899999997520354,200],21.464,21.464],21.7,21.7],2805,2805],2],3,3.2049999999799184,3.485000000182481,3.960000000006403,30.255],33.212,33.212],38.</t>
  </si>
  <si>
    <t>0;0.241;0.241];0.444;0.668;0.693];0];1;1.3550000003306195;10;1015339;1047354;11;11.224;1136919;113xrufp6r1bdxs2j9tq9ythihnkzqldedpmiu1aidr8;1145945;1189409;1193;12.510000000474975;12.854];1271074;1291535;13;13.59;1315340;136.56499999979133;136.723;1393095;13jemz0p4uedw-apqc0wxpv7nebwjngrx5vgmkgxn5aq;14.640000000326836;148.8099999996848;15.344;15.344];15.552;15.552];1576521476353000];1576521479215000;1576521479313000;1576521479926000;1576521483027000;1576521483028000;1576521485668000;1597.596];15];1600];1600]];1618749;169;170;171.75999999926717;18.554999999651045;18.699999999626016;193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3700000001554145;2.462;2.5349999996251427;2.569999999650463;2.749999999650754;2.794999999423453;2.80500000008032</t>
  </si>
  <si>
    <t>http://0,0.241,0.241],0.444,0.668,0.693],0],1,1.3550000003306195,10,1015339,1047354,11,11.224,1136919,113xrufp6r1bdxs2j9tq9ythihnkzqldedpmiu1aidr8,1145945,1189409,1193,12.510000000474975,12.854],1271074,1291535,13,13.59,1315340,136.56499999979133,136.723,1393095,13jemz0p4uedw-apqc0wxpv7nebwjngrx5vgmkgxn5aq,14.640000000326836,148.8099999996848,15.344,15.344],15.552,15.552],1576521476353000],1576521479215000,1576521479313000,1576521479926000,1576521483027000,1576521483028000,1576521485668000,1597.596],15],1600],1600]],1618749,169,170,171.75999999926717,18.554999999651045,18.699999999626016,193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3700000001554145,2.462,2.5349999996251427,2.569999999650463,2.749999999650754,2.794999999423453,2.8050000</t>
  </si>
  <si>
    <t>0;0.241;0.241];0.444;0.668;0.693];0];1;1.3550000003306195;10;1015339;1047354;11;11.224;11196]]];1136919;113xrufp6r1bdxs2j9tq9ythihnkzqldedpmiu1aidr8;1145945;1189409;1193;1193];11miheompnvjqp_gccloczwo8w8naiwybj-wo5-3sbda;12;12.510000000474975;12.854];1271074;1291535;13;13.59;1315340;136.56499999979133;136.723;1393095;13jemz0p4uedw-apqc0wxpv7nebwjngrx5vgmkgxn5aq;14;14.640000000326836;148.8099999996848;15;15.344;15.344];15.552;15.552];15765;1576521476353000];1576521479215000;1576521479313000;1576521479926000;1576521483027000;1576521483028000;1576521485668000;1576521485930000;1576521485953000;1576521499728000;1597.596];15];1600];1600]];1618749;169;170;171.75999999926717;18.554999999651045;18.699999999626016;193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</t>
  </si>
  <si>
    <t>http://0,0.241,0.241],0.444,0.668,0.693],0],1,1.3550000003306195,10,1015339,1047354,11,11.224,11196]]],1136919,113xrufp6r1bdxs2j9tq9ythihnkzqldedpmiu1aidr8,1145945,1189409,1193,1193],11miheompnvjqp_gccloczwo8w8naiwybj-wo5-3sbda,12,12.510000000474975,12.854],1271074,1291535,13,13.59,1315340,136.56499999979133,136.723,1393095,13jemz0p4uedw-apqc0wxpv7nebwjngrx5vgmkgxn5aq,14,14.640000000326836,148.8099999996848,15,15.344,15.344],15.552,15.552],15765,1576521476353000],1576521479215000,1576521479313000,1576521479926000,1576521483027000,1576521483028000,1576521485668000,1576521485930000,1576521485953000,1576521499728000,1597.596],15],1600],1600]],1618749,169,170,171.75999999926717,18.554999999651045,18.699999999626016,193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</t>
  </si>
  <si>
    <t>"mozilla/5.0 (windows nt 6.1) applewebkit/537.36 (khtml;0;0.241;0.241];0.444;0.668;0.693];0];1;1.3550000003306195;10;1015339;1047354;11;11.224;11196]]];1136919;113xrufp6r1bdxs2j9tq9ythihnkzqldedpmiu1aidr8;1145945;1189409;1193;1193];11miheompnvjqp_gccloczwo8w8naiwybj-wo5-3sbda;12;12.510000000474975;12.854];1271074;1291535;13;13.59;1315340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3701953;13701957;13701969;13702064;13702068;1393095;13jemz0p4uedw-apqc0wxpv7nebwjngrx5vgmkgxn5aq;14;14.640000000326836;148.8099999996848;15;15.344;15.344];15.552;15.552];15765;1576521475146000;1576521475576000;1576521476353000];</t>
  </si>
  <si>
    <t>http://"mozilla/5.0 (windows nt 6.1) applewebkit/537.36 (khtml,0,0.241,0.241],0.444,0.668,0.693],0],1,1.3550000003306195,10,1015339,1047354,11,11.224,11196]]],1136919,113xrufp6r1bdxs2j9tq9ythihnkzqldedpmiu1aidr8,1145945,1189409,1193,1193],11miheompnvjqp_gccloczwo8w8naiwybj-wo5-3sbda,12,12.510000000474975,12.854],1271074,1291535,13,13.59,1315340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01921,13701953,13701957,13701969,13702064,13702068,1393095,13jemz0p4uedw-apqc0wxpv7nebwjngrx5vgmkgxn5aq,14,14.640000000326836,148.8099999996848,15,15.344,15.344],15.552,15.552],15765,1576521475146000,1576521475576000,15765214763</t>
  </si>
  <si>
    <t>12/16/2019 15:38:24</t>
  </si>
  <si>
    <t>http:///batch?%24ct=multipart%2Fmixed%3B%20boundary%3D%22%3D%3D%3D%3D%3Dwtx7q1wdefto%3D%3D%3D%3D%3D%22&amp;key=AIzaSyAy9VVXHSpS2IJpptzYtGbLP3-3_l0aBk4</t>
  </si>
  <si>
    <t>===== content-type;ancestorhasaugmentedpermissions;containsunsubscribedchildren;displayname;domain;emaila;emailaddress;file(kind;fileid;filesize;hasthumbnail;hasvisitorpermissions;id;id);items(deleted;items(kind;ken;kind;lastmodifyinguser(kind;lastviewedbymedate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===== content-type,ancestorhasaugmentedpermissions,containsunsubscribedchildren,displayname,domain,emaila,emailaddress,file(kind,fileid,filesize,hasthumbnail,hasvisitorpermissions,id,id),items(deleted,items(kind,ken,kind,lastmodifyinguser(kind,lastviewedbymedate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28</t>
  </si>
  <si>
    <t>http:///batch?%24ct=multipart%2Fmixed%3B%20boundary%3D%22%3D%3D%3D%3D%3Dibspgchfp3wb%3D%3D%3D%3D%3D%22&amp;key=AIzaSyAy9VVXHSpS2IJpptzYtGbLP3-3_l0aBk4</t>
  </si>
  <si>
    <t>http:///batch?%24ct=multipart%2Fmixed%3B%20boundary%3D%22%3D%3D%3D%3D%3Dr9hybqtl55do%3D%3D%3D%3D%3D%22&amp;key=AIzaSyAy9VVXHSpS2IJpptzYtGbLP3-3_l0aBk4</t>
  </si>
  <si>
    <t>===== content-type;ancestorhasaugmentedpermissions;containsunsubscribedchildren;displayname;domain;emaila;emailaddress;file(kind;fileid;filesize;hasthumbnail;hasvisitorpermissions;id;id);items(deleted;items(kind;ken;kind;lastmodifyi;lastmodifyinguser(kind;lastviewedb;lastviewedbymedate;loczwo8w8naiwybj-wo5-3sbda?fields=kind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===== content-type,ancestorhasaugmentedpermissions,containsunsubscribedchildren,displayname,domain,emaila,emailaddress,file(kind,fileid,filesize,hasthumbnail,hasvisitorpermissions,id,id),items(deleted,items(kind,ken,kind,lastmodifyi,lastmodifyinguser(kind,lastviewedb,lastviewedbymedate,loczwo8w8naiwybj-wo5-3sbda?fields=kind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31</t>
  </si>
  <si>
    <t>http:///batch?%24ct=multipart%2Fmixed%3B%20boundary%3D%22%3D%3D%3D%3D%3D8mc7r690ftfu%3D%3D%3D%3D%3D%22&amp;key=AIzaSyAy9VVXHSpS2IJpptzYtGbLP3-3_l0aBk4</t>
  </si>
  <si>
    <t>===== content-type;ancestorhasaugmentedpermissions;be8540afc47ac9f1e97e10ff5b4f6fba_u x-goog-authuser: 0 --=====8mc7r690ftfu=====-- &gt;(0)};containsunsubscribedchildren;displayname;domain;emaila;emailaddress;file(kind;fileid;filesize;hasthumbnail;hasvisitorpermissions;id;id);items(deleted;items(kind;ken;kind;lastmodifyi;lastmodifyinguser(kind;lastviewedb;lastviewedbymedate;loczwo8w8naiwybj-wo5-3sbda?fields=kind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===== content-type,ancestorhasaugmentedpermissions,be8540afc47ac9f1e97e10ff5b4f6fba_u x-goog-authuser: 0 --=====8mc7r690ftfu=====-- &gt;(0)},containsunsubscribedchildren,displayname,domain,emaila,emailaddress,file(kind,fileid,filesize,hasthumbnail,hasvisitorpermissions,id,id),items(deleted,items(kind,ken,kind,lastmodifyi,lastmodifyinguser(kind,lastviewedb,lastviewedbymedate,loczwo8w8naiwybj-wo5-3sbda?fields=kind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32</t>
  </si>
  <si>
    <t>http:///batch?%24ct=multipart%2Fmixed%3B%20boundary%3D%22%3D%3D%3D%3D%3Do3x9tfajc9ci%3D%3D%3D%3D%3D%22&amp;key=AIzaSyAy9VVXHSpS2IJpptzYtGbLP3-3_l0aBk4</t>
  </si>
  <si>
    <t>"img�;"mozilla/5.0 (windows nt 6.1) applewebkit/537.36 (khtml;0;0.241;0.241];0.444;0.668;0.693];0];1;1.3550000003306195;10;1015339;1047354;1073129;11;11.224;1112024;1116444;11196]]];1133434;1136919;113xrufp6r1bdxs2j9tq9ythihnkzqldedpmiu1aidr8;1145945;1189409;1193;1193];11miheompnvjqp_gccloczwo8w8naiwybj-wo5-3sbda;12;12.510000000474975;12.854];1257429;1271074;1291535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3701953;13701957;13701969;13702064;13702068;1393095;13jemz0p4uedw-apqc0wxpv7nebwjngrx5vgmkgxn5aq;14;14.640000000326836;1403404;1422439;1452804;148.8099999996848;15;15</t>
  </si>
  <si>
    <t>http://"img�,"mozilla/5.0 (windows nt 6.1) applewebkit/537.36 (khtml,0,0.241,0.241],0.444,0.668,0.693],0],1,1.3550000003306195,10,1015339,1047354,1073129,11,11.224,1112024,1116444,11196]]],1133434,1136919,113xrufp6r1bdxs2j9tq9ythihnkzqldedpmiu1aidr8,1145945,1189409,1193,1193],11miheompnvjqp_gccloczwo8w8naiwybj-wo5-3sbda,12,12.510000000474975,12.854],1257429,1271074,1291535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01921,13701953,13701957,13701969,13702064,13702068,1393095,13jemz0p4uedw-apqc0wxpv7nebwjngrx5vgmkgxn5aq,14,14.640000000326836,1403404,1422439,1452804,148.809999999684</t>
  </si>
  <si>
    <t>"img�;"mozilla/5.0 (windows nt 6.1) applewebkit/537.36 (khtml;0;0.241;0.241];0.444;0.668;0.693];0];1;1.3550000003306195;10;1015339;1047354;1073129;1074.6449999996912;109.21499999949447;11;11.224;1112024;1116444;11196]]];1133434;1136919;113xrufp6r1bdxs2j9tq9ythihnkzqldedpmiu1aidr8;1145945;1189409;1191.1999999992986;1193;1193];11miheompnvjqp_gccloczwo8w8naiwybj-wo5-3sbda;12;12.510000000474975;12.854];1257429;1271074;1291535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3701953;13701957;13701969;13702064;13702068;1393095;13jemz0p4uedw-apqc0wxpv7nebwjngrx5vgmkgxn5aq;14;14.640000</t>
  </si>
  <si>
    <t>http://"img�,"mozilla/5.0 (windows nt 6.1) applewebkit/537.36 (khtml,0,0.241,0.241],0.444,0.668,0.693],0],1,1.3550000003306195,10,1015339,1047354,1073129,1074.6449999996912,109.21499999949447,11,11.224,1112024,1116444,11196]]],1133434,1136919,113xrufp6r1bdxs2j9tq9ythihnkzqldedpmiu1aidr8,1145945,1189409,1191.1999999992986,1193,1193],11miheompnvjqp_gccloczwo8w8naiwybj-wo5-3sbda,12,12.510000000474975,12.854],1257429,1271074,1291535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01921,13701953,13701957,13701969,13702064,13702068,1393095,13jemz0p4uedw-apqc0wxpv7nebwjngrx5vgmkgxn5aq,14,14</t>
  </si>
  <si>
    <t>"img�;"mozilla/5.0 (windows nt 6.1) applewebkit/537.36 (khtml;%3d%3d%3d%3d%3d%22&amp;key=aizasyay9vvxhsps2ijpptzytgblp3-3_l0abk4";0;0.241;0.241];0.444;0.668;0.693];0];1;1.3550000003306195;10;1015339;1047354;1073129;1074.6449999996912;109.21499999949447;11;11.224;1112024;1116444;11196]]];1133434;1136919;113xrufp6r1bdxs2j9tq9ythihnkzqldedpmiu1aidr8;1145945;1189409;1191.1999999992986;1193;1193];11miheompnvjqp_gccloczwo8w8naiwybj-wo5-3sbda;12;12.510000000474975;12.791];12.854];124.1200000004028;1257429;1271074;1291535;1296.3349999999991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</t>
  </si>
  <si>
    <t>http://"img�,"mozilla/5.0 (windows nt 6.1) applewebkit/537.36 (khtml,%3d%3d%3d%3d%3d%22&amp;key=aizasyay9vvxhsps2ijpptzytgblp3-3_l0abk4",0,0.241,0.241],0.444,0.668,0.693],0],1,1.3550000003306195,10,1015339,1047354,1073129,1074.6449999996912,109.21499999949447,11,11.224,1112024,1116444,11196]]],1133434,1136919,113xrufp6r1bdxs2j9tq9ythihnkzqldedpmiu1aidr8,1145945,1189409,1191.1999999992986,1193,1193],11miheompnvjqp_gccloczwo8w8naiwybj-wo5-3sbda,12,12.510000000474975,12.791],12.854],124.1200000004028,1257429,1271074,1291535,1296.3349999999991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</t>
  </si>
  <si>
    <t>"img�;"mozilla/5.0 (windows nt 6.1) applewebkit/537.36 (khtml;%3d%3d%3d%3d%3d%22&amp;key=aizasyay9vvxhsps2ijpptzytgblp3-3_l0abk4";0;0.241;0.241];0.444;0.668;0.693];0];1;1.3550000003306195;1.425;10;100.46999999940454;1015339;1047354;105.03999999946245;106.380000000172;106.4249999999447;106.6000000000713;106.72000000067783;1073129;1074.6449999996912;109.21499999949447;109.60499999964668;109.65999999916676;11;11.224;110.36500000045635;1112024;1116444;11196]]];113.33999999988009;1133434;1136919;113xrufp6r1bdxs2j9tq9ythihnkzqldedpmiu1aidr8;1145945;1189409;1191.1999999992986;1193;1193];11miheompnvjqp_gccloczwo8w8naiwybj-wo5-3sbda;12;12.38;12.510000000474975;12.791];12.854];124.1200000004028;1257429;1271074;1291535;1296.3349999999991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</t>
  </si>
  <si>
    <t>http://"img�,"mozilla/5.0 (windows nt 6.1) applewebkit/537.36 (khtml,%3d%3d%3d%3d%3d%22&amp;key=aizasyay9vvxhsps2ijpptzytgblp3-3_l0abk4",0,0.241,0.241],0.444,0.668,0.693],0],1,1.3550000003306195,1.425,10,100.46999999940454,1015339,1047354,105.03999999946245,106.380000000172,106.4249999999447,106.6000000000713,106.72000000067783,1073129,1074.6449999996912,109.21499999949447,109.60499999964668,109.65999999916676,11,11.224,110.36500000045635,1112024,1116444,11196]]],113.33999999988009,1133434,1136919,113xrufp6r1bdxs2j9tq9ythihnkzqldedpmiu1aidr8,1145945,1189409,1191.1999999992986,1193,1193],11miheompnvjqp_gccloczwo8w8naiwybj-wo5-3sbda,12,12.38,12.510000000474975,12.791],12.854],124.1200000004028,1257429,1271074,1291535,1296.3349999999991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</t>
  </si>
  <si>
    <t>12/16/2019 15:37:32</t>
  </si>
  <si>
    <t>12/16/2019 15:37:07</t>
  </si>
  <si>
    <t>12/16/2019 15:42:15</t>
  </si>
  <si>
    <t>12/16/2019 15:37:13</t>
  </si>
  <si>
    <t>http://qlikview.algartecnologia.com.br/qvajaxzfc/accesspoint.aspx?mark=&amp;platform=browser.&amp;dpi=96</t>
  </si>
  <si>
    <t>12/16/2019 15:37:15</t>
  </si>
  <si>
    <t>12/16/2019 15:37:19</t>
  </si>
  <si>
    <t>12/16/2019 15:38:52</t>
  </si>
  <si>
    <t>12/16/2019 15:44:14</t>
  </si>
  <si>
    <t>12/16/2019 15:39:52</t>
  </si>
  <si>
    <t>12/16/2019 15:45:15</t>
  </si>
  <si>
    <t>12/16/2019 15:42:32</t>
  </si>
  <si>
    <t>b88c1c6b-cc22-4068-b314-3f1f5addb9e4.tmp</t>
  </si>
  <si>
    <t>\\acsfs\profiles$\ayalabfi\Downloads\b88c1c6b-cc22-4068-b314-3f1f5addb9e4.tmp</t>
  </si>
  <si>
    <t>12/16/2019 15:41:13</t>
  </si>
  <si>
    <t>12/16/2019 15:46:14</t>
  </si>
  <si>
    <t>fa3efe04-ae8b-49c5-aa06-bb43ca01de1a.tmp</t>
  </si>
  <si>
    <t>\\acsfs\profiles$\marcileiasdm\Downloads\fa3efe04-ae8b-49c5-aa06-bb43ca01de1a.tmp</t>
  </si>
  <si>
    <t>12/16/2019 15:43:24</t>
  </si>
  <si>
    <t>b904e977-f236-4e9b-958a-76da3eb2f9d0.tmp</t>
  </si>
  <si>
    <t>\\acsfs\profiles$\marcileiasdm\Downloads\b904e977-f236-4e9b-958a-76da3eb2f9d0.tmp</t>
  </si>
  <si>
    <t>12/16/2019 15:42:02</t>
  </si>
  <si>
    <t>12/16/2019 15:43:31</t>
  </si>
  <si>
    <t>12/16/2019 15:46:04</t>
  </si>
  <si>
    <t>12/16/2019 15:48:14</t>
  </si>
  <si>
    <t>12/16/2019 15:46:29</t>
  </si>
  <si>
    <t>12/16/2019 15:47:38</t>
  </si>
  <si>
    <t>https://algar.folhasinergyrh.com.br/afastamento/upload?id=0&amp;idsolicitacao=15281</t>
  </si>
  <si>
    <t>06/12/2019;</t>
  </si>
  <si>
    <t>ATESTADO - VERONICA.zip</t>
  </si>
  <si>
    <t>https://06/12/2019</t>
  </si>
  <si>
    <t>C:\Users\robsonams\Desktop\ATESTADO - VERONICA.zip\</t>
  </si>
  <si>
    <t>ATESTADO - VERONICA.pdf</t>
  </si>
  <si>
    <t>12/16/2019 15:43:46</t>
  </si>
  <si>
    <t>12/16/2019 15:49:15</t>
  </si>
  <si>
    <t>c3e9eca0-7d19-4e42-a65c-561a44d3f5f5.tmp</t>
  </si>
  <si>
    <t>\\acsfs\profiles$\yurics\Downloads\c3e9eca0-7d19-4e42-a65c-561a44d3f5f5.tmp</t>
  </si>
  <si>
    <t>12/16/2019 15:44:52</t>
  </si>
  <si>
    <t>12/16/2019 15:45:52</t>
  </si>
  <si>
    <t>12/16/2019 15:50:14</t>
  </si>
  <si>
    <t>12/16/2019 15:46:11</t>
  </si>
  <si>
    <t>12/16/2019 15:47:52</t>
  </si>
  <si>
    <t>12/16/2019 15:51:15</t>
  </si>
  <si>
    <t>ec099e90-74a2-4905-98e9-c9d06f4c41f0.tmp</t>
  </si>
  <si>
    <t>\\acsfs\profiles$\danielta\Downloads\ec099e90-74a2-4905-98e9-c9d06f4c41f0.tmp</t>
  </si>
  <si>
    <t>12/16/2019 15:49:34</t>
  </si>
  <si>
    <t>8b8adada-0eed-40cd-ab6b-ac75ed36745f.tmp</t>
  </si>
  <si>
    <t>\\acsfs\profiles$\danielta\Downloads\8b8adada-0eed-40cd-ab6b-ac75ed36745f.tmp</t>
  </si>
  <si>
    <t>12/16/2019 15:49:41</t>
  </si>
  <si>
    <t>aeea0061-c045-4247-bf06-44193b87896b.tmp</t>
  </si>
  <si>
    <t>\\acsfs\profiles$\danielta\Downloads\aeea0061-c045-4247-bf06-44193b87896b.tmp</t>
  </si>
  <si>
    <t>12/16/2019 15:46:47</t>
  </si>
  <si>
    <t>12/16/2019 15:46:58</t>
  </si>
  <si>
    <t>12/16/2019 15:47:32</t>
  </si>
  <si>
    <t>12/16/2019 15:46:35</t>
  </si>
  <si>
    <t>12/16/2019 15:52:14</t>
  </si>
  <si>
    <t>2363d052-e079-44bb-9b22-8b74d8d92e3f.tmp</t>
  </si>
  <si>
    <t>\\acsfs\profiles$\erichds\Downloads\2363d052-e079-44bb-9b22-8b74d8d92e3f.tmp</t>
  </si>
  <si>
    <t>12/16/2019 15:51:54</t>
  </si>
  <si>
    <t>12/16/2019 15:53:15</t>
  </si>
  <si>
    <t>12/16/2019 15:50:39</t>
  </si>
  <si>
    <t>\\acsfs\profiles$\vanessacgs\Documents\</t>
  </si>
  <si>
    <t>pastass.txt</t>
  </si>
  <si>
    <t>\\acsfs\profiles$\vanessacgs\Documents\pastass.txt</t>
  </si>
  <si>
    <t>12/16/2019 15:51:43</t>
  </si>
  <si>
    <t>XLOG_vanessacgs_16122019_143213.log</t>
  </si>
  <si>
    <t>\\acsfs\profiles$\vanessacgs\My Documents\xworkcenter\logs\XLOG_vanessacgs_16122019_143213.log</t>
  </si>
  <si>
    <t>12/16/2019 15:50:53</t>
  </si>
  <si>
    <t>12/16/2019 15:54:14</t>
  </si>
  <si>
    <t>12/16/2019 15:51:53</t>
  </si>
  <si>
    <t>12/16/2019 15:52:10</t>
  </si>
  <si>
    <t>10.200.57.40</t>
  </si>
  <si>
    <t>mail.google.com/_/upload?authuser=1&amp;dcp=asu-n&amp;upload_id=AEnB2UoGqy90cp-vLrPFS75694QS3Xo_7H1B65xhoER5LIBjF4EQuLf3P1P1euagtId7P34KovY--XBi7Dv92bJc7JIiH0GRNhZ1j_fdtMXLr2d0RryjCKQ&amp;upload_protocol=resumable</t>
  </si>
  <si>
    <t>Office365.xlsx</t>
  </si>
  <si>
    <t>12/16/2019 15:52:40</t>
  </si>
  <si>
    <t>12/16/2019 15:54:08</t>
  </si>
  <si>
    <t>12/16/2019 15:55:15</t>
  </si>
  <si>
    <t>12/16/2019 15:50:46</t>
  </si>
  <si>
    <t>12/16/2019 15:56:14</t>
  </si>
  <si>
    <t>7ee82d4c-0918-4797-b7d0-5d0936432db1.tmp</t>
  </si>
  <si>
    <t>\\acsfs\profiles$\danielta\Downloads\7ee82d4c-0918-4797-b7d0-5d0936432db1.tmp</t>
  </si>
  <si>
    <t>12/16/2019 15:51:49</t>
  </si>
  <si>
    <t>c7715d04-4d0a-4f63-bbf7-c5b1b9d7576f.tmp</t>
  </si>
  <si>
    <t>\\acsfs\profiles$\danielta\Downloads\c7715d04-4d0a-4f63-bbf7-c5b1b9d7576f.tmp</t>
  </si>
  <si>
    <t>12/16/2019 15:50:57</t>
  </si>
  <si>
    <t>9986219f-3ced-46b9-bce5-de00c96c0bf4.tmp</t>
  </si>
  <si>
    <t>\\acsfs\profiles$\wenderbnm\Downloads\9986219f-3ced-46b9-bce5-de00c96c0bf4.tmp</t>
  </si>
  <si>
    <t>12/16/2019 15:51:50</t>
  </si>
  <si>
    <t>kyoto.mp3.crdownload</t>
  </si>
  <si>
    <t>\\acsfs\profiles$\danielta\Downloads\kyoto.mp3.crdownload</t>
  </si>
  <si>
    <t>12/16/2019 15:52:08</t>
  </si>
  <si>
    <t>5811ec3b-3679-46f0-8822-cb152b9ede9d.tmp</t>
  </si>
  <si>
    <t>\\acsfs\profiles$\danielta\Downloads\5811ec3b-3679-46f0-8822-cb152b9ede9d.tmp</t>
  </si>
  <si>
    <t>12/16/2019 15:53:40</t>
  </si>
  <si>
    <t>a02ec633-6fdb-4764-a773-3547d50deebd.tmp</t>
  </si>
  <si>
    <t>\\acsfs\profiles$\danielta\Downloads\a02ec633-6fdb-4764-a773-3547d50deebd.tmp</t>
  </si>
  <si>
    <t>12/16/2019 15:55:20</t>
  </si>
  <si>
    <t>CPF 12291084836 - OPERADORA ANDREA PAULA DA SILVA GOMES_1_6763684845369496543_1_32.wav</t>
  </si>
  <si>
    <t>\\acsfs\DEPTOS\EDUCACAO EMPRESARIAL\CPF 12291084836 - OPERADORA ANDREA PAULA DA SILVA GOMES_1_6763684845369496543_1_32.wav</t>
  </si>
  <si>
    <t>12/16/2019 15:54:31</t>
  </si>
  <si>
    <t>12/16/2019 15:54:27</t>
  </si>
  <si>
    <t>12/16/2019 15:57:14</t>
  </si>
  <si>
    <t>recepcaocrv@algartelecom.com.br;</t>
  </si>
  <si>
    <t>planilha</t>
  </si>
  <si>
    <t>Banco de Dados Cartões.xlsx</t>
  </si>
  <si>
    <t>recepcaocrv@algartelecom.com.br</t>
  </si>
  <si>
    <t>12/16/2019 15:56:32</t>
  </si>
  <si>
    <t>12/16/2019 15:55:06</t>
  </si>
  <si>
    <t>12/16/2019 15:58:14</t>
  </si>
  <si>
    <t>mail.google.com/_/upload?authuser=0&amp;dcp=asu-n&amp;upload_id=AEnB2UodzUQECm59lxG0qMUKC0e24qEORrx04kf44EglKJKMoFbX0w6lODYGCw41yDfSh2Wc3JGugnizgHLyJAxIerhg8v8m7IDGmq8l3MdQxrrI8ebkgfQ&amp;upload_protocol=resumable</t>
  </si>
  <si>
    <t>senildapdo@algartecnologia.com.br;tayseifb@algartech.com;viniciussg@algartech.com;</t>
  </si>
  <si>
    <t>Meta conversação Nov.19.xlsb</t>
  </si>
  <si>
    <t>senildapdo@algartecnologia.com.br,tayseifb@algartech.com,viniciussg@algartech.com</t>
  </si>
  <si>
    <t>12/16/2019 15:57:25</t>
  </si>
  <si>
    <t>12/16/2019 15:57:29</t>
  </si>
  <si>
    <t>12/16/2019 15:53:44</t>
  </si>
  <si>
    <t>camillarl@algartech.com;talmaiardo@algartech.com;</t>
  </si>
  <si>
    <t>camillarl@algartech.com,talmaiardo@algartech.com</t>
  </si>
  <si>
    <t>12/16/2019 15:53:53</t>
  </si>
  <si>
    <t>12/16/2019 15:54:19</t>
  </si>
  <si>
    <t>06/12/2019;camillarl@algartech.com;talmaiardo@algartech.com;</t>
  </si>
  <si>
    <t>06/12/2019,camillarl@algartech.com,talmaiardo@algartech.com</t>
  </si>
  <si>
    <t>12/16/2019 15:56:53</t>
  </si>
  <si>
    <t>12/16/2019 15:59:14</t>
  </si>
  <si>
    <t>12/16/2019 15:57:53</t>
  </si>
  <si>
    <t>12/16/2019 15:55:27</t>
  </si>
  <si>
    <t>12/16/2019 15:58:39</t>
  </si>
  <si>
    <t>12/16/2019 16:00:14</t>
  </si>
  <si>
    <t>12/16/2019 15:55:55</t>
  </si>
  <si>
    <t>12/16/2019 15:58:41</t>
  </si>
  <si>
    <t>12/16/2019 16:01:14</t>
  </si>
  <si>
    <t>10.200.35.160</t>
  </si>
  <si>
    <t>mail.google.com/_/upload?authuser=0&amp;dcp=asu-n&amp;upload_id=AEnB2UpOfQUuqTYx9zJmjARIJmLy3ER6T7vo4D7VvxqO54xaVMVH8-qUxYj8N_meqSaiayvJ64UbqEUexYrPXAqsv0pNrZ6f16TtytcgynCu9iyvDhO-API&amp;upload_protocol=resumable</t>
  </si>
  <si>
    <t>C:\Users\gustavoas\Documents\Algar Tech Local\TCO Plataformas de Negócio\</t>
  </si>
  <si>
    <t>TCO.xlsx</t>
  </si>
  <si>
    <t>12/16/2019 15:56:30</t>
  </si>
  <si>
    <t>CPF 12291084836 - OPERADOR LUCAS NASCIMENTO SILVA_1_6766240527004273833_1_32.wav</t>
  </si>
  <si>
    <t>\\acsfs\DEPTOS\EDUCACAO EMPRESARIAL\CPF 12291084836 - OPERADOR LUCAS NASCIMENTO SILVA_1_6766240527004273833_1_32.wav</t>
  </si>
  <si>
    <t>12/16/2019 15:59:18</t>
  </si>
  <si>
    <t>adilsonloj@algartech.com;bianca.boari@dxc.com;bvs-centralcartoes@bv.com.br;cintia.souza-domingues@dxc.com;eduardo.santana@bv.com.br;fernandorsju@algartech.com;marianeps@algartech.com;talmaiardo@algartech.com;thiagordu@algartech.com;vitorgmp@algartech.com;</t>
  </si>
  <si>
    <t>adilsonloj@algartech.com,bianca.boari@dxc.com,bvs-centralcartoes@bv.com.br,cintia.souza-domingues@dxc.com,eduardo.santana@bv.com.br,fernandorsju@algartech.com,marianeps@algartech.com,talmaiardo@algartech.com,thiagordu@algartech.com,vitorgmp@algartech.com</t>
  </si>
  <si>
    <t>12/16/2019 15:59:21</t>
  </si>
  <si>
    <t>12/16/2019 15:57:50</t>
  </si>
  <si>
    <t>12/16/2019 16:01:44</t>
  </si>
  <si>
    <t>12/16/2019 16:03:14</t>
  </si>
  <si>
    <t>12/16/2019 16:02:14</t>
  </si>
  <si>
    <t>12/16/2019 16:02:44</t>
  </si>
  <si>
    <t>12/16/2019 15:57:58</t>
  </si>
  <si>
    <t>12/16/2019 15:58:16</t>
  </si>
  <si>
    <t>12/16/2019 15:58:19</t>
  </si>
  <si>
    <t>12/16/2019 16:02:53</t>
  </si>
  <si>
    <t>12/16/2019 16:04:15</t>
  </si>
  <si>
    <t>12/16/2019 16:00:47</t>
  </si>
  <si>
    <t>12/16/2019 16:05:14</t>
  </si>
  <si>
    <t>8b5051c1-fa5e-495f-acab-89301a38af35.tmp</t>
  </si>
  <si>
    <t>\\acsfs\profiles$\JOAOVAL\Downloads\8b5051c1-fa5e-495f-acab-89301a38af35.tmp</t>
  </si>
  <si>
    <t>12/16/2019 16:03:11</t>
  </si>
  <si>
    <t>lu158081e5tn0.tmp</t>
  </si>
  <si>
    <t>\\acsfs\profiles$\jonatanls\My Documents\lu158081e5tn0.tmp</t>
  </si>
  <si>
    <t>12/16/2019 16:00:41</t>
  </si>
  <si>
    <t>12/16/2019 16:06:15</t>
  </si>
  <si>
    <t>8ed315f9-f33d-4cf9-8c1f-18894c798f77.tmp</t>
  </si>
  <si>
    <t>\\acsfs\profiles$\wenderbnm\Downloads\8ed315f9-f33d-4cf9-8c1f-18894c798f77.tmp</t>
  </si>
  <si>
    <t>12/16/2019 16:03:21</t>
  </si>
  <si>
    <t>4ff0f116-cf93-42ed-889d-11404a53d384.tmp</t>
  </si>
  <si>
    <t>\\acsfs\profiles$\larissaad\Downloads\4ff0f116-cf93-42ed-889d-11404a53d384.tmp</t>
  </si>
  <si>
    <t>12/16/2019 16:03:40</t>
  </si>
  <si>
    <t>12/16/2019 16:05:41</t>
  </si>
  <si>
    <t>12/16/2019 16:02:27</t>
  </si>
  <si>
    <t>12/16/2019 16:06:02</t>
  </si>
  <si>
    <t>12/16/2019 16:07:14</t>
  </si>
  <si>
    <t>12/16/2019 16:04:14</t>
  </si>
  <si>
    <t>12/16/2019 16:08:15</t>
  </si>
  <si>
    <t>12/16/2019 16:04:44</t>
  </si>
  <si>
    <t>12/16/2019 16:05:44</t>
  </si>
  <si>
    <t>12/16/2019 16:06:14</t>
  </si>
  <si>
    <t>12/16/2019 16:03:53</t>
  </si>
  <si>
    <t>12/16/2019 16:09:14</t>
  </si>
  <si>
    <t>12/16/2019 16:04:11</t>
  </si>
  <si>
    <t>mail.google.com/mail/u/0/jserror?script=https://mail.google.com/mail/u/0/#inbox/ktbxlzgsrzppdqtfvjlnrjmlcrckzmzvml?compose=new&amp;line=not available&amp;error_in_body=1&amp;txz=pe</t>
  </si>
  <si>
    <t>12/16/2019 16:04:13</t>
  </si>
  <si>
    <t>12/16/2019 16:04:20</t>
  </si>
  <si>
    <t>12/16/2019 16:04:23</t>
  </si>
  <si>
    <t>142&amp;i=68&amp;ai=mail:ex.8c94.10.1/s:v=2&amp;a=ob&amp;sv=cv&amp;ev=cv&amp;t=420&amp;i=5&amp;mn=cs:1&amp;ai=mail:ob.8c94.11.0/s:v=2&amp;a=ob&amp;sv=cv&amp;ev=cv&amp;t=315&amp;i=6&amp;mn=cs:1&amp;ai=mail:ob.8c94.12.0</t>
  </si>
  <si>
    <t>mail.google.com/mail/u/0/jserror?script=https://mail.google.com/mail/u/0/#inbox/ktbxlzgsrzppdqtfvjlnrjmlcrckzmzvml?compose=crppbdzhzmjrpmdrgzwtggsfbpkjmkvkxvkjwhhckpmbmwspwdcmthpplxglbpzzhllpbjlpgbtlstrdjgsq&amp;line=not available&amp;error_in_body=1&amp;txz=pe</t>
  </si>
  <si>
    <t>142&amp;i=68&amp;ai=mail:ex.8c94.10.1/s:v=2&amp;a=ob&amp;sv=cv&amp;ev=cv&amp;t=420&amp;i=5&amp;mn=cs:1&amp;ai=mail:ob.8c94.11.0/s:v=2&amp;a=ob&amp;sv=cv&amp;ev=cv&amp;t=315&amp;i=6&amp;mn=cs:1&amp;ai=mail:ob.8c94.12.0;</t>
  </si>
  <si>
    <t>12/16/2019 16:04:28</t>
  </si>
  <si>
    <t>12/16/2019 16:04:35</t>
  </si>
  <si>
    <t>mail.google.com/sync/u/0/i/s?hl=pt-br&amp;c=102</t>
  </si>
  <si>
    <t>142&amp;i=68&amp;ai=mail:ex.8c94.10.1/s:v=2&amp;a=ob&amp;sv=cv&amp;ev=cv&amp;t=420&amp;i=5&amp;mn=cs:1&amp;ai=mail:ob.8c94.11.0/s:v=2&amp;a=ob&amp;sv=cv&amp;ev=cv&amp;t=315&amp;i=6&amp;mn=cs:1&amp;ai=mail:ob.8c94.12.0;eliane.martins@bv.com.br;</t>
  </si>
  <si>
    <t>142&amp;i=68&amp;ai=mail:ex.8c94.10.1/s:v=2&amp;a=ob&amp;sv=cv&amp;ev=cv&amp;t=420&amp;i=5&amp;mn=cs:1&amp;ai=mail:ob.8c94.11.0/s:v=2&amp;a=ob&amp;sv=cv&amp;ev=cv&amp;t=315&amp;i=6&amp;mn=cs:1&amp;ai=mail:ob.8c94.12.0,eliane.martins@bv.com.br</t>
  </si>
  <si>
    <t>12/16/2019 16:08:12</t>
  </si>
  <si>
    <t>12/16/2019 16:10:15</t>
  </si>
  <si>
    <t>12/16/2019 16:06:34</t>
  </si>
  <si>
    <t>12/16/2019 16:11:15</t>
  </si>
  <si>
    <t>12/16/2019 16:10:30</t>
  </si>
  <si>
    <t>dd7fe16c-c8d3-4f11-a266-f3a3cb3b2e1c.tmp</t>
  </si>
  <si>
    <t>\\acsfs\profiles$\deborahsi\Downloads\dd7fe16c-c8d3-4f11-a266-f3a3cb3b2e1c.tmp</t>
  </si>
  <si>
    <t>12/16/2019 16:10:55</t>
  </si>
  <si>
    <t>\\acsfs\profiles$\tiagosno\My Documents\xworkcenter\logs\</t>
  </si>
  <si>
    <t>XLOG_tiagosno_16122019_145049.log</t>
  </si>
  <si>
    <t>\\acsfs\profiles$\tiagosno\My Documents\xworkcenter\logs\XLOG_tiagosno_16122019_145049.log</t>
  </si>
  <si>
    <t>12/16/2019 16:08:52</t>
  </si>
  <si>
    <t>12/16/2019 16:12:14</t>
  </si>
  <si>
    <t>mail.google.com/_/upload?authuser=0&amp;dcp=asu-n&amp;upload_id=AEnB2Uqq1Msc_6ypbp8QW-R-Nf_iZxbUqvXqYxh_IMICaV-_EOR8Vtdbg2p1yaELgH6GMzmRe8Mpu3qE4UmzsPx0SoIEg-jaZ-FqaR1epYRwzKiLoFcbyi0&amp;upload_protocol=resumable</t>
  </si>
  <si>
    <t>alinedsdi@algartech.com;angicleiamen@algartech.com;brunocss@algartech.com;caiocsc@algartech.com;camilaammm@algartech.com;felipeaferr@algartech.com;</t>
  </si>
  <si>
    <t>2019_12_Gerencial_Qualidade_Retenção.xlsx</t>
  </si>
  <si>
    <t>alinedsdi@algartech.com,angicleiamen@algartech.com,brunocss@algartech.com,caiocsc@algartech.com,camilaammm@algartech.com,felipeaferr@algartech.com</t>
  </si>
  <si>
    <t>12/16/2019 16:08:53</t>
  </si>
  <si>
    <t>mail.google.com/_/upload?authuser=0&amp;dcp=asu-n&amp;upload_id=AEnB2UpawLUeonqgnzLJD5lZ-dwtJ_oRXFZofjKOjE8Hlmckqg0vZSxUIGm1kkxDfDZHdGIg6YbBcrfMk75Fi3RD_P5HqIhy-AmlN2NDCjk_Tr1a6Eu872M&amp;upload_protocol=resumable</t>
  </si>
  <si>
    <t>12/16/2019 16:11:58</t>
  </si>
  <si>
    <t>12/16/2019 16:13:15</t>
  </si>
  <si>
    <t>6ecbcb84-70eb-4573-80d6-4f6b1359697c.tmp</t>
  </si>
  <si>
    <t>\\acsfs\profiles$\bernardopcm\Downloads\6ecbcb84-70eb-4573-80d6-4f6b1359697c.tmp</t>
  </si>
  <si>
    <t>12/16/2019 16:12:11</t>
  </si>
  <si>
    <t>dc05b34d-76e8-4984-bc12-122bf9d9df56.tmp</t>
  </si>
  <si>
    <t>\\acsfs\profiles$\bernardopcm\Downloads\dc05b34d-76e8-4984-bc12-122bf9d9df56.tmp</t>
  </si>
  <si>
    <t>12/16/2019 16:08:36</t>
  </si>
  <si>
    <t>12/16/2019 16:09:44</t>
  </si>
  <si>
    <t>12/16/2019 16:11:44</t>
  </si>
  <si>
    <t>12/16/2019 16:12:25</t>
  </si>
  <si>
    <t>12/16/2019 16:08:47</t>
  </si>
  <si>
    <t>12/16/2019 16:14:14</t>
  </si>
  <si>
    <t>\\acsfs\Deptos\Controladoria\2 - Business Performance\2019\1 - Precificacao\6 - Revisao da Metodologia\Consultoria Teros\03 - Nova Ferramenta\Eficiencia Tributaria\</t>
  </si>
  <si>
    <t>12/16/2019 16:09:23</t>
  </si>
  <si>
    <t>XLOG_ellencds_16122019_145631.log</t>
  </si>
  <si>
    <t>\\acsfs\profiles$\ellencds\My Documents\xworkcenter\logs\XLOG_ellencds_16122019_145631.log</t>
  </si>
  <si>
    <t>12/16/2019 16:09:58</t>
  </si>
  <si>
    <t>XLOG_ellencds_16122019_145549.log</t>
  </si>
  <si>
    <t>\\acsfs\profiles$\ellencds\My Documents\xworkcenter\logs\XLOG_ellencds_16122019_145549.log</t>
  </si>
  <si>
    <t>12/16/2019 16:13:33</t>
  </si>
  <si>
    <t>12/16/2019 16:15:15</t>
  </si>
  <si>
    <t>12/16/2019 16:11:06</t>
  </si>
  <si>
    <t>12/16/2019 16:16:15</t>
  </si>
  <si>
    <t>cgrillo@cervello.com.br;cobranca.tech@algartech.com;faturamento@algartech.com;guilhermeaso@algartech.com;</t>
  </si>
  <si>
    <t>\\acsfs.acs.com.br\deptos\Asyst\COMERCIAL\02 - FATURAMENTO\Base GAT\GAT - Documentos Diversos Clientes\Contrato Peugeot\Faturamento\</t>
  </si>
  <si>
    <t>PSA_Base CNPJ.xlsx</t>
  </si>
  <si>
    <t>cgrillo@cervello.com.br,cobranca.tech@algartech.com,faturamento@algartech.com,guilhermeaso@algartech.com</t>
  </si>
  <si>
    <t>12/16/2019 16:12:12</t>
  </si>
  <si>
    <t>12/16/2019 16:15:39</t>
  </si>
  <si>
    <t>12/16/2019 16:15:55</t>
  </si>
  <si>
    <t>12/16/2019 16:18:15</t>
  </si>
  <si>
    <t>853a22e7-fb02-4220-bd9c-1dea4dd6e6e7.tmp</t>
  </si>
  <si>
    <t>\\acsfs\profiles$\gabrielamdp\Downloads\853a22e7-fb02-4220-bd9c-1dea4dd6e6e7.tmp</t>
  </si>
  <si>
    <t>3c103aff-65f3-4bc0-847d-2ad8a8923517.tmp</t>
  </si>
  <si>
    <t>\\acsfs\profiles$\gabrielamdp\Downloads\3c103aff-65f3-4bc0-847d-2ad8a8923517.tmp</t>
  </si>
  <si>
    <t>fe760d58-aaec-46b2-b041-3167681ac15b.tmp</t>
  </si>
  <si>
    <t>\\acsfs\profiles$\gabrielamdp\Downloads\fe760d58-aaec-46b2-b041-3167681ac15b.tmp</t>
  </si>
  <si>
    <t>2e2c3c3d-0a0d-486e-bb69-418d8e5e52ad.tmp</t>
  </si>
  <si>
    <t>\\acsfs\profiles$\gabrielamdp\Downloads\2e2c3c3d-0a0d-486e-bb69-418d8e5e52ad.tmp</t>
  </si>
  <si>
    <t>82b79177-f3be-4c54-a0fb-57917539bbbe.tmp</t>
  </si>
  <si>
    <t>\\acsfs\profiles$\gabrielamdp\Downloads\82b79177-f3be-4c54-a0fb-57917539bbbe.tmp</t>
  </si>
  <si>
    <t>12/16/2019 16:13:14</t>
  </si>
  <si>
    <t>12/16/2019 16:15:01</t>
  </si>
  <si>
    <t>12/16/2019 16:20:15</t>
  </si>
  <si>
    <t>12/16/2019 16:18:42</t>
  </si>
  <si>
    <t>12/16/2019 16:21:15</t>
  </si>
  <si>
    <t>Programa Caixa Cap Digital.xlsx</t>
  </si>
  <si>
    <t>12/16/2019 16:19:42</t>
  </si>
  <si>
    <t>12/16/2019 16:20:10</t>
  </si>
  <si>
    <t>aefedf2d-03da-4ccb-b013-83f2d8eddf3a.tmp</t>
  </si>
  <si>
    <t>\\acsfs\profiles$\brendadsl\Downloads\aefedf2d-03da-4ccb-b013-83f2d8eddf3a.tmp</t>
  </si>
  <si>
    <t>12/16/2019 16:18:54</t>
  </si>
  <si>
    <t>12/16/2019 16:23:14</t>
  </si>
  <si>
    <t>050cbac9-0b23-4f51-9e90-ecd552104206.tmp</t>
  </si>
  <si>
    <t>\\acsfs\profiles$\gabrielamdp\Downloads\050cbac9-0b23-4f51-9e90-ecd552104206.tmp</t>
  </si>
  <si>
    <t>12/16/2019 16:20:30</t>
  </si>
  <si>
    <t>813153be-53f6-4c9d-9569-16e1a55efea6.tmp</t>
  </si>
  <si>
    <t>\\acsfs\profiles$\gabrielamdp\Downloads\813153be-53f6-4c9d-9569-16e1a55efea6.tmp</t>
  </si>
  <si>
    <t>12/16/2019 16:21:19</t>
  </si>
  <si>
    <t>5a60486a-e1d6-4f46-ad6d-be469abcce5c.tmp</t>
  </si>
  <si>
    <t>\\acsfs\profiles$\gabrielamdp\Downloads\5a60486a-e1d6-4f46-ad6d-be469abcce5c.tmp</t>
  </si>
  <si>
    <t>12/16/2019 16:22:15</t>
  </si>
  <si>
    <t>bc5daf4e-750c-4348-97ee-eaa0e4435d37.tmp</t>
  </si>
  <si>
    <t>\\acsfs\profiles$\gabrielamdp\Downloads\bc5daf4e-750c-4348-97ee-eaa0e4435d37.tmp</t>
  </si>
  <si>
    <t>12/16/2019 16:22:27</t>
  </si>
  <si>
    <t>b6518230-0a63-4ea6-be18-013c59530d44.tmp</t>
  </si>
  <si>
    <t>\\acsfs\profiles$\gabrielamdp\Downloads\b6518230-0a63-4ea6-be18-013c59530d44.tmp</t>
  </si>
  <si>
    <t>12/16/2019 16:22:31</t>
  </si>
  <si>
    <t>d939d34f-2a4c-40e5-b05f-99558f52e1a6.tmp</t>
  </si>
  <si>
    <t>\\acsfs\profiles$\gabrielamdp\Downloads\d939d34f-2a4c-40e5-b05f-99558f52e1a6.tmp</t>
  </si>
  <si>
    <t>12/16/2019 16:22:35</t>
  </si>
  <si>
    <t>a005fdeb-28c9-4dc8-851a-c5775ab8ced3.tmp</t>
  </si>
  <si>
    <t>\\acsfs\profiles$\gabrielamdp\Downloads\a005fdeb-28c9-4dc8-851a-c5775ab8ced3.tmp</t>
  </si>
  <si>
    <t>12/16/2019 16:18:55</t>
  </si>
  <si>
    <t>mail.google.com/sync/u/0/i/s?hl=pt-BR&amp;c=69</t>
  </si>
  <si>
    <t>12/16/2019 16:19:02</t>
  </si>
  <si>
    <t>12/16/2019 16:19:24</t>
  </si>
  <si>
    <t>12/16/2019 16:21:42</t>
  </si>
  <si>
    <t>12/16/2019 16:22:09</t>
  </si>
  <si>
    <t>12/16/2019 16:22:10</t>
  </si>
  <si>
    <t>12/16/2019 16:22:17</t>
  </si>
  <si>
    <t>12/16/2019 16:22:54</t>
  </si>
  <si>
    <t>mail.google.com/sync/u/0/i/s?hl=pt-BR&amp;c=85</t>
  </si>
  <si>
    <t>12/16/2019 16:22:34</t>
  </si>
  <si>
    <t>12/16/2019 16:25:15</t>
  </si>
  <si>
    <t>mail.google.com/_/upload?authuser=0&amp;dcp=asu-52&amp;upload_id=AEnB2UqAwJt16uy6NvZxFULwsXfy-7NNGqgQPURhc8T6UbkM8FVTd95UMPghBJ6VX1VBoZJeaGCBsymJ3VzJNANPQq0ZVfsTWQxk9ysOWOI4TEtGKO-1nK4&amp;upload_protocol=resumable</t>
  </si>
  <si>
    <t>\\acsfs\deptos\PMO Governança\03 - ACOMPANHAMENTO DE PROJETOS\00 - STATUS GERAL\HOLDING\10_ Papo_Perf_Dez2019_v4.pptx\</t>
  </si>
  <si>
    <t>12/16/2019 16:20:53</t>
  </si>
  <si>
    <t>16-12.xlsx</t>
  </si>
  <si>
    <t>12/16/2019 16:25:43</t>
  </si>
  <si>
    <t>12/16/2019 16:26:16</t>
  </si>
  <si>
    <t>12/16/2019 16:22:58</t>
  </si>
  <si>
    <t>\\acsfs\Deptos\TH\09. Desenvolvimento (Trilhas e Estilos)\01. Governança\Trilha SGI\</t>
  </si>
  <si>
    <t>TRILHA SGI - SISTEMA DE GESTÃO INTEGRADA.xlsx</t>
  </si>
  <si>
    <t>12/16/2019 16:24:23</t>
  </si>
  <si>
    <t>12/16/2019 16:27:14</t>
  </si>
  <si>
    <t>12/16/2019 16:22:38</t>
  </si>
  <si>
    <t>12/16/2019 16:22:39</t>
  </si>
  <si>
    <t>12/16/2019 16:22:40</t>
  </si>
  <si>
    <t>12/16/2019 16:22:41</t>
  </si>
  <si>
    <t>12/16/2019 16:22:42</t>
  </si>
  <si>
    <t>12/16/2019 16:22:43</t>
  </si>
  <si>
    <t>12/16/2019 16:22:44</t>
  </si>
  <si>
    <t>12/16/2019 16:22:45</t>
  </si>
  <si>
    <t>12/16/2019 16:22:46</t>
  </si>
  <si>
    <t>12/16/2019 16:22:47</t>
  </si>
  <si>
    <t>12/16/2019 16:22:48</t>
  </si>
  <si>
    <t>12/16/2019 16:22:49</t>
  </si>
  <si>
    <t>12/16/2019 16:23:08</t>
  </si>
  <si>
    <t>12/16/2019 16:23:09</t>
  </si>
  <si>
    <t>12/16/2019 16:23:15</t>
  </si>
  <si>
    <t>12/16/2019 16:23:58</t>
  </si>
  <si>
    <t>12/16/2019 16:24:22</t>
  </si>
  <si>
    <t>mail.google.com/mail/u/0/jserror?script=https://mail.google.com/mail/u/0/#inbox/fmfcgxwgcqvkhqmfbwzmfjdczlgfmlrv&amp;error=yo&amp;line=not available&amp;txz=p</t>
  </si>
  <si>
    <t>12/16/2019 16:24:59</t>
  </si>
  <si>
    <t>12/16/2019 16:25:02</t>
  </si>
  <si>
    <t>mail.google.com/mail/u/0/jserror?script=https://mail.google.com/mail/u/0/#inbox/ktbxlzgsrzppdqtfvjlnrjmlcrckzmzvml&amp;error=yo&amp;line=not available&amp;txz=p</t>
  </si>
  <si>
    <t>12/16/2019 16:25:09</t>
  </si>
  <si>
    <t>mail.google.com/mail/u/0/jserror?script=https://mail.google.com/mail/u/0/#inbox?compose=gtvvlcrzcmtqptchdmwdmqphfjxtxftxmpsqchfkbphpmwpfshtdzzphwkfdzwpzvjrvgjsdplwxg&amp;error=yo&amp;line=not available&amp;txz=p</t>
  </si>
  <si>
    <t>12/16/2019 16:25:13</t>
  </si>
  <si>
    <t>mail.google.com/mail/u/0/jserror?script=https://mail.google.com/mail/u/0/#inbox/fmfcgxwgcqvkhkfvhmwqkwlphlkrptdt?compose=gtvvlcrzcmtqptchdmwdmqphfjxtxftxmpsqchfkbphpmwpfshtdzzphwkfdzwpzvjrvgjsdplwxg&amp;error=yo&amp;line=not available&amp;txz=p</t>
  </si>
  <si>
    <t>12/16/2019 16:25:49</t>
  </si>
  <si>
    <t>mail.google.com/sync/u/0/i/s?hl=pt-br&amp;c=22</t>
  </si>
  <si>
    <t>12/16/2019 16:26:01</t>
  </si>
  <si>
    <t>12/16/2019 16:26:04</t>
  </si>
  <si>
    <t>mail.google.com/mail/u/0/jserror?script=https://mail.google.com/mail/u/0/#inbox/fmfcgxwgcqvkhrrwkdzwfmgknnhjdhxh?compose=gtvvlcrzcmtqptchdmwdmqphfjxtxftxmpsqchfkbphpmwpfshtdzzphwkfdzwpzvjrvgjsdplwxg&amp;error=yo&amp;line=not available&amp;txz=p</t>
  </si>
  <si>
    <t>12/16/2019 16:28:15</t>
  </si>
  <si>
    <t>78da0b91-e2e2-4460-a3c5-66bb62d58064.tmp</t>
  </si>
  <si>
    <t>\\acsfs\profiles$\gabrielamdp\Downloads\78da0b91-e2e2-4460-a3c5-66bb62d58064.tmp</t>
  </si>
  <si>
    <t>12bab250-85de-4eac-adcb-cf9a0940130b.tmp</t>
  </si>
  <si>
    <t>\\acsfs\profiles$\gabrielamdp\Downloads\12bab250-85de-4eac-adcb-cf9a0940130b.tmp</t>
  </si>
  <si>
    <t>12/16/2019 16:22:56</t>
  </si>
  <si>
    <t>52ed20be-3309-470c-a40b-79b0ae0924e7.tmp</t>
  </si>
  <si>
    <t>\\acsfs\profiles$\gabrielamdp\Downloads\52ed20be-3309-470c-a40b-79b0ae0924e7.tmp</t>
  </si>
  <si>
    <t>12/16/2019 16:25:56</t>
  </si>
  <si>
    <t>38eb2816-90a6-4232-9a98-cefc3073f77e.tmp</t>
  </si>
  <si>
    <t>\\acsfs\profiles$\gabrielamdp\Downloads\38eb2816-90a6-4232-9a98-cefc3073f77e.tmp</t>
  </si>
  <si>
    <t>12/16/2019 16:23:53</t>
  </si>
  <si>
    <t>12/16/2019 16:24:20</t>
  </si>
  <si>
    <t>mail.google.com/sync/u/0/i/s?hl=pt-BR&amp;c=90</t>
  </si>
  <si>
    <t>12/16/2019 16:24:31</t>
  </si>
  <si>
    <t>12/16/2019 16:24:47</t>
  </si>
  <si>
    <t>12/16/2019 16:24:57</t>
  </si>
  <si>
    <t>12/16/2019 16:26:27</t>
  </si>
  <si>
    <t>12/16/2019 16:30:15</t>
  </si>
  <si>
    <t>12/16/2019 16:28:55</t>
  </si>
  <si>
    <t>12/16/2019 16:27:15</t>
  </si>
  <si>
    <t>Cronograma de Homologação - Controle de Jornada.xlsx</t>
  </si>
  <si>
    <t>12/16/2019 16:26:54</t>
  </si>
  <si>
    <t>12/16/2019 16:31:15</t>
  </si>
  <si>
    <t>12/16/2019 16:30:20</t>
  </si>
  <si>
    <t>bf6d85bd-2d1c-41d8-81cc-3b19646523d1.tmp</t>
  </si>
  <si>
    <t>\\acsfs\profiles$\brendadsl\Downloads\bf6d85bd-2d1c-41d8-81cc-3b19646523d1.tmp</t>
  </si>
  <si>
    <t>12/16/2019 16:29:51</t>
  </si>
  <si>
    <t>larissapdr</t>
  </si>
  <si>
    <t>\\acsfs\profiles$\larissapdr\Downloads\</t>
  </si>
  <si>
    <t>94f4e5b0-2f5e-4a7c-a338-2523b546ae3e.tmp</t>
  </si>
  <si>
    <t>\\acsfs\profiles$\larissapdr\Downloads\94f4e5b0-2f5e-4a7c-a338-2523b546ae3e.tmp</t>
  </si>
  <si>
    <t>12/16/2019 16:30:07</t>
  </si>
  <si>
    <t>489d9f21-138f-42e5-960c-14308e8dafdb.tmp</t>
  </si>
  <si>
    <t>\\acsfs\profiles$\larissapdr\Downloads\489d9f21-138f-42e5-960c-14308e8dafdb.tmp</t>
  </si>
  <si>
    <t>12/16/2019 16:28:01</t>
  </si>
  <si>
    <t>12/16/2019 16:32:15</t>
  </si>
  <si>
    <t>Formulario ADILSON JOSE FIRMO.xls</t>
  </si>
  <si>
    <t>12/16/2019 16:27:21</t>
  </si>
  <si>
    <t>12/16/2019 16:27:26</t>
  </si>
  <si>
    <t>mail.google.com/mail/u/0/jserror?script=https://mail.google.com/mail/u/0/#inbox/fmfcgxwgcqtddvxbqhmxknjshqmgljpc?compose=gtvvlcrzcmtqptchdmwdmqphfjxtxftxmpsqchfkbphpmwpfshtdzzphwkfdzwpzvjrvgjsdplwxg&amp;error=yo&amp;line=not available&amp;txz=p</t>
  </si>
  <si>
    <t>12/16/2019 16:27:53</t>
  </si>
  <si>
    <t>12/16/2019 16:28:00</t>
  </si>
  <si>
    <t>12/16/2019 16:28:53</t>
  </si>
  <si>
    <t>mail.google.com/mail/u/0/jserror?script=https://mail.google.com/mail/u/0/#sent?compose=gtvvlcrzcmtqptchdmwdmqphfjxtxftxmpsqchfkbphpmwpfshtdzzphwkfdzwpzvjrvgjsdplwxg&amp;error=yo&amp;line=not available&amp;txz=p</t>
  </si>
  <si>
    <t>12/16/2019 16:28:56</t>
  </si>
  <si>
    <t>12/16/2019 16:29:10</t>
  </si>
  <si>
    <t>mail.google.com/sync/u/0/i/s?hl=pt-br&amp;c=46</t>
  </si>
  <si>
    <t>12/16/2019 16:31:27</t>
  </si>
  <si>
    <t>12/16/2019 16:32:37</t>
  </si>
  <si>
    <t>12/16/2019 16:34:15</t>
  </si>
  <si>
    <t>ed19e8bd-8d72-4ce8-9cc2-07456f0256f6.tmp</t>
  </si>
  <si>
    <t>\\acsfs\profiles$\regisadsa\Downloads\ed19e8bd-8d72-4ce8-9cc2-07456f0256f6.tmp</t>
  </si>
  <si>
    <t>12/16/2019 16:33:07</t>
  </si>
  <si>
    <t>12/16/2019 16:35:15</t>
  </si>
  <si>
    <t>12/16/2019 16:32:04</t>
  </si>
  <si>
    <t>12/16/2019 16:36:15</t>
  </si>
  <si>
    <t>c780fc09-b704-4fb8-8bdf-fe2c50cf8363.tmp</t>
  </si>
  <si>
    <t>\\acsfs\profiles$\larissapdr\Downloads\c780fc09-b704-4fb8-8bdf-fe2c50cf8363.tmp</t>
  </si>
  <si>
    <t>12/16/2019 16:32:19</t>
  </si>
  <si>
    <t>d0064ffb-414b-4ef6-81de-fc35411d2af1.tmp</t>
  </si>
  <si>
    <t>\\acsfs\profiles$\larissapdr\Downloads\d0064ffb-414b-4ef6-81de-fc35411d2af1.tmp</t>
  </si>
  <si>
    <t>12/16/2019 16:32:52</t>
  </si>
  <si>
    <t>12/16/2019 16:37:15</t>
  </si>
  <si>
    <t>XLOG_anacdos_16122019_142035.log</t>
  </si>
  <si>
    <t>\\acsfs\profiles$\anacdos\My Documents\xworkcenter\logs\XLOG_anacdos_16122019_142035.log</t>
  </si>
  <si>
    <t>12/16/2019 16:33:53</t>
  </si>
  <si>
    <t>12/16/2019 16:34:17</t>
  </si>
  <si>
    <t>mail.google.com/sync/u/0/i/s?hl=pt-br&amp;c=57</t>
  </si>
  <si>
    <t>12/16/2019 16:34:44</t>
  </si>
  <si>
    <t>mail.google.com/sync/u/0/i/s?hl=pt-br&amp;c=59</t>
  </si>
  <si>
    <t>12/16/2019 16:34:53</t>
  </si>
  <si>
    <t>12/16/2019 16:34:58</t>
  </si>
  <si>
    <t>12/16/2019 16:35:08</t>
  </si>
  <si>
    <t>mail.google.com/sync/u/0/i/s?hl=pt-br&amp;c=64</t>
  </si>
  <si>
    <t>12/16/2019 16:35:28</t>
  </si>
  <si>
    <t>mail.google.com/sync/u/0/i/s?hl=pt-br&amp;c=66</t>
  </si>
  <si>
    <t>12/16/2019 16:35:33</t>
  </si>
  <si>
    <t>mail.google.com/sync/u/0/i/s?hl=pt-br&amp;c=69</t>
  </si>
  <si>
    <t>12/16/2019 16:35:37</t>
  </si>
  <si>
    <t>mail.google.com/sync/u/0/i/s?hl=pt-br&amp;c=71</t>
  </si>
  <si>
    <t>12/16/2019 16:35:54</t>
  </si>
  <si>
    <t>mail.google.com/sync/u/0/i/s?hl=pt-br&amp;c=73</t>
  </si>
  <si>
    <t>12/16/2019 16:36:43</t>
  </si>
  <si>
    <t>mail.google.com/sync/u/0/i/s?hl=pt-br&amp;c=78</t>
  </si>
  <si>
    <t>12/16/2019 16:36:55</t>
  </si>
  <si>
    <t>12/16/2019 16:40:15</t>
  </si>
  <si>
    <t>12/16/2019 16:39:16</t>
  </si>
  <si>
    <t>12/16/2019 16:41:15</t>
  </si>
  <si>
    <t>12/16/2019 16:39:45</t>
  </si>
  <si>
    <t>12/16/2019 16:37:28</t>
  </si>
  <si>
    <t>12/16/2019 16:37:47</t>
  </si>
  <si>
    <t>12/16/2019 16:39:18</t>
  </si>
  <si>
    <t>12/16/2019 16:39:40</t>
  </si>
  <si>
    <t>mail.google.com/sync/u/0/i/s?hl=pt-BR&amp;c=234</t>
  </si>
  <si>
    <t>12/16/2019 16:39:53</t>
  </si>
  <si>
    <t>mail.google.com/sync/u/0/i/s?hl=pt-BR&amp;c=237</t>
  </si>
  <si>
    <t>12/16/2019 16:39:55</t>
  </si>
  <si>
    <t>mail.google.com/sync/u/0/i/s?hl=pt-BR&amp;c=239</t>
  </si>
  <si>
    <t>12/16/2019 16:39:58</t>
  </si>
  <si>
    <t>12/16/2019 16:40:08</t>
  </si>
  <si>
    <t>12/16/2019 16:40:13</t>
  </si>
  <si>
    <t>12/16/2019 16:40:22</t>
  </si>
  <si>
    <t>12/16/2019 16:37:48</t>
  </si>
  <si>
    <t>3da67bf2-78a5-4c05-ba27-6e7ba488667f.tmp</t>
  </si>
  <si>
    <t>\\acsfs\profiles$\larissapdr\Downloads\3da67bf2-78a5-4c05-ba27-6e7ba488667f.tmp</t>
  </si>
  <si>
    <t>12/16/2019 16:36:50</t>
  </si>
  <si>
    <t>12/16/2019 16:42:15</t>
  </si>
  <si>
    <t>12/16/2019 16:40:53</t>
  </si>
  <si>
    <t>12/16/2019 16:40:40</t>
  </si>
  <si>
    <t>12/16/2019 16:43:15</t>
  </si>
  <si>
    <t>C:\Users\carlosasr\Desktop\</t>
  </si>
  <si>
    <t>Problemas Discagem Sabado Correntista.xlsx</t>
  </si>
  <si>
    <t>12/16/2019 16:42:55</t>
  </si>
  <si>
    <t>12/16/2019 16:44:15</t>
  </si>
  <si>
    <t>12/16/2019 16:41:11</t>
  </si>
  <si>
    <t>12/16/2019 16:45:15</t>
  </si>
  <si>
    <t>12/16/2019 16:40:59</t>
  </si>
  <si>
    <t>69b47488-1ef5-475b-96b3-6f7dc81a706f.tmp</t>
  </si>
  <si>
    <t>\\acsfs\profiles$\gabrielhca\Downloads\69b47488-1ef5-475b-96b3-6f7dc81a706f.tmp</t>
  </si>
  <si>
    <t>12/16/2019 16:45:06</t>
  </si>
  <si>
    <t>12/16/2019 16:46:15</t>
  </si>
  <si>
    <t>12/16/2019 16:41:26</t>
  </si>
  <si>
    <t>2fda29e0-0509-4cfe-91c9-59ea7f944d73.tmp</t>
  </si>
  <si>
    <t>\\acsfs\profiles$\leticiaat\Downloads\2fda29e0-0509-4cfe-91c9-59ea7f944d73.tmp</t>
  </si>
  <si>
    <t>12/16/2019 16:45:53</t>
  </si>
  <si>
    <t>12/16/2019 16:47:15</t>
  </si>
  <si>
    <t>12/16/2019 16:45:21</t>
  </si>
  <si>
    <t>12/16/2019 16:49:15</t>
  </si>
  <si>
    <t>\\acsfs\deptos\Ouvidoria Grupo Algar\03_Reunião\Algar Telecom\Algar Telecom - Carrijo - 25112019\Algar Telecom - Carrijo - 25112019.pptx\</t>
  </si>
  <si>
    <t>12/16/2019 16:47:19</t>
  </si>
  <si>
    <t>111.txt</t>
  </si>
  <si>
    <t>\\acsfs\profiles$\geovannasm\My Documents\111.txt</t>
  </si>
  <si>
    <t>12/16/2019 16:48:29</t>
  </si>
  <si>
    <t>12/16/2019 16:45:46</t>
  </si>
  <si>
    <t>12/16/2019 16:50:15</t>
  </si>
  <si>
    <t>767174cb-71d0-4632-97a3-5ec4778e67ef.tmp</t>
  </si>
  <si>
    <t>\\acsfs\profiles$\karinarm\Downloads\767174cb-71d0-4632-97a3-5ec4778e67ef.tmp</t>
  </si>
  <si>
    <t>12/16/2019 16:47:31</t>
  </si>
  <si>
    <t>12/16/2019 16:51:16</t>
  </si>
  <si>
    <t>12/16/2019 16:46:26</t>
  </si>
  <si>
    <t>12/16/2019 16:46:53</t>
  </si>
  <si>
    <t>12/16/2019 16:52:15</t>
  </si>
  <si>
    <t>12/16/2019 16:51:30</t>
  </si>
  <si>
    <t>12/16/2019 16:56:16</t>
  </si>
  <si>
    <t>12/16/2019 16:52:59</t>
  </si>
  <si>
    <t>12/16/2019 16:53:06</t>
  </si>
  <si>
    <t>12/16/2019 16:55:18</t>
  </si>
  <si>
    <t>12/16/2019 16:51:53</t>
  </si>
  <si>
    <t>12/16/2019 16:57:16</t>
  </si>
  <si>
    <t>12/16/2019 16:52:53</t>
  </si>
  <si>
    <t>12/16/2019 16:53:55</t>
  </si>
  <si>
    <t>cd630eb7-318d-4c3b-a049-466ad8b861c3.tmp</t>
  </si>
  <si>
    <t>\\acsfs\profiles$\henriqueco\Downloads\cd630eb7-318d-4c3b-a049-466ad8b861c3.tmp</t>
  </si>
  <si>
    <t>12/16/2019 16:55:32</t>
  </si>
  <si>
    <t>0b885642-4b4f-4b1e-a3b2-d0b2f1f5f975.tmp</t>
  </si>
  <si>
    <t>\\acsfs\profiles$\alexandrapp\Downloads\0b885642-4b4f-4b1e-a3b2-d0b2f1f5f975.tmp</t>
  </si>
  <si>
    <t>12/16/2019 16:55:33</t>
  </si>
  <si>
    <t>Q29udHJvbGxlci5GaXJlZm94.ica:Zone.Identifier</t>
  </si>
  <si>
    <t>\\acsfs\profiles$\alexandrapp\Downloads\Q29udHJvbGxlci5GaXJlZm94.ica:Zone.Identifier</t>
  </si>
  <si>
    <t>12/16/2019 16:54:27</t>
  </si>
  <si>
    <t>12/16/2019 16:59:16</t>
  </si>
  <si>
    <t>3d3237fd-7fab-4782-8da4-ee58933fd19c.tmp</t>
  </si>
  <si>
    <t>\\acsfs\profiles$\anafaes\Downloads\3d3237fd-7fab-4782-8da4-ee58933fd19c.tmp</t>
  </si>
  <si>
    <t>12/16/2019 16:54:29</t>
  </si>
  <si>
    <t>e81b4106-4638-4fa9-bd65-86a43a8a30e9.tmp</t>
  </si>
  <si>
    <t>\\acsfs\profiles$\anafaes\Downloads\e81b4106-4638-4fa9-bd65-86a43a8a30e9.tmp</t>
  </si>
  <si>
    <t>12/16/2019 16:54:32</t>
  </si>
  <si>
    <t>735f633b-8a14-45c2-87c1-ca01c129764e.tmp</t>
  </si>
  <si>
    <t>\\acsfs\profiles$\anafaes\Downloads\735f633b-8a14-45c2-87c1-ca01c129764e.tmp</t>
  </si>
  <si>
    <t>12/16/2019 16:56:49</t>
  </si>
  <si>
    <t>c78ac88b-d752-49d8-94fc-76c45a3d95ad.tmp</t>
  </si>
  <si>
    <t>\\acsfs\profiles$\anafaes\Downloads\c78ac88b-d752-49d8-94fc-76c45a3d95ad.tmp</t>
  </si>
  <si>
    <t>12/16/2019 16:56:55</t>
  </si>
  <si>
    <t>a3c905d2-8f5f-4855-8cb0-d114a1ebd1e2.tmp</t>
  </si>
  <si>
    <t>\\acsfs\profiles$\anafaes\Downloads\a3c905d2-8f5f-4855-8cb0-d114a1ebd1e2.tmp</t>
  </si>
  <si>
    <t>12/16/2019 16:56:06</t>
  </si>
  <si>
    <t>12/16/2019 17:00:15</t>
  </si>
  <si>
    <t>12/16/2019 16:57:44</t>
  </si>
  <si>
    <t>12/16/2019 16:59:32</t>
  </si>
  <si>
    <t>4c076327-dd51-44bd-abfd-148064d6eabb.tmp</t>
  </si>
  <si>
    <t>\\acsfs\profiles$\danielta\Downloads\4c076327-dd51-44bd-abfd-148064d6eabb.tmp</t>
  </si>
  <si>
    <t>12/16/2019 17:01:16</t>
  </si>
  <si>
    <t>12/16/2019 16:56:10</t>
  </si>
  <si>
    <t>e92dbc4b-b8a3-4982-a933-480483e757a8.tmp</t>
  </si>
  <si>
    <t>\\acsfs\profiles$\leticiaat\Downloads\e92dbc4b-b8a3-4982-a933-480483e757a8.tmp</t>
  </si>
  <si>
    <t>12/16/2019 16:57:53</t>
  </si>
  <si>
    <t>12/16/2019 17:02:15</t>
  </si>
  <si>
    <t>12/16/2019 16:58:53</t>
  </si>
  <si>
    <t>12/16/2019 16:58:16</t>
  </si>
  <si>
    <t>12/16/2019 17:03:16</t>
  </si>
  <si>
    <t>denisevca@algartech.com;franciscoebf@algartecnologia.com.br;lauravx@algartech.com;wayneroa@algartech.com;</t>
  </si>
  <si>
    <t>\\acsfs\engeset\COORDENAÇÃO CENTRO OESTE\01.Financeiro CO_RJ\2019\Receitamento\122019\</t>
  </si>
  <si>
    <t>TO 540555 - Padrao Solicitacao Receitamento SG Telecom - Intercompany TCO - 122019.xlsm</t>
  </si>
  <si>
    <t>denisevca@algartech.com,franciscoebf@algartecnologia.com.br,lauravx@algartech.com,wayneroa@algartech.com</t>
  </si>
  <si>
    <t>12/16/2019 16:59:01</t>
  </si>
  <si>
    <t>12/16/2019 16:58:54</t>
  </si>
  <si>
    <t>12/16/2019 17:04:15</t>
  </si>
  <si>
    <t>970147cc-4cc2-42f7-aa1f-5e06740cbcb6.tmp</t>
  </si>
  <si>
    <t>\\acsfs\profiles$\anafaes\Downloads\970147cc-4cc2-42f7-aa1f-5e06740cbcb6.tmp</t>
  </si>
  <si>
    <t>12/16/2019 16:59:21</t>
  </si>
  <si>
    <t>41667ab1-6e69-4876-b0b3-d56cdf05d17e.tmp</t>
  </si>
  <si>
    <t>\\acsfs\profiles$\anafaes\Downloads\41667ab1-6e69-4876-b0b3-d56cdf05d17e.tmp</t>
  </si>
  <si>
    <t>12/16/2019 16:59:47</t>
  </si>
  <si>
    <t>e22f4f99-1dea-4400-95a4-abde25ee2324.tmp</t>
  </si>
  <si>
    <t>\\acsfs\profiles$\anafaes\Downloads\e22f4f99-1dea-4400-95a4-abde25ee2324.tmp</t>
  </si>
  <si>
    <t>12/16/2019 17:00:29</t>
  </si>
  <si>
    <t>12/16/2019 17:05:15</t>
  </si>
  <si>
    <t>1432539a-4c0f-4d17-a702-7b8bfc541376.tmp</t>
  </si>
  <si>
    <t>\\acsfs\profiles$\karinarm\Downloads\1432539a-4c0f-4d17-a702-7b8bfc541376.tmp</t>
  </si>
  <si>
    <t>12/16/2019 17:03:38</t>
  </si>
  <si>
    <t>camiladps@algartech.com;equipefabi@algartech.com.br;</t>
  </si>
  <si>
    <t>camiladps@algartech.com,equipefabi@algartech.com.br</t>
  </si>
  <si>
    <t>12/16/2019 17:01:43</t>
  </si>
  <si>
    <t>12/16/2019 17:06:16</t>
  </si>
  <si>
    <t>12/16/2019 17:05:51</t>
  </si>
  <si>
    <t>12/16/2019 17:03:53</t>
  </si>
  <si>
    <t>12/16/2019 17:07:15</t>
  </si>
  <si>
    <t>12/16/2019 17:04:53</t>
  </si>
  <si>
    <t>12/16/2019 17:07:57</t>
  </si>
  <si>
    <t>12/16/2019 17:09:15</t>
  </si>
  <si>
    <t>12/16/2019 17:04:25</t>
  </si>
  <si>
    <t>https://udpmailboxap01/h/search;jsessionid=k1rras9316a2auzaqv8ks5lv?si=0&amp;so=0&amp;sc=45551&amp;st=conversation&amp;action=compose</t>
  </si>
  <si>
    <t>gustavo;gustavodsil@algartech.com;</t>
  </si>
  <si>
    <t>https://gustavo,gustavodsil@algartech.com</t>
  </si>
  <si>
    <t>12/16/2019 17:04:55</t>
  </si>
  <si>
    <t>12/16/2019 17:05:25</t>
  </si>
  <si>
    <t>12/16/2019 17:05:55</t>
  </si>
  <si>
    <t>12/16/2019 17:06:25</t>
  </si>
  <si>
    <t>12/16/2019 17:06:55</t>
  </si>
  <si>
    <t>12/16/2019 17:07:25</t>
  </si>
  <si>
    <t>12/16/2019 17:07:55</t>
  </si>
  <si>
    <t>12/16/2019 17:08:25</t>
  </si>
  <si>
    <t>12/16/2019 17:11:15</t>
  </si>
  <si>
    <t>12/16/2019 17:09:58</t>
  </si>
  <si>
    <t>12/16/2019 17:06:15</t>
  </si>
  <si>
    <t>e6a606c9-1cc1-45c1-900e-e9785d4ac4c3.tmp</t>
  </si>
  <si>
    <t>\\acsfs\profiles$\larissapdr\Downloads\e6a606c9-1cc1-45c1-900e-e9785d4ac4c3.tmp</t>
  </si>
  <si>
    <t>12/16/2019 17:09:54</t>
  </si>
  <si>
    <t>29513668-9808-4705-afd0-abcda769cdf6.tmp</t>
  </si>
  <si>
    <t>\\acsfs\profiles$\larissapdr\Downloads\29513668-9808-4705-afd0-abcda769cdf6.tmp</t>
  </si>
  <si>
    <t>12/16/2019 17:09:53</t>
  </si>
  <si>
    <t>12/16/2019 17:12:15</t>
  </si>
  <si>
    <t>12/16/2019 17:10:53</t>
  </si>
  <si>
    <t>12/16/2019 17:11:11</t>
  </si>
  <si>
    <t>12/16/2019 17:13:14</t>
  </si>
  <si>
    <t>Laudas_Melhorias URA Genesys Atual - Cópia.xlsx</t>
  </si>
  <si>
    <t>12/16/2019 17:10:50</t>
  </si>
  <si>
    <t>12/16/2019 17:14:15</t>
  </si>
  <si>
    <t>13 - dezembro.xlsx</t>
  </si>
  <si>
    <t>12/16/2019 17:10:31</t>
  </si>
  <si>
    <t>mail.google.com/sync/u/0/i/s?hl=pt-BR&amp;c=894</t>
  </si>
  <si>
    <t>12/16/2019 17:11:28</t>
  </si>
  <si>
    <t>mail.google.com/sync/u/0/i/s?hl=pt-BR&amp;c=898</t>
  </si>
  <si>
    <t>12/16/2019 17:11:34</t>
  </si>
  <si>
    <t>mail.google.com/sync/u/0/i/s?hl=pt-BR&amp;c=901</t>
  </si>
  <si>
    <t>thiagordu@algartech.com;</t>
  </si>
  <si>
    <t>thiagordu@algartech.com</t>
  </si>
  <si>
    <t>12/16/2019 17:11:38</t>
  </si>
  <si>
    <t>mail.google.com/sync/u/0/i/s?hl=pt-BR&amp;c=903</t>
  </si>
  <si>
    <t>12/16/2019 17:11:48</t>
  </si>
  <si>
    <t>mail.google.com/sync/u/0/i/s?hl=pt-BR&amp;c=905</t>
  </si>
  <si>
    <t>12/16/2019 17:12:00</t>
  </si>
  <si>
    <t>mail.google.com/sync/u/0/i/s?hl=pt-BR&amp;c=907</t>
  </si>
  <si>
    <t>12/16/2019 17:12:05</t>
  </si>
  <si>
    <t>mail.google.com/sync/u/0/i/s?hl=pt-BR&amp;c=909</t>
  </si>
  <si>
    <t>12/16/2019 17:12:54</t>
  </si>
  <si>
    <t>mail.google.com/sync/u/0/i/s?hl=pt-BR&amp;c=913</t>
  </si>
  <si>
    <t>12/16/2019 17:13:01</t>
  </si>
  <si>
    <t>mail.google.com/sync/u/0/i/s?hl=pt-BR&amp;c=915</t>
  </si>
  <si>
    <t>12/16/2019 17:13:05</t>
  </si>
  <si>
    <t>mail.google.com/sync/u/0/i/s?hl=pt-BR&amp;c=917</t>
  </si>
  <si>
    <t>talmaiardo@algartech.com;thiagordu@algartech.com;</t>
  </si>
  <si>
    <t>talmaiardo@algartech.com,thiagordu@algartech.com</t>
  </si>
  <si>
    <t>12/16/2019 17:13:11</t>
  </si>
  <si>
    <t>mail.google.com/sync/u/0/i/s?hl=pt-BR&amp;c=919</t>
  </si>
  <si>
    <t>12/16/2019 17:13:29</t>
  </si>
  <si>
    <t>mail.google.com/sync/u/0/i/s?hl=pt-BR&amp;c=921</t>
  </si>
  <si>
    <t>12/16/2019 17:13:34</t>
  </si>
  <si>
    <t>mail.google.com/sync/u/0/i/s?hl=pt-BR&amp;c=924</t>
  </si>
  <si>
    <t>12/16/2019 17:08:55</t>
  </si>
  <si>
    <t>12/16/2019 17:09:25</t>
  </si>
  <si>
    <t>12/16/2019 17:09:41</t>
  </si>
  <si>
    <t>12/16/2019 17:14:28</t>
  </si>
  <si>
    <t>12/16/2019 17:15:15</t>
  </si>
  <si>
    <t>12/16/2019 17:10:20</t>
  </si>
  <si>
    <t>C:\Users\victorvgar\Desktop\AVON\New Model\</t>
  </si>
  <si>
    <t>16-12 new model.xlsx</t>
  </si>
  <si>
    <t>12/16/2019 17:13:20</t>
  </si>
  <si>
    <t>12/16/2019 17:16:15</t>
  </si>
  <si>
    <t>MAPA DE FÉRIAS PCP.xlsm</t>
  </si>
  <si>
    <t>12/16/2019 17:12:06</t>
  </si>
  <si>
    <t>12/16/2019 17:15:53</t>
  </si>
  <si>
    <t>12/16/2019 17:17:15</t>
  </si>
  <si>
    <t>12/16/2019 17:13:39</t>
  </si>
  <si>
    <t>12/16/2019 17:19:15</t>
  </si>
  <si>
    <t>mail.google.com/sync/u/0/i/s?hl=pt-BR&amp;c=926</t>
  </si>
  <si>
    <t>12/16/2019 17:13:43</t>
  </si>
  <si>
    <t>mail.google.com/sync/u/0/i/s?hl=pt-BR&amp;c=928</t>
  </si>
  <si>
    <t>12/16/2019 17:14:00</t>
  </si>
  <si>
    <t>mail.google.com/sync/u/0/i/s?hl=pt-BR&amp;c=930</t>
  </si>
  <si>
    <t>12/16/2019 17:19:29</t>
  </si>
  <si>
    <t>12/16/2019 17:21:15</t>
  </si>
  <si>
    <t>12/16/2019 17:20:39</t>
  </si>
  <si>
    <t>12/16/2019 17:17:11</t>
  </si>
  <si>
    <t>8f4fbe2f-c979-4d17-b364-2098b086b633; _gid=ga1.3.966184633.1576499922; asp.net_sessionid=fxl1yq0utov5yecfe4q2bbo2; __requestverificationtoken=l7w6zhhejir-eebkbwzzex74mb3p57cdadqpv3pswhjgxbisrkkw9i1_zhd2ncngwtxv9fmjq71zdv_xmlmloab1e9_bjxmd-hmcwlv67kg1; tp_s</t>
  </si>
  <si>
    <t>amanda.delima@cscalgar.com.br;brendalp@algartech.com;carlosecm@algartech.com;moisesol@algartech.com;paulocruz@algartech.com;</t>
  </si>
  <si>
    <t>C:\PROCEDIMENTO\</t>
  </si>
  <si>
    <t>BRENDA-LISTA-MATERIAL.xlsx</t>
  </si>
  <si>
    <t>amanda.delima@cscalgar.com.br,brendalp@algartech.com,carlosecm@algartech.com,moisesol@algartech.com,paulocruz@algartech.com</t>
  </si>
  <si>
    <t>12/16/2019 17:16:53</t>
  </si>
  <si>
    <t>12/16/2019 17:22:15</t>
  </si>
  <si>
    <t>12/16/2019 17:17:34</t>
  </si>
  <si>
    <t>97883fc9-fa48-4e38-a333-f62d6dd82566.tmp</t>
  </si>
  <si>
    <t>\\acsfs\profiles$\henriqueco\Downloads\97883fc9-fa48-4e38-a333-f62d6dd82566.tmp</t>
  </si>
  <si>
    <t>12/16/2019 17:20:58</t>
  </si>
  <si>
    <t>12/16/2019 17:23:15</t>
  </si>
  <si>
    <t>d459f50b-09ed-4698-8e87-ab3a7f2a58f3.tmp</t>
  </si>
  <si>
    <t>\\acsfs\profiles$\gabrielamdp\Downloads\d459f50b-09ed-4698-8e87-ab3a7f2a58f3.tmp</t>
  </si>
  <si>
    <t>12/16/2019 17:22:42</t>
  </si>
  <si>
    <t>12/16/2019 17:24:15</t>
  </si>
  <si>
    <t>12/16/2019 17:20:02</t>
  </si>
  <si>
    <t>mail.google.com/sync/u/0/i/s?hl=pt-BR&amp;c=939</t>
  </si>
  <si>
    <t>12/16/2019 17:20:20</t>
  </si>
  <si>
    <t>mail.google.com/sync/u/0/i/s?hl=pt-BR&amp;c=941</t>
  </si>
  <si>
    <t>12/16/2019 17:20:37</t>
  </si>
  <si>
    <t>mail.google.com/sync/u/0/i/s?hl=pt-BR&amp;c=944</t>
  </si>
  <si>
    <t>12/16/2019 17:20:48</t>
  </si>
  <si>
    <t>mail.google.com/sync/u/0/i/s?hl=pt-BR&amp;c=946</t>
  </si>
  <si>
    <t>12/16/2019 17:21:01</t>
  </si>
  <si>
    <t>mail.google.com/sync/u/0/i/s?hl=pt-BR&amp;c=949</t>
  </si>
  <si>
    <t>12/16/2019 17:21:09</t>
  </si>
  <si>
    <t>mail.google.com/sync/u/0/i/s?hl=pt-BR&amp;c=951</t>
  </si>
  <si>
    <t>12/16/2019 17:21:27</t>
  </si>
  <si>
    <t>mail.google.com/sync/u/0/i/s?hl=pt-BR&amp;c=953</t>
  </si>
  <si>
    <t>12/16/2019 17:21:44</t>
  </si>
  <si>
    <t>mail.google.com/sync/u/0/i/s?hl=pt-BR&amp;c=956</t>
  </si>
  <si>
    <t>12/16/2019 17:21:58</t>
  </si>
  <si>
    <t>mail.google.com/sync/u/0/i/s?hl=pt-BR&amp;c=958</t>
  </si>
  <si>
    <t>12/16/2019 17:22:01</t>
  </si>
  <si>
    <t>mail.google.com/sync/u/0/i/s?hl=pt-BR&amp;c=964</t>
  </si>
  <si>
    <t>mail.google.com/sync/u/0/i/s?hl=pt-BR&amp;c=966</t>
  </si>
  <si>
    <t>12/16/2019 17:22:32</t>
  </si>
  <si>
    <t>mail.google.com/sync/u/0/i/s?hl=pt-BR&amp;c=969</t>
  </si>
  <si>
    <t>12/16/2019 17:22:49</t>
  </si>
  <si>
    <t>mail.google.com/sync/u/0/i/s?hl=pt-BR&amp;c=971</t>
  </si>
  <si>
    <t>12/16/2019 17:22:52</t>
  </si>
  <si>
    <t>mail.google.com/sync/u/0/i/s?hl=pt-BR&amp;c=973</t>
  </si>
  <si>
    <t>12/16/2019 17:22:55</t>
  </si>
  <si>
    <t>mail.google.com/sync/u/0/i/s?hl=pt-BR&amp;c=976</t>
  </si>
  <si>
    <t>12/16/2019 17:23:01</t>
  </si>
  <si>
    <t>mail.google.com/sync/u/0/i/s?hl=pt-BR&amp;c=979</t>
  </si>
  <si>
    <t>12/16/2019 17:23:06</t>
  </si>
  <si>
    <t>mail.google.com/sync/u/0/i/s?hl=pt-BR&amp;c=981</t>
  </si>
  <si>
    <t>12/16/2019 17:23:09</t>
  </si>
  <si>
    <t>mail.google.com/sync/u/0/i/s?hl=pt-BR&amp;c=983</t>
  </si>
  <si>
    <t>12/16/2019 17:23:18</t>
  </si>
  <si>
    <t>mail.google.com/sync/u/0/i/s?hl=pt-BR&amp;c=985</t>
  </si>
  <si>
    <t>12/16/2019 17:23:34</t>
  </si>
  <si>
    <t>mail.google.com/sync/u/0/i/s?hl=pt-BR&amp;c=988</t>
  </si>
  <si>
    <t>12/16/2019 17:19:46</t>
  </si>
  <si>
    <t>12/16/2019 17:25:15</t>
  </si>
  <si>
    <t>1a28a280-c6c2-421f-9ef6-515f91dc4f4d.tmp</t>
  </si>
  <si>
    <t>\\acsfs\profiles$\laurandos\Downloads\1a28a280-c6c2-421f-9ef6-515f91dc4f4d.tmp</t>
  </si>
  <si>
    <t>12/16/2019 17:21:02</t>
  </si>
  <si>
    <t>42e0c26a-fda0-4ddd-a4d7-9151f062983b.tmp</t>
  </si>
  <si>
    <t>\\acsfs\profiles$\laurandos\Downloads\42e0c26a-fda0-4ddd-a4d7-9151f062983b.tmp</t>
  </si>
  <si>
    <t>12/16/2019 17:24:20</t>
  </si>
  <si>
    <t>12/16/2019 17:26:15</t>
  </si>
  <si>
    <t>12/16/2019 17:24:48</t>
  </si>
  <si>
    <t>12/16/2019 17:25:29</t>
  </si>
  <si>
    <t>12/16/2019 17:27:15</t>
  </si>
  <si>
    <t>12/16/2019 17:21:54</t>
  </si>
  <si>
    <t>12/16/2019 17:22:53</t>
  </si>
  <si>
    <t>12/16/2019 17:22:44</t>
  </si>
  <si>
    <t>12/16/2019 17:25:08</t>
  </si>
  <si>
    <t>12/16/2019 17:28:15</t>
  </si>
  <si>
    <t>10.200.67.151</t>
  </si>
  <si>
    <t>74-86-7A-FB-17-6D</t>
  </si>
  <si>
    <t>VOTORANT-MB010</t>
  </si>
  <si>
    <t>06f3ec11-54ef-4854-9cf7-26f90d523455.tmp</t>
  </si>
  <si>
    <t>\\acsfs\profiles$\victorgl\Downloads\06f3ec11-54ef-4854-9cf7-26f90d523455.tmp</t>
  </si>
  <si>
    <t>12/16/2019 17:23:51</t>
  </si>
  <si>
    <t>12/16/2019 17:29:15</t>
  </si>
  <si>
    <t>mail.google.com/sync/u/0/i/s?hl=pt-BR&amp;c=990</t>
  </si>
  <si>
    <t>12/16/2019 17:23:58</t>
  </si>
  <si>
    <t>mail.google.com/sync/u/0/i/s?hl=pt-BR&amp;c=992</t>
  </si>
  <si>
    <t>12/16/2019 17:24:05</t>
  </si>
  <si>
    <t>mail.google.com/sync/u/0/i/s?hl=pt-BR&amp;c=994</t>
  </si>
  <si>
    <t>12/16/2019 17:24:10</t>
  </si>
  <si>
    <t>mail.google.com/sync/u/0/i/s?hl=pt-BR&amp;c=996</t>
  </si>
  <si>
    <t>12/16/2019 17:24:17</t>
  </si>
  <si>
    <t>mail.google.com/sync/u/0/i/s?hl=pt-BR&amp;c=998</t>
  </si>
  <si>
    <t>12/16/2019 17:24:22</t>
  </si>
  <si>
    <t>mail.google.com/sync/u/0/i/s?hl=pt-BR&amp;c=1000</t>
  </si>
  <si>
    <t>12/16/2019 17:24:34</t>
  </si>
  <si>
    <t>mail.google.com/sync/u/0/i/s?hl=pt-BR&amp;c=1003</t>
  </si>
  <si>
    <t>12/16/2019 17:25:21</t>
  </si>
  <si>
    <t>mail.google.com/sync/u/0/i/s?hl=pt-BR&amp;c=1005</t>
  </si>
  <si>
    <t>12/16/2019 17:25:26</t>
  </si>
  <si>
    <t>mail.google.com/sync/u/0/i/s?hl=pt-BR&amp;c=1009</t>
  </si>
  <si>
    <t>12/16/2019 17:25:27</t>
  </si>
  <si>
    <t>12/16/2019 17:25:32</t>
  </si>
  <si>
    <t>mail.google.com/sync/u/0/i/s?hl=pt-BR&amp;c=1013</t>
  </si>
  <si>
    <t>12/16/2019 17:25:48</t>
  </si>
  <si>
    <t>mail.google.com/sync/u/0/i/s?hl=pt-BR&amp;c=1015</t>
  </si>
  <si>
    <t>12/16/2019 17:26:00</t>
  </si>
  <si>
    <t>mail.google.com/sync/u/0/i/s?hl=pt-BR&amp;c=1017</t>
  </si>
  <si>
    <t>12/16/2019 17:26:01</t>
  </si>
  <si>
    <t>mail.google.com/sync/u/0/i/s?hl=pt-BR&amp;c=1019</t>
  </si>
  <si>
    <t>12/16/2019 17:26:41</t>
  </si>
  <si>
    <t>12/16/2019 17:30:15</t>
  </si>
  <si>
    <t>12/16/2019 17:28:58</t>
  </si>
  <si>
    <t>12/16/2019 17:31:15</t>
  </si>
  <si>
    <t>12/16/2019 17:27:53</t>
  </si>
  <si>
    <t>12/16/2019 17:32:16</t>
  </si>
  <si>
    <t>12/16/2019 17:28:53</t>
  </si>
  <si>
    <t>12/16/2019 17:32:01</t>
  </si>
  <si>
    <t>12/16/2019 17:33:15</t>
  </si>
  <si>
    <t>mail.google.com/_/upload?authuser=1&amp;dcp=asu-n&amp;upload_id=AEnB2Uo1YNP7Y8C_cfXONhADs2Z-Jrf_JEKQKTzdKEUCqi1TEdwlDBmPf-Z7GV0KdjxEijYOElKqmCdCiZvZtGXzsHP6CofxfUkE8gyMBGgw7CxbptMiN_Y&amp;upload_protocol=resumable</t>
  </si>
  <si>
    <t>Pendentes de Auditoria.xlsx</t>
  </si>
  <si>
    <t>12/16/2019 17:34:11</t>
  </si>
  <si>
    <t>12/16/2019 17:35:15</t>
  </si>
  <si>
    <t>d3d20d1e-34eb-4957-910d-89dc843cbde1.tmp</t>
  </si>
  <si>
    <t>\\acsfs\profiles$\laurandos\Downloads\d3d20d1e-34eb-4957-910d-89dc843cbde1.tmp</t>
  </si>
  <si>
    <t>12/16/2019 17:32:42</t>
  </si>
  <si>
    <t>mail.google.com/_/upload?authuser=0&amp;dcp=asu-n&amp;upload_id=AEnB2UrfMM1lo_hF7LA3DrC1zUiwOz5Eml8cklEQFLKqYP6upnAav3CJtIFRV8sp8sJPJsVzgJHSKx9OBb5mU9dpU7SvQ25FJBvlKaogfm-cO6AhKnRiT1M&amp;upload_protocol=resumable</t>
  </si>
  <si>
    <t>cfonseca@tripag.com.br;lrocha@tribanco.com.br;lucianarba@algartecnologia.com.br;marcosnf@tripag.com.br;masilva@tripag.com.br;robertaib@algartech.com;</t>
  </si>
  <si>
    <t>\\acsfs\deptos\Operacao\Unica\6. Pastas Pessoais\Credenciadora\Paulo Sérgio\Areá de Trabalho\</t>
  </si>
  <si>
    <t>cfonseca@tripag.com.br,lrocha@tribanco.com.br,lucianarba@algartecnologia.com.br,marcosnf@tripag.com.br,masilva@tripag.com.br,robertaib@algartech.com</t>
  </si>
  <si>
    <t>12/16/2019 17:34:22</t>
  </si>
  <si>
    <t>12/16/2019 17:36:15</t>
  </si>
  <si>
    <t>701a0b01-a78f-4dc9-83da-60347f8a0d10.tmp</t>
  </si>
  <si>
    <t>\\acsfs\profiles$\victorgl\Downloads\701a0b01-a78f-4dc9-83da-60347f8a0d10.tmp</t>
  </si>
  <si>
    <t>12/16/2019 17:33:53</t>
  </si>
  <si>
    <t>12/16/2019 17:37:15</t>
  </si>
  <si>
    <t>12/16/2019 17:34:53</t>
  </si>
  <si>
    <t>12/16/2019 17:36:36</t>
  </si>
  <si>
    <t>12/16/2019 17:41:15</t>
  </si>
  <si>
    <t>82949c84-ef5f-4057-b528-9428410b5d8c.tmp</t>
  </si>
  <si>
    <t>\\acsfs\profiles$\victorgl\Downloads\82949c84-ef5f-4057-b528-9428410b5d8c.tmp</t>
  </si>
  <si>
    <t>12/16/2019 17:38:58</t>
  </si>
  <si>
    <t>096f0e9b-bb3f-4e00-a9de-574231207a87.tmp</t>
  </si>
  <si>
    <t>\\acsfs\profiles$\victorgl\Downloads\096f0e9b-bb3f-4e00-a9de-574231207a87.tmp</t>
  </si>
  <si>
    <t>12/16/2019 17:38:07</t>
  </si>
  <si>
    <t>12/16/2019 17:39:53</t>
  </si>
  <si>
    <t>12/16/2019 17:42:15</t>
  </si>
  <si>
    <t>12/16/2019 17:40:53</t>
  </si>
  <si>
    <t>12/16/2019 17:41:41</t>
  </si>
  <si>
    <t>12/16/2019 17:45:15</t>
  </si>
  <si>
    <t>mail.google.com/_/upload?authuser=0&amp;dcp=asu-n&amp;upload_id=AEnB2Uou2i4IXwyUTaLW1Jln4PvCdnph_q9sawxXFWI0XXzxa0OQU4uxvekDXi9wSVV63rb05XXr1SVFTykdw87GrvhKjah-htnSa0ltGi3yzo-JFOBen6Q&amp;upload_protocol=resumable</t>
  </si>
  <si>
    <t>Expectativa Receitamento _ TIM.xlsx</t>
  </si>
  <si>
    <t>12/16/2019 17:45:41</t>
  </si>
  <si>
    <t>12/16/2019 17:46:15</t>
  </si>
  <si>
    <t>12/16/2019 17:43:09</t>
  </si>
  <si>
    <t>12/16/2019 17:47:15</t>
  </si>
  <si>
    <t>mail.google.com/sync/u/0/i/s?hl=pt-br&amp;c=129</t>
  </si>
  <si>
    <t>12/16/2019 17:43:44</t>
  </si>
  <si>
    <t>12/16/2019 17:43:59</t>
  </si>
  <si>
    <t>12/16/2019 17:44:09</t>
  </si>
  <si>
    <t>mail.google.com/sync/u/0/i/s?hl=pt-br&amp;c=136</t>
  </si>
  <si>
    <t>12/16/2019 17:44:53</t>
  </si>
  <si>
    <t>mail.google.com/sync/u/0/i/s?hl=pt-br&amp;c=138</t>
  </si>
  <si>
    <t>12/16/2019 17:45:05</t>
  </si>
  <si>
    <t>mail.google.com/sync/u/0/i/s?hl=pt-br&amp;c=141</t>
  </si>
  <si>
    <t>12/16/2019 17:45:13</t>
  </si>
  <si>
    <t>12/16/2019 17:45:30</t>
  </si>
  <si>
    <t>mail.google.com/sync/u/0/i/s?hl=pt-br&amp;c=145</t>
  </si>
  <si>
    <t>e585d0a8-a5c4-4394-abcd-caf51634e39c.tmp</t>
  </si>
  <si>
    <t>\\acsfs\profiles$\henriqueco\Downloads\e585d0a8-a5c4-4394-abcd-caf51634e39c.tmp</t>
  </si>
  <si>
    <t>12/16/2019 17:45:31</t>
  </si>
  <si>
    <t>12/16/2019 17:48:15</t>
  </si>
  <si>
    <t>12/16/2019 17:46:13</t>
  </si>
  <si>
    <t>12/16/2019 17:50:15</t>
  </si>
  <si>
    <t>10.200.60.77</t>
  </si>
  <si>
    <t>mail.google.com/_/upload?authuser=1&amp;dcp=asu-n&amp;upload_id=AEnB2Uo7KAjtJL1plB-gQWW-5lLPs97NNQHmHZBYlv74rdhjfhDreXXkQcolMplRu36nYzNy9YGmyEySThITnAlWqiyyiROcI0Jk7dVljFX783DrHKc3zjw&amp;upload_protocol=resumable</t>
  </si>
  <si>
    <t>2019_12_A100 Billing Detail Summary.xlsx</t>
  </si>
  <si>
    <t>12/16/2019 17:50:05</t>
  </si>
  <si>
    <t>12/16/2019 17:51:15</t>
  </si>
  <si>
    <t>48175c8c-73ec-42d0-8f56-76d5f8b4dd2b.tmp</t>
  </si>
  <si>
    <t>\\acsfs\profiles$\victorgl\Downloads\48175c8c-73ec-42d0-8f56-76d5f8b4dd2b.tmp</t>
  </si>
  <si>
    <t>12/16/2019 17:52:15</t>
  </si>
  <si>
    <t>12/16/2019 17:49:56</t>
  </si>
  <si>
    <t>a5dc7fe5-266f-48e6-990e-1c3fd5af1047.tmp</t>
  </si>
  <si>
    <t>\\acsfs\profiles$\alinepp\Downloads\a5dc7fe5-266f-48e6-990e-1c3fd5af1047.tmp</t>
  </si>
  <si>
    <t>12/16/2019 17:50:17</t>
  </si>
  <si>
    <t>5182ea27-a1f7-47fe-8048-8e38bea47314.tmp</t>
  </si>
  <si>
    <t>\\acsfs\profiles$\alinepp\Downloads\5182ea27-a1f7-47fe-8048-8e38bea47314.tmp</t>
  </si>
  <si>
    <t>12/16/2019 17:51:43</t>
  </si>
  <si>
    <t>48058884-42a3-42fb-bc58-684caa28b165.tmp</t>
  </si>
  <si>
    <t>\\acsfs\profiles$\alinepp\Downloads\48058884-42a3-42fb-bc58-684caa28b165.tmp</t>
  </si>
  <si>
    <t>12/16/2019 17:53:57</t>
  </si>
  <si>
    <t>12/16/2019 17:55:16</t>
  </si>
  <si>
    <t>000a7ff9-2096-473c-ada2-1ff033e375b4.tmp</t>
  </si>
  <si>
    <t>\\acsfs\profiles$\karinarm\Downloads\000a7ff9-2096-473c-ada2-1ff033e375b4.tmp</t>
  </si>
  <si>
    <t>12/16/2019 17:54:02</t>
  </si>
  <si>
    <t>C:\Users\douglassp\OneDrive - Grupo Algar\Base de Conhecimento\Apresentação\Workshop_Whirlpool_20140722.ppt\s2\</t>
  </si>
  <si>
    <t>Slide do think-cell3.dat</t>
  </si>
  <si>
    <t>Slide do think-cell4.dat</t>
  </si>
  <si>
    <t>12/16/2019 17:52:59</t>
  </si>
  <si>
    <t>12/16/2019 17:56:15</t>
  </si>
  <si>
    <t>f24f2033-dec6-422a-b6b8-a2e5d16ac98b.tmp</t>
  </si>
  <si>
    <t>\\acsfs\profiles$\larissapdr\Downloads\f24f2033-dec6-422a-b6b8-a2e5d16ac98b.tmp</t>
  </si>
  <si>
    <t>12/16/2019 17:53:05</t>
  </si>
  <si>
    <t>12/16/2019 17:57:16</t>
  </si>
  <si>
    <t>64d8c219-02d3-4e21-8648-45a195233971.tmp</t>
  </si>
  <si>
    <t>\\acsfs\profiles$\alinepp\Downloads\64d8c219-02d3-4e21-8648-45a195233971.tmp</t>
  </si>
  <si>
    <t>12/16/2019 17:57:03</t>
  </si>
  <si>
    <t>12/16/2019 18:01:15</t>
  </si>
  <si>
    <t>c:\users\nubiafrsp\downloads\</t>
  </si>
  <si>
    <t>associados th dez19 (9).xlsx</t>
  </si>
  <si>
    <t>12/16/2019 17:57:10</t>
  </si>
  <si>
    <t>5619879d-d5b2-4319-b872-89b07c47ead1.tmp</t>
  </si>
  <si>
    <t>\\acsfs\profiles$\larissapdr\Downloads\5619879d-d5b2-4319-b872-89b07c47ead1.tmp</t>
  </si>
  <si>
    <t>12/16/2019 18:00:07</t>
  </si>
  <si>
    <t>12/16/2019 18:03:15</t>
  </si>
  <si>
    <t>12/16/2019 18:00:11</t>
  </si>
  <si>
    <t>12/16/2019 18:00:33</t>
  </si>
  <si>
    <t>12/16/2019 18:00:57</t>
  </si>
  <si>
    <t>12/16/2019 18:01:21</t>
  </si>
  <si>
    <t>12/16/2019 18:01:25</t>
  </si>
  <si>
    <t>12/16/2019 18:01:49</t>
  </si>
  <si>
    <t>12/16/2019 18:02:12</t>
  </si>
  <si>
    <t>12/16/2019 18:02:22</t>
  </si>
  <si>
    <t>12/16/2019 18:02:38</t>
  </si>
  <si>
    <t>12/16/2019 18:02:39</t>
  </si>
  <si>
    <t>12/16/2019 17:59:22</t>
  </si>
  <si>
    <t>12/16/2019 18:01:57</t>
  </si>
  <si>
    <t>12/16/2019 18:04:16</t>
  </si>
  <si>
    <t>12/16/2019 18:03:06</t>
  </si>
  <si>
    <t>\\Acsfs\dsti\GAT\CIT - Coordenacao Inteligencia de TI\RELATORIOS FPW\Controle\BANCO DE HORAS\DEZEMBRO\</t>
  </si>
  <si>
    <t>Consolidado de Banco de Horas 01a1512.xlsm</t>
  </si>
  <si>
    <t>12/16/2019 18:04:23</t>
  </si>
  <si>
    <t>12/16/2019 18:06:16</t>
  </si>
  <si>
    <t>mail.google.com/_/upload?authuser=0&amp;dcp=asu-n&amp;upload_id=AEnB2UrvSITWmLZLjvPxhIl3m8WIO543_qpwpwzSRVAPzVTvya591LFUxBe7o7vfgBc2FcbLo2PlUrujdeTRuEuz4Ffn__tWurMqm2NpgL-32v8Yd32hTSU&amp;upload_protocol=resumable</t>
  </si>
  <si>
    <t>marcelacpe@algartecnologia.com.br;</t>
  </si>
  <si>
    <t>marcelacpe@algartecnologia.com.br</t>
  </si>
  <si>
    <t>12/16/2019 18:06:23</t>
  </si>
  <si>
    <t>12/16/2019 18:09:15</t>
  </si>
  <si>
    <t>10.200.32.106</t>
  </si>
  <si>
    <t>D4-AE-52-FC-96-E4</t>
  </si>
  <si>
    <t>VOTORANT-CA069</t>
  </si>
  <si>
    <t>arthurfr</t>
  </si>
  <si>
    <t>\\acsfs\DEPTOS\EDUCACAO EMPRESARIAL\Atalhos\</t>
  </si>
  <si>
    <t>\\acsfs\DEPTOS\EDUCACAO EMPRESARIAL\Atalhos\Thumbs.db</t>
  </si>
  <si>
    <t>12/16/2019 18:10:18</t>
  </si>
  <si>
    <t>12/16/2019 18:11:15</t>
  </si>
  <si>
    <t>12/16/2019 18:08:42</t>
  </si>
  <si>
    <t>12/16/2019 18:13:15</t>
  </si>
  <si>
    <t>12/16/2019 18:08:43</t>
  </si>
  <si>
    <t>12/16/2019 18:09:47</t>
  </si>
  <si>
    <t>12/16/2019 18:14:16</t>
  </si>
  <si>
    <t>\\acsfs\QLD\Gestão por Processos\Oficiais\Indicadores\VBA\GTO 2.0\DataBase\</t>
  </si>
  <si>
    <t>data_base.ldb</t>
  </si>
  <si>
    <t>\\acsfs\QLD\Gestão por Processos\Oficiais\Indicadores\VBA\GTO 2.0\DataBase\data_base.ldb</t>
  </si>
  <si>
    <t>12/16/2019 18:09:48</t>
  </si>
  <si>
    <t>data_base.mdb</t>
  </si>
  <si>
    <t>\\acsfs\QLD\Gestão por Processos\Oficiais\Indicadores\VBA\GTO 2.0\DataBase\data_base.mdb</t>
  </si>
  <si>
    <t>12/16/2019 18:09:49</t>
  </si>
  <si>
    <t>12/16/2019 18:12:53</t>
  </si>
  <si>
    <t>12/16/2019 18:16:16</t>
  </si>
  <si>
    <t>12/16/2019 18:18:39</t>
  </si>
  <si>
    <t>12/16/2019 18:23:15</t>
  </si>
  <si>
    <t>12/16/2019 18:20:20</t>
  </si>
  <si>
    <t>12/16/2019 18:24:16</t>
  </si>
  <si>
    <t>ff119b21-8297-4b98-8bbb-4d54d0fba217.tmp</t>
  </si>
  <si>
    <t>\\acsfs\profiles$\anafaes\Downloads\ff119b21-8297-4b98-8bbb-4d54d0fba217.tmp</t>
  </si>
  <si>
    <t>12/16/2019 18:22:19</t>
  </si>
  <si>
    <t>12/16/2019 18:25:15</t>
  </si>
  <si>
    <t>C:\Users\rodrigormc\Desktop\Parcial\Boletim Semanal_16 12- Comercial Algar.pptx\</t>
  </si>
  <si>
    <t>12/16/2019 18:22:50</t>
  </si>
  <si>
    <t>12/16/2019 18:26:16</t>
  </si>
  <si>
    <t>4708b459-4ef7-41a4-9175-a2ec4c263dc7.tmp</t>
  </si>
  <si>
    <t>\\acsfs\profiles$\leticiaat\Downloads\4708b459-4ef7-41a4-9175-a2ec4c263dc7.tmp</t>
  </si>
  <si>
    <t>12/16/2019 18:22:58</t>
  </si>
  <si>
    <t>97badf82-82ae-4346-a9e6-286db84e1392.tmp</t>
  </si>
  <si>
    <t>\\acsfs\profiles$\leticiaat\Downloads\97badf82-82ae-4346-a9e6-286db84e1392.tmp</t>
  </si>
  <si>
    <t>12/16/2019 18:23:09</t>
  </si>
  <si>
    <t>8ccff734-5105-43fc-9cf6-dba42303c9b2.tmp</t>
  </si>
  <si>
    <t>\\acsfs\profiles$\leticiaat\Downloads\8ccff734-5105-43fc-9cf6-dba42303c9b2.tmp</t>
  </si>
  <si>
    <t>12/16/2019 18:23:16</t>
  </si>
  <si>
    <t>78e25b52-896b-49d1-99d9-18db6fcc25b4.tmp</t>
  </si>
  <si>
    <t>\\acsfs\profiles$\leticiaat\Downloads\78e25b52-896b-49d1-99d9-18db6fcc25b4.tmp</t>
  </si>
  <si>
    <t>12/16/2019 18:23:22</t>
  </si>
  <si>
    <t>efe2f4ca-dffb-44df-a19f-7e7188cb96e0.tmp</t>
  </si>
  <si>
    <t>\\acsfs\profiles$\leticiaat\Downloads\efe2f4ca-dffb-44df-a19f-7e7188cb96e0.tmp</t>
  </si>
  <si>
    <t>12/16/2019 18:23:30</t>
  </si>
  <si>
    <t>23e220e2-c675-4856-8a16-65dc8020cd3d.tmp</t>
  </si>
  <si>
    <t>\\acsfs\profiles$\leticiaat\Downloads\23e220e2-c675-4856-8a16-65dc8020cd3d.tmp</t>
  </si>
  <si>
    <t>12/16/2019 18:23:52</t>
  </si>
  <si>
    <t>12/16/2019 18:28:16</t>
  </si>
  <si>
    <t>mail.google.com/_/upload?authuser=0&amp;dcp=asu-n&amp;upload_id=AEnB2UqjJtgq1SDNcOHUEBDRB--oR2TFARW9qtH9MfjIFeL6joskIQcwDSYsvnsoJz9TfrrBCXh2L_bF4i6IXi6JFK9iu4yq14B33ul4dPEGphAWSRdrD0g&amp;upload_protocol=resumable</t>
  </si>
  <si>
    <t>michelesr@algartech.com;senildapdo@algartech.com;viniciussg@algartech.com;</t>
  </si>
  <si>
    <t>Motivacional Dez.19.xlsx</t>
  </si>
  <si>
    <t>michelesr@algartech.com,senildapdo@algartech.com,viniciussg@algartech.com</t>
  </si>
  <si>
    <t>12/16/2019 18:29:44</t>
  </si>
  <si>
    <t>12/16/2019 18:31:15</t>
  </si>
  <si>
    <t>12/16/2019 18:28:20</t>
  </si>
  <si>
    <t>12/16/2019 18:30:08</t>
  </si>
  <si>
    <t>12/16/2019 18:29:58</t>
  </si>
  <si>
    <t>12/16/2019 18:34:15</t>
  </si>
  <si>
    <t>12/16/2019 18:32:36</t>
  </si>
  <si>
    <t>12/16/2019 18:35:14</t>
  </si>
  <si>
    <t>12/16/2019 18:32:02</t>
  </si>
  <si>
    <t>12/16/2019 18:36:15</t>
  </si>
  <si>
    <t>12/16/2019 18:32:16</t>
  </si>
  <si>
    <t>mail.google.com/_/upload?authuser=1&amp;dcp=asu-n&amp;upload_id=AEnB2UoUHzJEUDjS_i4tSElyWCHMIfd4C8CfOrVo7GQUXOfIQiiK8Fjr68WwuNW6xPLz3odjV-vcnIlof3IlxQgkb_Yxrs1FIZ-9YrjHjK0sLFBKNAxQEco&amp;upload_protocol=resumable</t>
  </si>
  <si>
    <t>12/16/2019 18:32:22</t>
  </si>
  <si>
    <t>12/16/2019 18:37:21</t>
  </si>
  <si>
    <t>12/16/2019 18:40:15</t>
  </si>
  <si>
    <t>leticiabp@algartech.com;wayneroa@algartech.com;</t>
  </si>
  <si>
    <t>Expectativa Receitamento _ TIM.v2.xlsx</t>
  </si>
  <si>
    <t>leticiabp@algartech.com,wayneroa@algartech.com</t>
  </si>
  <si>
    <t>12/16/2019 18:37:42</t>
  </si>
  <si>
    <t>12/16/2019 18:41:15</t>
  </si>
  <si>
    <t>efa25a85-c299-4417-8474-6a2e09006e21.tmp</t>
  </si>
  <si>
    <t>\\acsfs\profiles$\kamilamrc\Downloads\efa25a85-c299-4417-8474-6a2e09006e21.tmp</t>
  </si>
  <si>
    <t>12/16/2019 18:40:04</t>
  </si>
  <si>
    <t>12/16/2019 18:40:36</t>
  </si>
  <si>
    <t>12/16/2019 18:37:57</t>
  </si>
  <si>
    <t>\\acsfs\Deptos\Operacao\Banco_Votorantim\Qualidade\Fernanda\RECLAMAÇÃO E OUVIDORIA\MODELO DE LAUDO EM BRANCO(3) - Cópia - Cópia - Cópia.docx\</t>
  </si>
  <si>
    <t>\\acsfs\Deptos\Operacao\Banco_Votorantim\Qualidade\Fernanda\RECLAMAÇÃO E OUVIDORIA\MODELO DE LAUDO EM BRANCO(3) - Cópia - Cópia - Cópia.docx</t>
  </si>
  <si>
    <t>MODELO DE LAUDO EM BRANCO(3) - Cópia - Cópia - Cópia.docx</t>
  </si>
  <si>
    <t>12/16/2019 18:38:02</t>
  </si>
  <si>
    <t>\\acsfs\Deptos\Operacao\Banco_Votorantim\Qualidade\Fernanda\RECLAMAÇÃO E OUVIDORIA\MODELO DE LAUDO EM BRANCO(3) - Cópia - Cópia - Cópia - Cópia.docx\</t>
  </si>
  <si>
    <t>\\acsfs\Deptos\Operacao\Banco_Votorantim\Qualidade\Fernanda\RECLAMAÇÃO E OUVIDORIA\MODELO DE LAUDO EM BRANCO(3) - Cópia - Cópia - Cópia - Cópia.docx</t>
  </si>
  <si>
    <t>MODELO DE LAUDO EM BRANCO(3) - Cópia - Cópia - Cópia - Cópia.docx</t>
  </si>
  <si>
    <t>12/16/2019 18:37:04</t>
  </si>
  <si>
    <t>12/16/2019 18:42:14</t>
  </si>
  <si>
    <t>7a19a542-648b-4745-af35-c0ab59babedd.tmp</t>
  </si>
  <si>
    <t>\\acsfs\profiles$\erichds\Downloads\7a19a542-648b-4745-af35-c0ab59babedd.tmp</t>
  </si>
  <si>
    <t>12/16/2019 18:37:08</t>
  </si>
  <si>
    <t>03fe3b28-d8df-4dd3-8f83-88961d6f0fd9.tmp</t>
  </si>
  <si>
    <t>\\acsfs\profiles$\erichds\Downloads\03fe3b28-d8df-4dd3-8f83-88961d6f0fd9.tmp</t>
  </si>
  <si>
    <t>12/16/2019 18:38:57</t>
  </si>
  <si>
    <t>365e6333-3eb7-4173-859d-61003d2ec975.tmp</t>
  </si>
  <si>
    <t>\\acsfs\profiles$\erichds\Downloads\365e6333-3eb7-4173-859d-61003d2ec975.tmp</t>
  </si>
  <si>
    <t>12/16/2019 18:41:04</t>
  </si>
  <si>
    <t>d62e143f-7ee8-456e-bbf7-116b2e0de357.tmp</t>
  </si>
  <si>
    <t>\\acsfs\profiles$\erichds\Downloads\d62e143f-7ee8-456e-bbf7-116b2e0de357.tmp</t>
  </si>
  <si>
    <t>12/16/2019 18:39:44</t>
  </si>
  <si>
    <t>12/16/2019 18:42:02</t>
  </si>
  <si>
    <t>12/16/2019 18:43:15</t>
  </si>
  <si>
    <t>298c0172-6551-4f44-9e12-8193d91718f4.tmp</t>
  </si>
  <si>
    <t>\\acsfs\profiles$\gabrielamdp\Downloads\298c0172-6551-4f44-9e12-8193d91718f4.tmp</t>
  </si>
  <si>
    <t>12/16/2019 18:43:50</t>
  </si>
  <si>
    <t>12/16/2019 18:47:15</t>
  </si>
  <si>
    <t>3a629ebd-ff2e-4573-bf07-f20b27ea9117.tmp</t>
  </si>
  <si>
    <t>\\acsfs\profiles$\erichds\Downloads\3a629ebd-ff2e-4573-bf07-f20b27ea9117.tmp</t>
  </si>
  <si>
    <t>12/16/2019 18:49:22</t>
  </si>
  <si>
    <t>12/16/2019 18:51:15</t>
  </si>
  <si>
    <t>12/16/2019 18:46:02</t>
  </si>
  <si>
    <t>12/16/2019 18:46:20</t>
  </si>
  <si>
    <t>12/16/2019 18:46:40</t>
  </si>
  <si>
    <t>12/16/2019 18:50:07</t>
  </si>
  <si>
    <t>CPF 04248677458 Francisca Afonso dos Santos.pdf</t>
  </si>
  <si>
    <t>\\acsfs\Deptos\Operacao\Banco_Votorantim\Qualidade\Fernanda\RECLAMAÇÃO E OUVIDORIA\CPF 04248677458 Francisca Afonso dos Santos.pdf</t>
  </si>
  <si>
    <t>12/16/2019 18:50:48</t>
  </si>
  <si>
    <t>mail.google.com/sync/u/0/i/s?hl=pt-BR&amp;c=320</t>
  </si>
  <si>
    <t>bvs-centralcartoes@bv.com.br;cintia.souza-domingues@dxc.com;eduardo.santana@bv.com.br;fernandorsju@algartech.com;marianeps@algartech.com;marianerdo@algartech.com;talmaiardo@algartech.com;thiagordu@algartech.com;</t>
  </si>
  <si>
    <t>bvs-centralcartoes@bv.com.br,cintia.souza-domingues@dxc.com,eduardo.santana@bv.com.br,fernandorsju@algartech.com,marianeps@algartech.com,marianerdo@algartech.com,talmaiardo@algartech.com,thiagordu@algartech.com</t>
  </si>
  <si>
    <t>12/16/2019 18:50:27</t>
  </si>
  <si>
    <t>12/16/2019 18:52:15</t>
  </si>
  <si>
    <t>e2d0cc3c-e601-4c53-839c-ba0db2805ada.tmp</t>
  </si>
  <si>
    <t>\\acsfs\profiles$\joycemmdl\Downloads\e2d0cc3c-e601-4c53-839c-ba0db2805ada.tmp</t>
  </si>
  <si>
    <t>12/16/2019 18:51:32</t>
  </si>
  <si>
    <t>b69385dc-ef26-47c6-b2e4-5ab237507e5e.tmp</t>
  </si>
  <si>
    <t>\\acsfs\profiles$\joycemmdl\Downloads\b69385dc-ef26-47c6-b2e4-5ab237507e5e.tmp</t>
  </si>
  <si>
    <t>12/16/2019 18:56:15</t>
  </si>
  <si>
    <t>12/16/2019 18:51:14</t>
  </si>
  <si>
    <t>mail.google.com/sync/u/0/i/s?hl=pt-BR&amp;c=322</t>
  </si>
  <si>
    <t>12/16/2019 18:51:33</t>
  </si>
  <si>
    <t>mail.google.com/_/upload?authuser=0&amp;dcp=asu-n&amp;upload_id=AEnB2UpeHdKxnmJGWwdR80SLPDknADghMdQ9-_DWb-9nSaBAB0Fz2uAQ0x7k1dnasM4SslH3dUF74Vi9guE8yHDjN8ePPcP9fw&amp;upload_protocol=resumable</t>
  </si>
  <si>
    <t>CPF 04248677458 Patricia Oliveira Carvalho_1_6755606978253362416_1_32.wav</t>
  </si>
  <si>
    <t>12/16/2019 18:52:37</t>
  </si>
  <si>
    <t>mail.google.com/sync/u/0/i/s?hl=pt-BR&amp;c=328</t>
  </si>
  <si>
    <t>12/16/2019 18:52:52</t>
  </si>
  <si>
    <t>12/16/2019 18:53:08</t>
  </si>
  <si>
    <t>anavbg@algartech.com;bianca.boari@dxc.com;bvs-centralcartoes@bv.com.br;cintia.souza-domingues@dxc.com;eduardo.santana@bv.com.br;fernandorsju@algartech.com;marianeps@algartech.com;talmaiardo@algartech.com;thiagordu@algartech.com;</t>
  </si>
  <si>
    <t>anavbg@algartech.com,bianca.boari@dxc.com,bvs-centralcartoes@bv.com.br,cintia.souza-domingues@dxc.com,eduardo.santana@bv.com.br,fernandorsju@algartech.com,marianeps@algartech.com,talmaiardo@algartech.com,thiagordu@algartech.com</t>
  </si>
  <si>
    <t>12/16/2019 18:53:15</t>
  </si>
  <si>
    <t>12/16/2019 18:53:23</t>
  </si>
  <si>
    <t>mail.google.com/sync/u/0/i/s?hl=pt-BR&amp;c=336</t>
  </si>
  <si>
    <t>12/16/2019 18:53:26</t>
  </si>
  <si>
    <t>12/16/2019 18:53:53</t>
  </si>
  <si>
    <t>12/16/2019 18:53:54</t>
  </si>
  <si>
    <t>mail.google.com/_/upload?authuser=0&amp;dcp=asu-n&amp;upload_id=AEnB2UpzQCkC93rsXaZevQLcjRJnAcYsPFQxRgrf008QFsi9lJrPWUEGaLSuidbUIfhbn7d67JVlnuQb49SQYqd_12MOp0ORZqxKKOwiYz-zXLdToRozzvA&amp;upload_protocol=resumable</t>
  </si>
  <si>
    <t>12/16/2019 18:55:46</t>
  </si>
  <si>
    <t>12/16/2019 19:00:14</t>
  </si>
  <si>
    <t>a27dc0fe-4812-46f6-b506-7035c56ec0db.tmp</t>
  </si>
  <si>
    <t>\\acsfs\profiles$\karinarm\Downloads\a27dc0fe-4812-46f6-b506-7035c56ec0db.tmp</t>
  </si>
  <si>
    <t>12/16/2019 18:57:28</t>
  </si>
  <si>
    <t>12/16/2019 19:01:15</t>
  </si>
  <si>
    <t>12/16/2019 19:04:37</t>
  </si>
  <si>
    <t>12/16/2019 19:06:15</t>
  </si>
  <si>
    <t>12/16/2019 19:03:12</t>
  </si>
  <si>
    <t>12/16/2019 19:08:15</t>
  </si>
  <si>
    <t>12/16/2019 19:09:15</t>
  </si>
  <si>
    <t>12/16/2019 19:10:14</t>
  </si>
  <si>
    <t>12/16/2019 19:06:57</t>
  </si>
  <si>
    <t>12/16/2019 19:11:16</t>
  </si>
  <si>
    <t>12/16/2019 19:07:07</t>
  </si>
  <si>
    <t>12/16/2019 19:07:22</t>
  </si>
  <si>
    <t>12/16/2019 19:08:18</t>
  </si>
  <si>
    <t>12/16/2019 19:09:49</t>
  </si>
  <si>
    <t>12/16/2019 19:11:39</t>
  </si>
  <si>
    <t>12/16/2019 19:12:15</t>
  </si>
  <si>
    <t>348ccf43-0a23-4752-8eb3-827daf27ceb2.tmp</t>
  </si>
  <si>
    <t>\\acsfs\profiles$\joycemmdl\Downloads\348ccf43-0a23-4752-8eb3-827daf27ceb2.tmp</t>
  </si>
  <si>
    <t>12/16/2019 19:07:13</t>
  </si>
  <si>
    <t>2453d1bb-2c6f-469b-bd5f-e632e84be529.tmp</t>
  </si>
  <si>
    <t>\\acsfs\profiles$\alinepp\Downloads\2453d1bb-2c6f-469b-bd5f-e632e84be529.tmp</t>
  </si>
  <si>
    <t>12/16/2019 19:10:21</t>
  </si>
  <si>
    <t>12/16/2019 19:14:16</t>
  </si>
  <si>
    <t>12/16/2019 19:13:17</t>
  </si>
  <si>
    <t>12/16/2019 19:15:16</t>
  </si>
  <si>
    <t>12/16/2019 19:16:45</t>
  </si>
  <si>
    <t>12/16/2019 19:20:16</t>
  </si>
  <si>
    <t>12/16/2019 19:16:32</t>
  </si>
  <si>
    <t>12/16/2019 19:21:17</t>
  </si>
  <si>
    <t>12/16/2019 19:17:08</t>
  </si>
  <si>
    <t>12/16/2019 19:17:17</t>
  </si>
  <si>
    <t>12/16/2019 19:22:16</t>
  </si>
  <si>
    <t>12/16/2019 19:23:44</t>
  </si>
  <si>
    <t>12/16/2019 19:25:16</t>
  </si>
  <si>
    <t>b0e31b72-e8c1-4736-b730-1ec73d572954.tmp</t>
  </si>
  <si>
    <t>\\acsfs\profiles$\laurandos\Downloads\b0e31b72-e8c1-4736-b730-1ec73d572954.tmp</t>
  </si>
  <si>
    <t>12/16/2019 19:27:10</t>
  </si>
  <si>
    <t>12/16/2019 19:30:16</t>
  </si>
  <si>
    <t>12/16/2019 19:16:48</t>
  </si>
  <si>
    <t>12/16/2019 19:31:16</t>
  </si>
  <si>
    <t>12/16/2019 19:16:53</t>
  </si>
  <si>
    <t>12/16/2019 19:29:55</t>
  </si>
  <si>
    <t>12/16/2019 19:33:17</t>
  </si>
  <si>
    <t>12/16/2019 19:38:00</t>
  </si>
  <si>
    <t>12/16/2019 19:40:16</t>
  </si>
  <si>
    <t>acdba06d-9635-40fd-9f3c-0ab780b62a98.tmp</t>
  </si>
  <si>
    <t>\\acsfs\profiles$\laurandos\Downloads\acdba06d-9635-40fd-9f3c-0ab780b62a98.tmp</t>
  </si>
  <si>
    <t>12/16/2019 19:49:24</t>
  </si>
  <si>
    <t>12/16/2019 19:54:16</t>
  </si>
  <si>
    <t>12/16/2019 19:49:35</t>
  </si>
  <si>
    <t>e2a9309a-ed59-4f0c-96d8-e1359daa2f10.tmp</t>
  </si>
  <si>
    <t>\\acsfs\profiles$\regisadsa\Downloads\e2a9309a-ed59-4f0c-96d8-e1359daa2f10.tmp</t>
  </si>
  <si>
    <t>12/16/2019 19:52:53</t>
  </si>
  <si>
    <t>12/16/2019 19:55:16</t>
  </si>
  <si>
    <t>9dede5dc-f3c1-432c-b830-6fd45fb0b7f0; adrum=s=1576536660564&amp;r=https://alunodigital.faculdadepitagoras.com.br/pda_pitagoras?1579895933; ai_session=rfyrv|1576536540272|1576536768433.525 {"widget":{"quadro_horarios":{"template":"&lt;div ng-show=\"!c.data.quadro_</t>
  </si>
  <si>
    <t>https://alunodigital.faculdadepitagoras.com.br/api/now/sp/rectangle/a2d05b34db15730087dc4410ba961974?id=pda_disciplinas</t>
  </si>
  <si>
    <t>9dede5dc-f3c1-432c-b830-6fd45fb0b7f0; adrum=s=1576536660564&amp;r=https://alunodigital.faculdadepitagoras.com.br/pda_pitagoras?1579895933; ai_session=rfyrv|1576536540272|1576536768433.525 {"widget":{"atividades":{"template":"&lt;div class=\"container\" ng-hide=\"</t>
  </si>
  <si>
    <t>12/16/2019 19:52:54</t>
  </si>
  <si>
    <t>12/16/2019 19:55:00</t>
  </si>
  <si>
    <t>12/16/2019 19:56:16</t>
  </si>
  <si>
    <t>6cd9e1c6-ad55-427c-b57b-54ff2eb4b93d.tmp</t>
  </si>
  <si>
    <t>\\acsfs\profiles$\gabrielamdp\Downloads\6cd9e1c6-ad55-427c-b57b-54ff2eb4b93d.tmp</t>
  </si>
  <si>
    <t>12/16/2019 19:55:01</t>
  </si>
  <si>
    <t>37fa5f88-b806-45c0-863c-2f8f0bd12624.tmp</t>
  </si>
  <si>
    <t>\\acsfs\profiles$\gabrielamdp\Downloads\37fa5f88-b806-45c0-863c-2f8f0bd12624.tmp</t>
  </si>
  <si>
    <t>12/16/2019 19:55:02</t>
  </si>
  <si>
    <t>3fd1a618-b3bb-4134-af14-379fe9e11d5a.tmp</t>
  </si>
  <si>
    <t>\\acsfs\profiles$\gabrielamdp\Downloads\3fd1a618-b3bb-4134-af14-379fe9e11d5a.tmp</t>
  </si>
  <si>
    <t>12/16/2019 19:55:08</t>
  </si>
  <si>
    <t>12/16/2019 19:54:15</t>
  </si>
  <si>
    <t>12/16/2019 19:57:16</t>
  </si>
  <si>
    <t>12/16/2019 19:54:10</t>
  </si>
  <si>
    <t>12/16/2019 19:55:57</t>
  </si>
  <si>
    <t>12/16/2019 20:00:16</t>
  </si>
  <si>
    <t>12/16/2019 19:57:01</t>
  </si>
  <si>
    <t>12/16/2019 20:01:16</t>
  </si>
  <si>
    <t>92e3c9e9-c536-4ef2-a852-0ad096406d93.tmp</t>
  </si>
  <si>
    <t>\\acsfs\profiles$\kamilamrc\Downloads\92e3c9e9-c536-4ef2-a852-0ad096406d93.tmp</t>
  </si>
  <si>
    <t>12/16/2019 19:58:03</t>
  </si>
  <si>
    <t>fc0e07c0-80a1-4f5c-be68-d3f5dd4894d0.tmp</t>
  </si>
  <si>
    <t>\\acsfs\profiles$\gabrielamdp\Downloads\fc0e07c0-80a1-4f5c-be68-d3f5dd4894d0.tmp</t>
  </si>
  <si>
    <t>12/16/2019 19:58:04</t>
  </si>
  <si>
    <t>5e872cae-cc11-4266-8e3b-4fa02c62d373.tmp</t>
  </si>
  <si>
    <t>\\acsfs\profiles$\gabrielamdp\Downloads\5e872cae-cc11-4266-8e3b-4fa02c62d373.tmp</t>
  </si>
  <si>
    <t>12/16/2019 19:59:12</t>
  </si>
  <si>
    <t>12/16/2019 20:04:16</t>
  </si>
  <si>
    <t>12/16/2019 20:04:10</t>
  </si>
  <si>
    <t>12/16/2019 20:06:16</t>
  </si>
  <si>
    <t>e5e0dc37-e503-40f3-a34b-bfabda3dc0dd.tmp</t>
  </si>
  <si>
    <t>\\acsfs\profiles$\gabrielamdp\Downloads\e5e0dc37-e503-40f3-a34b-bfabda3dc0dd.tmp</t>
  </si>
  <si>
    <t>12/16/2019 20:02:08</t>
  </si>
  <si>
    <t>12/16/2019 20:02:37</t>
  </si>
  <si>
    <t>12/16/2019 20:02:52</t>
  </si>
  <si>
    <t>12/16/2019 20:04:58</t>
  </si>
  <si>
    <t>12/16/2019 20:04:03</t>
  </si>
  <si>
    <t>12/16/2019 20:07:17</t>
  </si>
  <si>
    <t>d38e68a0-359b-4176-9147-b020a12f6d10.tmp</t>
  </si>
  <si>
    <t>\\acsfs\profiles$\joycemmdl\Downloads\d38e68a0-359b-4176-9147-b020a12f6d10.tmp</t>
  </si>
  <si>
    <t>12/16/2019 20:04:43</t>
  </si>
  <si>
    <t>12/16/2019 20:10:16</t>
  </si>
  <si>
    <t>12/16/2019 20:06:02</t>
  </si>
  <si>
    <t>12/16/2019 20:11:17</t>
  </si>
  <si>
    <t>12/16/2019 20:07:32</t>
  </si>
  <si>
    <t>12/16/2019 20:12:16</t>
  </si>
  <si>
    <t>e37f4a90-bbf3-4980-928b-e4e3d552285c.tmp</t>
  </si>
  <si>
    <t>\\acsfs\profiles$\regisadsa\Downloads\e37f4a90-bbf3-4980-928b-e4e3d552285c.tmp</t>
  </si>
  <si>
    <t>12/16/2019 20:12:04</t>
  </si>
  <si>
    <t>12/16/2019 20:13:17</t>
  </si>
  <si>
    <t>12/16/2019 20:12:02</t>
  </si>
  <si>
    <t>12/16/2019 20:15:17</t>
  </si>
  <si>
    <t>12/16/2019 20:12:31</t>
  </si>
  <si>
    <t>12/16/2019 20:16:18</t>
  </si>
  <si>
    <t>12/16/2019 20:13:05</t>
  </si>
  <si>
    <t>12/16/2019 20:20:41</t>
  </si>
  <si>
    <t>12/16/2019 20:22:18</t>
  </si>
  <si>
    <t>ef9618d5-b08a-454a-aac9-44acbd93d895.tmp</t>
  </si>
  <si>
    <t>\\acsfs\profiles$\regisadsa\Downloads\ef9618d5-b08a-454a-aac9-44acbd93d895.tmp</t>
  </si>
  <si>
    <t>12/16/2019 20:19:33</t>
  </si>
  <si>
    <t>12/16/2019 20:25:18</t>
  </si>
  <si>
    <t>12/16/2019 20:21:14</t>
  </si>
  <si>
    <t>andressamf</t>
  </si>
  <si>
    <t>\\acsfs\profiles$\andressamf\My Documents\My Pictures\</t>
  </si>
  <si>
    <t>\\acsfs\profiles$\andressamf\My Documents\My Videos\desktop.ini</t>
  </si>
  <si>
    <t>12/16/2019 20:21:16</t>
  </si>
  <si>
    <t>\\acsfs\profiles$\andressamf\My Documents\My Videos\</t>
  </si>
  <si>
    <t>12/16/2019 20:21:23</t>
  </si>
  <si>
    <t>12/16/2019 20:21:24</t>
  </si>
  <si>
    <t>12/16/2019 20:21:28</t>
  </si>
  <si>
    <t>12/16/2019 20:21:31</t>
  </si>
  <si>
    <t>\\acsfs\profiles$\andressamf\My Documents\My Music\</t>
  </si>
  <si>
    <t>\\acsfs\profiles$\andressamf\My Documents\My Pictures\desktop.ini</t>
  </si>
  <si>
    <t>12/16/2019 20:21:39</t>
  </si>
  <si>
    <t>12/16/2019 20:21:44</t>
  </si>
  <si>
    <t>12/16/2019 20:21:46</t>
  </si>
  <si>
    <t>\\acsfs\profiles$\andressamf\Contacts\</t>
  </si>
  <si>
    <t>\\acsfs\profiles$\andressamf\Contacts\desktop.ini</t>
  </si>
  <si>
    <t>12/16/2019 20:21:57</t>
  </si>
  <si>
    <t>12/16/2019 20:21:59</t>
  </si>
  <si>
    <t>12/16/2019 20:22:02</t>
  </si>
  <si>
    <t>12/16/2019 20:22:03</t>
  </si>
  <si>
    <t>\\acsfs\profiles$\andressamf\My Documents\</t>
  </si>
  <si>
    <t>\\acsfs\profiles$\andressamf\Favorites\desktop.ini</t>
  </si>
  <si>
    <t>12/16/2019 20:22:11</t>
  </si>
  <si>
    <t>12/16/2019 20:22:13</t>
  </si>
  <si>
    <t>12/16/2019 20:22:16</t>
  </si>
  <si>
    <t>12/16/2019 20:22:22</t>
  </si>
  <si>
    <t>12/16/2019 20:22:23</t>
  </si>
  <si>
    <t>12/16/2019 20:22:26</t>
  </si>
  <si>
    <t>12/16/2019 20:22:27</t>
  </si>
  <si>
    <t>\\acsfs\profiles$\andressamf\My Documents\My Music\desktop.ini</t>
  </si>
  <si>
    <t>12/16/2019 20:22:32</t>
  </si>
  <si>
    <t>12/16/2019 20:22:34</t>
  </si>
  <si>
    <t>12/16/2019 20:22:35</t>
  </si>
  <si>
    <t>12/16/2019 20:22:36</t>
  </si>
  <si>
    <t>12/16/2019 20:22:37</t>
  </si>
  <si>
    <t>\\acsfs\profiles$\andressamf\Searches\</t>
  </si>
  <si>
    <t>\\acsfs\profiles$\andressamf\Searches\desktop.ini</t>
  </si>
  <si>
    <t>12/16/2019 20:22:40</t>
  </si>
  <si>
    <t>12/16/2019 20:22:42</t>
  </si>
  <si>
    <t>12/16/2019 20:22:45</t>
  </si>
  <si>
    <t>12/16/2019 20:22:48</t>
  </si>
  <si>
    <t>12/16/2019 20:22:51</t>
  </si>
  <si>
    <t>\\acsfs\profiles$\andressamf\Downloads\</t>
  </si>
  <si>
    <t>\\acsfs\profiles$\andressamf\Downloads\desktop.ini</t>
  </si>
  <si>
    <t>12/16/2019 20:22:53</t>
  </si>
  <si>
    <t>12/16/2019 20:22:55</t>
  </si>
  <si>
    <t>\\acsfs\profiles$\andressamf\Favorites\</t>
  </si>
  <si>
    <t>\\acsfs\profiles$\andressamf\My Documents\desktop.ini</t>
  </si>
  <si>
    <t>12/16/2019 20:22:57</t>
  </si>
  <si>
    <t>12/16/2019 20:22:59</t>
  </si>
  <si>
    <t>12/16/2019 20:23:00</t>
  </si>
  <si>
    <t>12/16/2019 20:23:02</t>
  </si>
  <si>
    <t>12/16/2019 20:23:03</t>
  </si>
  <si>
    <t>12/16/2019 20:23:04</t>
  </si>
  <si>
    <t>\\acsfs\profiles$\andressamf\Saved Games\desktop.ini</t>
  </si>
  <si>
    <t>12/16/2019 20:23:06</t>
  </si>
  <si>
    <t>12/16/2019 20:23:29</t>
  </si>
  <si>
    <t>winrt--{S-1-5-21-602162358-764733703-839522115-334915}-.searchconnector-ms</t>
  </si>
  <si>
    <t>\\acsfs\profiles$\andressamf\Searches\winrt--{S-1-5-21-602162358-764733703-839522115-334915}-.searchconnector-ms</t>
  </si>
  <si>
    <t>12/16/2019 18:34:50</t>
  </si>
  <si>
    <t>12/16/2019 20:26:18</t>
  </si>
  <si>
    <t>GA - Perfis Algar 16.12.2019.xlsx</t>
  </si>
  <si>
    <t>12/16/2019 20:27:57</t>
  </si>
  <si>
    <t>12/16/2019 20:29:18</t>
  </si>
  <si>
    <t>12/16/2019 20:28:44</t>
  </si>
  <si>
    <t>12/16/2019 20:30:17</t>
  </si>
  <si>
    <t>12/16/2019 20:35:33</t>
  </si>
  <si>
    <t>12/16/2019 20:36:16</t>
  </si>
  <si>
    <t>c7223ee7-23f6-40e9-803a-ae931dec0ece.tmp</t>
  </si>
  <si>
    <t>\\acsfs\profiles$\gabrielamdp\Downloads\c7223ee7-23f6-40e9-803a-ae931dec0ece.tmp</t>
  </si>
  <si>
    <t>12/16/2019 20:37:17</t>
  </si>
  <si>
    <t>12/16/2019 20:41:17</t>
  </si>
  <si>
    <t>f7a325cc-4296-4d3b-95c5-e5e2c853dae9.tmp</t>
  </si>
  <si>
    <t>\\acsfs\profiles$\gabrielamdp\Downloads\f7a325cc-4296-4d3b-95c5-e5e2c853dae9.tmp</t>
  </si>
  <si>
    <t>12/16/2019 20:38:54</t>
  </si>
  <si>
    <t>12/16/2019 20:43:17</t>
  </si>
  <si>
    <t>12/16/2019 20:44:32</t>
  </si>
  <si>
    <t>12/16/2019 20:45:17</t>
  </si>
  <si>
    <t>9dede5dc-f3c1-432c-b830-6fd45fb0b7f0; jsessionid=fa7ff2de8549e9963ac3368dfe672270; glide_user_activity=u0n2mzpor1pywezjykjvse9hdjrwchfidlb0u1pmdfrkrjyvetozbgcyc1f2d1bsrgxjq3hen2hvsgrryzvcyno1awm5qtrtcytrznltakrvpq==; glide_session_store=5b0e42051bbd8810391</t>
  </si>
  <si>
    <t>12/16/2019 20:44:36</t>
  </si>
  <si>
    <t>12/16/2019 20:44:38</t>
  </si>
  <si>
    <t>12/16/2019 20:41:58</t>
  </si>
  <si>
    <t>12/16/2019 20:46:17</t>
  </si>
  <si>
    <t>12/16/2019 20:48:43</t>
  </si>
  <si>
    <t>12/16/2019 20:53:17</t>
  </si>
  <si>
    <t>\\acsfs\profiles$\anakcs\My Documents\xworkcenter\logs\</t>
  </si>
  <si>
    <t>XLOG_anakcs_16122019_144300.log</t>
  </si>
  <si>
    <t>\\acsfs\profiles$\anakcs\My Documents\xworkcenter\logs\XLOG_anakcs_16122019_144300.log</t>
  </si>
  <si>
    <t>12/16/2019 20:52:46</t>
  </si>
  <si>
    <t>12/16/2019 20:53:00</t>
  </si>
  <si>
    <t>12/16/2019 20:53:03</t>
  </si>
  <si>
    <t>12/16/2019 20:53:13</t>
  </si>
  <si>
    <t>12/16/2019 20:49:15</t>
  </si>
  <si>
    <t>12/16/2019 20:54:17</t>
  </si>
  <si>
    <t>12/16/2019 20:52:31</t>
  </si>
  <si>
    <t>12/16/2019 20:55:17</t>
  </si>
  <si>
    <t>78b3231b-b907-4ba7-809c-ac84abebd203.tmp</t>
  </si>
  <si>
    <t>\\acsfs\profiles$\laurandos\Downloads\78b3231b-b907-4ba7-809c-ac84abebd203.tmp</t>
  </si>
  <si>
    <t>12/16/2019 20:52:19</t>
  </si>
  <si>
    <t>12/16/2019 20:56:16</t>
  </si>
  <si>
    <t>12/16/2019 20:52:59</t>
  </si>
  <si>
    <t>12/16/2019 20:54:45</t>
  </si>
  <si>
    <t>12/16/2019 20:57:17</t>
  </si>
  <si>
    <t>12/16/2019 20:54:56</t>
  </si>
  <si>
    <t>12/16/2019 20:58:17</t>
  </si>
  <si>
    <t>mail.google.com/sync/u/0/i/s?hl=pt-BR&amp;c=129</t>
  </si>
  <si>
    <t>12/16/2019 20:54:58</t>
  </si>
  <si>
    <t>12/16/2019 20:55:04</t>
  </si>
  <si>
    <t>12/16/2019 20:59:17</t>
  </si>
  <si>
    <t>12/16/2019 20:56:48</t>
  </si>
  <si>
    <t>12/16/2019 20:56:54</t>
  </si>
  <si>
    <t>12/16/2019 20:57:02</t>
  </si>
  <si>
    <t>12/16/2019 20:57:07</t>
  </si>
  <si>
    <t>12/16/2019 20:57:09</t>
  </si>
  <si>
    <t>12/16/2019 20:56:00</t>
  </si>
  <si>
    <t>12/16/2019 21:00:16</t>
  </si>
  <si>
    <t>12/16/2019 20:55:54</t>
  </si>
  <si>
    <t>12/16/2019 21:01:17</t>
  </si>
  <si>
    <t>93f5a37c-21af-4ab4-91bd-9389e4ae853d.tmp</t>
  </si>
  <si>
    <t>\\acsfs\profiles$\brendadsl\Downloads\93f5a37c-21af-4ab4-91bd-9389e4ae853d.tmp</t>
  </si>
  <si>
    <t>12/16/2019 20:57:05</t>
  </si>
  <si>
    <t>12/16/2019 21:02:17</t>
  </si>
  <si>
    <t>004c7336-fecb-490c-9fc3-544b93651896.tmp</t>
  </si>
  <si>
    <t>\\acsfs\profiles$\regisadsa\Downloads\004c7336-fecb-490c-9fc3-544b93651896.tmp</t>
  </si>
  <si>
    <t>12/16/2019 21:02:08</t>
  </si>
  <si>
    <t>12/16/2019 21:04:17</t>
  </si>
  <si>
    <t>12/16/2019 21:05:28</t>
  </si>
  <si>
    <t>12/16/2019 21:06:17</t>
  </si>
  <si>
    <t>12/16/2019 21:04:38</t>
  </si>
  <si>
    <t>12/16/2019 21:04:59</t>
  </si>
  <si>
    <t>12/16/2019 21:04:51</t>
  </si>
  <si>
    <t>12/16/2019 21:07:17</t>
  </si>
  <si>
    <t>12/16/2019 21:06:13</t>
  </si>
  <si>
    <t>12/16/2019 21:09:18</t>
  </si>
  <si>
    <t>https://sentry.io/api/1297650/store/?sentry_key=6f5f8e1cecfa40fb850f578b69fc1705&amp;sentry_version=7</t>
  </si>
  <si>
    <t>12/16/2019 21:06:15</t>
  </si>
  <si>
    <t>d03096c4-c265-4b91-8e4e-15199b66f6e5; __requestverificationtoken=lxsnizcoqgfnpk7eqsybdtemsb7mykniuhzpwm5u9xlvrse2jyu_xqusvbodahuv_huft2xmxe9rqcn2btqmmbboniicexxpb8yymsi06s41; _gid=ga1.3.199363186.1576514859; tp_stylesheet=light_blue; tp_layout_mode=wide; f</t>
  </si>
  <si>
    <t>12/16/2019 21:04:47</t>
  </si>
  <si>
    <t>5272a931-2701-4501-aea0-b62ea2b2e26a.tmp</t>
  </si>
  <si>
    <t>\\acsfs\profiles$\KARENJSS\Downloads\5272a931-2701-4501-aea0-b62ea2b2e26a.tmp</t>
  </si>
  <si>
    <t>12/16/2019 21:05:56</t>
  </si>
  <si>
    <t>12/16/2019 21:11:17</t>
  </si>
  <si>
    <t>12/16/2019 21:08:49</t>
  </si>
  <si>
    <t>3529a675-4301-461d-b920-e09a3aa8d326.tmp</t>
  </si>
  <si>
    <t>\\acsfs\profiles$\brendadsl\Downloads\3529a675-4301-461d-b920-e09a3aa8d326.tmp</t>
  </si>
  <si>
    <t>12/16/2019 21:07:07</t>
  </si>
  <si>
    <t>12/16/2019 21:12:17</t>
  </si>
  <si>
    <t>5c6c48e3-bdb5-42ee-a7f3-c9df4ab4549f.tmp</t>
  </si>
  <si>
    <t>\\acsfs\profiles$\regisadsa\Downloads\5c6c48e3-bdb5-42ee-a7f3-c9df4ab4549f.tmp</t>
  </si>
  <si>
    <t>12/16/2019 21:14:53</t>
  </si>
  <si>
    <t>12/16/2019 21:20:18</t>
  </si>
  <si>
    <t>afc66cd2-4fa9-477f-b7ab-e55c90b892ff.tmp</t>
  </si>
  <si>
    <t>\\acsfs\profiles$\laurandos\Downloads\afc66cd2-4fa9-477f-b7ab-e55c90b892ff.tmp</t>
  </si>
  <si>
    <t>12/16/2019 21:17:09</t>
  </si>
  <si>
    <t>12/16/2019 21:21:17</t>
  </si>
  <si>
    <t>12/16/2019 21:21:13</t>
  </si>
  <si>
    <t>12/16/2019 21:22:18</t>
  </si>
  <si>
    <t>5b5282b4-b288-4070-aa4e-b831104df0c5.tmp</t>
  </si>
  <si>
    <t>\\acsfs\profiles$\regisadsa\Downloads\5b5282b4-b288-4070-aa4e-b831104df0c5.tmp</t>
  </si>
  <si>
    <t>12/16/2019 21:19:10</t>
  </si>
  <si>
    <t>12/16/2019 21:23:18</t>
  </si>
  <si>
    <t>12/16/2019 21:22:41</t>
  </si>
  <si>
    <t>12/16/2019 21:25:18</t>
  </si>
  <si>
    <t>12/16/2019 21:21:49</t>
  </si>
  <si>
    <t>12/16/2019 21:27:19</t>
  </si>
  <si>
    <t>0a63fb76-4a4e-46b4-a3cc-e5f2c436b7e7.tmp</t>
  </si>
  <si>
    <t>\\acsfs\profiles$\regisadsa\Downloads\0a63fb76-4a4e-46b4-a3cc-e5f2c436b7e7.tmp</t>
  </si>
  <si>
    <t>12/16/2019 21:22:25</t>
  </si>
  <si>
    <t>35d73ea3-3221-45fd-8e3d-ba349553f749.tmp</t>
  </si>
  <si>
    <t>\\acsfs\profiles$\regisadsa\Downloads\35d73ea3-3221-45fd-8e3d-ba349553f749.tmp</t>
  </si>
  <si>
    <t>12/16/2019 21:23:46</t>
  </si>
  <si>
    <t>57970aa6-26d1-4dcb-a723-907b566d8407.tmp</t>
  </si>
  <si>
    <t>\\acsfs\profiles$\regisadsa\Downloads\57970aa6-26d1-4dcb-a723-907b566d8407.tmp</t>
  </si>
  <si>
    <t>12/16/2019 21:26:19</t>
  </si>
  <si>
    <t>12/16/2019 21:30:18</t>
  </si>
  <si>
    <t>12/16/2019 21:29:54</t>
  </si>
  <si>
    <t>12/16/2019 21:31:19</t>
  </si>
  <si>
    <t>de818586-1b6c-44ae-9a72-22ca4e61c9ac.tmp</t>
  </si>
  <si>
    <t>\\acsfs\profiles$\victorgl\Downloads\de818586-1b6c-44ae-9a72-22ca4e61c9ac.tmp</t>
  </si>
  <si>
    <t>12/16/2019 21:29:08</t>
  </si>
  <si>
    <t>12/16/2019 21:33:19</t>
  </si>
  <si>
    <t>12/16/2019 21:35:26</t>
  </si>
  <si>
    <t>12/16/2019 21:37:17</t>
  </si>
  <si>
    <t>81267c79-7659-4ec8-8ec1-cc1b8c308743.tmp</t>
  </si>
  <si>
    <t>\\acsfs\profiles$\joycemmdl\Downloads\81267c79-7659-4ec8-8ec1-cc1b8c308743.tmp</t>
  </si>
  <si>
    <t>12/16/2019 21:40:17</t>
  </si>
  <si>
    <t>12/16/2019 21:41:17</t>
  </si>
  <si>
    <t>12/16/2019 21:40:35</t>
  </si>
  <si>
    <t>12/16/2019 21:43:58</t>
  </si>
  <si>
    <t>12/16/2019 21:46:17</t>
  </si>
  <si>
    <t>12/16/2019 21:53:22</t>
  </si>
  <si>
    <t>12/16/2019 21:56:17</t>
  </si>
  <si>
    <t>89b0ba61-b5a5-4f6d-a6fb-80ae14310b97.tmp</t>
  </si>
  <si>
    <t>\\acsfs\profiles$\gabrielamdp\Downloads\89b0ba61-b5a5-4f6d-a6fb-80ae14310b97.tmp</t>
  </si>
  <si>
    <t>12/16/2019 21:57:43</t>
  </si>
  <si>
    <t>12/16/2019 22:00:17</t>
  </si>
  <si>
    <t>12/16/2019 22:00:09</t>
  </si>
  <si>
    <t>12/16/2019 22:01:16</t>
  </si>
  <si>
    <t>12/16/2019 22:00:42</t>
  </si>
  <si>
    <t>12/16/2019 22:02:18</t>
  </si>
  <si>
    <t>12/16/2019 22:06:17</t>
  </si>
  <si>
    <t>12/16/2019 22:02:50</t>
  </si>
  <si>
    <t>12/16/2019 22:04:34</t>
  </si>
  <si>
    <t>12/16/2019 22:05:35</t>
  </si>
  <si>
    <t>12/16/2019 22:08:17</t>
  </si>
  <si>
    <t>12/16/2019 22:08:15</t>
  </si>
  <si>
    <t>12/16/2019 22:11:17</t>
  </si>
  <si>
    <t>12/16/2019 22:08:22</t>
  </si>
  <si>
    <t>12/16/2019 22:06:09</t>
  </si>
  <si>
    <t>12/16/2019 22:10:33</t>
  </si>
  <si>
    <t>12/16/2019 22:12:17</t>
  </si>
  <si>
    <t>12/16/2019 22:14:54</t>
  </si>
  <si>
    <t>12/16/2019 22:18:18</t>
  </si>
  <si>
    <t>12/16/2019 22:27:41</t>
  </si>
  <si>
    <t>12/16/2019 22:31:17</t>
  </si>
  <si>
    <t>12/16/2019 22:39:17</t>
  </si>
  <si>
    <t>12/16/2019 22:41:17</t>
  </si>
  <si>
    <t>12/16/2019 23:08:52</t>
  </si>
  <si>
    <t>12/16/2019 23:10:16</t>
  </si>
  <si>
    <t>12/16/2019 23:18:35</t>
  </si>
  <si>
    <t>12/16/2019 23:23:16</t>
  </si>
  <si>
    <t>12/16/2019 23:29:49</t>
  </si>
  <si>
    <t>12/16/2019 23:35:16</t>
  </si>
  <si>
    <t>12/16/2019 23:33:25</t>
  </si>
  <si>
    <t>12/16/2019 23:34:56</t>
  </si>
  <si>
    <t>12/16/2019 23:40:17</t>
  </si>
  <si>
    <t>12/16/2019 23:54:53</t>
  </si>
  <si>
    <t>12/16/2019 23:56:17</t>
  </si>
  <si>
    <t>12/16/2019 23:55:44</t>
  </si>
  <si>
    <t>12/16/2019 23:58:17</t>
  </si>
  <si>
    <t>12/16/2019 23:57:55</t>
  </si>
  <si>
    <t>12/17/2019 00:01:16</t>
  </si>
  <si>
    <t>12/17/2019 00:03:59</t>
  </si>
  <si>
    <t>12/17/2019 00:05:17</t>
  </si>
  <si>
    <t>12/17/2019 00:03:11</t>
  </si>
  <si>
    <t>12/17/2019 00:06:18</t>
  </si>
  <si>
    <t>12/17/2019 00:08:18</t>
  </si>
  <si>
    <t>12/17/2019 00:07:58</t>
  </si>
  <si>
    <t>12/17/2019 00:10:18</t>
  </si>
  <si>
    <t>12/17/2019 00:08:17</t>
  </si>
  <si>
    <t>12/17/2019 00:13:17</t>
  </si>
  <si>
    <t>12/17/2019 00:13:05</t>
  </si>
  <si>
    <t>12/17/2019 00:14:34</t>
  </si>
  <si>
    <t>12/17/2019 00:15:17</t>
  </si>
  <si>
    <t>12/17/2019 00:13:11</t>
  </si>
  <si>
    <t>12/17/2019 00:11:03</t>
  </si>
  <si>
    <t>12/17/2019 00:16:17</t>
  </si>
  <si>
    <t>12/17/2019 00:15:24</t>
  </si>
  <si>
    <t>12/17/2019 00:10:55</t>
  </si>
  <si>
    <t>12/17/2019 00:14:23</t>
  </si>
  <si>
    <t>12/17/2019 00:18:17</t>
  </si>
  <si>
    <t>12/17/2019 00:32:34</t>
  </si>
  <si>
    <t>12/17/2019 00:35:17</t>
  </si>
  <si>
    <t>12/17/2019 01:03:32</t>
  </si>
  <si>
    <t>12/17/2019 01:12:18</t>
  </si>
  <si>
    <t>12/17/2019 01:56:46</t>
  </si>
  <si>
    <t>12/17/2019 01:58:17</t>
  </si>
  <si>
    <t>12/17/2019 02:04:02</t>
  </si>
  <si>
    <t>12/17/2019 02:06:17</t>
  </si>
  <si>
    <t>12/17/2019 02:06:48</t>
  </si>
  <si>
    <t>12/17/2019 02:08:17</t>
  </si>
  <si>
    <t>12/17/2019 02:06:01</t>
  </si>
  <si>
    <t>12/17/2019 02:11:17</t>
  </si>
  <si>
    <t>12/17/2019 02:09:30</t>
  </si>
  <si>
    <t>12/17/2019 02:13:17</t>
  </si>
  <si>
    <t>12/17/2019 02:16:29</t>
  </si>
  <si>
    <t>12/17/2019 02:20:16</t>
  </si>
  <si>
    <t>12/17/2019 02:33:08</t>
  </si>
  <si>
    <t>12/17/2019 02:38:17</t>
  </si>
  <si>
    <t>12/17/2019 02:38:46</t>
  </si>
  <si>
    <t>12/17/2019 02:40:17</t>
  </si>
  <si>
    <t>12/17/2019 02:45:26</t>
  </si>
  <si>
    <t>12/17/2019 02:47:18</t>
  </si>
  <si>
    <t>12/17/2019 02:53:40</t>
  </si>
  <si>
    <t>12/17/2019 02:58:17</t>
  </si>
  <si>
    <t>12/17/2019 03:01:20</t>
  </si>
  <si>
    <t>12/17/2019 03:03:17</t>
  </si>
  <si>
    <t>12/17/2019 03:00:52</t>
  </si>
  <si>
    <t>12/17/2019 03:05:17</t>
  </si>
  <si>
    <t>12/17/2019 03:10:26</t>
  </si>
  <si>
    <t>12/17/2019 03:11:17</t>
  </si>
  <si>
    <t>12/17/2019 03:24:19</t>
  </si>
  <si>
    <t>12/17/2019 03:28:17</t>
  </si>
  <si>
    <t>12/17/2019 03:29:53</t>
  </si>
  <si>
    <t>12/17/2019 03:32:17</t>
  </si>
  <si>
    <t>12/17/2019 03:35:14</t>
  </si>
  <si>
    <t>12/17/2019 03:38:17</t>
  </si>
  <si>
    <t>12/17/2019 03:40:59</t>
  </si>
  <si>
    <t>12/17/2019 03:43:17</t>
  </si>
  <si>
    <t>12/17/2019 03:43:59</t>
  </si>
  <si>
    <t>12/17/2019 03:47:17</t>
  </si>
  <si>
    <t>12/17/2019 03:47:40</t>
  </si>
  <si>
    <t>12/17/2019 03:50:18</t>
  </si>
  <si>
    <t>12/17/2019 03:46:54</t>
  </si>
  <si>
    <t>12/17/2019 04:15:32</t>
  </si>
  <si>
    <t>12/17/2019 04:20:17</t>
  </si>
  <si>
    <t>12/17/2019 04:24:39</t>
  </si>
  <si>
    <t>12/17/2019 04:25:17</t>
  </si>
  <si>
    <t>12/17/2019 04:33:16</t>
  </si>
  <si>
    <t>12/17/2019 04:35:18</t>
  </si>
  <si>
    <t>12/17/2019 04:33:36</t>
  </si>
  <si>
    <t>12/17/2019 04:33:28</t>
  </si>
  <si>
    <t>12/17/2019 04:32:32</t>
  </si>
  <si>
    <t>12/17/2019 04:36:18</t>
  </si>
  <si>
    <t>12/17/2019 04:35:34</t>
  </si>
  <si>
    <t>12/17/2019 04:38:18</t>
  </si>
  <si>
    <t>12/17/2019 04:34:07</t>
  </si>
  <si>
    <t>12/17/2019 04:40:04</t>
  </si>
  <si>
    <t>12/17/2019 04:41:18</t>
  </si>
  <si>
    <t>12/17/2019 05:05:53</t>
  </si>
  <si>
    <t>12/17/2019 05:08:18</t>
  </si>
  <si>
    <t>12/17/2019 05:39:03</t>
  </si>
  <si>
    <t>12/17/2019 05:40:19</t>
  </si>
  <si>
    <t>12/17/2019 05:47:25</t>
  </si>
  <si>
    <t>12/17/2019 05:48:19</t>
  </si>
  <si>
    <t>12/17/2019 05:54:52</t>
  </si>
  <si>
    <t>12/17/2019 05:56:19</t>
  </si>
  <si>
    <t>12/17/2019 06:09:38</t>
  </si>
  <si>
    <t>12/17/2019 06:11:18</t>
  </si>
  <si>
    <t>12/17/2019 06:12:33</t>
  </si>
  <si>
    <t>12/17/2019 06:15:19</t>
  </si>
  <si>
    <t>12/17/2019 06:14:44</t>
  </si>
  <si>
    <t>12/17/2019 06:24:46</t>
  </si>
  <si>
    <t>12/17/2019 06:30:18</t>
  </si>
  <si>
    <t>12/17/2019 06:27:27</t>
  </si>
  <si>
    <t>12/17/2019 06:32:19</t>
  </si>
  <si>
    <t>12/17/2019 06:32:34</t>
  </si>
  <si>
    <t>12/17/2019 06:35:19</t>
  </si>
  <si>
    <t>12/17/2019 06:36:47</t>
  </si>
  <si>
    <t>12/17/2019 06:38:19</t>
  </si>
  <si>
    <t>c756bdbd-e4c7-4109-aa0b-e3cf955aab17.tmp</t>
  </si>
  <si>
    <t>\\acsfs\profiles$\danielpdl\Downloads\c756bdbd-e4c7-4109-aa0b-e3cf955aab17.tmp</t>
  </si>
  <si>
    <t>12/17/2019 06:38:26</t>
  </si>
  <si>
    <t>12/17/2019 06:43:19</t>
  </si>
  <si>
    <t>7f4b647b-a270-4918-8cd9-a2d5753f3e3a.tmp</t>
  </si>
  <si>
    <t>\\acsfs\profiles$\danielpdl\Downloads\7f4b647b-a270-4918-8cd9-a2d5753f3e3a.tmp</t>
  </si>
  <si>
    <t>12/17/2019 06:38:32</t>
  </si>
  <si>
    <t>1520f0ed-d6cd-4a0e-8f38-657f4fbb30be.tmp</t>
  </si>
  <si>
    <t>\\acsfs\profiles$\danielpdl\Downloads\1520f0ed-d6cd-4a0e-8f38-657f4fbb30be.tmp</t>
  </si>
  <si>
    <t>12/17/2019 06:44:36</t>
  </si>
  <si>
    <t>12/17/2019 06:48:19</t>
  </si>
  <si>
    <t>6cefa3eb-dd43-4411-b221-ef1c1bb8d919.tmp</t>
  </si>
  <si>
    <t>\\acsfs\profiles$\danielpdl\Downloads\6cefa3eb-dd43-4411-b221-ef1c1bb8d919.tmp</t>
  </si>
  <si>
    <t>12/17/2019 06:44:45</t>
  </si>
  <si>
    <t>b8f68a03-0d2b-4618-a35b-b0d4d1f1b6f2.tmp</t>
  </si>
  <si>
    <t>\\acsfs\profiles$\danielpdl\Downloads\b8f68a03-0d2b-4618-a35b-b0d4d1f1b6f2.tmp</t>
  </si>
  <si>
    <t>12/17/2019 06:44:54</t>
  </si>
  <si>
    <t>44927513-3032-4179-b8f0-03885b483fe2.tmp</t>
  </si>
  <si>
    <t>\\acsfs\profiles$\danielpdl\Downloads\44927513-3032-4179-b8f0-03885b483fe2.tmp</t>
  </si>
  <si>
    <t>12/17/2019 06:45:25</t>
  </si>
  <si>
    <t>f379b716-c148-4185-9b0c-54e4bb4c04b8.tmp</t>
  </si>
  <si>
    <t>\\acsfs\profiles$\danielpdl\Downloads\f379b716-c148-4185-9b0c-54e4bb4c04b8.tmp</t>
  </si>
  <si>
    <t>12/17/2019 06:49:40</t>
  </si>
  <si>
    <t>12/17/2019 06:52:17</t>
  </si>
  <si>
    <t>\\acsfs\profiles$\brendavdoa\Favorites\Citrix Receiver.url\</t>
  </si>
  <si>
    <t>\\acsfs\profiles$\brendavdoa\Favorites\Citrix Receiver.url\:favicon:$DATA</t>
  </si>
  <si>
    <t>\\acsfs\profiles$\brendavdoa\Favorites\Citrix Receiver.url</t>
  </si>
  <si>
    <t>12/17/2019 06:53:15</t>
  </si>
  <si>
    <t>12/17/2019 06:57:18</t>
  </si>
  <si>
    <t>12/17/2019 06:53:14</t>
  </si>
  <si>
    <t>12/17/2019 06:58:17</t>
  </si>
  <si>
    <t>12/17/2019 06:56:02</t>
  </si>
  <si>
    <t>12/17/2019 07:00:17</t>
  </si>
  <si>
    <t>12/17/2019 07:07:51</t>
  </si>
  <si>
    <t>12/17/2019 07:11:19</t>
  </si>
  <si>
    <t>12/17/2019 07:13:17</t>
  </si>
  <si>
    <t>12/17/2019 07:15:19</t>
  </si>
  <si>
    <t>10.200.67.10</t>
  </si>
  <si>
    <t>74-86-7A-FB-18-6D</t>
  </si>
  <si>
    <t>VOTORANT-FB013</t>
  </si>
  <si>
    <t>monicargds</t>
  </si>
  <si>
    <t>\\acsfs\profiles$\monicargds\Downloads\</t>
  </si>
  <si>
    <t>Holerite_122019_2106154.pdf.uysrdjm.partial</t>
  </si>
  <si>
    <t>\\acsfs\profiles$\monicargds\Downloads\Holerite_122019_2106154.pdf.uysrdjm.partial</t>
  </si>
  <si>
    <t>12/17/2019 07:16:20</t>
  </si>
  <si>
    <t>12/17/2019 07:15:48</t>
  </si>
  <si>
    <t>12/17/2019 07:17:19</t>
  </si>
  <si>
    <t>12/17/2019 07:16:22</t>
  </si>
  <si>
    <t>12/17/2019 07:21:20</t>
  </si>
  <si>
    <t>12/17/2019 07:17:50</t>
  </si>
  <si>
    <t>12/17/2019 07:20:16</t>
  </si>
  <si>
    <t>12/17/2019 07:22:20</t>
  </si>
  <si>
    <t>d56bdb5f-e088-4534-9593-89a282690709.tmp</t>
  </si>
  <si>
    <t>\\acsfs\profiles$\deboraaa\Downloads\d56bdb5f-e088-4534-9593-89a282690709.tmp</t>
  </si>
  <si>
    <t>12/17/2019 07:21:27</t>
  </si>
  <si>
    <t>12/17/2019 07:23:20</t>
  </si>
  <si>
    <t>12/17/2019 07:21:31</t>
  </si>
  <si>
    <t>12/17/2019 07:21:36</t>
  </si>
  <si>
    <t>6ff00b22-ca41-4f63-b5ea-b2a5947bc85e.tmp</t>
  </si>
  <si>
    <t>\\acsfs\profiles$\marcellewdl\Downloads\6ff00b22-ca41-4f63-b5ea-b2a5947bc85e.tmp</t>
  </si>
  <si>
    <t>12/17/2019 07:22:03</t>
  </si>
  <si>
    <t>04930de7-8050-43c5-af97-d3fc2fa9a6f7.tmp</t>
  </si>
  <si>
    <t>\\acsfs\profiles$\marcellewdl\Downloads\04930de7-8050-43c5-af97-d3fc2fa9a6f7.tmp</t>
  </si>
  <si>
    <t>12/17/2019 07:22:55</t>
  </si>
  <si>
    <t>62feb95f-a12d-4deb-8b27-69c717dd2160.tmp</t>
  </si>
  <si>
    <t>\\acsfs\profiles$\marcellewdl\Downloads\62feb95f-a12d-4deb-8b27-69c717dd2160.tmp</t>
  </si>
  <si>
    <t>12/17/2019 07:26:20</t>
  </si>
  <si>
    <t>12/17/2019 07:23:02</t>
  </si>
  <si>
    <t>12/17/2019 07:27:20</t>
  </si>
  <si>
    <t>4298734a-5ef5-4ac1-a901-a0c70c8e3110.tmp</t>
  </si>
  <si>
    <t>\\acsfs\profiles$\deboraaa\Downloads\4298734a-5ef5-4ac1-a901-a0c70c8e3110.tmp</t>
  </si>
  <si>
    <t>12/17/2019 07:23:38</t>
  </si>
  <si>
    <t>afd25627-d888-415f-8017-0244fef7f359.tmp</t>
  </si>
  <si>
    <t>\\acsfs\profiles$\deboraaa\Downloads\afd25627-d888-415f-8017-0244fef7f359.tmp</t>
  </si>
  <si>
    <t>12/17/2019 07:25:29</t>
  </si>
  <si>
    <t>12/17/2019 07:28:21</t>
  </si>
  <si>
    <t>12/16/2019 22:34:29</t>
  </si>
  <si>
    <t>12/16/2019 22:34:31</t>
  </si>
  <si>
    <t>12/17/2019 07:28:45</t>
  </si>
  <si>
    <t>12/17/2019 07:30:20</t>
  </si>
  <si>
    <t>Indicadores Contrato Algar - Anexo IV - SLAs-convertido Alessandra (2).xlsx</t>
  </si>
  <si>
    <t>12/17/2019 07:31:20</t>
  </si>
  <si>
    <t>12/17/2019 07:28:27</t>
  </si>
  <si>
    <t>12/17/2019 07:32:20</t>
  </si>
  <si>
    <t>66ceb2f2-c1c6-466d-bba3-c7474aa5bb08.tmp</t>
  </si>
  <si>
    <t>\\acsfs\profiles$\deboraaa\Downloads\66ceb2f2-c1c6-466d-bba3-c7474aa5bb08.tmp</t>
  </si>
  <si>
    <t>12/17/2019 07:27:51</t>
  </si>
  <si>
    <t>12/17/2019 07:33:21</t>
  </si>
  <si>
    <t>86645899-c880-4f57-94d0-fc5d33de29e8.tmp</t>
  </si>
  <si>
    <t>\\acsfs\profiles$\alicecpbc\Downloads\86645899-c880-4f57-94d0-fc5d33de29e8.tmp</t>
  </si>
  <si>
    <t>12/17/2019 07:28:23</t>
  </si>
  <si>
    <t>a05b824d-613c-4bda-859f-a2166c7206b2.tmp</t>
  </si>
  <si>
    <t>\\acsfs\profiles$\alicecpbc\Downloads\a05b824d-613c-4bda-859f-a2166c7206b2.tmp</t>
  </si>
  <si>
    <t>12/17/2019 07:29:22</t>
  </si>
  <si>
    <t>46ec7d84-4507-4b3f-85c9-3dc0e0b1272c.tmp</t>
  </si>
  <si>
    <t>\\acsfs\profiles$\alicecpbc\Downloads\46ec7d84-4507-4b3f-85c9-3dc0e0b1272c.tmp</t>
  </si>
  <si>
    <t>12/17/2019 07:29:35</t>
  </si>
  <si>
    <t>0363868a-873a-4e01-8d3f-96c231eef331.tmp</t>
  </si>
  <si>
    <t>\\acsfs\profiles$\ERICALSR\Downloads\0363868a-873a-4e01-8d3f-96c231eef331.tmp</t>
  </si>
  <si>
    <t>12/17/2019 07:29:34</t>
  </si>
  <si>
    <t>12/17/2019 07:30:04</t>
  </si>
  <si>
    <t>e042f5a3-590a-4eca-a980-bc02b87c14f6.tmp</t>
  </si>
  <si>
    <t>\\acsfs\profiles$\ERICALSR\Downloads\e042f5a3-590a-4eca-a980-bc02b87c14f6.tmp</t>
  </si>
  <si>
    <t>12/17/2019 07:36:20</t>
  </si>
  <si>
    <t>12/17/2019 07:36:31</t>
  </si>
  <si>
    <t>12/17/2019 07:40:20</t>
  </si>
  <si>
    <t>12/17/2019 07:38:09</t>
  </si>
  <si>
    <t>XLOG_danielpdl_16122019_141922.log</t>
  </si>
  <si>
    <t>\\acsfs\profiles$\danielpdl\My Documents\xworkcenter\logs\XLOG_danielpdl_16122019_141922.log</t>
  </si>
  <si>
    <t>12/17/2019 07:41:19</t>
  </si>
  <si>
    <t>12/17/2019 07:38:40</t>
  </si>
  <si>
    <t>12/17/2019 07:42:20</t>
  </si>
  <si>
    <t>c12c3794-38e9-4c21-b101-3181e6bd2b4c.tmp</t>
  </si>
  <si>
    <t>\\acsfs\profiles$\matheushds\Downloads\c12c3794-38e9-4c21-b101-3181e6bd2b4c.tmp</t>
  </si>
  <si>
    <t>12/17/2019 07:39:55</t>
  </si>
  <si>
    <t>af055e63-d3e1-4fb5-b133-8775df05acaa.tmp</t>
  </si>
  <si>
    <t>\\acsfs\profiles$\matheushds\Downloads\af055e63-d3e1-4fb5-b133-8775df05acaa.tmp</t>
  </si>
  <si>
    <t>12/17/2019 07:39:27</t>
  </si>
  <si>
    <t>12/17/2019 07:43:20</t>
  </si>
  <si>
    <t>12/17/2019 07:42:28</t>
  </si>
  <si>
    <t>12/17/2019 07:46:20</t>
  </si>
  <si>
    <t>12/17/2019 07:42:59</t>
  </si>
  <si>
    <t>12/17/2019 07:43:31</t>
  </si>
  <si>
    <t>12/17/2019 07:47:20</t>
  </si>
  <si>
    <t>12/17/2019 07:44:32</t>
  </si>
  <si>
    <t>12/17/2019 07:49:20</t>
  </si>
  <si>
    <t>10.200.67.148</t>
  </si>
  <si>
    <t>\\acsfs\profiles$\sarahbal\Favorites\Links\</t>
  </si>
  <si>
    <t>\\acsfs\profiles$\sarahbal\Favorites\Links\desktop.ini</t>
  </si>
  <si>
    <t>12/17/2019 07:44:33</t>
  </si>
  <si>
    <t>Sites Sugeridos.url</t>
  </si>
  <si>
    <t>\\acsfs\profiles$\sarahbal\Favorites\Links\Sites Sugeridos.url</t>
  </si>
  <si>
    <t>12/17/2019 07:44:34</t>
  </si>
  <si>
    <t>12/17/2019 07:44:37</t>
  </si>
  <si>
    <t>Sites Sugeridos.url:favicon</t>
  </si>
  <si>
    <t>\\acsfs\profiles$\sarahbal\Favorites\Links\Sites Sugeridos.url:favicon</t>
  </si>
  <si>
    <t>12/17/2019 07:44:38</t>
  </si>
  <si>
    <t>12/17/2019 07:51:20</t>
  </si>
  <si>
    <t>12/17/2019 07:50:39</t>
  </si>
  <si>
    <t>Alerta victor.PNG</t>
  </si>
  <si>
    <t>\\acsfs\DEPTOS\Operacao\Banco_Votorantim\Qualidade\Eliane\Alerta victor.PNG</t>
  </si>
  <si>
    <t>12/17/2019 07:48:49</t>
  </si>
  <si>
    <t>12/17/2019 07:53:20</t>
  </si>
  <si>
    <t>\\acsfs\profiles$\vanessacgs\Favorites\citrix.url:favicon</t>
  </si>
  <si>
    <t>12/17/2019 07:48:50</t>
  </si>
  <si>
    <t>12/17/2019 07:53:27</t>
  </si>
  <si>
    <t>12/17/2019 07:55:20</t>
  </si>
  <si>
    <t>12/17/2019 07:53:28</t>
  </si>
  <si>
    <t>12/17/2019 07:53:29</t>
  </si>
  <si>
    <t>12/17/2019 07:53:30</t>
  </si>
  <si>
    <t>12/17/2019 07:53:31</t>
  </si>
  <si>
    <t>12/17/2019 07:53:32</t>
  </si>
  <si>
    <t>12/17/2019 07:53:33</t>
  </si>
  <si>
    <t>12/17/2019 07:53:34</t>
  </si>
  <si>
    <t>12/17/2019 07:53:35</t>
  </si>
  <si>
    <t>12/17/2019 07:53:36</t>
  </si>
  <si>
    <t>12/17/2019 07:53:37</t>
  </si>
  <si>
    <t>12/17/2019 07:53:38</t>
  </si>
  <si>
    <t>12/17/2019 07:53:39</t>
  </si>
  <si>
    <t>12/17/2019 07:53:40</t>
  </si>
  <si>
    <t>12/17/2019 07:53:41</t>
  </si>
  <si>
    <t>12/17/2019 07:53:45</t>
  </si>
  <si>
    <t>12/17/2019 07:56:20</t>
  </si>
  <si>
    <t>f025cfb4-f9eb-4dd7-a155-00efc96f762a.tmp</t>
  </si>
  <si>
    <t>\\acsfs\profiles$\gabrielarb\Downloads\f025cfb4-f9eb-4dd7-a155-00efc96f762a.tmp</t>
  </si>
  <si>
    <t>12/17/2019 07:53:46</t>
  </si>
  <si>
    <t>d6fc8d94-b5ed-4f1b-aa1a-8a2d1d16c180.tmp</t>
  </si>
  <si>
    <t>\\acsfs\profiles$\gabrielarb\Downloads\d6fc8d94-b5ed-4f1b-aa1a-8a2d1d16c180.tmp</t>
  </si>
  <si>
    <t>12/17/2019 07:54:19</t>
  </si>
  <si>
    <t>3e8519ae-fd57-42e1-99a8-ec2aaf7a547b.tmp</t>
  </si>
  <si>
    <t>\\acsfs\profiles$\gabrielarb\Downloads\3e8519ae-fd57-42e1-99a8-ec2aaf7a547b.tmp</t>
  </si>
  <si>
    <t>12/17/2019 07:55:12</t>
  </si>
  <si>
    <t>52b7d66a-fe97-4932-8d66-f7cd12741e4b.tmp</t>
  </si>
  <si>
    <t>\\acsfs\profiles$\gabrielarb\Downloads\52b7d66a-fe97-4932-8d66-f7cd12741e4b.tmp</t>
  </si>
  <si>
    <t>12/17/2019 07:53:01</t>
  </si>
  <si>
    <t>12/17/2019 07:53:09</t>
  </si>
  <si>
    <t>12/17/2019 07:54:02</t>
  </si>
  <si>
    <t>12/17/2019 07:58:21</t>
  </si>
  <si>
    <t>12/17/2019 07:54:21</t>
  </si>
  <si>
    <t>12/17/2019 07:54:22</t>
  </si>
  <si>
    <t>12/17/2019 07:54:23</t>
  </si>
  <si>
    <t>12/17/2019 07:54:24</t>
  </si>
  <si>
    <t>12/17/2019 07:54:25</t>
  </si>
  <si>
    <t>12/17/2019 07:54:26</t>
  </si>
  <si>
    <t>12/17/2019 07:54:27</t>
  </si>
  <si>
    <t>12/17/2019 07:54:28</t>
  </si>
  <si>
    <t>12/17/2019 07:54:29</t>
  </si>
  <si>
    <t>12/17/2019 07:54:30</t>
  </si>
  <si>
    <t>12/17/2019 07:54:31</t>
  </si>
  <si>
    <t>12/17/2019 07:54:32</t>
  </si>
  <si>
    <t>12/17/2019 07:56:09</t>
  </si>
  <si>
    <t>12/17/2019 07:54:33</t>
  </si>
  <si>
    <t>12/17/2019 07:59:20</t>
  </si>
  <si>
    <t>12/17/2019 07:54:34</t>
  </si>
  <si>
    <t>12/16/2019 14:46:51</t>
  </si>
  <si>
    <t>12/16/2019 14:47:12</t>
  </si>
  <si>
    <t>12/17/2019 07:57:21</t>
  </si>
  <si>
    <t>12/17/2019 08:00:21</t>
  </si>
  <si>
    <t>99d26d8f-4f6c-49a8-991b-b129fc256c95.tmp</t>
  </si>
  <si>
    <t>\\acsfs\profiles$\paulovadc\Downloads\99d26d8f-4f6c-49a8-991b-b129fc256c95.tmp</t>
  </si>
  <si>
    <t>12/17/2019 07:58:37</t>
  </si>
  <si>
    <t>f9f204d3-4793-45d5-8b8a-6404a451de3d.tmp</t>
  </si>
  <si>
    <t>\\acsfs\profiles$\paulovadc\Downloads\f9f204d3-4793-45d5-8b8a-6404a451de3d.tmp</t>
  </si>
  <si>
    <t>12/17/2019 07:55:32</t>
  </si>
  <si>
    <t>12/17/2019 08:01:20</t>
  </si>
  <si>
    <t>694591d8-d865-4a43-982a-1ab7bedd7131.tmp</t>
  </si>
  <si>
    <t>\\acsfs\profiles$\gabrielarb\Downloads\694591d8-d865-4a43-982a-1ab7bedd7131.tmp</t>
  </si>
  <si>
    <t>12/17/2019 08:02:21</t>
  </si>
  <si>
    <t>12/17/2019 07:59:27</t>
  </si>
  <si>
    <t>12/17/2019 08:03:20</t>
  </si>
  <si>
    <t>50efc44c-a4ae-498b-9339-952d40d89c19.tmp</t>
  </si>
  <si>
    <t>\\acsfs\profiles$\luanarda\Downloads\50efc44c-a4ae-498b-9339-952d40d89c19.tmp</t>
  </si>
  <si>
    <t>12/17/2019 08:01:09</t>
  </si>
  <si>
    <t>cdedd556-82ce-4295-80df-91bd20949d48.tmp</t>
  </si>
  <si>
    <t>\\acsfs\profiles$\luanarda\Downloads\cdedd556-82ce-4295-80df-91bd20949d48.tmp</t>
  </si>
  <si>
    <t>12/17/2019 08:03:21</t>
  </si>
  <si>
    <t>12/17/2019 08:04:21</t>
  </si>
  <si>
    <t>12/17/2019 08:01:07</t>
  </si>
  <si>
    <t>cdb1f769-7c66-4aa9-8c80-93902e1054d7.tmp</t>
  </si>
  <si>
    <t>\\acsfs\profiles$\dhiulliananads\Downloads\cdb1f769-7c66-4aa9-8c80-93902e1054d7.tmp</t>
  </si>
  <si>
    <t>12/17/2019 08:01:39</t>
  </si>
  <si>
    <t>12/17/2019 08:02:10</t>
  </si>
  <si>
    <t>73dca61f-412d-425a-aaa5-3a5dcc79c681.tmp</t>
  </si>
  <si>
    <t>\\acsfs\profiles$\dhiulliananads\Downloads\73dca61f-412d-425a-aaa5-3a5dcc79c681.tmp</t>
  </si>
  <si>
    <t>12/17/2019 08:07:20</t>
  </si>
  <si>
    <t>12/17/2019 08:03:06</t>
  </si>
  <si>
    <t>fb41f59c-e110-46d5-827b-6d6bac972749.tmp</t>
  </si>
  <si>
    <t>\\acsfs\profiles$\vivianalds\Downloads\fb41f59c-e110-46d5-827b-6d6bac972749.tmp</t>
  </si>
  <si>
    <t>12/17/2019 08:04:01</t>
  </si>
  <si>
    <t>12/17/2019 08:05:16</t>
  </si>
  <si>
    <t>ddafdf72-11ee-4152-ad11-c5357267603e.tmp</t>
  </si>
  <si>
    <t>\\acsfs\profiles$\vivianalds\Downloads\ddafdf72-11ee-4152-ad11-c5357267603e.tmp</t>
  </si>
  <si>
    <t>12/17/2019 08:06:40</t>
  </si>
  <si>
    <t>12/17/2019 08:08:21</t>
  </si>
  <si>
    <t>12/17/2019 08:04:56</t>
  </si>
  <si>
    <t>12/17/2019 08:09:20</t>
  </si>
  <si>
    <t>12/17/2019 08:04:35</t>
  </si>
  <si>
    <t>12/17/2019 08:10:21</t>
  </si>
  <si>
    <t>12/17/2019 08:05:08</t>
  </si>
  <si>
    <t>12/17/2019 08:07:17</t>
  </si>
  <si>
    <t>12/17/2019 08:07:18</t>
  </si>
  <si>
    <t>lu1803211wy11.tmp</t>
  </si>
  <si>
    <t>\\acsfs\profiles$\dhiulliananads\My Documents\lu1803211wy11.tmp</t>
  </si>
  <si>
    <t>\\acsfs\profiles$\dhiulliananads\My Documents\lu1803211wy11.tmp\</t>
  </si>
  <si>
    <t>\\acsfs\profiles$\dhiulliananads\My Documents\lu1803211wy11.tmp\META-INF\</t>
  </si>
  <si>
    <t>\\acsfs\profiles$\dhiulliananads\My Documents\lu1803211wy11.tmp\Thumbnails\</t>
  </si>
  <si>
    <t>12/17/2019 08:08:04</t>
  </si>
  <si>
    <t>e8db9fd4-9672-4279-b360-4f65b725f73e.tmp</t>
  </si>
  <si>
    <t>\\acsfs\profiles$\paulovadc\Downloads\e8db9fd4-9672-4279-b360-4f65b725f73e.tmp</t>
  </si>
  <si>
    <t>12/17/2019 08:07:54</t>
  </si>
  <si>
    <t>12/17/2019 08:11:20</t>
  </si>
  <si>
    <t>4344f19a-47cc-4ce0-ac41-aac1d83b9c35.tmp</t>
  </si>
  <si>
    <t>\\acsfs\profiles$\valeriasda\Downloads\4344f19a-47cc-4ce0-ac41-aac1d83b9c35.tmp</t>
  </si>
  <si>
    <t>12/17/2019 08:08:00</t>
  </si>
  <si>
    <t>12483380-97ea-44dd-be86-da3a503bd779.tmp</t>
  </si>
  <si>
    <t>\\acsfs\profiles$\valeriasda\Downloads\12483380-97ea-44dd-be86-da3a503bd779.tmp</t>
  </si>
  <si>
    <t>12/17/2019 08:08:09</t>
  </si>
  <si>
    <t>cb95e4ad-e80b-4cea-bbd8-7a13aea67ec0.tmp</t>
  </si>
  <si>
    <t>\\acsfs\profiles$\valeriasda\Downloads\cb95e4ad-e80b-4cea-bbd8-7a13aea67ec0.tmp</t>
  </si>
  <si>
    <t>12/17/2019 08:08:15</t>
  </si>
  <si>
    <t>82b1c4cf-3a3e-4c04-9927-9ce7f30116dc.tmp</t>
  </si>
  <si>
    <t>\\acsfs\profiles$\valeriasda\Downloads\82b1c4cf-3a3e-4c04-9927-9ce7f30116dc.tmp</t>
  </si>
  <si>
    <t>12/17/2019 08:05:59</t>
  </si>
  <si>
    <t>12/17/2019 08:07:27</t>
  </si>
  <si>
    <t>3be205a2-2b6a-49db-b9f1-4a400038de83.tmp</t>
  </si>
  <si>
    <t>\\acsfs\profiles$\deborahsi\Downloads\3be205a2-2b6a-49db-b9f1-4a400038de83.tmp</t>
  </si>
  <si>
    <t>12/17/2019 08:08:41</t>
  </si>
  <si>
    <t>38b00c49-79b0-49f4-ac7e-ac3c6db97ea3.tmp</t>
  </si>
  <si>
    <t>\\acsfs\profiles$\deborahsi\Downloads\38b00c49-79b0-49f4-ac7e-ac3c6db97ea3.tmp</t>
  </si>
  <si>
    <t>12/17/2019 08:06:18</t>
  </si>
  <si>
    <t>\\acsfs\profiles$\tiagosno\Favorites\Citrix Receiver.url\</t>
  </si>
  <si>
    <t>\\acsfs\profiles$\tiagosno\Favorites\Citrix Receiver.url\:favicon:$DATA</t>
  </si>
  <si>
    <t>\\acsfs\profiles$\tiagosno\Favorites\</t>
  </si>
  <si>
    <t>\\acsfs\profiles$\tiagosno\Favorites\Citrix Receiver.url</t>
  </si>
  <si>
    <t>12/17/2019 08:09:58</t>
  </si>
  <si>
    <t>\\acsfs\profiles$\tiagosno\Favorites\Welcome - 1.url\</t>
  </si>
  <si>
    <t>\\acsfs\profiles$\tiagosno\Favorites\Welcome - 1.url\:favicon:$DATA</t>
  </si>
  <si>
    <t>\\acsfs\profiles$\tiagosno\Favorites\Welcome - 1.url</t>
  </si>
  <si>
    <t>12/17/2019 08:12:20</t>
  </si>
  <si>
    <t>12/17/2019 08:09:48</t>
  </si>
  <si>
    <t>12/16/2019 20:43:03</t>
  </si>
  <si>
    <t>12/17/2019 08:13:20</t>
  </si>
  <si>
    <t>mail.google.com/_/upload?authuser=1&amp;dcp=asu-n&amp;upload_id=AEnB2UrjSmcVItb1_WIOmu3vC1KzF_sePH62lDvNH68uh1LWTIXmCdD9uQCaEnM3IfhnI8tDlBczjrtxOYm938aege8IrA2RdSOB0QE0OeyEkvXjsiajmWo&amp;upload_protocol=resumable</t>
  </si>
  <si>
    <t>12/17/2019 08:09:10</t>
  </si>
  <si>
    <t>12/17/2019 08:12:38</t>
  </si>
  <si>
    <t>12/17/2019 08:14:20</t>
  </si>
  <si>
    <t>12/17/2019 08:09:46</t>
  </si>
  <si>
    <t>12/17/2019 08:09:47</t>
  </si>
  <si>
    <t>12/17/2019 08:09:49</t>
  </si>
  <si>
    <t>12/17/2019 08:09:50</t>
  </si>
  <si>
    <t>12/17/2019 08:09:51</t>
  </si>
  <si>
    <t>12/17/2019 08:09:52</t>
  </si>
  <si>
    <t>12/17/2019 08:09:53</t>
  </si>
  <si>
    <t>12/17/2019 08:09:54</t>
  </si>
  <si>
    <t>12/17/2019 08:09:55</t>
  </si>
  <si>
    <t>12/17/2019 08:09:56</t>
  </si>
  <si>
    <t>12/17/2019 08:09:57</t>
  </si>
  <si>
    <t>12/17/2019 08:09:59</t>
  </si>
  <si>
    <t>12/17/2019 08:10:00</t>
  </si>
  <si>
    <t>12/17/2019 08:10:01</t>
  </si>
  <si>
    <t>12/17/2019 08:10:02</t>
  </si>
  <si>
    <t>12/17/2019 08:10:03</t>
  </si>
  <si>
    <t>12/17/2019 08:10:04</t>
  </si>
  <si>
    <t>12/17/2019 08:10:05</t>
  </si>
  <si>
    <t>12/17/2019 08:10:06</t>
  </si>
  <si>
    <t>12/17/2019 08:10:07</t>
  </si>
  <si>
    <t>12/17/2019 08:10:08</t>
  </si>
  <si>
    <t>12/17/2019 08:12:27</t>
  </si>
  <si>
    <t>12/17/2019 08:15:20</t>
  </si>
  <si>
    <t>12/17/2019 08:11:25</t>
  </si>
  <si>
    <t>12/17/2019 08:16:20</t>
  </si>
  <si>
    <t>94d097b2-de8d-46f5-b7a8-0b7926d74059.tmp</t>
  </si>
  <si>
    <t>\\acsfs\profiles$\gabrielarb\Downloads\94d097b2-de8d-46f5-b7a8-0b7926d74059.tmp</t>
  </si>
  <si>
    <t>12/17/2019 08:11:54</t>
  </si>
  <si>
    <t>acadecf5-4a8f-4869-a262-71835f285f15.tmp</t>
  </si>
  <si>
    <t>\\acsfs\profiles$\valeriasda\Downloads\acadecf5-4a8f-4869-a262-71835f285f15.tmp</t>
  </si>
  <si>
    <t>12/17/2019 08:12:02</t>
  </si>
  <si>
    <t>afb387c5-ad44-4490-8b7d-1f1c4c2facb8.tmp</t>
  </si>
  <si>
    <t>\\acsfs\profiles$\valeriasda\Downloads\afb387c5-ad44-4490-8b7d-1f1c4c2facb8.tmp</t>
  </si>
  <si>
    <t>12/17/2019 08:12:08</t>
  </si>
  <si>
    <t>9a48bfc2-7727-4fe2-a33b-0157a2ebf48c.tmp</t>
  </si>
  <si>
    <t>\\acsfs\profiles$\valeriasda\Downloads\9a48bfc2-7727-4fe2-a33b-0157a2ebf48c.tmp</t>
  </si>
  <si>
    <t>12/17/2019 08:12:13</t>
  </si>
  <si>
    <t>c0df825e-3e2b-4563-86d5-bf6e0f7ad214.tmp</t>
  </si>
  <si>
    <t>\\acsfs\profiles$\valeriasda\Downloads\c0df825e-3e2b-4563-86d5-bf6e0f7ad214.tmp</t>
  </si>
  <si>
    <t>12/17/2019 08:12:19</t>
  </si>
  <si>
    <t>712d3482-4ef6-4b9f-8b31-a5682c49dfcd.tmp</t>
  </si>
  <si>
    <t>\\acsfs\profiles$\valeriasda\Downloads\712d3482-4ef6-4b9f-8b31-a5682c49dfcd.tmp</t>
  </si>
  <si>
    <t>12/16/2019 20:37:18</t>
  </si>
  <si>
    <t>12/17/2019 08:13:55</t>
  </si>
  <si>
    <t>XLOG_tiagosno_17122019_080550.log</t>
  </si>
  <si>
    <t>\\acsfs\profiles$\tiagosno\My Documents\xworkcenter\logs\XLOG_tiagosno_17122019_080550.log</t>
  </si>
  <si>
    <t>12/17/2019 08:14:10</t>
  </si>
  <si>
    <t>12/17/2019 08:14:11</t>
  </si>
  <si>
    <t>12/17/2019 08:14:12</t>
  </si>
  <si>
    <t>12/17/2019 08:14:13</t>
  </si>
  <si>
    <t>12/17/2019 08:14:14</t>
  </si>
  <si>
    <t>12/17/2019 08:14:15</t>
  </si>
  <si>
    <t>12/17/2019 08:14:16</t>
  </si>
  <si>
    <t>12/17/2019 08:14:17</t>
  </si>
  <si>
    <t>12/17/2019 08:14:18</t>
  </si>
  <si>
    <t>12/17/2019 08:14:19</t>
  </si>
  <si>
    <t>12/17/2019 08:14:21</t>
  </si>
  <si>
    <t>12/17/2019 08:14:22</t>
  </si>
  <si>
    <t>12/17/2019 08:14:23</t>
  </si>
  <si>
    <t>12/17/2019 08:14:24</t>
  </si>
  <si>
    <t>12/17/2019 08:14:25</t>
  </si>
  <si>
    <t>12/17/2019 08:14:26</t>
  </si>
  <si>
    <t>12/17/2019 08:14:27</t>
  </si>
  <si>
    <t>12/17/2019 08:14:28</t>
  </si>
  <si>
    <t>12/17/2019 08:14:29</t>
  </si>
  <si>
    <t>12/17/2019 08:14:30</t>
  </si>
  <si>
    <t>12/17/2019 08:14:31</t>
  </si>
  <si>
    <t>12/17/2019 08:16:07</t>
  </si>
  <si>
    <t>12/17/2019 08:17:20</t>
  </si>
  <si>
    <t>12/17/2019 08:16:08</t>
  </si>
  <si>
    <t>12/17/2019 08:16:09</t>
  </si>
  <si>
    <t>12/17/2019 08:12:24</t>
  </si>
  <si>
    <t>12/17/2019 08:16:10</t>
  </si>
  <si>
    <t>12/17/2019 08:16:11</t>
  </si>
  <si>
    <t>12/17/2019 08:16:12</t>
  </si>
  <si>
    <t>12/17/2019 08:16:13</t>
  </si>
  <si>
    <t>12/17/2019 08:16:14</t>
  </si>
  <si>
    <t>12/17/2019 08:16:15</t>
  </si>
  <si>
    <t>12/17/2019 08:16:16</t>
  </si>
  <si>
    <t>12/17/2019 08:16:17</t>
  </si>
  <si>
    <t>12/17/2019 08:16:18</t>
  </si>
  <si>
    <t>12/17/2019 08:16:19</t>
  </si>
  <si>
    <t>12/17/2019 08:16:21</t>
  </si>
  <si>
    <t>12/17/2019 08:16:22</t>
  </si>
  <si>
    <t>12/17/2019 08:15:56</t>
  </si>
  <si>
    <t>12/17/2019 08:15:35</t>
  </si>
  <si>
    <t>12/17/2019 08:18:20</t>
  </si>
  <si>
    <t>12/17/2019 08:15:57</t>
  </si>
  <si>
    <t>12/17/2019 08:19:20</t>
  </si>
  <si>
    <t>2fbd6be2-903e-466e-a0b4-1ae73529e743.tmp</t>
  </si>
  <si>
    <t>\\acsfs\profiles$\milenaas\Downloads\2fbd6be2-903e-466e-a0b4-1ae73529e743.tmp</t>
  </si>
  <si>
    <t>12/17/2019 08:17:33</t>
  </si>
  <si>
    <t>cfcf4654-61f4-4b87-af27-a06bf261f50b.tmp</t>
  </si>
  <si>
    <t>\\acsfs\profiles$\milenaas\Downloads\cfcf4654-61f4-4b87-af27-a06bf261f50b.tmp</t>
  </si>
  <si>
    <t>12/17/2019 08:18:02</t>
  </si>
  <si>
    <t>5743271a-4326-4465-a74b-bc0b5430d802.tmp</t>
  </si>
  <si>
    <t>\\acsfs\profiles$\milenaas\Downloads\5743271a-4326-4465-a74b-bc0b5430d802.tmp</t>
  </si>
  <si>
    <t>12/17/2019 08:18:11</t>
  </si>
  <si>
    <t>ab8a4277-da7f-4e13-b836-0a14cf05c59d.tmp</t>
  </si>
  <si>
    <t>\\acsfs\profiles$\milenaas\Downloads\ab8a4277-da7f-4e13-b836-0a14cf05c59d.tmp</t>
  </si>
  <si>
    <t>12/17/2019 08:14:47</t>
  </si>
  <si>
    <t>12/17/2019 08:20:20</t>
  </si>
  <si>
    <t>12/17/2019 08:14:48</t>
  </si>
  <si>
    <t>lu1803211wy16.tmp</t>
  </si>
  <si>
    <t>\\acsfs\profiles$\dhiulliananads\My Documents\lu1803211wy16.tmp</t>
  </si>
  <si>
    <t>\\acsfs\profiles$\dhiulliananads\My Documents\lu1803211wy16.tmp\</t>
  </si>
  <si>
    <t>\\acsfs\profiles$\dhiulliananads\My Documents\lu1803211wy16.tmp\META-INF\</t>
  </si>
  <si>
    <t>\\acsfs\profiles$\dhiulliananads\My Documents\lu1803211wy16.tmp\Thumbnails\</t>
  </si>
  <si>
    <t>12/17/2019 08:17:40</t>
  </si>
  <si>
    <t>8becd9e5-4337-4788-ae36-6bd3849ab585.tmp</t>
  </si>
  <si>
    <t>\\acsfs\profiles$\LUCASNS\Downloads\8becd9e5-4337-4788-ae36-6bd3849ab585.tmp</t>
  </si>
  <si>
    <t>12/17/2019 08:14:50</t>
  </si>
  <si>
    <t>931b203a-2ee5-413d-962d-0da7788ab5a3.tmp</t>
  </si>
  <si>
    <t>\\acsfs\profiles$\jonatanls\Downloads\931b203a-2ee5-413d-962d-0da7788ab5a3.tmp</t>
  </si>
  <si>
    <t>12/17/2019 08:18:46</t>
  </si>
  <si>
    <t>92b88831-5552-470f-896e-3bc8bdaaa9b1.tmp</t>
  </si>
  <si>
    <t>\\acsfs\profiles$\jonatanls\Downloads\92b88831-5552-470f-896e-3bc8bdaaa9b1.tmp</t>
  </si>
  <si>
    <t>12/17/2019 08:19:00</t>
  </si>
  <si>
    <t>12/17/2019 08:17:45</t>
  </si>
  <si>
    <t>71d44097-efee-4623-953f-19d66d6ddfae.tmp</t>
  </si>
  <si>
    <t>\\acsfs\profiles$\ayalabfi\Downloads\71d44097-efee-4623-953f-19d66d6ddfae.tmp</t>
  </si>
  <si>
    <t>12/17/2019 08:17:47</t>
  </si>
  <si>
    <t>e7523360-6331-4d55-81e3-c05227cbf46d.tmp</t>
  </si>
  <si>
    <t>\\acsfs\profiles$\ayalabfi\Downloads\e7523360-6331-4d55-81e3-c05227cbf46d.tmp</t>
  </si>
  <si>
    <t>12/17/2019 08:17:50</t>
  </si>
  <si>
    <t>102308eb-eef9-4b21-9c9d-d7f17170409e.tmp</t>
  </si>
  <si>
    <t>\\acsfs\profiles$\ayalabfi\Downloads\102308eb-eef9-4b21-9c9d-d7f17170409e.tmp</t>
  </si>
  <si>
    <t>12/17/2019 08:19:06</t>
  </si>
  <si>
    <t>e9e47ce8-f55d-44f0-b0b5-c45d6e81f984.tmp</t>
  </si>
  <si>
    <t>\\acsfs\profiles$\ayalabfi\Downloads\e9e47ce8-f55d-44f0-b0b5-c45d6e81f984.tmp</t>
  </si>
  <si>
    <t>12/17/2019 08:19:34</t>
  </si>
  <si>
    <t>12/17/2019 08:21:20</t>
  </si>
  <si>
    <t>b4916785-d40e-4dd7-9668-bb99745ffd4c.tmp</t>
  </si>
  <si>
    <t>\\acsfs\profiles$\felipetds\Downloads\b4916785-d40e-4dd7-9668-bb99745ffd4c.tmp</t>
  </si>
  <si>
    <t>12/17/2019 08:19:35</t>
  </si>
  <si>
    <t>12/17/2019 08:17:16</t>
  </si>
  <si>
    <t>a8623721-ae4b-4676-81f3-8efab08c05ef.tmp</t>
  </si>
  <si>
    <t>\\acsfs\profiles$\wenderbnm\Downloads\a8623721-ae4b-4676-81f3-8efab08c05ef.tmp</t>
  </si>
  <si>
    <t>c53b6cfe-4224-4b97-a825-5c8384cd3085.tmp</t>
  </si>
  <si>
    <t>\\acsfs\profiles$\wenderbnm\Downloads\c53b6cfe-4224-4b97-a825-5c8384cd3085.tmp</t>
  </si>
  <si>
    <t>12/17/2019 08:20:11</t>
  </si>
  <si>
    <t>12/17/2019 08:17:01</t>
  </si>
  <si>
    <t>12/17/2019 08:22:19</t>
  </si>
  <si>
    <t>12/17/2019 08:16:23</t>
  </si>
  <si>
    <t>12/17/2019 08:16:24</t>
  </si>
  <si>
    <t>12/17/2019 08:16:25</t>
  </si>
  <si>
    <t>12/17/2019 08:16:26</t>
  </si>
  <si>
    <t>12/17/2019 08:16:27</t>
  </si>
  <si>
    <t>12/17/2019 08:16:28</t>
  </si>
  <si>
    <t>12/17/2019 08:16:29</t>
  </si>
  <si>
    <t>12/17/2019 08:16:30</t>
  </si>
  <si>
    <t>12/17/2019 08:18:54</t>
  </si>
  <si>
    <t>12/17/2019 08:23:19</t>
  </si>
  <si>
    <t>12/17/2019 08:18:07</t>
  </si>
  <si>
    <t>12/17/2019 08:18:36</t>
  </si>
  <si>
    <t>12/17/2019 08:21:16</t>
  </si>
  <si>
    <t>https://udpmailboxap01.acs.com.br:8443/h/search?si=0&amp;so=0&amp;sc=45298&amp;sfi=2&amp;st=conversation&amp;action=compose&amp;paction=paneview</t>
  </si>
  <si>
    <t>fg;</t>
  </si>
  <si>
    <t>https://fg</t>
  </si>
  <si>
    <t>12/17/2019 08:22:16</t>
  </si>
  <si>
    <t>12/17/2019 08:22:46</t>
  </si>
  <si>
    <t>12/17/2019 08:19:49</t>
  </si>
  <si>
    <t>12/17/2019 08:19:28</t>
  </si>
  <si>
    <t>27a558e9-b206-42ef-9794-b795630ec456.tmp</t>
  </si>
  <si>
    <t>\\acsfs\profiles$\geovannasm\Downloads\27a558e9-b206-42ef-9794-b795630ec456.tmp</t>
  </si>
  <si>
    <t>12/17/2019 08:19:55</t>
  </si>
  <si>
    <t>5266c755-3c84-4d90-849c-19efeb5c9383.tmp</t>
  </si>
  <si>
    <t>\\acsfs\profiles$\geovannasm\Downloads\5266c755-3c84-4d90-849c-19efeb5c9383.tmp</t>
  </si>
  <si>
    <t>12/17/2019 08:20:44</t>
  </si>
  <si>
    <t>c1d58517-c36f-429d-b896-70b358cf1246.tmp</t>
  </si>
  <si>
    <t>\\acsfs\profiles$\geovannasm\Downloads\c1d58517-c36f-429d-b896-70b358cf1246.tmp</t>
  </si>
  <si>
    <t>12/17/2019 08:21:06</t>
  </si>
  <si>
    <t>2e771117-917b-4f66-b668-2d16fb1a903d.tmp</t>
  </si>
  <si>
    <t>\\acsfs\profiles$\geovannasm\Downloads\2e771117-917b-4f66-b668-2d16fb1a903d.tmp</t>
  </si>
  <si>
    <t>12/17/2019 08:21:35</t>
  </si>
  <si>
    <t>e93d5528-9e29-4f3b-9642-dc20381df3e9.tmp</t>
  </si>
  <si>
    <t>\\acsfs\profiles$\geovannasm\Downloads\e93d5528-9e29-4f3b-9642-dc20381df3e9.tmp</t>
  </si>
  <si>
    <t>12/17/2019 08:19:24</t>
  </si>
  <si>
    <t>12/17/2019 08:25:20</t>
  </si>
  <si>
    <t>lu1803211wy1b.tmp</t>
  </si>
  <si>
    <t>\\acsfs\profiles$\dhiulliananads\My Documents\lu1803211wy1b.tmp</t>
  </si>
  <si>
    <t>\\acsfs\profiles$\dhiulliananads\My Documents\lu1803211wy1b.tmp\</t>
  </si>
  <si>
    <t>\\acsfs\profiles$\dhiulliananads\My Documents\lu1803211wy1b.tmp\META-INF\</t>
  </si>
  <si>
    <t>\\acsfs\profiles$\dhiulliananads\My Documents\lu1803211wy1b.tmp\Thumbnails\</t>
  </si>
  <si>
    <t>12/17/2019 08:23:16</t>
  </si>
  <si>
    <t>bb811962-ccbf-47dc-871c-389ed616dc8f.tmp</t>
  </si>
  <si>
    <t>\\acsfs\profiles$\geovanaasa\Downloads\bb811962-ccbf-47dc-871c-389ed616dc8f.tmp</t>
  </si>
  <si>
    <t>12/17/2019 08:23:40</t>
  </si>
  <si>
    <t>dc5cad26-0e03-4b08-9d72-0a8df169c3c6.tmp</t>
  </si>
  <si>
    <t>\\acsfs\profiles$\geovanaasa\Downloads\dc5cad26-0e03-4b08-9d72-0a8df169c3c6.tmp</t>
  </si>
  <si>
    <t>12/17/2019 08:24:07</t>
  </si>
  <si>
    <t>762a0bb5-6901-40df-8f02-bcd31507a041.tmp</t>
  </si>
  <si>
    <t>\\acsfs\profiles$\geovanaasa\Downloads\762a0bb5-6901-40df-8f02-bcd31507a041.tmp</t>
  </si>
  <si>
    <t>12/17/2019 08:24:17</t>
  </si>
  <si>
    <t>16cbca48-0363-43da-904b-4c74105a13d2.tmp</t>
  </si>
  <si>
    <t>\\acsfs\profiles$\LUCASNS\Downloads\16cbca48-0363-43da-904b-4c74105a13d2.tmp</t>
  </si>
  <si>
    <t>12/17/2019 08:24:21</t>
  </si>
  <si>
    <t>12/17/2019 08:22:21</t>
  </si>
  <si>
    <t>12/17/2019 08:22:04</t>
  </si>
  <si>
    <t>bfaa196f-4645-4266-ac8d-77abc3b040db.tmp</t>
  </si>
  <si>
    <t>\\acsfs\profiles$\ayalabfi\Downloads\bfaa196f-4645-4266-ac8d-77abc3b040db.tmp</t>
  </si>
  <si>
    <t>3b921260-b96b-4f84-89ea-cc3410769d99.tmp</t>
  </si>
  <si>
    <t>\\acsfs\profiles$\ayalabfi\Downloads\3b921260-b96b-4f84-89ea-cc3410769d99.tmp</t>
  </si>
  <si>
    <t>12/17/2019 08:22:25</t>
  </si>
  <si>
    <t>3bdab3bb-e941-4b02-b093-b51152cd22b0.tmp</t>
  </si>
  <si>
    <t>\\acsfs\profiles$\ayalabfi\Downloads\3bdab3bb-e941-4b02-b093-b51152cd22b0.tmp</t>
  </si>
  <si>
    <t>12/17/2019 08:24:34</t>
  </si>
  <si>
    <t>3804d331-9143-4d44-b5d1-0cfb1aeefa69.tmp</t>
  </si>
  <si>
    <t>\\acsfs\profiles$\ayalabfi\Downloads\3804d331-9143-4d44-b5d1-0cfb1aeefa69.tmp</t>
  </si>
  <si>
    <t>12/17/2019 08:22:01</t>
  </si>
  <si>
    <t>a9d11201-b797-4cf6-86a7-edcb1ce9bbcb.tmp</t>
  </si>
  <si>
    <t>\\acsfs\profiles$\raicabog\Downloads\a9d11201-b797-4cf6-86a7-edcb1ce9bbcb.tmp</t>
  </si>
  <si>
    <t>12/17/2019 08:23:26</t>
  </si>
  <si>
    <t>12/17/2019 08:26:19</t>
  </si>
  <si>
    <t>efca326d-3a46-4b6d-8d76-a1874b821356.tmp</t>
  </si>
  <si>
    <t>\\acsfs\profiles$\deborahsi\Downloads\efca326d-3a46-4b6d-8d76-a1874b821356.tmp</t>
  </si>
  <si>
    <t>12/16/2019 18:51:25</t>
  </si>
  <si>
    <t>10.200.61.132</t>
  </si>
  <si>
    <t>FC-01-7C-FE-49-A9</t>
  </si>
  <si>
    <t>falecom@crudtec.com.br</t>
  </si>
  <si>
    <t>sotero@crudtec.com.br;</t>
  </si>
  <si>
    <t>ENC: Encaminhar: Documentação levantada para nova Plataforma Clarivi</t>
  </si>
  <si>
    <t>Lista de funções.xlsx</t>
  </si>
  <si>
    <t>sotero@crudtec.com.br</t>
  </si>
  <si>
    <t>12/16/2019 18:58:13</t>
  </si>
  <si>
    <t>C:\Users\wladimirtn\OneDrive\Crud Tec\01 - Projetos\031 - Clarivi - 201912\</t>
  </si>
  <si>
    <t>12/17/2019 08:27:20</t>
  </si>
  <si>
    <t>12/17/2019 08:28:19</t>
  </si>
  <si>
    <t>12/17/2019 08:24:16</t>
  </si>
  <si>
    <t>12/17/2019 08:27:47</t>
  </si>
  <si>
    <t>12/17/2019 08:24:11</t>
  </si>
  <si>
    <t>5755145f-7c3c-4746-a252-b2c2361db643.tmp</t>
  </si>
  <si>
    <t>\\acsfs\profiles$\YASMINSC\Downloads\5755145f-7c3c-4746-a252-b2c2361db643.tmp</t>
  </si>
  <si>
    <t>12/17/2019 08:25:44</t>
  </si>
  <si>
    <t>d13e33cb-4724-45cd-ba8b-83a79e72e24b.tmp</t>
  </si>
  <si>
    <t>\\acsfs\profiles$\YASMINSC\Downloads\d13e33cb-4724-45cd-ba8b-83a79e72e24b.tmp</t>
  </si>
  <si>
    <t>12/17/2019 08:26:43</t>
  </si>
  <si>
    <t>12/17/2019 08:26:38</t>
  </si>
  <si>
    <t>12/17/2019 08:29:20</t>
  </si>
  <si>
    <t>ee9c5ef9-dd2a-4e58-90de-b58ad02c2e8b.tmp</t>
  </si>
  <si>
    <t>\\acsfs\profiles$\geovannasm\Downloads\ee9c5ef9-dd2a-4e58-90de-b58ad02c2e8b.tmp</t>
  </si>
  <si>
    <t>12/17/2019 08:27:08</t>
  </si>
  <si>
    <t>12/17/2019 08:30:19</t>
  </si>
  <si>
    <t>dd362ecc-05eb-4a61-a64c-2b4be180c8b1.tmp</t>
  </si>
  <si>
    <t>\\acsfs\profiles$\LUCASNS\Downloads\dd362ecc-05eb-4a61-a64c-2b4be180c8b1.tmp</t>
  </si>
  <si>
    <t>12/17/2019 08:25:11</t>
  </si>
  <si>
    <t>baf9c639-e61f-405b-9a19-6312671a6562.tmp</t>
  </si>
  <si>
    <t>\\acsfs\profiles$\raicabog\Downloads\baf9c639-e61f-405b-9a19-6312671a6562.tmp</t>
  </si>
  <si>
    <t>12/17/2019 08:25:35</t>
  </si>
  <si>
    <t>18c44ce0-6327-497a-9e75-935a6e5cb011.tmp</t>
  </si>
  <si>
    <t>\\acsfs\profiles$\raicabog\Downloads\18c44ce0-6327-497a-9e75-935a6e5cb011.tmp</t>
  </si>
  <si>
    <t>12/17/2019 08:27:15</t>
  </si>
  <si>
    <t>e3ccd7a8-d231-4018-9b91-c7ef1d58a3b1.tmp</t>
  </si>
  <si>
    <t>\\acsfs\profiles$\raicabog\Downloads\e3ccd7a8-d231-4018-9b91-c7ef1d58a3b1.tmp</t>
  </si>
  <si>
    <t>12/17/2019 08:27:19</t>
  </si>
  <si>
    <t>d8214bcd-1e09-4a01-bed9-e370919d55e8.tmp</t>
  </si>
  <si>
    <t>\\acsfs\profiles$\raicabog\Downloads\d8214bcd-1e09-4a01-bed9-e370919d55e8.tmp</t>
  </si>
  <si>
    <t>12/17/2019 08:27:35</t>
  </si>
  <si>
    <t>27cbf889-47e3-4aa9-bef2-8891671a9a85.tmp</t>
  </si>
  <si>
    <t>\\acsfs\profiles$\raicabog\Downloads\27cbf889-47e3-4aa9-bef2-8891671a9a85.tmp</t>
  </si>
  <si>
    <t>12/17/2019 08:27:44</t>
  </si>
  <si>
    <t>609af88e-ae12-47ea-b0fe-6a7300c9b190.tmp</t>
  </si>
  <si>
    <t>\\acsfs\profiles$\raicabog\Downloads\609af88e-ae12-47ea-b0fe-6a7300c9b190.tmp</t>
  </si>
  <si>
    <t>12/17/2019 08:28:08</t>
  </si>
  <si>
    <t>dd2bb2a8-83a5-4919-b7a5-d4af0928d4cc.tmp</t>
  </si>
  <si>
    <t>\\acsfs\profiles$\raicabog\Downloads\dd2bb2a8-83a5-4919-b7a5-d4af0928d4cc.tmp</t>
  </si>
  <si>
    <t>12/17/2019 08:28:37</t>
  </si>
  <si>
    <t>6fe2f71e-b0e1-4ff8-bfb1-bda2032c9656.tmp</t>
  </si>
  <si>
    <t>\\acsfs\profiles$\raicabog\Downloads\6fe2f71e-b0e1-4ff8-bfb1-bda2032c9656.tmp</t>
  </si>
  <si>
    <t>12/17/2019 08:28:57</t>
  </si>
  <si>
    <t>12/17/2019 08:31:20</t>
  </si>
  <si>
    <t>fd54efbb-ddf3-4a7b-b25d-3762a5a726a5.tmp</t>
  </si>
  <si>
    <t>\\acsfs\profiles$\felipetds\Downloads\fd54efbb-ddf3-4a7b-b25d-3762a5a726a5.tmp</t>
  </si>
  <si>
    <t>12/17/2019 08:29:41</t>
  </si>
  <si>
    <t>12/17/2019 08:26:59</t>
  </si>
  <si>
    <t>0ee7df47-f4c1-438a-b3c1-510c1e03a4be.tmp</t>
  </si>
  <si>
    <t>\\acsfs\profiles$\deborahsi\Downloads\0ee7df47-f4c1-438a-b3c1-510c1e03a4be.tmp</t>
  </si>
  <si>
    <t>12/17/2019 08:28:35</t>
  </si>
  <si>
    <t>12/17/2019 08:32:19</t>
  </si>
  <si>
    <t>12/17/2019 08:31:25</t>
  </si>
  <si>
    <t>12/17/2019 08:31:26</t>
  </si>
  <si>
    <t>lu1672411orq8.tmp</t>
  </si>
  <si>
    <t>\\acsfs\profiles$\VIVIANALDS\My Documents\lu1672411orq8.tmp</t>
  </si>
  <si>
    <t>\\acsfs\profiles$\VIVIANALDS\My Documents\lu1672411orq8.tmp\</t>
  </si>
  <si>
    <t>\\acsfs\profiles$\VIVIANALDS\My Documents\lu1672411orq8.tmp\META-INF\</t>
  </si>
  <si>
    <t>\\acsfs\profiles$\VIVIANALDS\My Documents\lu1672411orq8.tmp\Thumbnails\</t>
  </si>
  <si>
    <t>12/17/2019 08:29:38</t>
  </si>
  <si>
    <t>12/17/2019 08:33:19</t>
  </si>
  <si>
    <t>12/17/2019 08:30:37</t>
  </si>
  <si>
    <t>5019469a-caf4-4aaa-8b6b-8d94fe4cc20b.tmp</t>
  </si>
  <si>
    <t>\\acsfs\profiles$\isabellegtds\Downloads\5019469a-caf4-4aaa-8b6b-8d94fe4cc20b.tmp</t>
  </si>
  <si>
    <t>12/17/2019 08:31:43</t>
  </si>
  <si>
    <t>aa9481a4-dd18-4a7b-8429-4fb62d62b411.tmp</t>
  </si>
  <si>
    <t>\\acsfs\profiles$\isabellegtds\Downloads\aa9481a4-dd18-4a7b-8429-4fb62d62b411.tmp</t>
  </si>
  <si>
    <t>12/17/2019 08:28:03</t>
  </si>
  <si>
    <t>12/17/2019 08:28:45</t>
  </si>
  <si>
    <t>93a382ce-9289-435a-8957-3a423fadf45f.tmp</t>
  </si>
  <si>
    <t>\\acsfs\profiles$\cintiadcf\Downloads\93a382ce-9289-435a-8957-3a423fadf45f.tmp</t>
  </si>
  <si>
    <t>12/17/2019 08:29:35</t>
  </si>
  <si>
    <t>4aae1e8d-6efd-4631-81b4-48663db341c4.tmp</t>
  </si>
  <si>
    <t>\\acsfs\profiles$\cintiadcf\Downloads\4aae1e8d-6efd-4631-81b4-48663db341c4.tmp</t>
  </si>
  <si>
    <t>24f240ac-7b05-40ef-a009-639a5e893cd1.tmp</t>
  </si>
  <si>
    <t>\\acsfs\profiles$\cintiadcf\Downloads\24f240ac-7b05-40ef-a009-639a5e893cd1.tmp</t>
  </si>
  <si>
    <t>12/17/2019 08:29:50</t>
  </si>
  <si>
    <t>8c1c2d16-050e-466c-8533-eee95ac29847.tmp</t>
  </si>
  <si>
    <t>\\acsfs\profiles$\cintiadcf\Downloads\8c1c2d16-050e-466c-8533-eee95ac29847.tmp</t>
  </si>
  <si>
    <t>12/17/2019 08:29:58</t>
  </si>
  <si>
    <t>12/17/2019 08:30:54</t>
  </si>
  <si>
    <t>49b5715d-0324-423f-9e4b-ab5fee9b8ce3.tmp</t>
  </si>
  <si>
    <t>\\acsfs\profiles$\cintiadcf\Downloads\49b5715d-0324-423f-9e4b-ab5fee9b8ce3.tmp</t>
  </si>
  <si>
    <t>12/17/2019 08:28:16</t>
  </si>
  <si>
    <t>12/17/2019 08:29:09</t>
  </si>
  <si>
    <t>12/17/2019 08:28:56</t>
  </si>
  <si>
    <t>12/17/2019 08:35:19</t>
  </si>
  <si>
    <t>mail.google.com/_/upload?authuser=0&amp;dcp=asu-n&amp;upload_id=AEnB2UpEFxqRXOSSaZRwWpoolkgg3IzWrGSnv0QjEeT4UM3jAmt5oQ7EFARUM5HBc69uWKNZnrgDzy-CyiBaUmRNvtbjLnnA0ZQ7BILVAegxWnPDhl-MZrA&amp;upload_protocol=resumable</t>
  </si>
  <si>
    <t>12/17/2019 08:29:08</t>
  </si>
  <si>
    <t>mail.google.com/_/upload?authuser=0&amp;dcp=asu-n&amp;upload_id=AEnB2UoZ0lNeJQOaxTpKhj1URW5F-fUPLtwVYUwUGZRUJLOLwV54VpWWHyVX2fN9bYAS-Ja9exlYKzsqBF6zmRWVNPcwF0LdkqWWioBFdEh5lYApawv3H54&amp;upload_protocol=resumable</t>
  </si>
  <si>
    <t>12/17/2019 08:32:24</t>
  </si>
  <si>
    <t>12/17/2019 08:36:19</t>
  </si>
  <si>
    <t>12/17/2019 08:31:50</t>
  </si>
  <si>
    <t>12/17/2019 08:31:03</t>
  </si>
  <si>
    <t>16ee8c36-de6f-49d5-b7ad-c83d6701bfcb.tmp</t>
  </si>
  <si>
    <t>\\acsfs\profiles$\deborahsi\Downloads\16ee8c36-de6f-49d5-b7ad-c83d6701bfcb.tmp</t>
  </si>
  <si>
    <t>12/17/2019 08:37:18</t>
  </si>
  <si>
    <t>ac8a33dc-a3c2-4ff4-b997-2cabfac11620.tmp</t>
  </si>
  <si>
    <t>\\acsfs\profiles$\larissaad\Downloads\ac8a33dc-a3c2-4ff4-b997-2cabfac11620.tmp</t>
  </si>
  <si>
    <t>12/17/2019 08:36:25</t>
  </si>
  <si>
    <t>ee5f811a-2e09-4fc7-8852-bed6a11833c4.tmp</t>
  </si>
  <si>
    <t>\\acsfs\profiles$\larissaad\Downloads\ee5f811a-2e09-4fc7-8852-bed6a11833c4.tmp</t>
  </si>
  <si>
    <t>12/17/2019 08:35:05</t>
  </si>
  <si>
    <t>c9f7d631-35e2-47b9-87fd-17a1711db47f.tmp</t>
  </si>
  <si>
    <t>\\acsfs\profiles$\PEDROHAB\Downloads\c9f7d631-35e2-47b9-87fd-17a1711db47f.tmp</t>
  </si>
  <si>
    <t>b575a4b4-35e9-49bd-90a7-6de02c682838.tmp</t>
  </si>
  <si>
    <t>\\acsfs\profiles$\PEDROHAB\Downloads\b575a4b4-35e9-49bd-90a7-6de02c682838.tmp</t>
  </si>
  <si>
    <t>12/17/2019 08:37:14</t>
  </si>
  <si>
    <t>12/17/2019 08:38:19</t>
  </si>
  <si>
    <t>12/17/2019 08:33:46</t>
  </si>
  <si>
    <t>12/17/2019 08:34:16</t>
  </si>
  <si>
    <t>12/17/2019 08:34:01</t>
  </si>
  <si>
    <t>12/16/2019 12:01:37</t>
  </si>
  <si>
    <t>12/17/2019 08:39:19</t>
  </si>
  <si>
    <t>12/17/2019 08:37:11</t>
  </si>
  <si>
    <t>12/17/2019 08:40:19</t>
  </si>
  <si>
    <t>12/17/2019 08:39:20</t>
  </si>
  <si>
    <t>12/17/2019 08:39:21</t>
  </si>
  <si>
    <t>lu115642rmjl3.tmp</t>
  </si>
  <si>
    <t>\\acsfs\profiles$\jonatanls\My Documents\lu115642rmjl3.tmp</t>
  </si>
  <si>
    <t>12/17/2019 08:36:20</t>
  </si>
  <si>
    <t>12/17/2019 08:41:19</t>
  </si>
  <si>
    <t>42f0df63-5060-4384-aa91-4687df1b1152.tmp</t>
  </si>
  <si>
    <t>\\acsfs\profiles$\valeriasda\Downloads\42f0df63-5060-4384-aa91-4687df1b1152.tmp</t>
  </si>
  <si>
    <t>12/17/2019 08:38:33</t>
  </si>
  <si>
    <t>12/17/2019 08:42:19</t>
  </si>
  <si>
    <t>8c2f8092-531f-4661-94c8-6fa597c0e266.tmp</t>
  </si>
  <si>
    <t>\\acsfs\profiles$\larissaad\Downloads\8c2f8092-531f-4661-94c8-6fa597c0e266.tmp</t>
  </si>
  <si>
    <t>12/17/2019 08:41:51</t>
  </si>
  <si>
    <t>12/17/2019 08:43:19</t>
  </si>
  <si>
    <t>c7a587bd-9cb1-4582-a4a2-825aa180bcc0.tmp</t>
  </si>
  <si>
    <t>\\acsfs\profiles$\isabellegtds\Downloads\c7a587bd-9cb1-4582-a4a2-825aa180bcc0.tmp</t>
  </si>
  <si>
    <t>12/17/2019 08:42:45</t>
  </si>
  <si>
    <t>12/17/2019 08:38:46</t>
  </si>
  <si>
    <t>12/17/2019 08:39:16</t>
  </si>
  <si>
    <t>12/17/2019 08:41:16</t>
  </si>
  <si>
    <t>12/17/2019 08:41:46</t>
  </si>
  <si>
    <t>12/17/2019 08:42:16</t>
  </si>
  <si>
    <t>12/17/2019 08:40:22</t>
  </si>
  <si>
    <t>12/17/2019 08:40:02</t>
  </si>
  <si>
    <t>5b72ca1a-224d-4012-b018-859b0b0b7f04.tmp</t>
  </si>
  <si>
    <t>\\acsfs\profiles$\yurics\Downloads\5b72ca1a-224d-4012-b018-859b0b0b7f04.tmp</t>
  </si>
  <si>
    <t>12/17/2019 08:44:38</t>
  </si>
  <si>
    <t>12/17/2019 08:45:18</t>
  </si>
  <si>
    <t>12/17/2019 08:44:30</t>
  </si>
  <si>
    <t>2ae65d31-76e8-4a7b-b816-1aeff86ddda9.tmp</t>
  </si>
  <si>
    <t>\\acsfs\profiles$\ayalabfi\Downloads\2ae65d31-76e8-4a7b-b816-1aeff86ddda9.tmp</t>
  </si>
  <si>
    <t>12/17/2019 08:42:17</t>
  </si>
  <si>
    <t>12/17/2019 08:46:19</t>
  </si>
  <si>
    <t>12/17/2019 08:42:44</t>
  </si>
  <si>
    <t>12/17/2019 08:47:19</t>
  </si>
  <si>
    <t>12/17/2019 08:44:58</t>
  </si>
  <si>
    <t>12/17/2019 08:46:05</t>
  </si>
  <si>
    <t>2e1095ad-6452-442a-b759-623ff5d21c23.tmp</t>
  </si>
  <si>
    <t>\\acsfs\profiles$\larissaad\Downloads\2e1095ad-6452-442a-b759-623ff5d21c23.tmp</t>
  </si>
  <si>
    <t>12/17/2019 08:45:24</t>
  </si>
  <si>
    <t>ee2f24ca-5210-4ef2-bc41-1f05d098e028.tmp</t>
  </si>
  <si>
    <t>\\acsfs\profiles$\PEDROHAB\Downloads\ee2f24ca-5210-4ef2-bc41-1f05d098e028.tmp</t>
  </si>
  <si>
    <t>12/17/2019 08:44:10</t>
  </si>
  <si>
    <t>12/17/2019 08:48:20</t>
  </si>
  <si>
    <t>12/17/2019 08:43:14</t>
  </si>
  <si>
    <t>12/17/2019 08:53:19</t>
  </si>
  <si>
    <t>12/17/2019 08:49:29</t>
  </si>
  <si>
    <t>12/17/2019 08:51:16</t>
  </si>
  <si>
    <t>12/17/2019 08:51:30</t>
  </si>
  <si>
    <t>12/17/2019 08:51:31</t>
  </si>
  <si>
    <t>12/17/2019 08:51:32</t>
  </si>
  <si>
    <t>12/17/2019 08:51:33</t>
  </si>
  <si>
    <t>12/17/2019 08:51:34</t>
  </si>
  <si>
    <t>12/17/2019 08:51:35</t>
  </si>
  <si>
    <t>12/17/2019 08:49:53</t>
  </si>
  <si>
    <t>48de3e71-24b8-4166-bc95-0d4fc552eb6a.tmp</t>
  </si>
  <si>
    <t>\\acsfs\profiles$\ERICALSR\Downloads\48de3e71-24b8-4166-bc95-0d4fc552eb6a.tmp</t>
  </si>
  <si>
    <t>12/17/2019 08:51:13</t>
  </si>
  <si>
    <t>3ee2f874-22ff-42c1-a802-ec5bb0a9ac04.tmp</t>
  </si>
  <si>
    <t>\\acsfs\profiles$\ERICALSR\Downloads\3ee2f874-22ff-42c1-a802-ec5bb0a9ac04.tmp</t>
  </si>
  <si>
    <t>12/17/2019 08:52:15</t>
  </si>
  <si>
    <t>b24fe90d-8cb6-450b-8667-6b03852d369a.tmp</t>
  </si>
  <si>
    <t>\\acsfs\profiles$\ERICALSR\Downloads\b24fe90d-8cb6-450b-8667-6b03852d369a.tmp</t>
  </si>
  <si>
    <t>12/17/2019 08:51:36</t>
  </si>
  <si>
    <t>12/17/2019 08:51:37</t>
  </si>
  <si>
    <t>12/17/2019 08:51:38</t>
  </si>
  <si>
    <t>12/17/2019 08:51:39</t>
  </si>
  <si>
    <t>12/17/2019 08:51:40</t>
  </si>
  <si>
    <t>12/17/2019 08:51:41</t>
  </si>
  <si>
    <t>12/17/2019 08:51:42</t>
  </si>
  <si>
    <t>12/17/2019 08:51:43</t>
  </si>
  <si>
    <t>12/17/2019 08:54:20</t>
  </si>
  <si>
    <t>12/17/2019 08:51:54</t>
  </si>
  <si>
    <t>12/17/2019 08:51:55</t>
  </si>
  <si>
    <t>12/17/2019 08:51:56</t>
  </si>
  <si>
    <t>12/17/2019 08:51:57</t>
  </si>
  <si>
    <t>12/17/2019 08:51:58</t>
  </si>
  <si>
    <t>12/17/2019 08:52:00</t>
  </si>
  <si>
    <t>12/17/2019 08:53:15</t>
  </si>
  <si>
    <t>12/17/2019 08:55:19</t>
  </si>
  <si>
    <t>7b619d97-9d66-40f3-91a9-b87b5ae38156.tmp</t>
  </si>
  <si>
    <t>\\acsfs\profiles$\KARENDSR\Downloads\7b619d97-9d66-40f3-91a9-b87b5ae38156.tmp</t>
  </si>
  <si>
    <t>12/17/2019 08:54:30</t>
  </si>
  <si>
    <t>6040bc36-25b5-4660-8643-016cace6c804.tmp</t>
  </si>
  <si>
    <t>\\acsfs\profiles$\KARENDSR\Downloads\6040bc36-25b5-4660-8643-016cace6c804.tmp</t>
  </si>
  <si>
    <t>12/17/2019 08:54:27</t>
  </si>
  <si>
    <t>12/17/2019 08:56:19</t>
  </si>
  <si>
    <t>56ee6fb2-a006-43a8-bef8-1bf403f6d6b1.tmp</t>
  </si>
  <si>
    <t>\\acsfs\profiles$\deborahsi\Downloads\56ee6fb2-a006-43a8-bef8-1bf403f6d6b1.tmp</t>
  </si>
  <si>
    <t>12/17/2019 08:58:19</t>
  </si>
  <si>
    <t>12/17/2019 08:56:46</t>
  </si>
  <si>
    <t>12/17/2019 08:57:16</t>
  </si>
  <si>
    <t>12/17/2019 08:57:46</t>
  </si>
  <si>
    <t>12/17/2019 08:54:06</t>
  </si>
  <si>
    <t>12/17/2019 08:59:20</t>
  </si>
  <si>
    <t>3e4702cc-9bcf-441f-b487-27ce65c8a744.tmp</t>
  </si>
  <si>
    <t>\\acsfs\profiles$\yurics\Downloads\3e4702cc-9bcf-441f-b487-27ce65c8a744.tmp</t>
  </si>
  <si>
    <t>12/17/2019 08:54:25</t>
  </si>
  <si>
    <t>e21a9d55-e8d2-4abc-90ff-6ff1dfae376f.tmp</t>
  </si>
  <si>
    <t>\\acsfs\profiles$\yurics\Downloads\e21a9d55-e8d2-4abc-90ff-6ff1dfae376f.tmp</t>
  </si>
  <si>
    <t>12/17/2019 08:54:37</t>
  </si>
  <si>
    <t>6cabe55e-dfcf-4b8b-a8ac-f44acd4f5607.tmp</t>
  </si>
  <si>
    <t>\\acsfs\profiles$\yurics\Downloads\6cabe55e-dfcf-4b8b-a8ac-f44acd4f5607.tmp</t>
  </si>
  <si>
    <t>12/17/2019 08:57:01</t>
  </si>
  <si>
    <t>12/17/2019 08:57:23</t>
  </si>
  <si>
    <t>12/17/2019 08:58:01</t>
  </si>
  <si>
    <t>12/17/2019 08:55:10</t>
  </si>
  <si>
    <t>12/17/2019 09:00:19</t>
  </si>
  <si>
    <t>4705f7a1-4b83-47c5-96c9-aa15f0b7b703.tmp</t>
  </si>
  <si>
    <t>\\acsfs\profiles$\KARENDSR\Downloads\4705f7a1-4b83-47c5-96c9-aa15f0b7b703.tmp</t>
  </si>
  <si>
    <t>12/17/2019 08:58:46</t>
  </si>
  <si>
    <t>0c5a504a-eab5-4869-8b19-828d05cc6fd0.tmp</t>
  </si>
  <si>
    <t>\\acsfs\profiles$\KARENDSR\Downloads\0c5a504a-eab5-4869-8b19-828d05cc6fd0.tmp</t>
  </si>
  <si>
    <t>12/16/2019 18:51:19</t>
  </si>
  <si>
    <t>12/17/2019 08:56:06</t>
  </si>
  <si>
    <t>12/17/2019 09:01:20</t>
  </si>
  <si>
    <t>53b439df-8d1b-4bb5-87b7-560d211a2e88.tmp</t>
  </si>
  <si>
    <t>\\acsfs\profiles$\gabrielarb\Downloads\53b439df-8d1b-4bb5-87b7-560d211a2e88.tmp</t>
  </si>
  <si>
    <t>12/17/2019 09:00:23</t>
  </si>
  <si>
    <t>12/17/2019 09:02:20</t>
  </si>
  <si>
    <t>d10725d2-e94e-46f4-9c1e-8c107112810f.tmp</t>
  </si>
  <si>
    <t>\\acsfs\profiles$\gabrielhca\Downloads\d10725d2-e94e-46f4-9c1e-8c107112810f.tmp</t>
  </si>
  <si>
    <t>12/17/2019 09:03:21</t>
  </si>
  <si>
    <t>12/17/2019 09:00:22</t>
  </si>
  <si>
    <t>12/17/2019 09:00:47</t>
  </si>
  <si>
    <t>12/17/2019 08:59:51</t>
  </si>
  <si>
    <t>Autonomia.xlsx</t>
  </si>
  <si>
    <t>12/17/2019 08:58:16</t>
  </si>
  <si>
    <t>12/17/2019 09:01:16</t>
  </si>
  <si>
    <t>12/17/2019 09:02:57</t>
  </si>
  <si>
    <t>12/17/2019 09:00:25</t>
  </si>
  <si>
    <t>e77b9dcd-841c-49b2-acb8-0a9e559a6380.tmp</t>
  </si>
  <si>
    <t>\\acsfs\profiles$\yurics\Downloads\e77b9dcd-841c-49b2-acb8-0a9e559a6380.tmp</t>
  </si>
  <si>
    <t>12/17/2019 08:58:43</t>
  </si>
  <si>
    <t>12/17/2019 09:04:20</t>
  </si>
  <si>
    <t>12/17/2019 09:03:01</t>
  </si>
  <si>
    <t>12/17/2019 09:01:38</t>
  </si>
  <si>
    <t>d4ae7d3f-a073-44c5-bccc-a8d633d261ba.tmp</t>
  </si>
  <si>
    <t>\\acsfs\profiles$\milenaas\Downloads\d4ae7d3f-a073-44c5-bccc-a8d633d261ba.tmp</t>
  </si>
  <si>
    <t>12/16/2019 15:03:31</t>
  </si>
  <si>
    <t>10.203.31.103</t>
  </si>
  <si>
    <t>mail.google.com/_/upload?authuser=0&amp;dcp=asu-n&amp;upload_id=AEnB2UoonL69MuyrcHA4qzdkS13t0zGsSpc8_sOB-3ljs1VKIUKpR80LeFD9UnNu2e-m5gVXh3xdPh7v4mGehqObAg2SlnUqPB2duJkTfL9ne8ydyEUxT6s&amp;upload_protocol=resumable</t>
  </si>
  <si>
    <t>alessandrar@algartech.com;</t>
  </si>
  <si>
    <t>C:\Users\marcotb\Downloads\2019-11 -Jornada do cliente Mensal.pptx\</t>
  </si>
  <si>
    <t>alessandrar@algartech.com</t>
  </si>
  <si>
    <t>12/16/2019 15:51:23</t>
  </si>
  <si>
    <t>mail.google.com/_/upload?authuser=0&amp;dcp=asu-n&amp;upload_id=AEnB2UrU8X9wJ5KN5dBGnkMefn9JfhCw1-7qpb7nNfW0bpKIWi1DUOEGlafCbeJ7OiBOLHH7BtX4C5ccW1_aFAvUQ2zv9kdaQTxrOcoWnWGygbxNjAvIAwA&amp;upload_protocol=resumable</t>
  </si>
  <si>
    <t>C:\Users\marcotb\Desktop\Planejamento 2020 v3.pptx\</t>
  </si>
  <si>
    <t>12/16/2019 15:51:24</t>
  </si>
  <si>
    <t>12/17/2019 09:00:09</t>
  </si>
  <si>
    <t>12/17/2019 09:05:21</t>
  </si>
  <si>
    <t>97989733-b495-4d67-8b6e-475ea24dcb5b.tmp</t>
  </si>
  <si>
    <t>\\acsfs\profiles$\dhiulliananads\Downloads\97989733-b495-4d67-8b6e-475ea24dcb5b.tmp</t>
  </si>
  <si>
    <t>12/17/2019 09:02:33</t>
  </si>
  <si>
    <t>12/17/2019 09:06:20</t>
  </si>
  <si>
    <t>10.200.67.26</t>
  </si>
  <si>
    <t>74-86-7A-FB-17-2C</t>
  </si>
  <si>
    <t>VOTORANT-RB005</t>
  </si>
  <si>
    <t>nathaliadf</t>
  </si>
  <si>
    <t>\\acsfs\profiles$\nathaliadf\Downloads\</t>
  </si>
  <si>
    <t>ec840a46-7421-4e6a-8711-6aeecbe09951.tmp</t>
  </si>
  <si>
    <t>\\acsfs\profiles$\nathaliadf\Downloads\ec840a46-7421-4e6a-8711-6aeecbe09951.tmp</t>
  </si>
  <si>
    <t>b82acb3a-39a9-4c55-8551-f69e5e06ac9d.tmp</t>
  </si>
  <si>
    <t>\\acsfs\profiles$\nathaliadf\Downloads\b82acb3a-39a9-4c55-8551-f69e5e06ac9d.tmp</t>
  </si>
  <si>
    <t>12/17/2019 09:03:44</t>
  </si>
  <si>
    <t>86174390-a5f9-4247-81ad-4b355e2a3fa8.tmp</t>
  </si>
  <si>
    <t>\\acsfs\profiles$\nathaliadf\Downloads\86174390-a5f9-4247-81ad-4b355e2a3fa8.tmp</t>
  </si>
  <si>
    <t>12/17/2019 09:04:12</t>
  </si>
  <si>
    <t>7acef5fd-d94b-442a-bf40-0f61718cf073.tmp</t>
  </si>
  <si>
    <t>\\acsfs\profiles$\nathaliadf\Downloads\7acef5fd-d94b-442a-bf40-0f61718cf073.tmp</t>
  </si>
  <si>
    <t>12/17/2019 09:04:40</t>
  </si>
  <si>
    <t>edc10c0a-3dda-445b-8ecb-3426f0ebf95e.tmp</t>
  </si>
  <si>
    <t>\\acsfs\profiles$\nathaliadf\Downloads\edc10c0a-3dda-445b-8ecb-3426f0ebf95e.tmp</t>
  </si>
  <si>
    <t>12/17/2019 09:02:39</t>
  </si>
  <si>
    <t>12/17/2019 09:07:21</t>
  </si>
  <si>
    <t>4b5314a7-8bcf-442a-929c-c02e1d7c332b.tmp</t>
  </si>
  <si>
    <t>\\acsfs\profiles$\gabrielhca\Downloads\4b5314a7-8bcf-442a-929c-c02e1d7c332b.tmp</t>
  </si>
  <si>
    <t>12/17/2019 09:02:44</t>
  </si>
  <si>
    <t>1016df8a-5a04-40d6-9ba2-b39922ecaf82.tmp</t>
  </si>
  <si>
    <t>\\acsfs\profiles$\gabrielhca\Downloads\1016df8a-5a04-40d6-9ba2-b39922ecaf82.tmp</t>
  </si>
  <si>
    <t>12/17/2019 09:02:47</t>
  </si>
  <si>
    <t>6d78a5e1-8b31-4140-8e3e-c9f89bb7b528.tmp</t>
  </si>
  <si>
    <t>\\acsfs\profiles$\gabrielhca\Downloads\6d78a5e1-8b31-4140-8e3e-c9f89bb7b528.tmp</t>
  </si>
  <si>
    <t>12/17/2019 09:03:13</t>
  </si>
  <si>
    <t>3e86a29a-eafb-4038-b00b-faded713fac3.tmp</t>
  </si>
  <si>
    <t>\\acsfs\profiles$\gabrielhca\Downloads\3e86a29a-eafb-4038-b00b-faded713fac3.tmp</t>
  </si>
  <si>
    <t>12/17/2019 09:04:44</t>
  </si>
  <si>
    <t>8e5d3c45-4e06-4aa2-9b9b-3c3b0d32c589.tmp</t>
  </si>
  <si>
    <t>\\acsfs\profiles$\gabrielhca\Downloads\8e5d3c45-4e06-4aa2-9b9b-3c3b0d32c589.tmp</t>
  </si>
  <si>
    <t>12/17/2019 09:08:21</t>
  </si>
  <si>
    <t>12/17/2019 09:04:46</t>
  </si>
  <si>
    <t>12/17/2019 09:05:46</t>
  </si>
  <si>
    <t>12/17/2019 09:06:16</t>
  </si>
  <si>
    <t>12/17/2019 09:06:46</t>
  </si>
  <si>
    <t>12/17/2019 09:07:46</t>
  </si>
  <si>
    <t>12/17/2019 09:07:03</t>
  </si>
  <si>
    <t>b0de20d4-d70d-45f6-b7d0-c77d83f6e15e.tmp</t>
  </si>
  <si>
    <t>\\acsfs\profiles$\kellzylenneasr\Downloads\b0de20d4-d70d-45f6-b7d0-c77d83f6e15e.tmp</t>
  </si>
  <si>
    <t>12/17/2019 09:04:01</t>
  </si>
  <si>
    <t>12/17/2019 09:09:20</t>
  </si>
  <si>
    <t>12/17/2019 09:05:19</t>
  </si>
  <si>
    <t>CURVA NORMAL - 16/12/2019</t>
  </si>
  <si>
    <t>12/17/2019 09:04:45</t>
  </si>
  <si>
    <t>\\acsfs\SCORP$\11 - Manutenção\Manutenção - 2019\CFTV\</t>
  </si>
  <si>
    <t>CÂMERAS - DIGIFORT V.7.2.xlsx</t>
  </si>
  <si>
    <t>12/17/2019 09:08:41</t>
  </si>
  <si>
    <t>12/17/2019 09:10:20</t>
  </si>
  <si>
    <t>4bf66ee9-520c-4458-81af-82686e60a4de.tmp</t>
  </si>
  <si>
    <t>\\acsfs\profiles$\JOAOVAL\Downloads\4bf66ee9-520c-4458-81af-82686e60a4de.tmp</t>
  </si>
  <si>
    <t>12/17/2019 09:09:03</t>
  </si>
  <si>
    <t>abfbbeba-0b53-460f-8e93-5e9349afe9c7.tmp</t>
  </si>
  <si>
    <t>\\acsfs\profiles$\JOAOVAL\Downloads\abfbbeba-0b53-460f-8e93-5e9349afe9c7.tmp</t>
  </si>
  <si>
    <t>12/17/2019 09:10:05</t>
  </si>
  <si>
    <t>97df16f8-f007-4980-bf3b-449b14c1ff5b.tmp</t>
  </si>
  <si>
    <t>\\acsfs\profiles$\JOAOVAL\Downloads\97df16f8-f007-4980-bf3b-449b14c1ff5b.tmp</t>
  </si>
  <si>
    <t>12/17/2019 09:10:13</t>
  </si>
  <si>
    <t>1417ea47-d2fa-4d9f-a466-b9245837a33f.tmp</t>
  </si>
  <si>
    <t>\\acsfs\profiles$\JOAOVAL\Downloads\1417ea47-d2fa-4d9f-a466-b9245837a33f.tmp</t>
  </si>
  <si>
    <t>12/17/2019 09:08:35</t>
  </si>
  <si>
    <t>7565f488-864a-49c3-9679-445d009d94ef.tmp</t>
  </si>
  <si>
    <t>\\acsfs\profiles$\raicabog\Downloads\7565f488-864a-49c3-9679-445d009d94ef.tmp</t>
  </si>
  <si>
    <t>9b9221cd-e2d7-4983-a9ce-d456966b554a.tmp</t>
  </si>
  <si>
    <t>\\acsfs\profiles$\raicabog\Downloads\9b9221cd-e2d7-4983-a9ce-d456966b554a.tmp</t>
  </si>
  <si>
    <t>12/17/2019 09:08:36</t>
  </si>
  <si>
    <t>12/17/2019 09:11:20</t>
  </si>
  <si>
    <t>4862a52e-61b3-4c4b-b6f2-90de433cd03a.tmp</t>
  </si>
  <si>
    <t>\\acsfs\profiles$\raicabog\Downloads\4862a52e-61b3-4c4b-b6f2-90de433cd03a.tmp</t>
  </si>
  <si>
    <t>12/17/2019 09:08:58</t>
  </si>
  <si>
    <t>92127587-8f10-4f26-996d-84b8043b2015.tmp</t>
  </si>
  <si>
    <t>\\acsfs\profiles$\raicabog\Downloads\92127587-8f10-4f26-996d-84b8043b2015.tmp</t>
  </si>
  <si>
    <t>12/17/2019 09:08:38</t>
  </si>
  <si>
    <t>219c57a8-6fe8-4a3b-b205-d0aac630fb78.tmp</t>
  </si>
  <si>
    <t>\\acsfs\profiles$\nathaliadf\Downloads\219c57a8-6fe8-4a3b-b205-d0aac630fb78.tmp</t>
  </si>
  <si>
    <t>12/17/2019 09:09:40</t>
  </si>
  <si>
    <t>12/16/2019 18:42:21</t>
  </si>
  <si>
    <t>12/17/2019 09:12:21</t>
  </si>
  <si>
    <t>12/17/2019 09:13:20</t>
  </si>
  <si>
    <t>12/17/2019 09:08:17</t>
  </si>
  <si>
    <t>12/17/2019 09:08:47</t>
  </si>
  <si>
    <t>12/17/2019 09:10:17</t>
  </si>
  <si>
    <t>12/17/2019 09:09:01</t>
  </si>
  <si>
    <t>12/17/2019 09:14:21</t>
  </si>
  <si>
    <t>12/17/2019 09:10:01</t>
  </si>
  <si>
    <t>12/17/2019 09:11:19</t>
  </si>
  <si>
    <t>12/17/2019 09:13:19</t>
  </si>
  <si>
    <t>12/17/2019 09:13:24</t>
  </si>
  <si>
    <t>12/17/2019 09:15:20</t>
  </si>
  <si>
    <t>12/17/2019 09:13:16</t>
  </si>
  <si>
    <t>85fa99b8-1e53-4f7f-80c2-c520d336422f.tmp</t>
  </si>
  <si>
    <t>\\acsfs\profiles$\JOAOVAL\Downloads\85fa99b8-1e53-4f7f-80c2-c520d336422f.tmp</t>
  </si>
  <si>
    <t>12/17/2019 09:11:34</t>
  </si>
  <si>
    <t>12/17/2019 09:16:21</t>
  </si>
  <si>
    <t>b0bfe09b-01d1-440d-9818-209fe3b22cab.tmp</t>
  </si>
  <si>
    <t>\\acsfs\profiles$\valeriasda\Downloads\b0bfe09b-01d1-440d-9818-209fe3b22cab.tmp</t>
  </si>
  <si>
    <t>12/17/2019 09:11:39</t>
  </si>
  <si>
    <t>8b90a185-a4ab-425a-a7d8-f1a479adfb81.tmp</t>
  </si>
  <si>
    <t>\\acsfs\profiles$\valeriasda\Downloads\8b90a185-a4ab-425a-a7d8-f1a479adfb81.tmp</t>
  </si>
  <si>
    <t>12/17/2019 09:11:44</t>
  </si>
  <si>
    <t>a8ec575a-23ac-47df-9d0b-e41398dd1cd6.tmp</t>
  </si>
  <si>
    <t>\\acsfs\profiles$\valeriasda\Downloads\a8ec575a-23ac-47df-9d0b-e41398dd1cd6.tmp</t>
  </si>
  <si>
    <t>12/17/2019 09:11:47</t>
  </si>
  <si>
    <t>e8fa0b5f-7feb-4c03-b6ff-c508d1d7e75c.tmp</t>
  </si>
  <si>
    <t>\\acsfs\profiles$\valeriasda\Downloads\e8fa0b5f-7feb-4c03-b6ff-c508d1d7e75c.tmp</t>
  </si>
  <si>
    <t>12/17/2019 09:13:29</t>
  </si>
  <si>
    <t>12/17/2019 09:15:11</t>
  </si>
  <si>
    <t>12/17/2019 09:15:15</t>
  </si>
  <si>
    <t>12/17/2019 09:13:15</t>
  </si>
  <si>
    <t>12/17/2019 09:17:20</t>
  </si>
  <si>
    <t>12/17/2019 09:18:20</t>
  </si>
  <si>
    <t>12/17/2019 09:14:40</t>
  </si>
  <si>
    <t>12/17/2019 09:19:20</t>
  </si>
  <si>
    <t>mail.google.com/mail/u/0/jserror?script=https://mail.google.com/mail/u/0/#inbox/fmfcgxwgcqvkqdnkgnldbshqwwfxxnwl&amp;error=yo&amp;line=not available&amp;txz=p</t>
  </si>
  <si>
    <t>12/17/2019 09:15:01</t>
  </si>
  <si>
    <t>12/17/2019 09:15:05</t>
  </si>
  <si>
    <t>12/17/2019 09:15:09</t>
  </si>
  <si>
    <t>mail.google.com/mail/u/0/jserror?script=https://mail.google.com/mail/u/0/#inbox/fmfcgxwgcqvkhkggtvvwbftxdnwgvflz&amp;error=yo&amp;line=not available&amp;txz=p</t>
  </si>
  <si>
    <t>350&amp;i=127&amp;ai=mail:ex.71f0.2.1/s:v=2&amp;a=lc&amp;sv=cv&amp;ev=di&amp;t=800.900146484375&amp;i=411.900146484375&amp;ai=mail:lc.71f0.3.0</t>
  </si>
  <si>
    <t>12/17/2019 09:15:44</t>
  </si>
  <si>
    <t>12/17/2019 09:15:51</t>
  </si>
  <si>
    <t>171&amp;i=78&amp;ai=mail:ex.71f0.6.1/s:v=2&amp;a=lc&amp;sv=cv&amp;ev=di&amp;t=630.900146484375&amp;i=152.900146484375&amp;ai=mail:lc.71f0.7.0</t>
  </si>
  <si>
    <t>12/17/2019 09:16:01</t>
  </si>
  <si>
    <t>12/17/2019 09:16:02</t>
  </si>
  <si>
    <t>171&amp;i=78&amp;ai=mail:ex.71f0.6.1/s:v=2&amp;a=lc&amp;sv=cv&amp;ev=di&amp;t=630.900146484375&amp;i=152.900146484375&amp;ai=mail:lc.71f0.7.0;</t>
  </si>
  <si>
    <t>12/17/2019 09:16:05</t>
  </si>
  <si>
    <t>mail.google.com/mail/u/0/jserror?script=https://mail.google.com/mail/u/0/#inbox/fmfcgxwgcqvkqdnjxgjgxnkgmpfhtlzh&amp;error=yo&amp;line=not available&amp;txz=p</t>
  </si>
  <si>
    <t>12/17/2019 09:16:20</t>
  </si>
  <si>
    <t>12/17/2019 09:16:23</t>
  </si>
  <si>
    <t>146&amp;i=69&amp;ai=mail:ex.71f0.12.1/s:v=2&amp;a=lc&amp;sv=cv&amp;ev=di&amp;t=590&amp;i=130&amp;ai=mail:lc.71f0.13.0</t>
  </si>
  <si>
    <t>12/17/2019 09:16:42</t>
  </si>
  <si>
    <t>161&amp;i=65&amp;ai=mail:ex.71f0.15.1/s:v=2&amp;a=lc&amp;sv=cv&amp;ev=di&amp;t=540&amp;i=110&amp;ai=mail:lc.71f0.16.0</t>
  </si>
  <si>
    <t>12/17/2019 09:17:54</t>
  </si>
  <si>
    <t>12/17/2019 09:18:24</t>
  </si>
  <si>
    <t>12/17/2019 09:20:21</t>
  </si>
  <si>
    <t>12/17/2019 09:17:00</t>
  </si>
  <si>
    <t>Divergencias fechamento Outubro.xlsx</t>
  </si>
  <si>
    <t>12/17/2019 09:19:35</t>
  </si>
  <si>
    <t>12/17/2019 09:21:20</t>
  </si>
  <si>
    <t>6265a477-f2ea-4bf3-a2f4-787df99d6286.tmp</t>
  </si>
  <si>
    <t>\\acsfs\profiles$\gabrielarb\Downloads\6265a477-f2ea-4bf3-a2f4-787df99d6286.tmp</t>
  </si>
  <si>
    <t>12/17/2019 09:18:10</t>
  </si>
  <si>
    <t>906aa61d-762f-4ad4-8dfe-2eae84af9fae.tmp</t>
  </si>
  <si>
    <t>\\acsfs\profiles$\adrielyas\Downloads\906aa61d-762f-4ad4-8dfe-2eae84af9fae.tmp</t>
  </si>
  <si>
    <t>12/17/2019 09:19:19</t>
  </si>
  <si>
    <t>e759fd0f-2c14-447c-b9c4-ab1e5828ab2a.tmp</t>
  </si>
  <si>
    <t>\\acsfs\profiles$\adrielyas\Downloads\e759fd0f-2c14-447c-b9c4-ab1e5828ab2a.tmp</t>
  </si>
  <si>
    <t>12/17/2019 09:19:51</t>
  </si>
  <si>
    <t>12/17/2019 09:22:20</t>
  </si>
  <si>
    <t>12/17/2019 09:23:20</t>
  </si>
  <si>
    <t>12/17/2019 09:22:47</t>
  </si>
  <si>
    <t>C:\Users\gabrielaasa\Desktop\Bradesco\Processos PARA\</t>
  </si>
  <si>
    <t>PROCESSO DE - Gabi.xlsx</t>
  </si>
  <si>
    <t>C:\Users\gabrielaasa\Desktop\</t>
  </si>
  <si>
    <t>Service Desk - Arvore.xlsx</t>
  </si>
  <si>
    <t>C:\Users\gabrielaasa\Desktop\FACULDADE\10º PERÍODO\PGE II - Grupo Alpha - GStock\</t>
  </si>
  <si>
    <t>mail.google.com/_/upload?authuser=0&amp;dcp=asu-n&amp;upload_id=AEnB2UrR4oD5fEIuf0PVWH_Dsw8A4nCVkQVbgcb7X3eqPqMalDzzxMrkYCfUBgmQGn6Bx0gjqqFa3BOUy_2HEtXYPjJx7-cT0LlEQo4XjST_RrMPNVxuJxo&amp;upload_protocol=resumable</t>
  </si>
  <si>
    <t>12/13/2019 16:09:09</t>
  </si>
  <si>
    <t>PROCESSO DE - Gabi v2.xlsx</t>
  </si>
  <si>
    <t>12/13/2019 17:57:42</t>
  </si>
  <si>
    <t>mail.google.com/_/upload?authuser=3&amp;dcp=asu-n&amp;upload_id=AEnB2Ur3mLtRFN-w5vKdykSj8rNvTKN2nWsr7e0h3G4Ff2BDMMcLjd80iikGDc49r9-38pB9lXUaPg2izbZZzQRL5QRB8xxXmA&amp;upload_protocol=resumable</t>
  </si>
  <si>
    <t>C:\Users\gabrielaasa\Desktop\Bradesco\Processos PARA\Atendimento\Concluído\Informações de Apoio.zip\Informa‡äes de Apoio\Planilha de Responsabilidade - Unidade Corporativa Bradesco - Info Apoio\Planilha de Responsabilidade - UCB.docx\</t>
  </si>
  <si>
    <t>C:\Users\gabrielaasa\Desktop\Bradesco\Processos PARA\Atendimento\Concluído\Informações de Apoio.zip\Informa‡äes de Apoio\Prazos SLA - Info Apoio\Prazos SLA - Info Apoio.docx\</t>
  </si>
  <si>
    <t>12/17/2019 09:20:16</t>
  </si>
  <si>
    <t>12/17/2019 09:24:20</t>
  </si>
  <si>
    <t>12/17/2019 09:20:26</t>
  </si>
  <si>
    <t>12/17/2019 09:21:01</t>
  </si>
  <si>
    <t>12/17/2019 09:21:22</t>
  </si>
  <si>
    <t>mail.google.com/mail/u/0/jserror?script=https://mail.google.com/mail/u/0/#inbox/fmfcgxwgcqvkhkggtvvwbftxdnwgvflz?compose=cllgcjqsvrljcfhhhbvqhrnkvhxsclctmjjblfxgzpnklvvbcltlbzprdkgqflfzvkfvgnczlxv&amp;error=yo&amp;line=not available&amp;txz=p</t>
  </si>
  <si>
    <t>131&amp;i=64&amp;ai=mail:ex.71f0.18.1/s:v=2&amp;a=lc&amp;sv=cv&amp;ev=di&amp;t=559&amp;i=116&amp;ai=mail:lc.71f0.19.0/s:v=2&amp;a=ob&amp;sv=di&amp;ev=di&amp;t=984&amp;i=5&amp;mn=cs:1&amp;ai=mail:ob.71f0.20.0</t>
  </si>
  <si>
    <t>12/17/2019 09:22:01</t>
  </si>
  <si>
    <t>andrelpsa@algartech.com;joaogvc@algartech.com;josiascdsj@algartech.com;leonardoao@algartech.com;marianadjc@algartech.com;maristelavodq@bv.algartech.com;paulacn@algartech.com;supervisaobancovotorantim@algartech.com;taysdss@algartech.com;viniciussg@algartech.com;</t>
  </si>
  <si>
    <t>andrelpsa@algartech.com,joaogvc@algartech.com,josiascdsj@algartech.com,leonardoao@algartech.com,marianadjc@algartech.com,maristelavodq@bv.algartech.com,paulacn@algartech.com,supervisaobancovotorantim@algartech.com,taysdss@algartech.com,viniciussg@algartech.com</t>
  </si>
  <si>
    <t>12/17/2019 09:22:29</t>
  </si>
  <si>
    <t>12/17/2019 09:22:51</t>
  </si>
  <si>
    <t>mail.google.com/mail/u/0/jserror?script=https://mail.google.com/mail/u/0/#inbox?compose=cllgcjqsvrljcfhhhbvqhrnkvhxsclctmjjblfxgzpnklvvbcltlbzprdkgqflfzvkfvgnczlxv&amp;error=yo&amp;line=not available&amp;txz=p</t>
  </si>
  <si>
    <t>12/17/2019 09:23:08</t>
  </si>
  <si>
    <t>12/17/2019 09:25:20</t>
  </si>
  <si>
    <t>12/17/2019 09:23:09</t>
  </si>
  <si>
    <t>lu1803211wy1h.tmp</t>
  </si>
  <si>
    <t>\\acsfs\profiles$\dhiulliananads\My Documents\lu1803211wy1h.tmp</t>
  </si>
  <si>
    <t>\\acsfs\profiles$\dhiulliananads\My Documents\lu1803211wy1h.tmp\</t>
  </si>
  <si>
    <t>\\acsfs\profiles$\dhiulliananads\My Documents\lu1803211wy1h.tmp\META-INF\</t>
  </si>
  <si>
    <t>\\acsfs\profiles$\dhiulliananads\My Documents\lu1803211wy1h.tmp\Thumbnails\</t>
  </si>
  <si>
    <t>12/17/2019 09:22:02</t>
  </si>
  <si>
    <t>12/17/2019 09:23:53</t>
  </si>
  <si>
    <t>12/17/2019 09:26:20</t>
  </si>
  <si>
    <t>f10e4ce8-241b-45f1-b727-c3b35a59914a.tmp</t>
  </si>
  <si>
    <t>\\acsfs\profiles$\raicabog\Downloads\f10e4ce8-241b-45f1-b727-c3b35a59914a.tmp</t>
  </si>
  <si>
    <t>12/17/2019 09:22:16</t>
  </si>
  <si>
    <t>f2f84582-bc9d-4473-a3ae-03923ed427eb.tmp</t>
  </si>
  <si>
    <t>\\acsfs\profiles$\valeriasda\Downloads\f2f84582-bc9d-4473-a3ae-03923ed427eb.tmp</t>
  </si>
  <si>
    <t>12/17/2019 09:22:23</t>
  </si>
  <si>
    <t>89c6242a-102c-4455-8614-685def672e88.tmp</t>
  </si>
  <si>
    <t>\\acsfs\profiles$\valeriasda\Downloads\89c6242a-102c-4455-8614-685def672e88.tmp</t>
  </si>
  <si>
    <t>12/17/2019 09:22:30</t>
  </si>
  <si>
    <t>f7eeace5-2068-4ec2-af22-b3913d9c2402.tmp</t>
  </si>
  <si>
    <t>\\acsfs\profiles$\valeriasda\Downloads\f7eeace5-2068-4ec2-af22-b3913d9c2402.tmp</t>
  </si>
  <si>
    <t>12/17/2019 09:23:38</t>
  </si>
  <si>
    <t>6871a120-bc03-4804-adf7-4b9bfd8e338e.tmp</t>
  </si>
  <si>
    <t>\\acsfs\profiles$\valeriasda\Downloads\6871a120-bc03-4804-adf7-4b9bfd8e338e.tmp</t>
  </si>
  <si>
    <t>12/17/2019 09:23:43</t>
  </si>
  <si>
    <t>4771ac5f-9642-40d5-9c4e-7ede3ec8c0ef.tmp</t>
  </si>
  <si>
    <t>\\acsfs\profiles$\valeriasda\Downloads\4771ac5f-9642-40d5-9c4e-7ede3ec8c0ef.tmp</t>
  </si>
  <si>
    <t>12/17/2019 09:23:47</t>
  </si>
  <si>
    <t>79ba99b3-2561-4831-b2e8-46d0a0c59c62.tmp</t>
  </si>
  <si>
    <t>\\acsfs\profiles$\valeriasda\Downloads\79ba99b3-2561-4831-b2e8-46d0a0c59c62.tmp</t>
  </si>
  <si>
    <t>12/17/2019 09:23:57</t>
  </si>
  <si>
    <t>b011d804-1c17-445a-bf15-4dfd37cc89d6.tmp</t>
  </si>
  <si>
    <t>\\acsfs\profiles$\valeriasda\Downloads\b011d804-1c17-445a-bf15-4dfd37cc89d6.tmp</t>
  </si>
  <si>
    <t>12/17/2019 09:22:27</t>
  </si>
  <si>
    <t>12/17/2019 09:27:20</t>
  </si>
  <si>
    <t>12/17/2019 09:28:20</t>
  </si>
  <si>
    <t>12/17/2019 09:23:17</t>
  </si>
  <si>
    <t>12/17/2019 09:25:17</t>
  </si>
  <si>
    <t>12/17/2019 09:23:36</t>
  </si>
  <si>
    <t>4aaa3e60-8a92-4a93-8777-ed7c56fdd442.tmp</t>
  </si>
  <si>
    <t>\\acsfs\profiles$\marcellewdl\Downloads\4aaa3e60-8a92-4a93-8777-ed7c56fdd442.tmp</t>
  </si>
  <si>
    <t>12/17/2019 09:25:58</t>
  </si>
  <si>
    <t>77ec2d6b-add8-4f81-89c8-aafdfa0f724d.tmp</t>
  </si>
  <si>
    <t>\\acsfs\profiles$\marcellewdl\Downloads\77ec2d6b-add8-4f81-89c8-aafdfa0f724d.tmp</t>
  </si>
  <si>
    <t>12/17/2019 09:26:56</t>
  </si>
  <si>
    <t>26062504-1555-4596-bdb8-48efeee50ed1.tmp</t>
  </si>
  <si>
    <t>\\acsfs\profiles$\marcellewdl\Downloads\26062504-1555-4596-bdb8-48efeee50ed1.tmp</t>
  </si>
  <si>
    <t>12/17/2019 09:27:01</t>
  </si>
  <si>
    <t>12/17/2019 09:29:20</t>
  </si>
  <si>
    <t>12/17/2019 09:28:01</t>
  </si>
  <si>
    <t>12/17/2019 09:27:34</t>
  </si>
  <si>
    <t>12/17/2019 09:30:21</t>
  </si>
  <si>
    <t>12/17/2019 09:27:25</t>
  </si>
  <si>
    <t>12/17/2019 09:31:20</t>
  </si>
  <si>
    <t>7dbe31df-e47b-4507-8341-7262e61b3c6d.tmp</t>
  </si>
  <si>
    <t>\\acsfs\profiles$\raicabog\Downloads\7dbe31df-e47b-4507-8341-7262e61b3c6d.tmp</t>
  </si>
  <si>
    <t>12/17/2019 09:28:06</t>
  </si>
  <si>
    <t>12/17/2019 09:26:29</t>
  </si>
  <si>
    <t>12/17/2019 09:26:31</t>
  </si>
  <si>
    <t>12/17/2019 09:26:52</t>
  </si>
  <si>
    <t>mail.google.com/sync/u/0/i/s?hl=pt-BR&amp;c=25</t>
  </si>
  <si>
    <t>12/17/2019 09:26:58</t>
  </si>
  <si>
    <t>12/17/2019 09:27:04</t>
  </si>
  <si>
    <t>12/17/2019 09:27:46</t>
  </si>
  <si>
    <t>12/17/2019 09:27:56</t>
  </si>
  <si>
    <t>12/17/2019 09:28:03</t>
  </si>
  <si>
    <t>12/17/2019 09:28:09</t>
  </si>
  <si>
    <t>12/17/2019 09:28:14</t>
  </si>
  <si>
    <t>12/17/2019 09:28:26</t>
  </si>
  <si>
    <t>12/17/2019 09:28:34</t>
  </si>
  <si>
    <t>12/17/2019 09:29:55</t>
  </si>
  <si>
    <t>12/17/2019 09:29:57</t>
  </si>
  <si>
    <t>12/17/2019 09:30:36</t>
  </si>
  <si>
    <t>12/17/2019 09:30:42</t>
  </si>
  <si>
    <t>mirianppb@algartech.com;</t>
  </si>
  <si>
    <t>mirianppb@algartech.com</t>
  </si>
  <si>
    <t>12/17/2019 09:30:51</t>
  </si>
  <si>
    <t>lilianls@algartech.com;mirianppb@algartech.com;</t>
  </si>
  <si>
    <t>lilianls@algartech.com,mirianppb@algartech.com</t>
  </si>
  <si>
    <t>12/17/2019 09:28:17</t>
  </si>
  <si>
    <t>12/17/2019 09:32:21</t>
  </si>
  <si>
    <t>12/17/2019 09:28:18</t>
  </si>
  <si>
    <t>12/17/2019 09:28:58</t>
  </si>
  <si>
    <t>Nota natalia.PNG</t>
  </si>
  <si>
    <t>\\acsfs\DEPTOS\Operacao\Banco_Votorantim\Qualidade\Eliane\Nota natalia.PNG</t>
  </si>
  <si>
    <t>12/17/2019 09:29:08</t>
  </si>
  <si>
    <t>12/17/2019 09:29:16</t>
  </si>
  <si>
    <t>12/17/2019 09:29:41</t>
  </si>
  <si>
    <t>12/17/2019 09:28:33</t>
  </si>
  <si>
    <t>ce2d109d-973f-40ad-ac19-1308d061097e.tmp</t>
  </si>
  <si>
    <t>\\acsfs\profiles$\alexandrapp\Downloads\ce2d109d-973f-40ad-ac19-1308d061097e.tmp</t>
  </si>
  <si>
    <t>12/17/2019 09:29:00</t>
  </si>
  <si>
    <t>b5911f15-c22b-4f25-81fe-247686d71d7f.tmp</t>
  </si>
  <si>
    <t>\\acsfs\profiles$\alexandrapp\Downloads\b5911f15-c22b-4f25-81fe-247686d71d7f.tmp</t>
  </si>
  <si>
    <t>12/17/2019 09:29:11</t>
  </si>
  <si>
    <t>7824f7ad-9375-4c1d-93b9-2d9caa8842e4.tmp</t>
  </si>
  <si>
    <t>\\acsfs\profiles$\alexandrapp\Downloads\7824f7ad-9375-4c1d-93b9-2d9caa8842e4.tmp</t>
  </si>
  <si>
    <t>Q29udHJvbGxlci5NUyBBY2Nlc3MgLSBUYWJ1bC0y.ica:Zone.Identifier</t>
  </si>
  <si>
    <t>\\acsfs\profiles$\alexandrapp\Downloads\Q29udHJvbGxlci5NUyBBY2Nlc3MgLSBUYWJ1bC0y.ica:Zone.Identifier</t>
  </si>
  <si>
    <t>12/17/2019 09:28:11</t>
  </si>
  <si>
    <t>12/17/2019 09:33:21</t>
  </si>
  <si>
    <t>12/17/2019 09:28:47</t>
  </si>
  <si>
    <t>12/17/2019 09:29:17</t>
  </si>
  <si>
    <t>12/17/2019 09:32:17</t>
  </si>
  <si>
    <t>12/17/2019 09:32:47</t>
  </si>
  <si>
    <t>12/17/2019 09:30:13</t>
  </si>
  <si>
    <t>e9c823ed-a4f7-4560-be3f-1ff74c3af086.tmp</t>
  </si>
  <si>
    <t>\\acsfs\profiles$\marcellewdl\Downloads\e9c823ed-a4f7-4560-be3f-1ff74c3af086.tmp</t>
  </si>
  <si>
    <t>12/17/2019 09:30:33</t>
  </si>
  <si>
    <t>db596b08-d7cc-419b-a51b-be155b077c75.tmp</t>
  </si>
  <si>
    <t>\\acsfs\profiles$\marcellewdl\Downloads\db596b08-d7cc-419b-a51b-be155b077c75.tmp</t>
  </si>
  <si>
    <t>12/17/2019 09:31:43</t>
  </si>
  <si>
    <t>d420ad19-acde-47fd-be9e-4695480cdc4d.tmp</t>
  </si>
  <si>
    <t>\\acsfs\profiles$\marcellewdl\Downloads\d420ad19-acde-47fd-be9e-4695480cdc4d.tmp</t>
  </si>
  <si>
    <t>12/17/2019 09:30:22</t>
  </si>
  <si>
    <t>3d354894-e5b2-4fe6-9e9e-f2266533cb33.tmp</t>
  </si>
  <si>
    <t>\\acsfs\profiles$\kellzylenneasr\Downloads\3d354894-e5b2-4fe6-9e9e-f2266533cb33.tmp</t>
  </si>
  <si>
    <t>12/17/2019 09:31:12</t>
  </si>
  <si>
    <t>a7a15806-50d9-46c9-9c94-3b3eb8a0f6a5.tmp</t>
  </si>
  <si>
    <t>\\acsfs\profiles$\ERICALSR\Downloads\a7a15806-50d9-46c9-9c94-3b3eb8a0f6a5.tmp</t>
  </si>
  <si>
    <t>12/17/2019 09:29:18</t>
  </si>
  <si>
    <t>12/17/2019 09:34:21</t>
  </si>
  <si>
    <t>12/17/2019 09:30:28</t>
  </si>
  <si>
    <t>12/17/2019 09:32:55</t>
  </si>
  <si>
    <t>mail.google.com/sync/u/0/i/s?hl=pt-br&amp;c=118</t>
  </si>
  <si>
    <t>12/17/2019 09:32:57</t>
  </si>
  <si>
    <t>12/17/2019 09:33:01</t>
  </si>
  <si>
    <t>12/17/2019 09:29:26</t>
  </si>
  <si>
    <t>mail.google.com/sync/u/0/i/s?hl=pt-BR&amp;c=1251</t>
  </si>
  <si>
    <t>12/17/2019 09:30:06</t>
  </si>
  <si>
    <t>12/17/2019 09:35:21</t>
  </si>
  <si>
    <t>6f481d40-15ff-4935-8f3b-56a420f190c8.tmp</t>
  </si>
  <si>
    <t>\\acsfs\profiles$\geovanaasa\Downloads\6f481d40-15ff-4935-8f3b-56a420f190c8.tmp</t>
  </si>
  <si>
    <t>12/17/2019 09:32:32</t>
  </si>
  <si>
    <t>12/17/2019 09:32:30</t>
  </si>
  <si>
    <t>12/17/2019 09:36:20</t>
  </si>
  <si>
    <t>d5f69c8d-9fcb-45be-8a45-0a7fb8b48b43.tmp</t>
  </si>
  <si>
    <t>\\acsfs\profiles$\luanaldsi\Downloads\d5f69c8d-9fcb-45be-8a45-0a7fb8b48b43.tmp</t>
  </si>
  <si>
    <t>12/17/2019 09:32:31</t>
  </si>
  <si>
    <t>686eb04b-2f53-4156-a302-f0f3507607ec.tmp</t>
  </si>
  <si>
    <t>\\acsfs\profiles$\luanaldsi\Downloads\686eb04b-2f53-4156-a302-f0f3507607ec.tmp</t>
  </si>
  <si>
    <t>b84c8b77-42ca-421d-8c97-1fae98777575.tmp</t>
  </si>
  <si>
    <t>\\acsfs\profiles$\luanaldsi\Downloads\b84c8b77-42ca-421d-8c97-1fae98777575.tmp</t>
  </si>
  <si>
    <t>12/17/2019 09:30:54</t>
  </si>
  <si>
    <t>12/17/2019 09:31:05</t>
  </si>
  <si>
    <t>12/17/2019 09:31:19</t>
  </si>
  <si>
    <t>12/17/2019 09:31:29</t>
  </si>
  <si>
    <t>12/17/2019 09:31:52</t>
  </si>
  <si>
    <t>12/17/2019 09:31:56</t>
  </si>
  <si>
    <t>12/17/2019 09:31:59</t>
  </si>
  <si>
    <t>12/17/2019 09:32:06</t>
  </si>
  <si>
    <t>12/17/2019 09:32:10</t>
  </si>
  <si>
    <t>mail.google.com/sync/u/0/i/s?hl=pt-BR&amp;c=83</t>
  </si>
  <si>
    <t>12/17/2019 09:32:25</t>
  </si>
  <si>
    <t>12/17/2019 09:32:28</t>
  </si>
  <si>
    <t>12/17/2019 09:32:43</t>
  </si>
  <si>
    <t>12/17/2019 09:32:48</t>
  </si>
  <si>
    <t>12/17/2019 09:32:58</t>
  </si>
  <si>
    <t>12/17/2019 09:33:15</t>
  </si>
  <si>
    <t>12/17/2019 09:33:47</t>
  </si>
  <si>
    <t>12/17/2019 09:33:53</t>
  </si>
  <si>
    <t>12/17/2019 09:33:58</t>
  </si>
  <si>
    <t>12/17/2019 09:34:12</t>
  </si>
  <si>
    <t>12/17/2019 09:34:42</t>
  </si>
  <si>
    <t>lilianls@algartech.com;mirianppb@algartech.com;talmaiardo@algartech.com;</t>
  </si>
  <si>
    <t>lilianls@algartech.com,mirianppb@algartech.com,talmaiardo@algartech.com</t>
  </si>
  <si>
    <t>12/17/2019 09:34:43</t>
  </si>
  <si>
    <t>mail.google.com/sync/u/0/i/s?hl=pt-BR&amp;c=111</t>
  </si>
  <si>
    <t>Solicitação Acessos Turma 09.12.xlsx</t>
  </si>
  <si>
    <t>12/17/2019 09:37:21</t>
  </si>
  <si>
    <t>12/17/2019 09:38:20</t>
  </si>
  <si>
    <t>12/17/2019 09:34:17</t>
  </si>
  <si>
    <t>12/17/2019 09:34:47</t>
  </si>
  <si>
    <t>12/17/2019 09:35:47</t>
  </si>
  <si>
    <t>12/17/2019 09:36:17</t>
  </si>
  <si>
    <t>12/17/2019 09:37:17</t>
  </si>
  <si>
    <t>12/17/2019 09:35:16</t>
  </si>
  <si>
    <t>12/17/2019 09:34:01</t>
  </si>
  <si>
    <t>12/17/2019 09:39:21</t>
  </si>
  <si>
    <t>12/17/2019 09:35:36</t>
  </si>
  <si>
    <t>12/17/2019 09:41:22</t>
  </si>
  <si>
    <t>daf46eeb-240f-4060-af50-c34429a3932d.tmp</t>
  </si>
  <si>
    <t>\\acsfs\profiles$\gabrielarb\Downloads\daf46eeb-240f-4060-af50-c34429a3932d.tmp</t>
  </si>
  <si>
    <t>12/17/2019 09:43:22</t>
  </si>
  <si>
    <t>12/17/2019 09:38:47</t>
  </si>
  <si>
    <t>12/17/2019 09:39:17</t>
  </si>
  <si>
    <t>12/17/2019 09:39:47</t>
  </si>
  <si>
    <t>12/17/2019 09:40:47</t>
  </si>
  <si>
    <t>12/17/2019 09:38:38</t>
  </si>
  <si>
    <t>12/17/2019 09:40:59</t>
  </si>
  <si>
    <t>12/17/2019 09:44:21</t>
  </si>
  <si>
    <t>12/17/2019 09:39:01</t>
  </si>
  <si>
    <t>12/17/2019 09:40:01</t>
  </si>
  <si>
    <t>12/17/2019 09:44:13</t>
  </si>
  <si>
    <t>12/17/2019 09:45:22</t>
  </si>
  <si>
    <t>Objetivos Diretores GRC e GST - 1Sem2020.xlsx</t>
  </si>
  <si>
    <t>12/17/2019 09:44:14</t>
  </si>
  <si>
    <t>mail.google.com/_/upload?authuser=1&amp;dcp=asu-n&amp;upload_id=AEnB2Urg7U_-vi9sWw8fGl6pq02T6gZjhPDjnQ--fNFqoBXKlMxZhH50gZ_MTV0A1b1kNYGGT4FSTM1MbKFLr_vohjFwril_AV2pBuc6lq0pNgk0S_dLIws&amp;upload_protocol=resumable</t>
  </si>
  <si>
    <t>C:\Users\polati\OneDrive - Grupo Algar\algar\BU Financeira 2020\objetivos e metas\</t>
  </si>
  <si>
    <t>12/17/2019 09:40:18</t>
  </si>
  <si>
    <t>12/17/2019 09:40:48</t>
  </si>
  <si>
    <t>12/17/2019 09:46:21</t>
  </si>
  <si>
    <t>1c18a058-d0f8-4267-9573-347bf000ca36.tmp</t>
  </si>
  <si>
    <t>\\acsfs\profiles$\leticiala\Downloads\1c18a058-d0f8-4267-9573-347bf000ca36.tmp</t>
  </si>
  <si>
    <t>12/17/2019 09:41:23</t>
  </si>
  <si>
    <t>15ac8bfe-0af7-4ca7-9ddc-94f1cb9b84e2.tmp</t>
  </si>
  <si>
    <t>\\acsfs\profiles$\luanaldsi\Downloads\15ac8bfe-0af7-4ca7-9ddc-94f1cb9b84e2.tmp</t>
  </si>
  <si>
    <t>12/17/2019 09:41:46</t>
  </si>
  <si>
    <t>12/17/2019 09:47:22</t>
  </si>
  <si>
    <t>9e2fb162-f528-4d0b-b680-880efd4da403.tmp</t>
  </si>
  <si>
    <t>\\acsfs\profiles$\larissaad\Downloads\9e2fb162-f528-4d0b-b680-880efd4da403.tmp</t>
  </si>
  <si>
    <t>12/17/2019 09:43:59</t>
  </si>
  <si>
    <t>12/17/2019 09:42:56</t>
  </si>
  <si>
    <t>894be667-39a3-4cd8-bb94-32d20377bf4e.tmp</t>
  </si>
  <si>
    <t>\\acsfs\profiles$\alexandrapp\Downloads\894be667-39a3-4cd8-bb94-32d20377bf4e.tmp</t>
  </si>
  <si>
    <t>12/17/2019 09:42:57</t>
  </si>
  <si>
    <t>443a068e-1d83-4eb1-9226-b5a453f24d61.tmp</t>
  </si>
  <si>
    <t>\\acsfs\profiles$\alexandrapp\Downloads\443a068e-1d83-4eb1-9226-b5a453f24d61.tmp</t>
  </si>
  <si>
    <t>12/17/2019 09:48:21</t>
  </si>
  <si>
    <t>12/17/2019 09:44:18</t>
  </si>
  <si>
    <t>12/17/2019 09:45:48</t>
  </si>
  <si>
    <t>12/17/2019 09:46:20</t>
  </si>
  <si>
    <t>12/17/2019 09:45:02</t>
  </si>
  <si>
    <t>12/17/2019 09:49:22</t>
  </si>
  <si>
    <t>12/17/2019 09:45:18</t>
  </si>
  <si>
    <t>12/17/2019 09:46:02</t>
  </si>
  <si>
    <t>12/17/2019 09:50:21</t>
  </si>
  <si>
    <t>29cfed0c-f4e7-419d-a5a8-1357a31e0029.tmp</t>
  </si>
  <si>
    <t>\\acsfs\profiles$\KARENDSR\Downloads\29cfed0c-f4e7-419d-a5a8-1357a31e0029.tmp</t>
  </si>
  <si>
    <t>12/17/2019 09:47:13</t>
  </si>
  <si>
    <t>12/17/2019 09:51:22</t>
  </si>
  <si>
    <t>b224b9af-8dcc-4c31-9069-630df4cec56b.tmp</t>
  </si>
  <si>
    <t>\\acsfs\profiles$\valeriasda\Downloads\b224b9af-8dcc-4c31-9069-630df4cec56b.tmp</t>
  </si>
  <si>
    <t>12/17/2019 09:47:27</t>
  </si>
  <si>
    <t>5c1eeec7-c60d-47fb-9f14-4d152c4baae8.tmp</t>
  </si>
  <si>
    <t>\\acsfs\profiles$\valeriasda\Downloads\5c1eeec7-c60d-47fb-9f14-4d152c4baae8.tmp</t>
  </si>
  <si>
    <t>12/17/2019 09:47:56</t>
  </si>
  <si>
    <t>6fcfd617-af0b-48b9-ae20-9396889d02ac.tmp</t>
  </si>
  <si>
    <t>\\acsfs\profiles$\valeriasda\Downloads\6fcfd617-af0b-48b9-ae20-9396889d02ac.tmp</t>
  </si>
  <si>
    <t>12/17/2019 09:48:13</t>
  </si>
  <si>
    <t>12/17/2019 09:50:55</t>
  </si>
  <si>
    <t>12/17/2019 09:51:57</t>
  </si>
  <si>
    <t>12/17/2019 09:53:22</t>
  </si>
  <si>
    <t>12/17/2019 09:52:06</t>
  </si>
  <si>
    <t>12/17/2019 09:50:18</t>
  </si>
  <si>
    <t>12/17/2019 09:50:48</t>
  </si>
  <si>
    <t>12/17/2019 09:52:18</t>
  </si>
  <si>
    <t>12/17/2019 09:49:43</t>
  </si>
  <si>
    <t>d912789e-d8fd-498d-b73e-13a69e37388a.tmp</t>
  </si>
  <si>
    <t>\\acsfs\profiles$\ERICALSR\Downloads\d912789e-d8fd-498d-b73e-13a69e37388a.tmp</t>
  </si>
  <si>
    <t>12/17/2019 09:50:35</t>
  </si>
  <si>
    <t>12/17/2019 09:54:22</t>
  </si>
  <si>
    <t>12/17/2019 09:51:02</t>
  </si>
  <si>
    <t>12/17/2019 09:52:02</t>
  </si>
  <si>
    <t>12/17/2019 09:48:57</t>
  </si>
  <si>
    <t>TALITA SANTOS SILVA CASTRO (18785).contact</t>
  </si>
  <si>
    <t>\\acsfs\profiles$\talitassc\Contacts\TALITA SANTOS SILVA CASTRO (18785).contact</t>
  </si>
  <si>
    <t>12/17/2019 09:49:09</t>
  </si>
  <si>
    <t>12/17/2019 09:49:10</t>
  </si>
  <si>
    <t>12/17/2019 09:49:11</t>
  </si>
  <si>
    <t>12/17/2019 09:49:12</t>
  </si>
  <si>
    <t>12/17/2019 09:49:13</t>
  </si>
  <si>
    <t>12/17/2019 09:49:14</t>
  </si>
  <si>
    <t>12/17/2019 09:49:15</t>
  </si>
  <si>
    <t>12/17/2019 09:49:16</t>
  </si>
  <si>
    <t>12/17/2019 09:49:17</t>
  </si>
  <si>
    <t>12/17/2019 09:49:29</t>
  </si>
  <si>
    <t>12/17/2019 09:49:30</t>
  </si>
  <si>
    <t>12/17/2019 09:54:24</t>
  </si>
  <si>
    <t>12/17/2019 09:56:22</t>
  </si>
  <si>
    <t>713e9771-81f6-4227-9718-69ec2d4af5c4.tmp</t>
  </si>
  <si>
    <t>\\acsfs\profiles$\kamilamrc\Downloads\713e9771-81f6-4227-9718-69ec2d4af5c4.tmp</t>
  </si>
  <si>
    <t>12/17/2019 09:55:17</t>
  </si>
  <si>
    <t>d1f768b5-7cf0-4981-948c-8802f995ffae.tmp</t>
  </si>
  <si>
    <t>\\acsfs\profiles$\kamilamrc\Downloads\d1f768b5-7cf0-4981-948c-8802f995ffae.tmp</t>
  </si>
  <si>
    <t>12/17/2019 09:55:27</t>
  </si>
  <si>
    <t>ce5ce2fc-9b33-46f9-9335-f10f8029468f.tmp</t>
  </si>
  <si>
    <t>\\acsfs\profiles$\kamilamrc\Downloads\ce5ce2fc-9b33-46f9-9335-f10f8029468f.tmp</t>
  </si>
  <si>
    <t>12/17/2019 09:52:51</t>
  </si>
  <si>
    <t>58f0d705-cccd-44a6-9f69-b63d44c89464.tmp</t>
  </si>
  <si>
    <t>\\acsfs\profiles$\deborahsi\Downloads\58f0d705-cccd-44a6-9f69-b63d44c89464.tmp</t>
  </si>
  <si>
    <t>12/17/2019 09:53:36</t>
  </si>
  <si>
    <t>12/17/2019 09:57:22</t>
  </si>
  <si>
    <t>12/17/2019 09:55:13</t>
  </si>
  <si>
    <t>ances,ancest,ancestorhasaugmentedpermissions,containsunsubscribedchildren,displayname,domain,emailaddress,exp,file(kind,fileid,filesize,hasthumbnail,hasvisitorpermissions,id,id),items(deleted,ken,kind,lastmodifyinguser(kind,lastviewedbymedate,modifiedbymedate,modifieddate,ontainsunsubscribedchildren,owners(kind,perm,permi,permiss,permissionid,pict,pictu,picture,rpermissions,shared,sharedwithmedate,thumbnailversion,title,userpermission(role),workspaceids</t>
  </si>
  <si>
    <t>12/17/2019 09:52:56</t>
  </si>
  <si>
    <t>12/17/2019 09:58:22</t>
  </si>
  <si>
    <t>d1c9426c-0c88-41ab-bea6-078d20e1c7e5.tmp</t>
  </si>
  <si>
    <t>\\acsfs\profiles$\cintiadcf\Downloads\d1c9426c-0c88-41ab-bea6-078d20e1c7e5.tmp</t>
  </si>
  <si>
    <t>12/17/2019 09:57:18</t>
  </si>
  <si>
    <t>12/17/2019 09:57:48</t>
  </si>
  <si>
    <t>12/17/2019 09:53:59</t>
  </si>
  <si>
    <t>12/17/2019 09:59:21</t>
  </si>
  <si>
    <t>12/17/2019 09:55:03</t>
  </si>
  <si>
    <t>12/17/2019 09:57:13</t>
  </si>
  <si>
    <t>12/17/2019 09:58:11</t>
  </si>
  <si>
    <t>12/17/2019 09:57:02</t>
  </si>
  <si>
    <t>12/17/2019 09:58:02</t>
  </si>
  <si>
    <t>12/17/2019 09:54:39</t>
  </si>
  <si>
    <t>12/17/2019 10:00:22</t>
  </si>
  <si>
    <t>lu1803211wy1l.tmp</t>
  </si>
  <si>
    <t>\\acsfs\profiles$\dhiulliananads\My Documents\lu1803211wy1l.tmp</t>
  </si>
  <si>
    <t>\\acsfs\profiles$\dhiulliananads\My Documents\lu1803211wy1l.tmp\</t>
  </si>
  <si>
    <t>\\acsfs\profiles$\dhiulliananads\My Documents\lu1803211wy1l.tmp\META-INF\</t>
  </si>
  <si>
    <t>\\acsfs\profiles$\dhiulliananads\My Documents\lu1803211wy1l.tmp\Thumbnails\</t>
  </si>
  <si>
    <t>12/17/2019 09:58:59</t>
  </si>
  <si>
    <t>1c340526-cef1-4407-8f47-197530bcc3a5.tmp</t>
  </si>
  <si>
    <t>\\acsfs\profiles$\danielta\Downloads\1c340526-cef1-4407-8f47-197530bcc3a5.tmp</t>
  </si>
  <si>
    <t>12/17/2019 09:59:47</t>
  </si>
  <si>
    <t>26451779-5b45-40e4-8b01-7ad3ed94b0a0.tmp</t>
  </si>
  <si>
    <t>\\acsfs\profiles$\danielta\Downloads\26451779-5b45-40e4-8b01-7ad3ed94b0a0.tmp</t>
  </si>
  <si>
    <t>12/17/2019 09:55:36</t>
  </si>
  <si>
    <t>12/17/2019 10:01:22</t>
  </si>
  <si>
    <t>2d5e3cfa-e81e-4853-a149-4ad552b37e6b.tmp</t>
  </si>
  <si>
    <t>\\acsfs\profiles$\kamilamrc\Downloads\2d5e3cfa-e81e-4853-a149-4ad552b37e6b.tmp</t>
  </si>
  <si>
    <t>12/17/2019 09:55:58</t>
  </si>
  <si>
    <t>a71452c8-0a47-483b-b47e-01cf31e15a83.tmp</t>
  </si>
  <si>
    <t>\\acsfs\profiles$\kamilamrc\Downloads\a71452c8-0a47-483b-b47e-01cf31e15a83.tmp</t>
  </si>
  <si>
    <t>12/17/2019 09:57:08</t>
  </si>
  <si>
    <t>b530c6e2-3b28-418c-81be-6cc27b9ac977.tmp</t>
  </si>
  <si>
    <t>\\acsfs\profiles$\kamilamrc\Downloads\b530c6e2-3b28-418c-81be-6cc27b9ac977.tmp</t>
  </si>
  <si>
    <t>12/17/2019 09:57:20</t>
  </si>
  <si>
    <t>d1ca36ce-24f5-4a75-9193-ac8718bd6883.tmp</t>
  </si>
  <si>
    <t>\\acsfs\profiles$\kamilamrc\Downloads\d1ca36ce-24f5-4a75-9193-ac8718bd6883.tmp</t>
  </si>
  <si>
    <t>12/17/2019 09:57:35</t>
  </si>
  <si>
    <t>bd513965-247b-4e52-acee-5134da44baa4.tmp</t>
  </si>
  <si>
    <t>\\acsfs\profiles$\kamilamrc\Downloads\bd513965-247b-4e52-acee-5134da44baa4.tmp</t>
  </si>
  <si>
    <t>12/17/2019 09:57:58</t>
  </si>
  <si>
    <t>3f6e06cc-631d-479e-81e1-563088034b29.tmp</t>
  </si>
  <si>
    <t>\\acsfs\profiles$\deborahsi\Downloads\3f6e06cc-631d-479e-81e1-563088034b29.tmp</t>
  </si>
  <si>
    <t>Não confirmado 304866.crdownload</t>
  </si>
  <si>
    <t>\\acsfs\profiles$\deborahsi\Downloads\Não confirmado 304866.crdownload</t>
  </si>
  <si>
    <t>12/17/2019 10:00:24</t>
  </si>
  <si>
    <t>12/17/2019 10:02:22</t>
  </si>
  <si>
    <t>C:\Users\carlosasr\Desktop\BRADESCO\CORRENTISTA\PAGAMENTOS\aa\</t>
  </si>
  <si>
    <t>entrada_SMS_20191008.csv</t>
  </si>
  <si>
    <t>entrada_SMS_20191009.csv</t>
  </si>
  <si>
    <t>entrada_SMS_20190926.csv</t>
  </si>
  <si>
    <t>12/17/2019 10:00:29</t>
  </si>
  <si>
    <t>12/17/2019 10:00:34</t>
  </si>
  <si>
    <t>entrada_SMS_20191014.csv</t>
  </si>
  <si>
    <t>12/17/2019 10:00:38</t>
  </si>
  <si>
    <t>entrada_SMS_20191011.csv</t>
  </si>
  <si>
    <t>12/17/2019 10:00:41</t>
  </si>
  <si>
    <t>12/17/2019 10:00:46</t>
  </si>
  <si>
    <t>entrada_SMS_20191010.csv</t>
  </si>
  <si>
    <t>12/17/2019 10:00:50</t>
  </si>
  <si>
    <t>12/17/2019 10:00:59</t>
  </si>
  <si>
    <t>entrada_SMS_20191016.csv</t>
  </si>
  <si>
    <t>12/17/2019 10:01:03</t>
  </si>
  <si>
    <t>12/17/2019 10:01:05</t>
  </si>
  <si>
    <t>entrada_SMS_20191015.csv</t>
  </si>
  <si>
    <t>12/17/2019 10:01:08</t>
  </si>
  <si>
    <t>12/17/2019 10:01:09</t>
  </si>
  <si>
    <t>entrada_SMS_20191017.csv</t>
  </si>
  <si>
    <t>12/17/2019 10:01:14</t>
  </si>
  <si>
    <t>12/17/2019 10:01:15</t>
  </si>
  <si>
    <t>entrada_SMS_20191022.csv</t>
  </si>
  <si>
    <t>12/17/2019 10:01:16</t>
  </si>
  <si>
    <t>entrada_SMS_20191018.csv</t>
  </si>
  <si>
    <t>12/17/2019 10:01:21</t>
  </si>
  <si>
    <t>12/17/2019 10:01:23</t>
  </si>
  <si>
    <t>entrada_SMS_20191019.csv</t>
  </si>
  <si>
    <t>12/17/2019 10:01:26</t>
  </si>
  <si>
    <t>12/17/2019 10:01:27</t>
  </si>
  <si>
    <t>entrada_SMS_20191023.csv</t>
  </si>
  <si>
    <t>12/17/2019 10:01:33</t>
  </si>
  <si>
    <t>12/17/2019 10:01:36</t>
  </si>
  <si>
    <t>entrada_SMS_20191028.csv</t>
  </si>
  <si>
    <t>12/17/2019 10:01:38</t>
  </si>
  <si>
    <t>entrada_SMS_20191031.csv</t>
  </si>
  <si>
    <t>12/17/2019 10:01:44</t>
  </si>
  <si>
    <t>entrada_SMS_20191030.csv</t>
  </si>
  <si>
    <t>12/17/2019 10:01:51</t>
  </si>
  <si>
    <t>entrada_SMS_20191101.csv</t>
  </si>
  <si>
    <t>12/17/2019 10:01:56</t>
  </si>
  <si>
    <t>12/17/2019 10:01:57</t>
  </si>
  <si>
    <t>12/17/2019 10:02:00</t>
  </si>
  <si>
    <t>entrada_SMS_20191104.csv</t>
  </si>
  <si>
    <t>12/17/2019 10:02:03</t>
  </si>
  <si>
    <t>12/17/2019 10:02:04</t>
  </si>
  <si>
    <t>entrada_SMS_20191105.csv</t>
  </si>
  <si>
    <t>12/17/2019 10:02:10</t>
  </si>
  <si>
    <t>12/17/2019 10:02:11</t>
  </si>
  <si>
    <t>entrada_SMS_20191106.csv</t>
  </si>
  <si>
    <t>12/17/2019 10:03:23</t>
  </si>
  <si>
    <t>12/17/2019 09:58:18</t>
  </si>
  <si>
    <t>12/17/2019 09:58:48</t>
  </si>
  <si>
    <t>12/17/2019 09:59:48</t>
  </si>
  <si>
    <t>12/17/2019 10:00:18</t>
  </si>
  <si>
    <t>12/17/2019 10:00:48</t>
  </si>
  <si>
    <t>12/17/2019 10:01:49</t>
  </si>
  <si>
    <t>12/17/2019 10:02:19</t>
  </si>
  <si>
    <t>12/17/2019 10:02:49</t>
  </si>
  <si>
    <t>12/17/2019 10:03:02</t>
  </si>
  <si>
    <t>12/17/2019 10:04:22</t>
  </si>
  <si>
    <t>12/17/2019 10:03:40</t>
  </si>
  <si>
    <t>mail.google.com/_/upload?authuser=0&amp;dcp=asu-n&amp;upload_id=AEnB2Uo36HEZdW8jHzhXdnCtyWqPTiFwotwkPB40huYl86KjkrM73tE8QvhAN1Bb_F1o9JYvxN5Q6CVoBehYWda9M4OJ8BqmLdP7UQUeUbdKtSK8kasRnE8&amp;upload_protocol=resumable</t>
  </si>
  <si>
    <t>Lista.xlsx</t>
  </si>
  <si>
    <t>12/17/2019 10:00:40</t>
  </si>
  <si>
    <t>12/17/2019 10:00:47</t>
  </si>
  <si>
    <t>12/17/2019 10:05:22</t>
  </si>
  <si>
    <t>12/17/2019 10:00:51</t>
  </si>
  <si>
    <t>12/17/2019 10:00:49</t>
  </si>
  <si>
    <t>de065b7f-1f27-4529-9d67-71c7d10aee52.tmp</t>
  </si>
  <si>
    <t>\\acsfs\profiles$\danielta\Downloads\de065b7f-1f27-4529-9d67-71c7d10aee52.tmp</t>
  </si>
  <si>
    <t>12/17/2019 10:03:42</t>
  </si>
  <si>
    <t>12/17/2019 10:06:22</t>
  </si>
  <si>
    <t>Mirianppb</t>
  </si>
  <si>
    <t>\\acsfs\DEPTOS\EDUCACAO EMPRESARIAL\Ligaçoes para MUTANT\</t>
  </si>
  <si>
    <t>LAIS LIMA GONCALVES_1_6765819087633325457_1_32.wav</t>
  </si>
  <si>
    <t>\\acsfs\DEPTOS\EDUCACAO EMPRESARIAL\Ligaçoes para MUTANT\LAIS LIMA GONCALVES_1_6765819087633325457_1_32.wav</t>
  </si>
  <si>
    <t>12/17/2019 10:04:41</t>
  </si>
  <si>
    <t>https://support.office.com/auth/signin</t>
  </si>
  <si>
    <t>12/17/2019 10:03:18</t>
  </si>
  <si>
    <t>12/17/2019 10:07:22</t>
  </si>
  <si>
    <t>5562e09f-e2d3-4d0a-8baa-b768a549ae1d.tmp</t>
  </si>
  <si>
    <t>\\acsfs\profiles$\vivianalds\Downloads\5562e09f-e2d3-4d0a-8baa-b768a549ae1d.tmp</t>
  </si>
  <si>
    <t>12/17/2019 10:06:25</t>
  </si>
  <si>
    <t>12/17/2019 10:02:15</t>
  </si>
  <si>
    <t>12/17/2019 10:02:18</t>
  </si>
  <si>
    <t>entrada_SMS_20191107.csv</t>
  </si>
  <si>
    <t>12/17/2019 10:02:23</t>
  </si>
  <si>
    <t>12/17/2019 10:02:24</t>
  </si>
  <si>
    <t>entrada_SMS_20191111.csv</t>
  </si>
  <si>
    <t>entrada_SMS_20191108.csv</t>
  </si>
  <si>
    <t>12/17/2019 10:02:28</t>
  </si>
  <si>
    <t>12/17/2019 10:02:30</t>
  </si>
  <si>
    <t>entrada_SMS_20191112.csv</t>
  </si>
  <si>
    <t>12/17/2019 10:02:33</t>
  </si>
  <si>
    <t>12/17/2019 10:02:35</t>
  </si>
  <si>
    <t>entrada_SMS_20191113.csv</t>
  </si>
  <si>
    <t>12/17/2019 10:02:37</t>
  </si>
  <si>
    <t>12/17/2019 10:02:38</t>
  </si>
  <si>
    <t>12/17/2019 10:02:41</t>
  </si>
  <si>
    <t>entrada_SMS_20191114.csv</t>
  </si>
  <si>
    <t>12/17/2019 10:02:45</t>
  </si>
  <si>
    <t>12/17/2019 10:02:47</t>
  </si>
  <si>
    <t>entrada_SMS_20191116.csv</t>
  </si>
  <si>
    <t>12/17/2019 10:02:50</t>
  </si>
  <si>
    <t>entrada_SMS_20191118.csv</t>
  </si>
  <si>
    <t>12/17/2019 10:02:52</t>
  </si>
  <si>
    <t>12/17/2019 10:02:55</t>
  </si>
  <si>
    <t>entrada_SMS_20191119.csv</t>
  </si>
  <si>
    <t>12/17/2019 10:02:58</t>
  </si>
  <si>
    <t>12/17/2019 10:02:59</t>
  </si>
  <si>
    <t>entrada_URA_20190903.csv</t>
  </si>
  <si>
    <t>12/17/2019 10:03:00</t>
  </si>
  <si>
    <t>entrada_URA_20190902.csv</t>
  </si>
  <si>
    <t>entrada_URA_20190905.csv</t>
  </si>
  <si>
    <t>12/17/2019 10:03:03</t>
  </si>
  <si>
    <t>entrada_URA_20190906.csv</t>
  </si>
  <si>
    <t>12/17/2019 10:03:05</t>
  </si>
  <si>
    <t>entrada_URA_20190909.csv</t>
  </si>
  <si>
    <t>12/17/2019 10:03:07</t>
  </si>
  <si>
    <t>entrada_URA_20190911.csv</t>
  </si>
  <si>
    <t>12/17/2019 10:03:09</t>
  </si>
  <si>
    <t>entrada_URA_20190912.csv</t>
  </si>
  <si>
    <t>entrada_URA_20190913.csv</t>
  </si>
  <si>
    <t>12/17/2019 10:03:10</t>
  </si>
  <si>
    <t>12/17/2019 10:03:13</t>
  </si>
  <si>
    <t>entrada_URA_20190914.csv</t>
  </si>
  <si>
    <t>12/17/2019 10:03:15</t>
  </si>
  <si>
    <t>entrada_URA_20190917.csv</t>
  </si>
  <si>
    <t>entrada_URA_20190916.csv</t>
  </si>
  <si>
    <t>entrada_URA_20190918.csv</t>
  </si>
  <si>
    <t>12/17/2019 10:03:20</t>
  </si>
  <si>
    <t>entrada_URA_20190920.csv</t>
  </si>
  <si>
    <t>12/17/2019 10:03:21</t>
  </si>
  <si>
    <t>entrada_URA_20190923.csv</t>
  </si>
  <si>
    <t>entrada_URA_20190921.csv</t>
  </si>
  <si>
    <t>12/17/2019 10:03:22</t>
  </si>
  <si>
    <t>entrada_URA_20190924.csv</t>
  </si>
  <si>
    <t>12/17/2019 10:03:26</t>
  </si>
  <si>
    <t>entrada_URA_20190926.csv</t>
  </si>
  <si>
    <t>entrada_URA_20190927.csv</t>
  </si>
  <si>
    <t>12/17/2019 10:03:29</t>
  </si>
  <si>
    <t>entrada_URA_20190928.csv</t>
  </si>
  <si>
    <t>12/17/2019 10:03:30</t>
  </si>
  <si>
    <t>entrada_URA_20191001.csv</t>
  </si>
  <si>
    <t>12/17/2019 10:03:32</t>
  </si>
  <si>
    <t>entrada_URA_20191002.csv</t>
  </si>
  <si>
    <t>12/17/2019 10:08:22</t>
  </si>
  <si>
    <t>entrada_URA_20191003.csv</t>
  </si>
  <si>
    <t>12/17/2019 10:03:33</t>
  </si>
  <si>
    <t>entrada_URA_20191004.csv</t>
  </si>
  <si>
    <t>12/17/2019 10:03:36</t>
  </si>
  <si>
    <t>entrada_URA_20191005.csv</t>
  </si>
  <si>
    <t>12/17/2019 10:03:38</t>
  </si>
  <si>
    <t>entrada_URA_20191008.csv</t>
  </si>
  <si>
    <t>12/17/2019 10:03:39</t>
  </si>
  <si>
    <t>entrada_URA_20191010.csv</t>
  </si>
  <si>
    <t>entrada_URA_20191009.csv</t>
  </si>
  <si>
    <t>12/17/2019 10:03:43</t>
  </si>
  <si>
    <t>entrada_URA_20191011.csv</t>
  </si>
  <si>
    <t>entrada_URA_20191015.csv</t>
  </si>
  <si>
    <t>12/17/2019 10:03:46</t>
  </si>
  <si>
    <t>entrada_URA_20191016.csv</t>
  </si>
  <si>
    <t>12/17/2019 10:03:48</t>
  </si>
  <si>
    <t>entrada_URA_20191017.csv</t>
  </si>
  <si>
    <t>12/17/2019 10:03:49</t>
  </si>
  <si>
    <t>entrada_URA_20191021.csv</t>
  </si>
  <si>
    <t>entrada_URA_20191018.csv</t>
  </si>
  <si>
    <t>entrada_URA_20191022.csv</t>
  </si>
  <si>
    <t>12/17/2019 10:03:50</t>
  </si>
  <si>
    <t>entrada_URA_20191023.csv</t>
  </si>
  <si>
    <t>12/17/2019 10:03:51</t>
  </si>
  <si>
    <t>entrada_URA_20191029.csv</t>
  </si>
  <si>
    <t>12/17/2019 10:03:52</t>
  </si>
  <si>
    <t>entrada_URA_20191030.csv</t>
  </si>
  <si>
    <t>entrada_URA_20191031.csv</t>
  </si>
  <si>
    <t>12/17/2019 10:03:53</t>
  </si>
  <si>
    <t>entrada_URA_20191101.csv</t>
  </si>
  <si>
    <t>12/17/2019 10:03:54</t>
  </si>
  <si>
    <t>entrada_URA_20191105.csv</t>
  </si>
  <si>
    <t>12/17/2019 10:03:55</t>
  </si>
  <si>
    <t>entrada_URA_20191106.csv</t>
  </si>
  <si>
    <t>12/17/2019 10:03:56</t>
  </si>
  <si>
    <t>entrada_URA_20191107.csv</t>
  </si>
  <si>
    <t>entrada_URA_20191108.csv</t>
  </si>
  <si>
    <t>12/17/2019 10:03:57</t>
  </si>
  <si>
    <t>entrada_URA_20191114.csv</t>
  </si>
  <si>
    <t>12/17/2019 10:03:58</t>
  </si>
  <si>
    <t>entrada_URA_20191118.csv</t>
  </si>
  <si>
    <t>entrada_URA_20191119.csv</t>
  </si>
  <si>
    <t>12/17/2019 10:03:59</t>
  </si>
  <si>
    <t>entrada_VOICER_20190902.csv</t>
  </si>
  <si>
    <t>12/17/2019 10:04:00</t>
  </si>
  <si>
    <t>entrada_VOICER_20190903.csv</t>
  </si>
  <si>
    <t>12/17/2019 10:04:01</t>
  </si>
  <si>
    <t>entrada_VOICER_20190904.csv</t>
  </si>
  <si>
    <t>12/17/2019 10:04:02</t>
  </si>
  <si>
    <t>entrada_VOICER_20190905.csv</t>
  </si>
  <si>
    <t>12/17/2019 10:04:03</t>
  </si>
  <si>
    <t>entrada_VOICER_20190906.csv</t>
  </si>
  <si>
    <t>12/17/2019 10:04:04</t>
  </si>
  <si>
    <t>entrada_VOICER_20190910.csv</t>
  </si>
  <si>
    <t>entrada_VOICER_20190911.csv</t>
  </si>
  <si>
    <t>12/17/2019 10:04:06</t>
  </si>
  <si>
    <t>entrada_VOICER_20190912.csv</t>
  </si>
  <si>
    <t>12/17/2019 10:04:07</t>
  </si>
  <si>
    <t>entrada_VOICER_20190918.csv</t>
  </si>
  <si>
    <t>entrada_VOICER_20190919.csv</t>
  </si>
  <si>
    <t>12/17/2019 10:04:08</t>
  </si>
  <si>
    <t>entrada_VOICER_20190921.csv</t>
  </si>
  <si>
    <t>entrada_VOICER_20190920.csv</t>
  </si>
  <si>
    <t>12/17/2019 10:04:09</t>
  </si>
  <si>
    <t>entrada_VOICER_20190924.csv</t>
  </si>
  <si>
    <t>12/17/2019 10:04:10</t>
  </si>
  <si>
    <t>entrada_VOICER_20190926.csv</t>
  </si>
  <si>
    <t>entrada_VOICER_20190927.csv</t>
  </si>
  <si>
    <t>12/17/2019 10:04:12</t>
  </si>
  <si>
    <t>entrada_VOICER_20191003.csv</t>
  </si>
  <si>
    <t>12/17/2019 10:04:13</t>
  </si>
  <si>
    <t>entrada_VOICER_20191005.csv</t>
  </si>
  <si>
    <t>entrada_VOICER_20191004.csv</t>
  </si>
  <si>
    <t>entrada_VOICER_20191007.csv</t>
  </si>
  <si>
    <t>12/17/2019 10:04:15</t>
  </si>
  <si>
    <t>entrada_VOICER_20191009.csv</t>
  </si>
  <si>
    <t>12/17/2019 10:04:16</t>
  </si>
  <si>
    <t>entrada_VOICER_20191010.csv</t>
  </si>
  <si>
    <t>12/17/2019 10:04:17</t>
  </si>
  <si>
    <t>entrada_VOICER_20191011.csv</t>
  </si>
  <si>
    <t>12/17/2019 10:04:18</t>
  </si>
  <si>
    <t>entrada_VOICER_20191014.csv</t>
  </si>
  <si>
    <t>entrada_VOICER_20191015.csv</t>
  </si>
  <si>
    <t>12/17/2019 10:04:19</t>
  </si>
  <si>
    <t>entrada_VOICER_20191021.csv</t>
  </si>
  <si>
    <t>12/17/2019 10:04:20</t>
  </si>
  <si>
    <t>entrada_VOICER_20191022.csv</t>
  </si>
  <si>
    <t>12/17/2019 10:04:21</t>
  </si>
  <si>
    <t>entrada_VOICER_20191024.csv</t>
  </si>
  <si>
    <t>entrada_VOICER_20191025.csv</t>
  </si>
  <si>
    <t>12/17/2019 10:04:23</t>
  </si>
  <si>
    <t>entrada_VOICER_20191026.csv</t>
  </si>
  <si>
    <t>12/17/2019 10:04:24</t>
  </si>
  <si>
    <t>entrada_VOICER_20191028.csv</t>
  </si>
  <si>
    <t>12/17/2019 10:04:27</t>
  </si>
  <si>
    <t>entrada_VOICER_20191029.csv</t>
  </si>
  <si>
    <t>entrada_VOICER_20191031.csv</t>
  </si>
  <si>
    <t>entrada_VOICER_20191030.csv</t>
  </si>
  <si>
    <t>12/17/2019 10:04:28</t>
  </si>
  <si>
    <t>entrada_VOICER_20191105.csv</t>
  </si>
  <si>
    <t>12/17/2019 10:04:30</t>
  </si>
  <si>
    <t>entrada_VOICER_20191109.csv</t>
  </si>
  <si>
    <t>12/17/2019 10:04:31</t>
  </si>
  <si>
    <t>entrada_VOICER_20191111.csv</t>
  </si>
  <si>
    <t>entrada_VOICER_20191113.csv</t>
  </si>
  <si>
    <t>12/17/2019 10:04:32</t>
  </si>
  <si>
    <t>entrada_VOICER_20191112.csv</t>
  </si>
  <si>
    <t>12/17/2019 10:04:33</t>
  </si>
  <si>
    <t>entrada_VOICER_20191116.csv</t>
  </si>
  <si>
    <t>12/17/2019 10:04:34</t>
  </si>
  <si>
    <t>entrada_VOICER_20191118.csv</t>
  </si>
  <si>
    <t>12/17/2019 10:05:19</t>
  </si>
  <si>
    <t>12/17/2019 10:06:49</t>
  </si>
  <si>
    <t>12/17/2019 10:07:19</t>
  </si>
  <si>
    <t>12/17/2019 10:09:22</t>
  </si>
  <si>
    <t>12/17/2019 10:08:37</t>
  </si>
  <si>
    <t>12/17/2019 10:11:22</t>
  </si>
  <si>
    <t>12/17/2019 10:09:23</t>
  </si>
  <si>
    <t>12/17/2019 10:13:22</t>
  </si>
  <si>
    <t>12/17/2019 10:08:19</t>
  </si>
  <si>
    <t>12/17/2019 10:08:49</t>
  </si>
  <si>
    <t>12/17/2019 10:09:02</t>
  </si>
  <si>
    <t>12/17/2019 10:14:22</t>
  </si>
  <si>
    <t>12/17/2019 10:10:02</t>
  </si>
  <si>
    <t>12/17/2019 10:15:18</t>
  </si>
  <si>
    <t>12/17/2019 10:16:22</t>
  </si>
  <si>
    <t>adaae1ee-8fba-4f1e-8ddc-9e91bf282db4.tmp</t>
  </si>
  <si>
    <t>\\acsfs\profiles$\raicabog\Downloads\adaae1ee-8fba-4f1e-8ddc-9e91bf282db4.tmp</t>
  </si>
  <si>
    <t>12/17/2019 10:10:29</t>
  </si>
  <si>
    <t>9f02fdc2-f302-4946-821a-30fcc0e39a7e.tmp</t>
  </si>
  <si>
    <t>\\acsfs\profiles$\leticiala\Downloads\9f02fdc2-f302-4946-821a-30fcc0e39a7e.tmp</t>
  </si>
  <si>
    <t>12/17/2019 10:10:32</t>
  </si>
  <si>
    <t>cac3e81b-eb58-486b-81af-b50ce78119b8.tmp</t>
  </si>
  <si>
    <t>\\acsfs\profiles$\leticiala\Downloads\cac3e81b-eb58-486b-81af-b50ce78119b8.tmp</t>
  </si>
  <si>
    <t>12/17/2019 10:13:29</t>
  </si>
  <si>
    <t>9410419e-4234-4225-91ec-411b1262eb6b.tmp</t>
  </si>
  <si>
    <t>\\acsfs\profiles$\leticiala\Downloads\9410419e-4234-4225-91ec-411b1262eb6b.tmp</t>
  </si>
  <si>
    <t>12/17/2019 10:18:22</t>
  </si>
  <si>
    <t>12/17/2019 10:16:58</t>
  </si>
  <si>
    <t>12/17/2019 10:19:21</t>
  </si>
  <si>
    <t>lu114412ybg1.tmp</t>
  </si>
  <si>
    <t>\\acsfs\profiles$\kamillacr\My Documents\lu114412ybg1.tmp</t>
  </si>
  <si>
    <t>\\acsfs\profiles$\kamillacr\My Documents\lu114412ybg1.tmp\</t>
  </si>
  <si>
    <t>\\acsfs\profiles$\kamillacr\My Documents\lu114412ybg1.tmp\META-INF\</t>
  </si>
  <si>
    <t>\\acsfs\profiles$\kamillacr\My Documents\lu114412ybg1.tmp\Thumbnails\</t>
  </si>
  <si>
    <t>12/17/2019 10:17:05</t>
  </si>
  <si>
    <t>12/17/2019 10:15:02</t>
  </si>
  <si>
    <t>12/17/2019 10:16:02</t>
  </si>
  <si>
    <t>12/17/2019 10:14:57</t>
  </si>
  <si>
    <t>12/17/2019 10:20:22</t>
  </si>
  <si>
    <t>mail.google.com/_/upload?authuser=0&amp;dcp=asu-n&amp;upload_id=AEnB2UoPgQOjcSy7PQr4g5x4W2m7BzYEfT2MrSxHn90y7bkMOTjAw7Z0r2-CfHcMkWGhoyXAe8gBKW3T7VjgkGMQbmkeikhxFFZK5rvS6JgzzNjZ8vzaAe8&amp;upload_protocol=resumable</t>
  </si>
  <si>
    <t>malves@timbrasil.com.br;</t>
  </si>
  <si>
    <t>\\acsfs\engeset\FINANCEIRO_ULA\FATURAMENTO\22. Controle TIM\PÓS PO\</t>
  </si>
  <si>
    <t>Formulario-Correcao_PO (Consolidado).xlsx</t>
  </si>
  <si>
    <t>malves@timbrasil.com.br</t>
  </si>
  <si>
    <t>12/17/2019 10:16:56</t>
  </si>
  <si>
    <t>12/17/2019 10:21:21</t>
  </si>
  <si>
    <t>278d7310-131f-4135-9864-d92279843057.tmp</t>
  </si>
  <si>
    <t>\\acsfs\profiles$\raicabog\Downloads\278d7310-131f-4135-9864-d92279843057.tmp</t>
  </si>
  <si>
    <t>12/17/2019 10:17:20</t>
  </si>
  <si>
    <t>1b52a92d-2ee1-4346-815c-e4cc5ea1d06a.tmp</t>
  </si>
  <si>
    <t>\\acsfs\profiles$\gabrielafs\Downloads\1b52a92d-2ee1-4346-815c-e4cc5ea1d06a.tmp</t>
  </si>
  <si>
    <t>12/17/2019 10:17:21</t>
  </si>
  <si>
    <t>54b5753c-5b21-4705-811a-1e237989a465.tmp</t>
  </si>
  <si>
    <t>\\acsfs\profiles$\gabrielafs\Downloads\54b5753c-5b21-4705-811a-1e237989a465.tmp</t>
  </si>
  <si>
    <t>12/17/2019 10:17:24</t>
  </si>
  <si>
    <t>9744b5dc-b89b-4d37-b9c3-e68ad577c1c2.tmp</t>
  </si>
  <si>
    <t>\\acsfs\profiles$\gabrielafs\Downloads\9744b5dc-b89b-4d37-b9c3-e68ad577c1c2.tmp</t>
  </si>
  <si>
    <t>12/17/2019 10:17:26</t>
  </si>
  <si>
    <t>9e121c79-a1fd-48bc-b6f2-33460f76aca5.tmp</t>
  </si>
  <si>
    <t>\\acsfs\profiles$\gabrielafs\Downloads\9e121c79-a1fd-48bc-b6f2-33460f76aca5.tmp</t>
  </si>
  <si>
    <t>12/17/2019 10:17:30</t>
  </si>
  <si>
    <t>33e6dc2d-b53e-426f-8037-7e8f9172adb1.tmp</t>
  </si>
  <si>
    <t>\\acsfs\profiles$\gabrielafs\Downloads\33e6dc2d-b53e-426f-8037-7e8f9172adb1.tmp</t>
  </si>
  <si>
    <t>12/17/2019 10:19:31</t>
  </si>
  <si>
    <t>417a449c-6a07-4513-839d-16636df3c33f.tmp</t>
  </si>
  <si>
    <t>\\acsfs\profiles$\gabrielafs\Downloads\417a449c-6a07-4513-839d-16636df3c33f.tmp</t>
  </si>
  <si>
    <t>12/17/2019 10:23:21</t>
  </si>
  <si>
    <t>12/17/2019 10:21:02</t>
  </si>
  <si>
    <t>12/17/2019 10:24:22</t>
  </si>
  <si>
    <t>12/17/2019 10:22:02</t>
  </si>
  <si>
    <t>12/17/2019 10:22:54</t>
  </si>
  <si>
    <t>12/17/2019 10:26:21</t>
  </si>
  <si>
    <t>Template_-_Prorrogacao_de_Titulos Gran.xlsx</t>
  </si>
  <si>
    <t>12/17/2019 10:25:34</t>
  </si>
  <si>
    <t>12/17/2019 10:27:21</t>
  </si>
  <si>
    <t>a39dac8e-547a-4162-a6e9-5006df55a0b3.tmp</t>
  </si>
  <si>
    <t>\\acsfs\profiles$\larissaad\Downloads\a39dac8e-547a-4162-a6e9-5006df55a0b3.tmp</t>
  </si>
  <si>
    <t>12/17/2019 10:26:41</t>
  </si>
  <si>
    <t>12/17/2019 10:28:21</t>
  </si>
  <si>
    <t>12/17/2019 10:27:02</t>
  </si>
  <si>
    <t>12/17/2019 10:29:21</t>
  </si>
  <si>
    <t>12/17/2019 10:28:02</t>
  </si>
  <si>
    <t>12/17/2019 10:24:39</t>
  </si>
  <si>
    <t>12/17/2019 10:30:21</t>
  </si>
  <si>
    <t>10.200.66.167</t>
  </si>
  <si>
    <t>12/17/2019 10:24:40</t>
  </si>
  <si>
    <t>12/17/2019 10:27:35</t>
  </si>
  <si>
    <t>12/17/2019 10:31:21</t>
  </si>
  <si>
    <t>328a094f-c145-411a-89d7-54e57d8596fd.tmp</t>
  </si>
  <si>
    <t>\\acsfs\profiles$\valeriasda\Downloads\328a094f-c145-411a-89d7-54e57d8596fd.tmp</t>
  </si>
  <si>
    <t>12/17/2019 10:27:41</t>
  </si>
  <si>
    <t>80d78465-719d-4c1a-adda-e01b1a7516ff.tmp</t>
  </si>
  <si>
    <t>\\acsfs\profiles$\valeriasda\Downloads\80d78465-719d-4c1a-adda-e01b1a7516ff.tmp</t>
  </si>
  <si>
    <t>12/17/2019 10:27:49</t>
  </si>
  <si>
    <t>eccd963c-c38f-4f66-80e5-45183409f481.tmp</t>
  </si>
  <si>
    <t>\\acsfs\profiles$\valeriasda\Downloads\eccd963c-c38f-4f66-80e5-45183409f481.tmp</t>
  </si>
  <si>
    <t>12/17/2019 10:27:52</t>
  </si>
  <si>
    <t>ecd5670d-8bef-4166-9c52-5feead0e5920.tmp</t>
  </si>
  <si>
    <t>\\acsfs\profiles$\valeriasda\Downloads\ecd5670d-8bef-4166-9c52-5feead0e5920.tmp</t>
  </si>
  <si>
    <t>12/17/2019 10:29:52</t>
  </si>
  <si>
    <t>fe6c6404-f7ef-4ed3-b487-a94411cbc5a2.tmp</t>
  </si>
  <si>
    <t>\\acsfs\profiles$\valeriasda\Downloads\fe6c6404-f7ef-4ed3-b487-a94411cbc5a2.tmp</t>
  </si>
  <si>
    <t>12/17/2019 10:29:24</t>
  </si>
  <si>
    <t>celmars@algartech.com;priscilaflo@algartech.com;</t>
  </si>
  <si>
    <t>RV Arquivo Final.xlsx</t>
  </si>
  <si>
    <t>celmars@algartech.com,priscilaflo@algartech.com</t>
  </si>
  <si>
    <t>12/17/2019 10:27:15</t>
  </si>
  <si>
    <t>12/17/2019 10:32:20</t>
  </si>
  <si>
    <t>2796607a-3212-4f90-a1d8-3b93d3b6d6a3.tmp</t>
  </si>
  <si>
    <t>\\acsfs\profiles$\gabrielhca\Downloads\2796607a-3212-4f90-a1d8-3b93d3b6d6a3.tmp</t>
  </si>
  <si>
    <t>12/17/2019 10:33:21</t>
  </si>
  <si>
    <t>12/17/2019 10:29:25</t>
  </si>
  <si>
    <t>12/17/2019 10:34:20</t>
  </si>
  <si>
    <t>12/17/2019 10:29:53</t>
  </si>
  <si>
    <t>12/17/2019 10:29:57</t>
  </si>
  <si>
    <t>12/17/2019 10:30:06</t>
  </si>
  <si>
    <t>mail.google.com/sync/u/0/i/s?hl=pt-BR&amp;c=61</t>
  </si>
  <si>
    <t>12/17/2019 10:30:37</t>
  </si>
  <si>
    <t>12/17/2019 10:31:23</t>
  </si>
  <si>
    <t>12/17/2019 10:31:42</t>
  </si>
  <si>
    <t>12/17/2019 10:31:53</t>
  </si>
  <si>
    <t>12/17/2019 10:32:03</t>
  </si>
  <si>
    <t>12/17/2019 10:32:07</t>
  </si>
  <si>
    <t>12/17/2019 10:33:02</t>
  </si>
  <si>
    <t>12/17/2019 10:31:22</t>
  </si>
  <si>
    <t>12/17/2019 10:36:20</t>
  </si>
  <si>
    <t>8718916f-55a5-4c99-b33a-17a9b7517f43.tmp</t>
  </si>
  <si>
    <t>\\acsfs\profiles$\valeriasda\Downloads\8718916f-55a5-4c99-b33a-17a9b7517f43.tmp</t>
  </si>
  <si>
    <t>12/17/2019 10:31:31</t>
  </si>
  <si>
    <t>24a0c144-f698-4a95-b2e3-0d55d17df79d.tmp</t>
  </si>
  <si>
    <t>\\acsfs\profiles$\valeriasda\Downloads\24a0c144-f698-4a95-b2e3-0d55d17df79d.tmp</t>
  </si>
  <si>
    <t>12/17/2019 10:32:22</t>
  </si>
  <si>
    <t>805b38bc-2938-495e-aeac-ee07688cefa4.tmp</t>
  </si>
  <si>
    <t>\\acsfs\profiles$\valeriasda\Downloads\805b38bc-2938-495e-aeac-ee07688cefa4.tmp</t>
  </si>
  <si>
    <t>12/17/2019 10:35:33</t>
  </si>
  <si>
    <t>12/17/2019 10:38:20</t>
  </si>
  <si>
    <t>12/17/2019 10:34:02</t>
  </si>
  <si>
    <t>12/17/2019 10:39:21</t>
  </si>
  <si>
    <t>12/17/2019 10:36:29</t>
  </si>
  <si>
    <t>12/17/2019 10:36:33</t>
  </si>
  <si>
    <t>12/17/2019 10:36:43</t>
  </si>
  <si>
    <t>12/17/2019 10:36:53</t>
  </si>
  <si>
    <t>12/17/2019 10:37:23</t>
  </si>
  <si>
    <t>12/17/2019 10:39:40</t>
  </si>
  <si>
    <t>12/17/2019 10:41:20</t>
  </si>
  <si>
    <t>20dfbb5e-4cad-4101-a4dd-d4786a849d2a.tmp</t>
  </si>
  <si>
    <t>\\acsfs\profiles$\raicabog\Downloads\20dfbb5e-4cad-4101-a4dd-d4786a849d2a.tmp</t>
  </si>
  <si>
    <t>12/17/2019 10:40:21</t>
  </si>
  <si>
    <t>sabrinasc</t>
  </si>
  <si>
    <t>\\acsfs\profiles$\sabrinasc\Contacts\</t>
  </si>
  <si>
    <t>SABRINA SILVA CASSEMIRO (3838).contact</t>
  </si>
  <si>
    <t>\\acsfs\profiles$\sabrinasc\Contacts\SABRINA SILVA CASSEMIRO (3838).contact</t>
  </si>
  <si>
    <t>12/17/2019 10:39:59</t>
  </si>
  <si>
    <t>kesiadof@algartech.com</t>
  </si>
  <si>
    <t>12/17/2019 10:37:37</t>
  </si>
  <si>
    <t>12/17/2019 10:43:20</t>
  </si>
  <si>
    <t>12/17/2019 10:42:22</t>
  </si>
  <si>
    <t>12/17/2019 10:39:02</t>
  </si>
  <si>
    <t>12/17/2019 10:44:20</t>
  </si>
  <si>
    <t>12/17/2019 10:40:02</t>
  </si>
  <si>
    <t>12/17/2019 10:43:31</t>
  </si>
  <si>
    <t>12/17/2019 10:45:19</t>
  </si>
  <si>
    <t>c:\users\robsonams\desktop\</t>
  </si>
  <si>
    <t>advertência - yuri magalhães.doc</t>
  </si>
  <si>
    <t>12/17/2019 10:40:06</t>
  </si>
  <si>
    <t>mail.google.com/_/upload?authuser=0&amp;dcp=asu-n&amp;upload_id=AEnB2UrpveGErtH0mRpgo88_1wjbg9__-qg2EgsyA0Hu0zVlrgqcw25QbMnQvsYJfQrheuydGOplCt6B-0mMDcsENIT69apfZp1efqpeTR4oyKfzJFHYRvQ&amp;upload_protocol=resumable</t>
  </si>
  <si>
    <t>ericacdosc@algartech.com;prgfernandes@timbrasil.com.br;raquelcc@algartech.com;</t>
  </si>
  <si>
    <t>ericacdosc@algartech.com,prgfernandes@timbrasil.com.br,raquelcc@algartech.com</t>
  </si>
  <si>
    <t>12/17/2019 10:41:13</t>
  </si>
  <si>
    <t>12/17/2019 10:46:20</t>
  </si>
  <si>
    <t>mail.google.com/sync/u/0/i/s?hl=pt-BR&amp;c=6</t>
  </si>
  <si>
    <t>12/17/2019 10:45:56</t>
  </si>
  <si>
    <t>12/17/2019 10:48:20</t>
  </si>
  <si>
    <t>12/17/2019 10:47:01</t>
  </si>
  <si>
    <t>12/17/2019 10:45:52</t>
  </si>
  <si>
    <t>12/17/2019 10:48:10</t>
  </si>
  <si>
    <t>12/17/2019 10:45:02</t>
  </si>
  <si>
    <t>12/17/2019 10:49:20</t>
  </si>
  <si>
    <t>12/17/2019 10:46:02</t>
  </si>
  <si>
    <t>12/17/2019 10:45:18</t>
  </si>
  <si>
    <t>12/17/2019 10:50:20</t>
  </si>
  <si>
    <t>celmars@algartech.com;vilarinho@algartech.com;wayneroa@algartech.com;</t>
  </si>
  <si>
    <t>C:\Users\akassiablc.ACS\Downloads\RAO 12-2019 v2.pptx\</t>
  </si>
  <si>
    <t>celmars@algartech.com,vilarinho@algartech.com,wayneroa@algartech.com</t>
  </si>
  <si>
    <t>12/17/2019 10:47:57</t>
  </si>
  <si>
    <t>12/17/2019 10:51:19</t>
  </si>
  <si>
    <t>2ee72b9b-3376-40b1-b5bc-bd9a998f332e.tmp</t>
  </si>
  <si>
    <t>\\acsfs\profiles$\leticiala\Downloads\2ee72b9b-3376-40b1-b5bc-bd9a998f332e.tmp</t>
  </si>
  <si>
    <t>12/17/2019 10:48:41</t>
  </si>
  <si>
    <t>91682b8e-a0b6-4772-a6ca-9178a6e5e2e8.tmp</t>
  </si>
  <si>
    <t>\\acsfs\profiles$\leticiala\Downloads\91682b8e-a0b6-4772-a6ca-9178a6e5e2e8.tmp</t>
  </si>
  <si>
    <t>12/17/2019 10:48:31</t>
  </si>
  <si>
    <t>brunacvr</t>
  </si>
  <si>
    <t>12/17/2019 10:47:47</t>
  </si>
  <si>
    <t>12/17/2019 10:52:20</t>
  </si>
  <si>
    <t>lu1672411orqi.tmp</t>
  </si>
  <si>
    <t>\\acsfs\profiles$\VIVIANALDS\My Documents\lu1672411orqi.tmp</t>
  </si>
  <si>
    <t>\\acsfs\profiles$\VIVIANALDS\My Documents\lu1672411orqi.tmp\</t>
  </si>
  <si>
    <t>\\acsfs\profiles$\VIVIANALDS\My Documents\lu1672411orqi.tmp\META-INF\</t>
  </si>
  <si>
    <t>\\acsfs\profiles$\VIVIANALDS\My Documents\lu1672411orqi.tmp\Thumbnails\</t>
  </si>
  <si>
    <t>12/17/2019 10:50:26</t>
  </si>
  <si>
    <t>lu1672411orqm.tmp</t>
  </si>
  <si>
    <t>\\acsfs\profiles$\VIVIANALDS\My Documents\lu1672411orqm.tmp</t>
  </si>
  <si>
    <t>\\acsfs\profiles$\VIVIANALDS\My Documents\lu1672411orqm.tmp\</t>
  </si>
  <si>
    <t>\\acsfs\profiles$\VIVIANALDS\My Documents\lu1672411orqm.tmp\META-INF\</t>
  </si>
  <si>
    <t>\\acsfs\profiles$\VIVIANALDS\My Documents\lu1672411orqm.tmp\Thumbnails\</t>
  </si>
  <si>
    <t>12/17/2019 10:51:02</t>
  </si>
  <si>
    <t>12/17/2019 10:54:20</t>
  </si>
  <si>
    <t>12/17/2019 10:52:02</t>
  </si>
  <si>
    <t>12/17/2019 10:52:10</t>
  </si>
  <si>
    <t>\\acsfs\DEPTOS\Operacao\Banco_Votorantim\Supervisao\SUPERS BV CARTÕES\ADILSON\Medidas Disciplinares\</t>
  </si>
  <si>
    <t>Formulário - Feedback Registrado Thyago Impr.doc</t>
  </si>
  <si>
    <t>\\acsfs\DEPTOS\Operacao\Banco_Votorantim\Supervisao\SUPERS BV CARTÕES\ADILSON\Medidas Disciplinares\Formulário - Feedback Registrado Thyago Impr.doc</t>
  </si>
  <si>
    <t>12/17/2019 10:53:25</t>
  </si>
  <si>
    <t>Formulário - Feedback Registrado Wender Impr.doc</t>
  </si>
  <si>
    <t>\\acsfs\DEPTOS\Operacao\Banco_Votorantim\Supervisao\SUPERS BV CARTÕES\ADILSON\Medidas Disciplinares\Formulário - Feedback Registrado Wender Impr.doc</t>
  </si>
  <si>
    <t>12/17/2019 10:53:05</t>
  </si>
  <si>
    <t>12/17/2019 10:55:19</t>
  </si>
  <si>
    <t>12/17/2019 10:52:43</t>
  </si>
  <si>
    <t>https://caey.fa.us2.oraclecloud.com/crmui/faces/fusewelcome?_adf.ctrl-state=4xu8u7bx3_5</t>
  </si>
  <si>
    <t>207414 - NETFLIX SAC 24 Plan Precificacao C018 B018 rev7.xlsb</t>
  </si>
  <si>
    <t>\\acsfs\deptos\CAS - Coordenação de Arquitetura de Soluções\Projetos\2019\NetFlix\207414 - NETFLIX - SAC\Preço\207414 - NETFLIX SAC 24 Plan Precificacao C018 B018 rev7.xlsb\</t>
  </si>
  <si>
    <t>12/17/2019 10:54:04</t>
  </si>
  <si>
    <t>\\acsfs\deptos\CAS - Coordenação de Arquitetura de Soluções\Projetos\2019\NetFlix\207414 - NETFLIX - SAC\Proposta\207414 - Apresentacao Netflix Final vs Port.pptx\</t>
  </si>
  <si>
    <t>12/17/2019 10:51:40</t>
  </si>
  <si>
    <t>12/17/2019 10:56:19</t>
  </si>
  <si>
    <t>12/17/2019 10:51:42</t>
  </si>
  <si>
    <t>kesiadof@algartech.com;</t>
  </si>
  <si>
    <t>12/17/2019 10:51:45</t>
  </si>
  <si>
    <t>12/17/2019 10:52:46</t>
  </si>
  <si>
    <t>12/17/2019 10:52:48</t>
  </si>
  <si>
    <t>12/17/2019 10:55:10</t>
  </si>
  <si>
    <t>12/17/2019 10:58:21</t>
  </si>
  <si>
    <t>12/17/2019 10:54:54</t>
  </si>
  <si>
    <t>\\acsfs\profiles$\cassianogc\Contacts\</t>
  </si>
  <si>
    <t>CASSIANO GALVAO CUNHA (20).contact</t>
  </si>
  <si>
    <t>\\acsfs\profiles$\cassianogc\Contacts\CASSIANO GALVAO CUNHA (20).contact</t>
  </si>
  <si>
    <t>12/17/2019 10:55:15</t>
  </si>
  <si>
    <t>\\acsfs\profiles$\cassianogc\My Documents\My Videos\</t>
  </si>
  <si>
    <t>\\acsfs\profiles$\cassianogc\My Documents\My Videos\desktop.ini</t>
  </si>
  <si>
    <t>12/17/2019 10:55:16</t>
  </si>
  <si>
    <t>12/17/2019 10:55:17</t>
  </si>
  <si>
    <t>\\acsfs\profiles$\cassianogc\My Documents\My Pictures\</t>
  </si>
  <si>
    <t>\\acsfs\profiles$\cassianogc\My Documents\My Pictures\desktop.ini</t>
  </si>
  <si>
    <t>12/17/2019 10:55:18</t>
  </si>
  <si>
    <t>\\acsfs\profiles$\cassianogc\Contacts\desktop.ini</t>
  </si>
  <si>
    <t>12/17/2019 10:55:20</t>
  </si>
  <si>
    <t>\\acsfs\profiles$\cassianogc\Favorites\</t>
  </si>
  <si>
    <t>\\acsfs\profiles$\cassianogc\Favorites\desktop.ini</t>
  </si>
  <si>
    <t>12/17/2019 10:55:21</t>
  </si>
  <si>
    <t>\\acsfs\profiles$\cassianogc\My Documents\My Music\</t>
  </si>
  <si>
    <t>\\acsfs\profiles$\cassianogc\My Documents\My Music\desktop.ini</t>
  </si>
  <si>
    <t>12/17/2019 10:55:22</t>
  </si>
  <si>
    <t>\\acsfs\profiles$\cassianogc\Searches\</t>
  </si>
  <si>
    <t>\\acsfs\profiles$\cassianogc\Searches\desktop.ini</t>
  </si>
  <si>
    <t>12/17/2019 10:55:23</t>
  </si>
  <si>
    <t>\\acsfs\profiles$\cassianogc\Downloads\</t>
  </si>
  <si>
    <t>\\acsfs\profiles$\cassianogc\Downloads\desktop.ini</t>
  </si>
  <si>
    <t>12/17/2019 10:55:24</t>
  </si>
  <si>
    <t>\\acsfs\profiles$\cassianogc\My Documents\desktop.ini</t>
  </si>
  <si>
    <t>12/17/2019 10:55:25</t>
  </si>
  <si>
    <t>12/17/2019 10:55:26</t>
  </si>
  <si>
    <t>\\acsfs\profiles$\cassianogc\Saved Games\</t>
  </si>
  <si>
    <t>\\acsfs\profiles$\cassianogc\Saved Games\desktop.ini</t>
  </si>
  <si>
    <t>12/17/2019 10:56:12</t>
  </si>
  <si>
    <t>\\acsfs\profiles$\cassianogc\Favorites\Links for Brasil\</t>
  </si>
  <si>
    <t>\\acsfs\profiles$\cassianogc\Favorites\Links for Brasil\desktop.ini</t>
  </si>
  <si>
    <t>12/17/2019 10:56:13</t>
  </si>
  <si>
    <t>\\acsfs\profiles$\cassianogc\Favorites\Links for Brasil\Microsoft Brasil.url</t>
  </si>
  <si>
    <t>\\acsfs\profiles$\cassianogc\Favorites\Links for Brasil\Windows Brasil.url</t>
  </si>
  <si>
    <t>12/17/2019 10:56:14</t>
  </si>
  <si>
    <t>\\acsfs\profiles$\cassianogc\Favorites\Links for Brasil\MSN Brasil.url</t>
  </si>
  <si>
    <t>12/17/2019 10:56:15</t>
  </si>
  <si>
    <t>12/17/2019 10:57:02</t>
  </si>
  <si>
    <t>12/17/2019 10:59:20</t>
  </si>
  <si>
    <t>12/17/2019 10:58:02</t>
  </si>
  <si>
    <t>12/17/2019 10:58:11</t>
  </si>
  <si>
    <t>\\acsfs\deptos\operacao\banco_votorantim\supervisao\supers bv cartÕes\adilson\medidas disciplinares\</t>
  </si>
  <si>
    <t>formulário - feedback registrado wender impr.doc</t>
  </si>
  <si>
    <t>12/17/2019 10:55:04</t>
  </si>
  <si>
    <t>12/17/2019 11:00:20</t>
  </si>
  <si>
    <t>lu1803211wy1p.tmp</t>
  </si>
  <si>
    <t>\\acsfs\profiles$\dhiulliananads\My Documents\lu1803211wy1p.tmp</t>
  </si>
  <si>
    <t>\\acsfs\profiles$\dhiulliananads\My Documents\lu1803211wy1p.tmp\</t>
  </si>
  <si>
    <t>\\acsfs\profiles$\dhiulliananads\My Documents\lu1803211wy1p.tmp\META-INF\</t>
  </si>
  <si>
    <t>\\acsfs\profiles$\dhiulliananads\My Documents\lu1803211wy1p.tmp\Thumbnails\</t>
  </si>
  <si>
    <t>12/17/2019 10:57:00</t>
  </si>
  <si>
    <t>12/17/2019 11:00:08</t>
  </si>
  <si>
    <t>12/17/2019 11:01:20</t>
  </si>
  <si>
    <t>7f5fe464-c267-4aaf-9809-5aecb238ed25.tmp</t>
  </si>
  <si>
    <t>\\acsfs\profiles$\deborahsi\Downloads\7f5fe464-c267-4aaf-9809-5aecb238ed25.tmp</t>
  </si>
  <si>
    <t>12/17/2019 10:57:21</t>
  </si>
  <si>
    <t>12/17/2019 11:02:21</t>
  </si>
  <si>
    <t>79c58cdb-8ca6-4f3f-af2e-436c745f70a5.tmp</t>
  </si>
  <si>
    <t>\\acsfs\profiles$\larissaad\Downloads\79c58cdb-8ca6-4f3f-af2e-436c745f70a5.tmp</t>
  </si>
  <si>
    <t>12/17/2019 11:01:35</t>
  </si>
  <si>
    <t>12/17/2019 11:03:21</t>
  </si>
  <si>
    <t>C:\Users\gabrielbc\Desktop\Planilhas e analises solicitadas\</t>
  </si>
  <si>
    <t>Overview treinamentos TI.xlsx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' in parents&amp;fields=kind,ccinqomgllzj?opendrive=false&amp;reason=102&amp;synctype=0&amp;errorrecovery=false&amp;fields=kind,containsunsubscribed,containsunsubscribedchil,containsunsubscribedchildren,contentrestrictions(readonly),copyable,createddate,displayname,domain,emailaddress,explicitlytrashed,fileextension,filesize,flaggedforabuse,foldercolor,folderfeatures,hasaugmentedpermissions,haschildfolders,hasthumbnail,hasvisitorpermissions,hidden,id,id),id)�,inqomgllzj' in parents&amp;fields=kind,inqomgllzj?opendrive=false&amp;reason=102&amp;synctype=0&amp;errorrecovery=false&amp;fields=kind,items(kind,labels(starred,lastmodifyinguser(kind,lastviewedbymedate,mimetype,modifiedbymedate,modifieddate,nextpagetoken,ontainsunsubscribedchi</t>
  </si>
  <si>
    <t>12/17/2019 11:01:36</t>
  </si>
  <si>
    <t>C:\Users\gabrielbc\Desktop\Indicadores a trabalhar\</t>
  </si>
  <si>
    <t>12/17/2019 11:02:24</t>
  </si>
  <si>
    <t>12/17/2019 11:02:54</t>
  </si>
  <si>
    <t>12/17/2019 11:03:02</t>
  </si>
  <si>
    <t>12/17/2019 11:04:21</t>
  </si>
  <si>
    <t>12/17/2019 10:59:18</t>
  </si>
  <si>
    <t>12/17/2019 11:00:12</t>
  </si>
  <si>
    <t>12/17/2019 11:00:28</t>
  </si>
  <si>
    <t>formulário - feedback registrado thyago impr.doc</t>
  </si>
  <si>
    <t>12/17/2019 11:04:54</t>
  </si>
  <si>
    <t>12/17/2019 11:06:21</t>
  </si>
  <si>
    <t>7db0d767-7b1b-4db9-be84-6bd6942d1340.tmp</t>
  </si>
  <si>
    <t>\\acsfs\profiles$\gabrielafs\Downloads\7db0d767-7b1b-4db9-be84-6bd6942d1340.tmp</t>
  </si>
  <si>
    <t>12/17/2019 11:03:17</t>
  </si>
  <si>
    <t>12/17/2019 11:08:21</t>
  </si>
  <si>
    <t>12/17/2019 11:03:24</t>
  </si>
  <si>
    <t>12/17/2019 11:03:54</t>
  </si>
  <si>
    <t>12/17/2019 11:06:54</t>
  </si>
  <si>
    <t>12/17/2019 11:06:22</t>
  </si>
  <si>
    <t>C:\Users\karinars\Downloads\</t>
  </si>
  <si>
    <t>12/17/2019 11:04:02</t>
  </si>
  <si>
    <t>12/17/2019 11:09:21</t>
  </si>
  <si>
    <t>12/17/2019 11:08:28</t>
  </si>
  <si>
    <t>12/17/2019 11:11:21</t>
  </si>
  <si>
    <t>12/17/2019 11:11:18</t>
  </si>
  <si>
    <t>12/17/2019 11:13:21</t>
  </si>
  <si>
    <t>085e4300248b484b84d5cbac428cc112.xls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"}]},containsunsubscribedchildren,contentrestrictions(readonly),copyable,createddate,displayname,domain,emailaddress,explicitlytrashed,fileextension,filesize,flaggedforabuse,foldercolor,folderfeatures,hasaugmentedpermissions,haschildfolders,hasthumbnail,hidden,id,id),inqomgllzj"}]},labels(starred,lastmodifyinguser(kind,lastviewedbymedate,mimetype,modifiedbymedate,ontainsunsubscribedchildren,organizationdisplayname,owners(kind,parents(id),passivelysubscribed,permissionid,picture,primarydomainname,primarysyncparentid,quotabytesused,recency,recencyreason,restricted,rpermissions,shareable,shared,sharedwithmedate,sharinguser(kind,shortcutdetails(targetid,sourceappid,spaces,subscribed,targetfile),tar</t>
  </si>
  <si>
    <t>49f384c20bcb4e74b7887df69a305c7a.xls</t>
  </si>
  <si>
    <t>12/17/2019 11:11:27</t>
  </si>
  <si>
    <t>6ca5fecd2dbf406a8e4e353dd845754e.xls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"}]},containsunsubscribedchildren,contentrestrictions(readonly),copyable,createddate,displayname,domain,emailaddress,explicitlytrashed,file(kind,fileextension,fileid,filesize,flaggedforabuse,foldercolor,folderfeatures,hasaugmentedpermissions,haschildfolders,hasthumbnail,hasvisitorpermissions,hidden,id,id),inqomgllzj"}]},items(deleted,ken,kind,labels(starred,lastmodifyinguser(kind,lastviewedbymedate,mimetype,modifiedbymedate,modifieddate,ontainsunsubscribedchildren,organizationdisplayname,owners(kind,parents(id),passivelysubscribed,per,permissionid,picture,primarydomainname,primarysyncparentid,quotabytesused,recency,recencyreason,restricted,rpermissions,shareable,shared,sharedwithmedate,sharingu</t>
  </si>
  <si>
    <t>12/17/2019 11:11:31</t>
  </si>
  <si>
    <t>9598da5abb664764aca16e3322fe33f6.xls</t>
  </si>
  <si>
    <t>12/17/2019 11:11:44</t>
  </si>
  <si>
    <t>a15234a4-8f86-4a6d-a680-6860acca070b.xlsx</t>
  </si>
  <si>
    <t>12/17/2019 11:11:49</t>
  </si>
  <si>
    <t>actionitems,ance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"}]},containsunsubscribedchildren,contentrestrictions(readonly),copyable,createddate,displayname,domain,emailaddress,explicitlytrashed,file(kind,fileextension,fileid,filesize,flaggedforabuse,foldercolor,folderfeatures,hasaugmentedpermissions,haschildfolders,hasthumbnail,hasvisitorpermissions,hidden,id,id),inqomgllzj"}]},items(deleted,ken,kind,labels(starred,lastmodifyinguser(kind,lastviewedbymedate,mimetype,modifiedbymedate,modifieddate,ontainsunsubscribedchildren,organizationdisplayname,owners(kind,parents(id),passivelysubscribed,per,permissionid,pict,picture,primarydomainname,primarysyncparentid,quotabytesused,recency,recencyreason,restricted,rpermissions,shareable,shared,sharedwithmeda</t>
  </si>
  <si>
    <t>12/17/2019 11:11:53</t>
  </si>
  <si>
    <t>Caixa - Outubro.xls</t>
  </si>
  <si>
    <t>12/17/2019 11:13:01</t>
  </si>
  <si>
    <t>Relat_TrilhasEOuProcedimentosConteudosGerais_AlgarTech_20190925__592801_Formação Potencial Supervisores - GRC.xlsx</t>
  </si>
  <si>
    <t>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7/2019 11:13:02</t>
  </si>
  <si>
    <t>Relat_TrilhasEOuProcedimentosConteudosGerais_AlgarTech_20190916__628677_Jeito Tech de Gestão - Supervisores.xlsx</t>
  </si>
  <si>
    <t>12/17/2019 11:08:25</t>
  </si>
  <si>
    <t>12/17/2019 11:08:55</t>
  </si>
  <si>
    <t>12/17/2019 11:09:25</t>
  </si>
  <si>
    <t>12/17/2019 11:09:55</t>
  </si>
  <si>
    <t>https://udpmailboxap01.acs.com.br:8443/h/search;jsessionid=kvsnyf91gs8q1ad8nvnibsqaq?si=0&amp;so=0&amp;sc=46075&amp;st=conversation&amp;action=compose</t>
  </si>
  <si>
    <t>12/17/2019 11:09:02</t>
  </si>
  <si>
    <t>12/17/2019 11:14:21</t>
  </si>
  <si>
    <t>12/17/2019 11:10:02</t>
  </si>
  <si>
    <t>12/17/2019 11:13:53</t>
  </si>
  <si>
    <t>12/17/2019 11:12:25</t>
  </si>
  <si>
    <t>12/17/2019 11:15:22</t>
  </si>
  <si>
    <t>celmars@algartech.com;vanessasara@algartech.com;vilarinho@algartech.com;wayneroa@algartech.com;</t>
  </si>
  <si>
    <t>celmars@algartech.com,vanessasara@algartech.com,vilarinho@algartech.com,wayneroa@algartech.com</t>
  </si>
  <si>
    <t>12/17/2019 11:12:26</t>
  </si>
  <si>
    <t>12/17/2019 11:15:20</t>
  </si>
  <si>
    <t>12/17/2019 11:16:21</t>
  </si>
  <si>
    <t>12/17/2019 11:14:06</t>
  </si>
  <si>
    <t>a327dfd5-623b-49ca-888d-0da9154d2bd2.tmp</t>
  </si>
  <si>
    <t>\\acsfs\profiles$\nathaliadf\Downloads\a327dfd5-623b-49ca-888d-0da9154d2bd2.tmp</t>
  </si>
  <si>
    <t>12/17/2019 11:15:39</t>
  </si>
  <si>
    <t>12/17/2019 11:17:21</t>
  </si>
  <si>
    <t>871b2793-daab-427b-9d89-13d8943b11af.tmp</t>
  </si>
  <si>
    <t>\\acsfs\profiles$\PEDROHAB\Downloads\871b2793-daab-427b-9d89-13d8943b11af.tmp</t>
  </si>
  <si>
    <t>12/17/2019 11:18:21</t>
  </si>
  <si>
    <t>Relat_TrilhasEOuProcedimentosConteudosGerais_AlgarTech_20190925__593746_#SouAlgar 2019.xlsx</t>
  </si>
  <si>
    <t>12/17/2019 11:13:36</t>
  </si>
  <si>
    <t>Relat_TrilhasEOuProcedimentosConteudosGerais_AlgarTech_20190925__630742_Formação Inicial Python.xlsx</t>
  </si>
  <si>
    <t>Relat_TrilhasEOuProcedimentosConteudosGerais_AlgarTech_20190925__630837_Métodos Ageis.xlsx</t>
  </si>
  <si>
    <t>12/17/2019 11:13:47</t>
  </si>
  <si>
    <t>Relat_TrilhasEOuProcedimentosConteudosGerais_AlgarTech_20190925__630920_Tutorial para criação de smartconteudos (1).xlsx</t>
  </si>
  <si>
    <t>12/17/2019 11:13:56</t>
  </si>
  <si>
    <t>Relat_TrilhasEOuProcedimentosConteudosGerais_AlgarTech_20190930__639205_Jeito Tech de Gestão - Coordenadores.xlsx</t>
  </si>
  <si>
    <t>12/17/2019 11:14:10</t>
  </si>
  <si>
    <t>Relat_TrilhasEOuProcedimentosConteudosGerais_AlgarTech_20191001__593113_#SouAlgar.xlsx</t>
  </si>
  <si>
    <t>12/17/2019 11:14:14</t>
  </si>
  <si>
    <t>Relat_TrilhasEOuProcedimentosConteudosGerais_AlgarTech_20191001__628677_Jeito Tech de Gestão - Supervisores (1).xlsx</t>
  </si>
  <si>
    <t>Relat_TrilhasEOuProcedimentosConteudosGerais_AlgarTech_20191001__630837_Métodos Ageis.xlsx</t>
  </si>
  <si>
    <t>12/17/2019 11:14:32</t>
  </si>
  <si>
    <t>Relat_TrilhasEOuProcedimentosConteudosGerais_AlgarTech_20191001__630915_UX - User Experience.xlsx</t>
  </si>
  <si>
    <t>12/17/2019 11:14:37</t>
  </si>
  <si>
    <t>Relat_TrilhasEOuProcedimentosConteudosGerais_AlgarTech_20191008__628677_Jeito Tech de Gestão - Supervisores.xlsx</t>
  </si>
  <si>
    <t>12/17/2019 11:14:52</t>
  </si>
  <si>
    <t>Relat_TrilhasEOuProcedimentosConteudosGerais_AlgarTech_20191004__639451_Jeito Tech de Gestão - Gerentes.xlsx</t>
  </si>
  <si>
    <t>12/17/2019 11:14:54</t>
  </si>
  <si>
    <t>Relat_TrilhasEOuProcedimentosConteudosGerais_AlgarTech_20191008__629665_Python Presencial.xlsx</t>
  </si>
  <si>
    <t>12/17/2019 11:15:02</t>
  </si>
  <si>
    <t>Relat_TrilhasEOuProcedimentosConteudosGerais_AlgarTech_20191010__639205_Jeito Tech de Gestão - Coordenadores (1).xlsx</t>
  </si>
  <si>
    <t>12/17/2019 11:15:13</t>
  </si>
  <si>
    <t>Relat_TrilhasEOuProcedimentosConteudosGerais_AlgarTech_20191011__629665_Python Presencial.xlsx</t>
  </si>
  <si>
    <t>Relat_TrilhasEOuProcedimentosConteudosGerais_AlgarTech_20191014__639451_Jeito Tech de Gestão - Gerentes.xlsx</t>
  </si>
  <si>
    <t>12/17/2019 11:15:34</t>
  </si>
  <si>
    <t>Relat_TrilhasEOuProcedimentosConteudosGerais_AlgarTech_20191014__639205_Jeito Tech de Gestão - Coordenadores.xlsx</t>
  </si>
  <si>
    <t>Relat_TrilhasEOuProcedimentosConteudosGerais_AlgarTech_20191016__630915_UX - User Experience.xlsx</t>
  </si>
  <si>
    <t>12/17/2019 11:15:49</t>
  </si>
  <si>
    <t>Relat_TrilhasEOuProcedimentosConteudosGerais_AlgarTech_20191017__628677_Jeito Tech de Gestão - Supervisores.xlsx</t>
  </si>
  <si>
    <t>12/17/2019 11:16:07</t>
  </si>
  <si>
    <t>Relat_TrilhasEOuProcedimentosConteudosGerais_AlgarTech_20191022__628677_Jeito Tech de Gestão - Supervisores.xlsx</t>
  </si>
  <si>
    <t>12/17/2019 11:16:16</t>
  </si>
  <si>
    <t>Relat_TrilhasEOuProcedimentosConteudosGerais_AlgarTech_20191022__639205_Jeito Tech de Gestão - Coordenadores.xlsx</t>
  </si>
  <si>
    <t>12/17/2019 11:16:17</t>
  </si>
  <si>
    <t>Relat_TrilhasEOuProcedimentosConteudosGerais_AlgarTech_20191022__639451_Jeito Tech de Gestão - Gerentes.xlsx</t>
  </si>
  <si>
    <t>12/17/2019 11:16:41</t>
  </si>
  <si>
    <t>Relat_TrilhasEOuProcedimentosConteudosGerais_AlgarTech_20191024__593113_#SouAlgar.xlsx</t>
  </si>
  <si>
    <t>12/17/2019 11:16:53</t>
  </si>
  <si>
    <t>Relat_TrilhasEOuProcedimentosConteudosGerais_AlgarTech_20191024__639205_Jeito Tech de Gestão - Coordenadores.xlsx</t>
  </si>
  <si>
    <t>12/17/2019 11:16:59</t>
  </si>
  <si>
    <t>Relat_TrilhasEOuProcedimentosConteudosGerais_AlgarTech_20191024__628677_Jeito Tech de Gestão - Supervisores.xlsx</t>
  </si>
  <si>
    <t>12/17/2019 11:17:17</t>
  </si>
  <si>
    <t>Relat_TrilhasEOuProcedimentosConteudosGerais_AlgarTech_20191025__628677_Jeito Tech de Gestão - Supervisores.xlsx</t>
  </si>
  <si>
    <t>12/17/2019 11:17:25</t>
  </si>
  <si>
    <t>Relat_TrilhasEOuProcedimentosConteudosGerais_AlgarTech_20191029__628677_Jeito Tech de Gestão - Supervisores.xlsx</t>
  </si>
  <si>
    <t>12/17/2019 11:17:49</t>
  </si>
  <si>
    <t>Relat_TrilhasEOuProcedimentosConteudosGerais_AlgarTech_20191028__629729_#SouAlgar Operações.xlsx</t>
  </si>
  <si>
    <t>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,permissionid,picture,shared,sharedwithmedate,thumbnailversion,title,userpermission(role),workspaceids</t>
  </si>
  <si>
    <t>12/17/2019 11:13:31</t>
  </si>
  <si>
    <t>12/17/2019 11:14:01</t>
  </si>
  <si>
    <t>12/17/2019 11:14:31</t>
  </si>
  <si>
    <t>12/17/2019 11:15:01</t>
  </si>
  <si>
    <t>12/17/2019 11:17:31</t>
  </si>
  <si>
    <t>202bff76-c763-47a7-b6e0-1401fd629bdb.tmp</t>
  </si>
  <si>
    <t>\\acsfs\profiles$\geovannasm\Downloads\202bff76-c763-47a7-b6e0-1401fd629bdb.tmp</t>
  </si>
  <si>
    <t>12/17/2019 11:19:22</t>
  </si>
  <si>
    <t>12/17/2019 11:16:02</t>
  </si>
  <si>
    <t>12/17/2019 11:17:11</t>
  </si>
  <si>
    <t>mail.google.com/_/upload?authuser=2&amp;dcp=asu-n&amp;upload_id=AEnB2UpixeIas17K4KBI-3S4In315p9hPB7I_sGhRgaqxSm9T9qxigAz5YgbzvCPEOdoXU_H_4K6jbtx0bo_nHKDFXMgzJQrFuLgu0gw0hA6hyIWemYLzvw&amp;upload_protocol=resumable</t>
  </si>
  <si>
    <t>Template horas Projeto Fraude.xlsx</t>
  </si>
  <si>
    <t>12/17/2019 11:18:46</t>
  </si>
  <si>
    <t>12/17/2019 11:21:20</t>
  </si>
  <si>
    <t>6a3baab9-e8e1-422f-bc87-3193ebd4b887.tmp</t>
  </si>
  <si>
    <t>\\acsfs\profiles$\gabrielafs\Downloads\6a3baab9-e8e1-422f-bc87-3193ebd4b887.tmp</t>
  </si>
  <si>
    <t>12/17/2019 11:20:23</t>
  </si>
  <si>
    <t>12/17/2019 11:22:21</t>
  </si>
  <si>
    <t>0f7304eb-fb8a-4dda-bc94-19a12fd523b7.tmp</t>
  </si>
  <si>
    <t>\\acsfs\profiles$\vivianalds\Downloads\0f7304eb-fb8a-4dda-bc94-19a12fd523b7.tmp</t>
  </si>
  <si>
    <t>12/17/2019 11:20:22</t>
  </si>
  <si>
    <t>12/17/2019 11:23:20</t>
  </si>
  <si>
    <t>\\acsfs\DEPTOS\Controladoria\Planejamento\Reuniao Gerencial\2020\PROJETO CNPJ\OFICIAL\CARGA_HFM\</t>
  </si>
  <si>
    <t>Resumo eliminações Tech.xlsx</t>
  </si>
  <si>
    <t>12/17/2019 11:18:31</t>
  </si>
  <si>
    <t>12/17/2019 11:19:01</t>
  </si>
  <si>
    <t>12/17/2019 11:19:32</t>
  </si>
  <si>
    <t>12/17/2019 11:20:01</t>
  </si>
  <si>
    <t>12/17/2019 11:20:31</t>
  </si>
  <si>
    <t>12/17/2019 11:19:56</t>
  </si>
  <si>
    <t>991987c0-4bca-41b5-869b-e75ea05b8ea4.tmp</t>
  </si>
  <si>
    <t>\\acsfs\profiles$\ERICALSR\Downloads\991987c0-4bca-41b5-869b-e75ea05b8ea4.tmp</t>
  </si>
  <si>
    <t>12/17/2019 11:19:46</t>
  </si>
  <si>
    <t>12/17/2019 11:24:21</t>
  </si>
  <si>
    <t>12/17/2019 11:21:03</t>
  </si>
  <si>
    <t>12/17/2019 11:22:03</t>
  </si>
  <si>
    <t>12/17/2019 11:22:39</t>
  </si>
  <si>
    <t>12/17/2019 11:25:20</t>
  </si>
  <si>
    <t>invite.ics.pvinnkk.partial</t>
  </si>
  <si>
    <t>\\acsfs\profiles$\monicargds\Downloads\invite.ics.pvinnkk.partial</t>
  </si>
  <si>
    <t>12/17/2019 11:24:17</t>
  </si>
  <si>
    <t>\\acsfs\DEPTOS\Operacao\Banco_Votorantim\Qualidade\Paulo\Ligações\</t>
  </si>
  <si>
    <t>43fa74d2-35ec-4ed6-8eb8-8362b998cfa1.tmp</t>
  </si>
  <si>
    <t>\\acsfs\DEPTOS\Operacao\Banco_Votorantim\Qualidade\Paulo\Ligações\43fa74d2-35ec-4ed6-8eb8-8362b998cfa1.tmp</t>
  </si>
  <si>
    <t>12/17/2019 11:23:44</t>
  </si>
  <si>
    <t>12/17/2019 11:26:21</t>
  </si>
  <si>
    <t>5e4012f0-aaff-42a2-abd1-2a83a069df94.tmp</t>
  </si>
  <si>
    <t>\\acsfs\profiles$\raicabog\Downloads\5e4012f0-aaff-42a2-abd1-2a83a069df94.tmp</t>
  </si>
  <si>
    <t>12/17/2019 11:24:50</t>
  </si>
  <si>
    <t>dcffd63f-cdfc-4c04-a74c-40958c370085.tmp</t>
  </si>
  <si>
    <t>\\acsfs\profiles$\valeriasda\Downloads\dcffd63f-cdfc-4c04-a74c-40958c370085.tmp</t>
  </si>
  <si>
    <t>12/17/2019 11:25:04</t>
  </si>
  <si>
    <t>7463866c-64bc-4ca7-b030-859c3976b4f5.tmp</t>
  </si>
  <si>
    <t>\\acsfs\profiles$\valeriasda\Downloads\7463866c-64bc-4ca7-b030-859c3976b4f5.tmp</t>
  </si>
  <si>
    <t>12/17/2019 11:25:14</t>
  </si>
  <si>
    <t>e923d7c4-8f40-4265-b2ff-e2da5cbd749e.tmp</t>
  </si>
  <si>
    <t>\\acsfs\profiles$\valeriasda\Downloads\e923d7c4-8f40-4265-b2ff-e2da5cbd749e.tmp</t>
  </si>
  <si>
    <t>12/17/2019 11:22:50</t>
  </si>
  <si>
    <t>12/17/2019 11:23:33</t>
  </si>
  <si>
    <t>mail.google.com/sync/u/0/i/s?hl=pt-BR&amp;c=152</t>
  </si>
  <si>
    <t>12/17/2019 11:23:50</t>
  </si>
  <si>
    <t>C:\Users\TEMP\Downloads\</t>
  </si>
  <si>
    <t>Reclamação de atendimento - TBVB1515 (Cliente_ Otavio Pereira).eml</t>
  </si>
  <si>
    <t>12/17/2019 11:23:51</t>
  </si>
  <si>
    <t>mail.google.com/sync/u/0/i/s?hl=pt-BR&amp;c=154</t>
  </si>
  <si>
    <t>12/17/2019 11:24:28</t>
  </si>
  <si>
    <t>12/17/2019 11:24:55</t>
  </si>
  <si>
    <t>12/17/2019 11:25:16</t>
  </si>
  <si>
    <t>12/17/2019 11:25:45</t>
  </si>
  <si>
    <t>12/17/2019 11:28:21</t>
  </si>
  <si>
    <t>8d6bb004-9020-4a75-9a0c-1dd9796f3259.tmp</t>
  </si>
  <si>
    <t>\\acsfs\profiles$\cintiadcf\Downloads\8d6bb004-9020-4a75-9a0c-1dd9796f3259.tmp</t>
  </si>
  <si>
    <t>12/17/2019 11:25:31</t>
  </si>
  <si>
    <t>.~lock.Relatorio_17_12_2019.xls#</t>
  </si>
  <si>
    <t>\\acsfs\profiles$\cintiadcf\Downloads\.~lock.Relatorio_17_12_2019.xls#</t>
  </si>
  <si>
    <t>12/17/2019 11:25:49</t>
  </si>
  <si>
    <t>lu747215w1e7.tmp</t>
  </si>
  <si>
    <t>\\acsfs\profiles$\CINTIADCF\lu747215w1e7.tmp</t>
  </si>
  <si>
    <t>\\acsfs\profiles$\CINTIADCF\lu747215w1e7.tmp\</t>
  </si>
  <si>
    <t>\\acsfs\profiles$\CINTIADCF\lu747215w1e7.tmp\META-INF\</t>
  </si>
  <si>
    <t>\\acsfs\profiles$\CINTIADCF\lu747215w1e7.tmp\Thumbnails\</t>
  </si>
  <si>
    <t>12/17/2019 11:24:01</t>
  </si>
  <si>
    <t>12/17/2019 11:24:31</t>
  </si>
  <si>
    <t>12/17/2019 11:26:01</t>
  </si>
  <si>
    <t>12/17/2019 11:27:32</t>
  </si>
  <si>
    <t>12/17/2019 11:27:05</t>
  </si>
  <si>
    <t>4e8cbb43-d4d5-4c3c-8a1d-1366af4bdf29.tmp</t>
  </si>
  <si>
    <t>\\acsfs\profiles$\YASMINSC\Downloads\4e8cbb43-d4d5-4c3c-8a1d-1366af4bdf29.tmp</t>
  </si>
  <si>
    <t>12/17/2019 11:27:03</t>
  </si>
  <si>
    <t>12/17/2019 11:29:21</t>
  </si>
  <si>
    <t>12/17/2019 11:28:03</t>
  </si>
  <si>
    <t>12/17/2019 11:29:50</t>
  </si>
  <si>
    <t>12/17/2019 11:30:21</t>
  </si>
  <si>
    <t>mail.google.com/_/upload?authuser=0&amp;dcp=asu-n&amp;upload_id=AEnB2Uqj8WzOoNAvGw1CaNnbdExPlA8_pGxxW7fj2msIUe1Z4wmu2WX32ChZCKAni4MhVQ8GeIrfXahnWiyzI0m6ZjSF_tOJ7clhN9SBtdG67CyVTFtRjNg&amp;upload_protocol=resumable</t>
  </si>
  <si>
    <t>Cancelamentos 11.2019.xlsx</t>
  </si>
  <si>
    <t>12/17/2019 11:25:39</t>
  </si>
  <si>
    <t>https://udpwfmniceap02/web/guest/home?p_auth=xv8jwz8a&amp;p_p_id=58&amp;p_p_lifecycle=1&amp;p_p_state=maximized&amp;p_p_mode=view&amp;savelastpath=0&amp;_58_struts_action=/login/forgot_password</t>
  </si>
  <si>
    <t>12/17/2019 11:25:44</t>
  </si>
  <si>
    <t>12/17/2019 11:31:20</t>
  </si>
  <si>
    <t>10.200.66.164</t>
  </si>
  <si>
    <t>74-86-7A-FC-CF-4B</t>
  </si>
  <si>
    <t>VOTORANT-ABB008</t>
  </si>
  <si>
    <t>alinegs</t>
  </si>
  <si>
    <t>12/17/2019 11:25:28</t>
  </si>
  <si>
    <t>632ce2a1-300d-465a-8550-34508c750279.tmp</t>
  </si>
  <si>
    <t>\\acsfs\profiles$\raicabog\Downloads\632ce2a1-300d-465a-8550-34508c750279.tmp</t>
  </si>
  <si>
    <t>12/17/2019 11:26:03</t>
  </si>
  <si>
    <t>12/17/2019 11:26:12</t>
  </si>
  <si>
    <t>12/17/2019 11:26:22</t>
  </si>
  <si>
    <t>12/17/2019 11:26:29</t>
  </si>
  <si>
    <t>12/17/2019 11:26:32</t>
  </si>
  <si>
    <t>12/17/2019 11:26:36</t>
  </si>
  <si>
    <t>12/17/2019 11:26:45</t>
  </si>
  <si>
    <t>bianca.boari@dxc.com;bvs-centralcartoes@bv.com.br;fernandorsju@algartech.com;kesiadof@algartech.com;marianeps@algartech.com;talmaiardo@algartech.com;thiagordu@algartech.com;</t>
  </si>
  <si>
    <t>bianca.boari@dxc.com,bvs-centralcartoes@bv.com.br,fernandorsju@algartech.com,kesiadof@algartech.com,marianeps@algartech.com,talmaiardo@algartech.com,thiagordu@algartech.com</t>
  </si>
  <si>
    <t>12/17/2019 11:26:48</t>
  </si>
  <si>
    <t>12/17/2019 11:27:37</t>
  </si>
  <si>
    <t>12/17/2019 11:27:42</t>
  </si>
  <si>
    <t>mail.google.com/sync/u/0/i/s?hl=pt-BR&amp;c=186</t>
  </si>
  <si>
    <t>12/17/2019 11:28:06</t>
  </si>
  <si>
    <t>12/17/2019 11:28:12</t>
  </si>
  <si>
    <t>12/17/2019 11:28:17</t>
  </si>
  <si>
    <t>12/17/2019 11:30:29</t>
  </si>
  <si>
    <t>mail.google.com/sync/u/0/i/s?hl=pt-BR&amp;c=205</t>
  </si>
  <si>
    <t>12/17/2019 11:29:03</t>
  </si>
  <si>
    <t>12/17/2019 11:33:20</t>
  </si>
  <si>
    <t>12/17/2019 11:32:03</t>
  </si>
  <si>
    <t>12/17/2019 11:28:32</t>
  </si>
  <si>
    <t>12/17/2019 11:29:02</t>
  </si>
  <si>
    <t>12/17/2019 11:33:03</t>
  </si>
  <si>
    <t>12/17/2019 11:34:21</t>
  </si>
  <si>
    <t>12/17/2019 11:31:33</t>
  </si>
  <si>
    <t>/o=exchangelabs/ou=exchange administrative group (fydibohf23spdlt)/cn=recipients/cn=8b5b63d67af648d081a40c45cc800804-fabiana per;carla.campisi@bradesco.com.br;ideniraa@algartech.com.br;isabelaaf@algartech.com.br;leonardoamf@algartech.com.br;poliane.amaral@bradesco.com.br;thaismo@algartech.com.br;tiagorpf@algartech.com.br;vanusaos@algartech.com.br;</t>
  </si>
  <si>
    <t>RES: BACKLOG - FILAS DE RETORNO - AÇÃO ALGAR</t>
  </si>
  <si>
    <t>BASE FILAS DE RETORNO - 17122019.xlsx</t>
  </si>
  <si>
    <t>/o=exchangelabs/ou=exchange administrative group (fydibohf23spdlt)/cn=recipients/cn=8b5b63d67af648d081a40c45cc800804-fabiana per,carla.campisi@bradesco.com.br,ideniraa@algartech.com.br,isabelaaf@algartech.com.br,leonardoamf@algartech.com.br,poliane.amaral@bradesco.com.br,thaismo@algartech.com.br,tiagorpf@algartech.com.br,vanusaos@algartech.com.br</t>
  </si>
  <si>
    <t>12/17/2019 11:33:32</t>
  </si>
  <si>
    <t>12/17/2019 11:36:21</t>
  </si>
  <si>
    <t>12/17/2019 11:36:06</t>
  </si>
  <si>
    <t>12/17/2019 11:38:21</t>
  </si>
  <si>
    <t>Lista presença Potenciais.xlsx</t>
  </si>
  <si>
    <t>12/17/2019 11:34:03</t>
  </si>
  <si>
    <t>12/17/2019 11:39:21</t>
  </si>
  <si>
    <t>12/17/2019 11:40:21</t>
  </si>
  <si>
    <t>12/17/2019 11:39:03</t>
  </si>
  <si>
    <t>12/17/2019 11:39:11</t>
  </si>
  <si>
    <t>12/17/2019 11:37:05</t>
  </si>
  <si>
    <t>12/17/2019 11:41:21</t>
  </si>
  <si>
    <t>12/17/2019 11:38:57</t>
  </si>
  <si>
    <t>12/17/2019 11:42:21</t>
  </si>
  <si>
    <t>12/17/2019 11:39:01</t>
  </si>
  <si>
    <t>Melhoria de Consistência de Penetration - Fraude.xlsx</t>
  </si>
  <si>
    <t>12/17/2019 11:39:32</t>
  </si>
  <si>
    <t>12/17/2019 11:43:21</t>
  </si>
  <si>
    <t>12/17/2019 11:40:02</t>
  </si>
  <si>
    <t>12/17/2019 11:39:41</t>
  </si>
  <si>
    <t>253472e0-2baf-4654-8c21-57ff5957bf65.tmp</t>
  </si>
  <si>
    <t>\\acsfs\profiles$\geovannasm\Downloads\253472e0-2baf-4654-8c21-57ff5957bf65.tmp</t>
  </si>
  <si>
    <t>12/17/2019 11:41:00</t>
  </si>
  <si>
    <t>12/17/2019 11:44:21</t>
  </si>
  <si>
    <t>lu114412ybg5.tmp</t>
  </si>
  <si>
    <t>\\acsfs\profiles$\kamillacr\My Documents\lu114412ybg5.tmp</t>
  </si>
  <si>
    <t>\\acsfs\profiles$\kamillacr\My Documents\lu114412ybg5.tmp\</t>
  </si>
  <si>
    <t>\\acsfs\profiles$\kamillacr\My Documents\lu114412ybg5.tmp\META-INF\</t>
  </si>
  <si>
    <t>\\acsfs\profiles$\kamillacr\My Documents\lu114412ybg5.tmp\Thumbnails\</t>
  </si>
  <si>
    <t>12/17/2019 11:40:03</t>
  </si>
  <si>
    <t>12/17/2019 11:39:28</t>
  </si>
  <si>
    <t>12/17/2019 11:45:21</t>
  </si>
  <si>
    <t>12/17/2019 11:42:28</t>
  </si>
  <si>
    <t>12/17/2019 11:41:10</t>
  </si>
  <si>
    <t>12/17/2019 11:46:21</t>
  </si>
  <si>
    <t>f0bf10df-1423-4fcc-8093-b7159d259d48.tmp</t>
  </si>
  <si>
    <t>\\acsfs\profiles$\gabrielafs\Downloads\f0bf10df-1423-4fcc-8093-b7159d259d48.tmp</t>
  </si>
  <si>
    <t>12/17/2019 11:43:32</t>
  </si>
  <si>
    <t>12/17/2019 11:48:21</t>
  </si>
  <si>
    <t>12/17/2019 11:44:02</t>
  </si>
  <si>
    <t>12/17/2019 11:44:32</t>
  </si>
  <si>
    <t>12/17/2019 11:45:33</t>
  </si>
  <si>
    <t>12/17/2019 11:46:03</t>
  </si>
  <si>
    <t>12/17/2019 11:46:33</t>
  </si>
  <si>
    <t>12/17/2019 11:47:03</t>
  </si>
  <si>
    <t>12/17/2019 11:47:33</t>
  </si>
  <si>
    <t>12/17/2019 11:43:59</t>
  </si>
  <si>
    <t>12/17/2019 11:49:21</t>
  </si>
  <si>
    <t>12/17/2019 11:45:03</t>
  </si>
  <si>
    <t>12/17/2019 11:50:21</t>
  </si>
  <si>
    <t>12/17/2019 11:45:07</t>
  </si>
  <si>
    <t>12/17/2019 11:48:02</t>
  </si>
  <si>
    <t>\\acsfs\deptos\CAS - Coordenação de Arquitetura de Soluções\Projetos\2019\NetFlix\207414 - NETFLIX - SAC\Proposta\Apresentacao Netflix Final vs Ing.pptx\</t>
  </si>
  <si>
    <t>12/17/2019 11:47:36</t>
  </si>
  <si>
    <t>33d3bf10-396d-4d75-adb6-73cef5cd73e5.tmp</t>
  </si>
  <si>
    <t>\\acsfs\profiles$\paulovadc\Downloads\33d3bf10-396d-4d75-adb6-73cef5cd73e5.tmp</t>
  </si>
  <si>
    <t>12/17/2019 11:52:03</t>
  </si>
  <si>
    <t>12/17/2019 11:53:21</t>
  </si>
  <si>
    <t>12/17/2019 11:52:33</t>
  </si>
  <si>
    <t>12/17/2019 11:53:03</t>
  </si>
  <si>
    <t>12/17/2019 11:51:03</t>
  </si>
  <si>
    <t>12/17/2019 11:54:21</t>
  </si>
  <si>
    <t>12/17/2019 11:55:21</t>
  </si>
  <si>
    <t>12/17/2019 11:54:50</t>
  </si>
  <si>
    <t>12/17/2019 11:56:21</t>
  </si>
  <si>
    <t>12/17/2019 11:56:15</t>
  </si>
  <si>
    <t>12/17/2019 11:58:21</t>
  </si>
  <si>
    <t>064fe732-8759-44b9-afa2-d93bc8625c06.tmp</t>
  </si>
  <si>
    <t>\\acsfs\profiles$\luanarda\Downloads\064fe732-8759-44b9-afa2-d93bc8625c06.tmp</t>
  </si>
  <si>
    <t>12/17/2019 11:53:33</t>
  </si>
  <si>
    <t>12/17/2019 11:54:03</t>
  </si>
  <si>
    <t>12/17/2019 11:55:37</t>
  </si>
  <si>
    <t>https://udpmailboxap01.acs.com.br:8443/h/search?si=12&amp;so=0&amp;sc=46186&amp;st=conversation&amp;action=compose&amp;paction=paneview</t>
  </si>
  <si>
    <t>12/17/2019 11:56:07</t>
  </si>
  <si>
    <t>12/17/2019 11:56:37</t>
  </si>
  <si>
    <t>12/17/2019 11:57:07</t>
  </si>
  <si>
    <t>12/17/2019 11:57:37</t>
  </si>
  <si>
    <t>12/17/2019 11:58:07</t>
  </si>
  <si>
    <t>joaopsan@algartech.com;</t>
  </si>
  <si>
    <t>https://joaopsan@algartech.com</t>
  </si>
  <si>
    <t>12/17/2019 11:57:03</t>
  </si>
  <si>
    <t>12/17/2019 11:59:21</t>
  </si>
  <si>
    <t>12/17/2019 11:58:03</t>
  </si>
  <si>
    <t>12/17/2019 11:58:09</t>
  </si>
  <si>
    <t>12/17/2019 12:00:20</t>
  </si>
  <si>
    <t>bb4621d7-57a9-42ff-95b5-21737248f952.tmp</t>
  </si>
  <si>
    <t>\\acsfs\profiles$\KARENDSR\Downloads\bb4621d7-57a9-42ff-95b5-21737248f952.tmp</t>
  </si>
  <si>
    <t>12/17/2019 11:57:42</t>
  </si>
  <si>
    <t>12/17/2019 12:01:21</t>
  </si>
  <si>
    <t>12/17/2019 11:55:35</t>
  </si>
  <si>
    <t>91db43b6-c934-42a9-90bb-e83141c5175a.tmp</t>
  </si>
  <si>
    <t>\\acsfs\profiles$\gabrielafs\Downloads\91db43b6-c934-42a9-90bb-e83141c5175a.tmp</t>
  </si>
  <si>
    <t>12/17/2019 11:59:00</t>
  </si>
  <si>
    <t>mail.google.com/sync/u/0/i/s?hl=pt-BR&amp;c=285</t>
  </si>
  <si>
    <t>12/17/2019 11:59:03</t>
  </si>
  <si>
    <t>mail.google.com/sync/u/0/i/s?hl=pt-BR&amp;c=287</t>
  </si>
  <si>
    <t>12/17/2019 11:59:06</t>
  </si>
  <si>
    <t>mail.google.com/sync/u/0/i/s?hl=pt-BR&amp;c=289</t>
  </si>
  <si>
    <t>12/17/2019 11:59:19</t>
  </si>
  <si>
    <t>mail.google.com/sync/u/0/i/s?hl=pt-BR&amp;c=291</t>
  </si>
  <si>
    <t>12/17/2019 11:59:34</t>
  </si>
  <si>
    <t>mail.google.com/sync/u/0/i/s?hl=pt-BR&amp;c=294</t>
  </si>
  <si>
    <t>12/17/2019 11:59:49</t>
  </si>
  <si>
    <t>mail.google.com/_/upload?authuser=0&amp;dcp=asu-n&amp;upload_id=AEnB2Uo071FrwUlP-EHSRePZFBcwYx2CbtgH7t2SAJp_jVXA9Qp3EKR8NEsi8ryf7RjZGbnmoRvh_W5cFuhpYefk2FrQfji_5UsH0vymy6QWtsyTuOeLVyU&amp;upload_protocol=resumable</t>
  </si>
  <si>
    <t>12/17/2019 11:58:17</t>
  </si>
  <si>
    <t>12/17/2019 12:03:21</t>
  </si>
  <si>
    <t>12/17/2019 12:00:04</t>
  </si>
  <si>
    <t>12/17/2019 12:00:34</t>
  </si>
  <si>
    <t>12/17/2019 12:01:04</t>
  </si>
  <si>
    <t>12/17/2019 12:01:34</t>
  </si>
  <si>
    <t>12/17/2019 12:02:04</t>
  </si>
  <si>
    <t>12/17/2019 12:02:26</t>
  </si>
  <si>
    <t>12/17/2019 12:04:20</t>
  </si>
  <si>
    <t>12/17/2019 12:02:31</t>
  </si>
  <si>
    <t>12/17/2019 12:02:32</t>
  </si>
  <si>
    <t>lu114412ybg9.tmp</t>
  </si>
  <si>
    <t>\\acsfs\profiles$\kamillacr\My Documents\lu114412ybg9.tmp</t>
  </si>
  <si>
    <t>\\acsfs\profiles$\kamillacr\My Documents\lu114412ybg9.tmp\</t>
  </si>
  <si>
    <t>\\acsfs\profiles$\kamillacr\My Documents\lu114412ybg9.tmp\META-INF\</t>
  </si>
  <si>
    <t>\\acsfs\profiles$\kamillacr\My Documents\lu114412ybg9.tmp\Thumbnails\</t>
  </si>
  <si>
    <t>12/17/2019 12:03:03</t>
  </si>
  <si>
    <t>12/17/2019 12:03:47</t>
  </si>
  <si>
    <t>12/17/2019 12:05:21</t>
  </si>
  <si>
    <t>c:\users\robsonams\appdata\local\temp\</t>
  </si>
  <si>
    <t>12/17/2019 12:01:07</t>
  </si>
  <si>
    <t>12/17/2019 12:06:20</t>
  </si>
  <si>
    <t>mail.google.com/sync/u/0/i/s?hl=pt-BR&amp;c=299</t>
  </si>
  <si>
    <t>12/17/2019 12:05:44</t>
  </si>
  <si>
    <t>mail.google.com/_/upload?authuser=0&amp;dcp=asu-n&amp;upload_id=AEnB2Urcfa8HDJLqTDdlEJcSZLR6ynNIh4qxOFtvAXgAFJpabLgJn3j58miSAtUD5WRcLrscwnAehdZrc23LU7v0X2LNXO7jpVkHyEWOWlSmV6TX40K30Ic&amp;upload_protocol=resumable</t>
  </si>
  <si>
    <t>alexmarques.silva@avon.com;carina.watanabe@avon.com;danilo.ribeiro.acs@avon.com;lara.lourenco@avon.com;senildapdo@algartech.com;</t>
  </si>
  <si>
    <t>Solicitações de Férias Irregulares - Jan.20.xls</t>
  </si>
  <si>
    <t>alexmarques.silva@avon.com,carina.watanabe@avon.com,danilo.ribeiro.acs@avon.com,lara.lourenco@avon.com,senildapdo@algartech.com</t>
  </si>
  <si>
    <t>12/17/2019 12:04:17</t>
  </si>
  <si>
    <t>12/17/2019 12:08:21</t>
  </si>
  <si>
    <t>12/17/2019 12:04:34</t>
  </si>
  <si>
    <t>678696cc-3046-49ba-a499-920d087364c7.tmp</t>
  </si>
  <si>
    <t>\\acsfs\profiles$\alicecpbc\Downloads\678696cc-3046-49ba-a499-920d087364c7.tmp</t>
  </si>
  <si>
    <t>12/17/2019 12:04:04</t>
  </si>
  <si>
    <t>12/17/2019 12:09:20</t>
  </si>
  <si>
    <t>12/17/2019 12:08:30</t>
  </si>
  <si>
    <t>https://udpwfmniceap02/pt_br/web/guest/home?p_auth=mjo5sjab&amp;p_p_id=58&amp;p_p_lifecycle=1&amp;p_p_state=maximized&amp;p_p_mode=view&amp;savelastpath=0&amp;_58_struts_action=/login/forgot_password</t>
  </si>
  <si>
    <t>12/17/2019 12:10:21</t>
  </si>
  <si>
    <t>12/17/2019 12:10:11</t>
  </si>
  <si>
    <t>12/17/2019 12:11:20</t>
  </si>
  <si>
    <t>12/17/2019 12:08:00</t>
  </si>
  <si>
    <t>2102775c-c18e-44f9-b25b-7652a9fa6135.tmp</t>
  </si>
  <si>
    <t>\\acsfs\profiles$\luanaldsi\Downloads\2102775c-c18e-44f9-b25b-7652a9fa6135.tmp</t>
  </si>
  <si>
    <t>12/17/2019 12:10:37</t>
  </si>
  <si>
    <t>c:\users\wanessabds\appdata\local\temp\</t>
  </si>
  <si>
    <t>solicitações de férias irregulares - jan.20.xls</t>
  </si>
  <si>
    <t>12/17/2019 12:11:58</t>
  </si>
  <si>
    <t>12/17/2019 12:13:20</t>
  </si>
  <si>
    <t>12/17/2019 12:09:03</t>
  </si>
  <si>
    <t>12/17/2019 12:14:21</t>
  </si>
  <si>
    <t>12/17/2019 12:10:03</t>
  </si>
  <si>
    <t>12/17/2019 12:10:49</t>
  </si>
  <si>
    <t>12/17/2019 12:11:01</t>
  </si>
  <si>
    <t>12/17/2019 12:11:11</t>
  </si>
  <si>
    <t>12/17/2019 12:11:19</t>
  </si>
  <si>
    <t>12/17/2019 12:11:28</t>
  </si>
  <si>
    <t>12/17/2019 12:11:29</t>
  </si>
  <si>
    <t>12/17/2019 12:11:30</t>
  </si>
  <si>
    <t>12/17/2019 12:10:50</t>
  </si>
  <si>
    <t>fabianapm@algartech.com;gabriel.a.laregina1@aexp.com;ivia.santos@bradesco.com.br;janaina.arantes@bradesco.com.br;</t>
  </si>
  <si>
    <t>RES: (Case 984298) Concur - Eduardo Adas *** Urgent ***</t>
  </si>
  <si>
    <t>ENC Brazil_card application_979074 CRM006740000966.msg\s1\</t>
  </si>
  <si>
    <t>Brazil JPMORGAN Request Form_979074_N699033.xls</t>
  </si>
  <si>
    <t>fabianapm@algartech.com,gabriel.a.laregina1@aexp.com,ivia.santos@bradesco.com.br,janaina.arantes@bradesco.com.br</t>
  </si>
  <si>
    <t>adrian.a.rodriguez@aexp.com;fabianapm@algartech.com;gabriel.a.laregina1@aexp.com;ivia.santos@bradesco.com.br;janaina.arantes@bradesco.com.br;</t>
  </si>
  <si>
    <t>adrian.a.rodriguez@aexp.com,fabianapm@algartech.com,gabriel.a.laregina1@aexp.com,ivia.santos@bradesco.com.br,janaina.arantes@bradesco.com.br</t>
  </si>
  <si>
    <t>12/17/2019 12:12:21</t>
  </si>
  <si>
    <t>RES: Dashboard Formalização PJ VISA/PJ AMEX - Dezembro/2019</t>
  </si>
  <si>
    <t>2Dezembro_ Formalização.xlsm</t>
  </si>
  <si>
    <t>12/17/2019 12:15:20</t>
  </si>
  <si>
    <t>12/17/2019 12:10:00</t>
  </si>
  <si>
    <t>12/17/2019 12:10:57</t>
  </si>
  <si>
    <t>12/17/2019 12:14:41</t>
  </si>
  <si>
    <t>12/17/2019 12:16:20</t>
  </si>
  <si>
    <t>a92c8416-076f-4119-bee5-c66cf5ae2faa.tmp</t>
  </si>
  <si>
    <t>\\acsfs\profiles$\leticiala\Downloads\a92c8416-076f-4119-bee5-c66cf5ae2faa.tmp</t>
  </si>
  <si>
    <t>12/17/2019 12:13:06</t>
  </si>
  <si>
    <t>\\acsfs\DEPTOS\EDUCACAO EMPRESARIAL\Ligaçoes para MUTANT seg ciclo DEZEMBRO\</t>
  </si>
  <si>
    <t>Matheus Martins Ananias Xavier_1_6765962402102060297_1_32.wav</t>
  </si>
  <si>
    <t>\\acsfs\DEPTOS\EDUCACAO EMPRESARIAL\Ligaçoes para MUTANT seg ciclo DEZEMBRO\Matheus Martins Ananias Xavier_1_6765962402102060297_1_32.wav</t>
  </si>
  <si>
    <t>12/17/2019 12:14:39</t>
  </si>
  <si>
    <t>Template_Alteracao_de_Horario Raquel.xlsx</t>
  </si>
  <si>
    <t>12/17/2019 12:13:15</t>
  </si>
  <si>
    <t>12/17/2019 12:17:20</t>
  </si>
  <si>
    <t>12/17/2019 12:13:45</t>
  </si>
  <si>
    <t>12/17/2019 12:18:19</t>
  </si>
  <si>
    <t>12/17/2019 12:15:05</t>
  </si>
  <si>
    <t>12/17/2019 12:19:20</t>
  </si>
  <si>
    <t>12/17/2019 12:16:10</t>
  </si>
  <si>
    <t>12/17/2019 12:15:39</t>
  </si>
  <si>
    <t>mail.google.com/_/upload?authuser=2&amp;dcp=asu-n&amp;upload_id=AEnB2Uqyo5W9KsyJLngb0HKT2jxXgglufUQnimJvjMfMV8CY0prKOKvulwKPJoCHW261EL7WvEy0e9NGFUgl3PmyT2yh8eVR3Ordb_1vQ6ejX95oHWU-YbA&amp;upload_protocol=resumable</t>
  </si>
  <si>
    <t>base novas ações.xlsx</t>
  </si>
  <si>
    <t>12/17/2019 12:19:36</t>
  </si>
  <si>
    <t>12/17/2019 12:20:20</t>
  </si>
  <si>
    <t>12/17/2019 12:19:15</t>
  </si>
  <si>
    <t>12/17/2019 12:21:20</t>
  </si>
  <si>
    <t>c4943a98-404d-4a0b-9f02-5f09d41fc3c1.tmp</t>
  </si>
  <si>
    <t>\\acsfs\profiles$\gabrielafs\Downloads\c4943a98-404d-4a0b-9f02-5f09d41fc3c1.tmp</t>
  </si>
  <si>
    <t>12/17/2019 12:16:28</t>
  </si>
  <si>
    <t>de67e566-a573-4a91-9216-714620194f52.tmp</t>
  </si>
  <si>
    <t>\\acsfs\profiles$\raicabog\Downloads\de67e566-a573-4a91-9216-714620194f52.tmp</t>
  </si>
  <si>
    <t>12/17/2019 12:17:00</t>
  </si>
  <si>
    <t>mail.google.com/sync/u/0/i/s?hl=pt-BR&amp;c=318</t>
  </si>
  <si>
    <t>12/17/2019 12:17:17</t>
  </si>
  <si>
    <t>12/17/2019 12:17:19</t>
  </si>
  <si>
    <t>12/17/2019 12:17:41</t>
  </si>
  <si>
    <t>12/17/2019 12:17:46</t>
  </si>
  <si>
    <t>12/17/2019 12:17:49</t>
  </si>
  <si>
    <t>mail.google.com/sync/u/0/i/s?hl=pt-BR&amp;c=329</t>
  </si>
  <si>
    <t>12/17/2019 12:19:03</t>
  </si>
  <si>
    <t>12/17/2019 12:19:07</t>
  </si>
  <si>
    <t>bianca.boari@dxc.com;bvs-centralcartoes@bv.com.br;fernandorsju@algartech.com;marianeps@algartech.com;mirianppb@algartech.com;talmaiardo@algartech.com;thiagordu@algartech.com;</t>
  </si>
  <si>
    <t>bianca.boari@dxc.com,bvs-centralcartoes@bv.com.br,fernandorsju@algartech.com,marianeps@algartech.com,mirianppb@algartech.com,talmaiardo@algartech.com,thiagordu@algartech.com</t>
  </si>
  <si>
    <t>12/17/2019 12:21:03</t>
  </si>
  <si>
    <t>12/17/2019 12:24:20</t>
  </si>
  <si>
    <t>12/17/2019 12:22:03</t>
  </si>
  <si>
    <t>12/17/2019 12:24:16</t>
  </si>
  <si>
    <t>12/17/2019 12:25:20</t>
  </si>
  <si>
    <t>12/17/2019 12:24:18</t>
  </si>
  <si>
    <t>lu1803211wy1t.tmp</t>
  </si>
  <si>
    <t>\\acsfs\profiles$\dhiulliananads\My Documents\lu1803211wy1t.tmp</t>
  </si>
  <si>
    <t>\\acsfs\profiles$\dhiulliananads\My Documents\lu1803211wy1t.tmp\</t>
  </si>
  <si>
    <t>\\acsfs\profiles$\dhiulliananads\My Documents\lu1803211wy1t.tmp\META-INF\</t>
  </si>
  <si>
    <t>\\acsfs\profiles$\dhiulliananads\My Documents\lu1803211wy1t.tmp\Thumbnails\</t>
  </si>
  <si>
    <t>12/17/2019 12:20:53</t>
  </si>
  <si>
    <t>12/17/2019 12:26:20</t>
  </si>
  <si>
    <t>12/17/2019 12:23:10</t>
  </si>
  <si>
    <t>12/17/2019 12:23:17</t>
  </si>
  <si>
    <t>12/17/2019 12:23:20</t>
  </si>
  <si>
    <t>12/17/2019 12:23:27</t>
  </si>
  <si>
    <t>12/17/2019 12:23:30</t>
  </si>
  <si>
    <t>12/17/2019 12:23:55</t>
  </si>
  <si>
    <t>FLAVIA CRISTINE DA SILVA TEIXEIRA_1_6766314447686409573_1_32.wav</t>
  </si>
  <si>
    <t>\\acsfs\DEPTOS\EDUCACAO EMPRESARIAL\Ligaçoes para MUTANT seg ciclo DEZEMBRO\FLAVIA CRISTINE DA SILVA TEIXEIRA_1_6766314447686409573_1_32.wav</t>
  </si>
  <si>
    <t>12/17/2019 12:25:48</t>
  </si>
  <si>
    <t>12/17/2019 12:27:19</t>
  </si>
  <si>
    <t>12/17/2019 12:24:47</t>
  </si>
  <si>
    <t>169f9e0b-54e3-49e6-8478-9a487e816888.tmp</t>
  </si>
  <si>
    <t>\\acsfs\profiles$\deboraaa\Downloads\169f9e0b-54e3-49e6-8478-9a487e816888.tmp</t>
  </si>
  <si>
    <t>12/17/2019 12:27:03</t>
  </si>
  <si>
    <t>12/17/2019 12:29:20</t>
  </si>
  <si>
    <t>12/17/2019 12:28:03</t>
  </si>
  <si>
    <t>12/17/2019 12:25:18</t>
  </si>
  <si>
    <t>12/17/2019 12:30:20</t>
  </si>
  <si>
    <t>12/17/2019 12:29:41</t>
  </si>
  <si>
    <t>12/17/2019 12:31:20</t>
  </si>
  <si>
    <t>12/17/2019 12:27:20</t>
  </si>
  <si>
    <t>12/17/2019 12:32:19</t>
  </si>
  <si>
    <t>a17f58d2-fa84-4a3a-ad19-5c1f00019e96.tmp</t>
  </si>
  <si>
    <t>\\acsfs\profiles$\deboraaa\Downloads\a17f58d2-fa84-4a3a-ad19-5c1f00019e96.tmp</t>
  </si>
  <si>
    <t>12/17/2019 12:30:46</t>
  </si>
  <si>
    <t>139a506c-d005-4fe5-99cd-678b916e0c27.tmp</t>
  </si>
  <si>
    <t>\\acsfs\profiles$\deboraaa\Downloads\139a506c-d005-4fe5-99cd-678b916e0c27.tmp</t>
  </si>
  <si>
    <t>12/17/2019 12:31:26</t>
  </si>
  <si>
    <t>12/17/2019 12:33:20</t>
  </si>
  <si>
    <t>61f426a5-0753-4c8e-8f79-710059793291.tmp</t>
  </si>
  <si>
    <t>\\acsfs\profiles$\cintiadcf\Downloads\61f426a5-0753-4c8e-8f79-710059793291.tmp</t>
  </si>
  <si>
    <t>12/17/2019 12:31:31</t>
  </si>
  <si>
    <t>3b132c88-6b8b-4752-8664-1417e4a3e42d.tmp</t>
  </si>
  <si>
    <t>\\acsfs\profiles$\cintiadcf\Downloads\3b132c88-6b8b-4752-8664-1417e4a3e42d.tmp</t>
  </si>
  <si>
    <t>12/17/2019 12:33:03</t>
  </si>
  <si>
    <t>12/17/2019 12:34:20</t>
  </si>
  <si>
    <t>12/17/2019 12:34:08</t>
  </si>
  <si>
    <t>12/17/2019 12:36:21</t>
  </si>
  <si>
    <t>f7ef5cdc-7535-4363-88c9-35e878366be5.tmp</t>
  </si>
  <si>
    <t>\\acsfs\profiles$\sarahbal\Downloads\f7ef5cdc-7535-4363-88c9-35e878366be5.tmp</t>
  </si>
  <si>
    <t>12/17/2019 12:33:24</t>
  </si>
  <si>
    <t>84857db2-4341-43ef-8e47-56c3473b0a15.tmp</t>
  </si>
  <si>
    <t>\\acsfs\profiles$\wenderbnm\Downloads\84857db2-4341-43ef-8e47-56c3473b0a15.tmp</t>
  </si>
  <si>
    <t>12/17/2019 12:32:21</t>
  </si>
  <si>
    <t>003d38ab-9cab-4317-9f77-c01528b32196.tmp</t>
  </si>
  <si>
    <t>\\acsfs\profiles$\deborahsi\Downloads\003d38ab-9cab-4317-9f77-c01528b32196.tmp</t>
  </si>
  <si>
    <t>12/17/2019 12:31:25</t>
  </si>
  <si>
    <t>Flavia Cristina Da Silva Teixeira_1_6766314447686409573_1_32.wav</t>
  </si>
  <si>
    <t>\\acsfs\DEPTOS\EDUCACAO EMPRESARIAL\Ligaçoes para MUTANT seg ciclo DEZEMBRO\Flavia Cristina Da Silva Teixeira_1_6766314447686409573_1_32.wav</t>
  </si>
  <si>
    <t>12/17/2019 12:35:15</t>
  </si>
  <si>
    <t>12/17/2019 12:38:21</t>
  </si>
  <si>
    <t>12/17/2019 12:35:23</t>
  </si>
  <si>
    <t>12/17/2019 12:34:56</t>
  </si>
  <si>
    <t>12/17/2019 12:34:03</t>
  </si>
  <si>
    <t>12/17/2019 12:39:21</t>
  </si>
  <si>
    <t>12/17/2019 12:35:52</t>
  </si>
  <si>
    <t>12/17/2019 12:41:21</t>
  </si>
  <si>
    <t>2e4d3349-64d2-4080-accd-857d701697aa.tmp</t>
  </si>
  <si>
    <t>\\acsfs\profiles$\sarahbal\Downloads\2e4d3349-64d2-4080-accd-857d701697aa.tmp</t>
  </si>
  <si>
    <t>12/17/2019 12:37:47</t>
  </si>
  <si>
    <t>42524c2e-49d6-46d0-88e3-c46f076391d8.tmp</t>
  </si>
  <si>
    <t>\\acsfs\profiles$\gabrielarb\Downloads\42524c2e-49d6-46d0-88e3-c46f076391d8.tmp</t>
  </si>
  <si>
    <t>12/17/2019 12:38:28</t>
  </si>
  <si>
    <t>12/17/2019 12:43:21</t>
  </si>
  <si>
    <t>12/17/2019 12:39:14</t>
  </si>
  <si>
    <t>12/17/2019 12:43:37</t>
  </si>
  <si>
    <t>12/17/2019 12:44:21</t>
  </si>
  <si>
    <t>10.200.67.55</t>
  </si>
  <si>
    <t>78-2B-CB-C1-06-F7</t>
  </si>
  <si>
    <t>VOTORANT-RB007</t>
  </si>
  <si>
    <t>35eafbc7-78f2-4e92-8d11-b7b81a9f2984.tmp</t>
  </si>
  <si>
    <t>\\acsfs\profiles$\sarahbal\Downloads\35eafbc7-78f2-4e92-8d11-b7b81a9f2984.tmp</t>
  </si>
  <si>
    <t>12/17/2019 12:39:03</t>
  </si>
  <si>
    <t>12/17/2019 12:40:03</t>
  </si>
  <si>
    <t>12/17/2019 12:42:43</t>
  </si>
  <si>
    <t>12/17/2019 12:46:21</t>
  </si>
  <si>
    <t>12/17/2019 12:44:55</t>
  </si>
  <si>
    <t>12/17/2019 12:47:21</t>
  </si>
  <si>
    <t>12/17/2019 12:44:56</t>
  </si>
  <si>
    <t>lu1672411orqq.tmp</t>
  </si>
  <si>
    <t>\\acsfs\profiles$\VIVIANALDS\My Documents\lu1672411orqq.tmp</t>
  </si>
  <si>
    <t>\\acsfs\profiles$\VIVIANALDS\My Documents\lu1672411orqq.tmp\</t>
  </si>
  <si>
    <t>\\acsfs\profiles$\VIVIANALDS\My Documents\lu1672411orqq.tmp\META-INF\</t>
  </si>
  <si>
    <t>\\acsfs\profiles$\VIVIANALDS\My Documents\lu1672411orqq.tmp\Thumbnails\</t>
  </si>
  <si>
    <t>12/17/2019 12:46:04</t>
  </si>
  <si>
    <t>8eca040c-60a7-4609-8418-b40d9de8f688.tmp</t>
  </si>
  <si>
    <t>\\acsfs\profiles$\deboraaa\Downloads\8eca040c-60a7-4609-8418-b40d9de8f688.tmp</t>
  </si>
  <si>
    <t>12/17/2019 12:44:58</t>
  </si>
  <si>
    <t>12/17/2019 12:48:20</t>
  </si>
  <si>
    <t>12/17/2019 12:44:42</t>
  </si>
  <si>
    <t>12/17/2019 12:49:21</t>
  </si>
  <si>
    <t>049148e6-ca6a-4eeb-ac5b-50c8f6939f17.tmp</t>
  </si>
  <si>
    <t>\\acsfs\profiles$\sarahbal\Downloads\049148e6-ca6a-4eeb-ac5b-50c8f6939f17.tmp</t>
  </si>
  <si>
    <t>12/17/2019 12:45:17</t>
  </si>
  <si>
    <t>5f433f88-f8a8-42f5-b56b-2623abebeb3f.tmp</t>
  </si>
  <si>
    <t>\\acsfs\profiles$\sarahbal\Downloads\5f433f88-f8a8-42f5-b56b-2623abebeb3f.tmp</t>
  </si>
  <si>
    <t>12/17/2019 12:45:28</t>
  </si>
  <si>
    <t>1929959d-f022-47a4-9f68-fc8839e3bce6.tmp</t>
  </si>
  <si>
    <t>\\acsfs\profiles$\sarahbal\Downloads\1929959d-f022-47a4-9f68-fc8839e3bce6.tmp</t>
  </si>
  <si>
    <t>12/17/2019 12:46:27</t>
  </si>
  <si>
    <t>f23c97cd-0942-4c6f-ac55-c669ca6a056a.tmp</t>
  </si>
  <si>
    <t>\\acsfs\profiles$\sarahbal\Downloads\f23c97cd-0942-4c6f-ac55-c669ca6a056a.tmp</t>
  </si>
  <si>
    <t>12/17/2019 12:46:50</t>
  </si>
  <si>
    <t>9d2ae781-bea3-4e05-a27a-ab68c5846474.tmp</t>
  </si>
  <si>
    <t>\\acsfs\profiles$\sarahbal\Downloads\9d2ae781-bea3-4e05-a27a-ab68c5846474.tmp</t>
  </si>
  <si>
    <t>12/17/2019 12:47:18</t>
  </si>
  <si>
    <t>ee22bfa1-44d8-408e-82d4-cd57121f55d2.tmp</t>
  </si>
  <si>
    <t>\\acsfs\profiles$\sarahbal\Downloads\ee22bfa1-44d8-408e-82d4-cd57121f55d2.tmp</t>
  </si>
  <si>
    <t>12/17/2019 12:45:04</t>
  </si>
  <si>
    <t>12/17/2019 12:48:27</t>
  </si>
  <si>
    <t>ENC: BACKLOG - FILAS DE RETORNO - AÇÃO ALGAR</t>
  </si>
  <si>
    <t>BASE FILAS DE RETORNO - 10122019 - FORMALIZADA.xlsx</t>
  </si>
  <si>
    <t>12/17/2019 12:49:47</t>
  </si>
  <si>
    <t>12/17/2019 12:51:21</t>
  </si>
  <si>
    <t>12/17/2019 12:52:20</t>
  </si>
  <si>
    <t>12/17/2019 12:49:25</t>
  </si>
  <si>
    <t>12/17/2019 12:54:20</t>
  </si>
  <si>
    <t>9c7c19b9-589d-4535-88e6-c11080ac8330.tmp</t>
  </si>
  <si>
    <t>\\acsfs\profiles$\sarahbal\Downloads\9c7c19b9-589d-4535-88e6-c11080ac8330.tmp</t>
  </si>
  <si>
    <t>12/17/2019 12:51:04</t>
  </si>
  <si>
    <t>12/17/2019 12:52:04</t>
  </si>
  <si>
    <t>12/17/2019 12:57:21</t>
  </si>
  <si>
    <t>12/17/2019 12:57:04</t>
  </si>
  <si>
    <t>12/17/2019 12:59:21</t>
  </si>
  <si>
    <t>12/17/2019 12:58:04</t>
  </si>
  <si>
    <t>12/17/2019 13:02:21</t>
  </si>
  <si>
    <t>12/17/2019 12:58:27</t>
  </si>
  <si>
    <t>\\acsfs\DEPTOS\Controladoria\Planejamento\Reuniao Gerencial\2019\4ª Reuger\REUGER\LUCRO ECONOMICO\</t>
  </si>
  <si>
    <t>LUCRO_ECONOMICO_PRECLOS.xlsx</t>
  </si>
  <si>
    <t>12/17/2019 12:58:41</t>
  </si>
  <si>
    <t>CALCULO_LUCRO_ECONOMICO.xlsx</t>
  </si>
  <si>
    <t>12/17/2019 13:01:24</t>
  </si>
  <si>
    <t>12/17/2019 13:03:22</t>
  </si>
  <si>
    <t>76b5835d-01c2-4bed-98e5-959c6a8aaaca.tmp</t>
  </si>
  <si>
    <t>\\acsfs\profiles$\cintiadcf\Downloads\76b5835d-01c2-4bed-98e5-959c6a8aaaca.tmp</t>
  </si>
  <si>
    <t>12/17/2019 13:02:20</t>
  </si>
  <si>
    <t>12/17/2019 13:01:54</t>
  </si>
  <si>
    <t>12/17/2019 13:04:21</t>
  </si>
  <si>
    <t>26b6a846-0a17-4222-96a1-a320e2830c5b.tmp</t>
  </si>
  <si>
    <t>\\acsfs\profiles$\sarahbal\Downloads\26b6a846-0a17-4222-96a1-a320e2830c5b.tmp</t>
  </si>
  <si>
    <t>12/17/2019 13:03:04</t>
  </si>
  <si>
    <t>12/17/2019 13:00:45</t>
  </si>
  <si>
    <t>12/17/2019 13:06:21</t>
  </si>
  <si>
    <t>03aac7b0-c6ea-4249-a04c-440e9bdeeb37.tmp</t>
  </si>
  <si>
    <t>\\acsfs\profiles$\valeriasda\Downloads\03aac7b0-c6ea-4249-a04c-440e9bdeeb37.tmp</t>
  </si>
  <si>
    <t>12/17/2019 13:00:49</t>
  </si>
  <si>
    <t>ca26b1ac-aeee-4635-869c-d3d4999cfe51.tmp</t>
  </si>
  <si>
    <t>\\acsfs\profiles$\valeriasda\Downloads\ca26b1ac-aeee-4635-869c-d3d4999cfe51.tmp</t>
  </si>
  <si>
    <t>12/17/2019 13:00:52</t>
  </si>
  <si>
    <t>86f27a1f-d58b-472d-af69-a17a6e64806b.tmp</t>
  </si>
  <si>
    <t>\\acsfs\profiles$\valeriasda\Downloads\86f27a1f-d58b-472d-af69-a17a6e64806b.tmp</t>
  </si>
  <si>
    <t>12/17/2019 13:07:22</t>
  </si>
  <si>
    <t>12/17/2019 13:05:32</t>
  </si>
  <si>
    <t>12/17/2019 13:09:22</t>
  </si>
  <si>
    <t>12/17/2019 13:04:04</t>
  </si>
  <si>
    <t>12/17/2019 13:10:30</t>
  </si>
  <si>
    <t>12/17/2019 13:11:23</t>
  </si>
  <si>
    <t>50aa24f9-8d7e-48f8-b738-1e3ea59092cd.tmp</t>
  </si>
  <si>
    <t>\\acsfs\profiles$\gabrielarb\Downloads\50aa24f9-8d7e-48f8-b738-1e3ea59092cd.tmp</t>
  </si>
  <si>
    <t>12/17/2019 13:10:33</t>
  </si>
  <si>
    <t>f7b35506-3df2-43d6-acc0-7512d53f2e3e.tmp</t>
  </si>
  <si>
    <t>\\acsfs\profiles$\deborahsi\Downloads\f7b35506-3df2-43d6-acc0-7512d53f2e3e.tmp</t>
  </si>
  <si>
    <t>12/17/2019 13:12:22</t>
  </si>
  <si>
    <t>12/17/2019 13:09:39</t>
  </si>
  <si>
    <t>12/17/2019 13:13:22</t>
  </si>
  <si>
    <t>12/17/2019 13:09:40</t>
  </si>
  <si>
    <t>12/17/2019 13:09:41</t>
  </si>
  <si>
    <t>12/17/2019 13:09:42</t>
  </si>
  <si>
    <t>12/17/2019 13:09:43</t>
  </si>
  <si>
    <t>12/17/2019 13:09:44</t>
  </si>
  <si>
    <t>12/17/2019 13:09:45</t>
  </si>
  <si>
    <t>12/17/2019 13:09:46</t>
  </si>
  <si>
    <t>12/17/2019 13:09:47</t>
  </si>
  <si>
    <t>12/17/2019 13:09:48</t>
  </si>
  <si>
    <t>12/17/2019 13:09:49</t>
  </si>
  <si>
    <t>12/17/2019 13:09:50</t>
  </si>
  <si>
    <t>12/17/2019 13:09:51</t>
  </si>
  <si>
    <t>12/17/2019 13:09:52</t>
  </si>
  <si>
    <t>12/17/2019 13:09:53</t>
  </si>
  <si>
    <t>12/17/2019 13:09:54</t>
  </si>
  <si>
    <t>12/17/2019 13:09:55</t>
  </si>
  <si>
    <t>12/17/2019 13:09:56</t>
  </si>
  <si>
    <t>12/17/2019 13:09:27</t>
  </si>
  <si>
    <t>12/17/2019 13:12:29</t>
  </si>
  <si>
    <t>12/17/2019 13:14:22</t>
  </si>
  <si>
    <t>12/17/2019 13:09:04</t>
  </si>
  <si>
    <t>12/17/2019 13:10:04</t>
  </si>
  <si>
    <t>12/17/2019 13:15:22</t>
  </si>
  <si>
    <t>12/17/2019 13:16:20</t>
  </si>
  <si>
    <t>12/17/2019 13:17:22</t>
  </si>
  <si>
    <t>12/17/2019 13:15:04</t>
  </si>
  <si>
    <t>12/17/2019 13:19:22</t>
  </si>
  <si>
    <t>12/17/2019 13:16:04</t>
  </si>
  <si>
    <t>12/17/2019 13:16:06</t>
  </si>
  <si>
    <t>12/17/2019 13:20:23</t>
  </si>
  <si>
    <t>12/17/2019 13:19:25</t>
  </si>
  <si>
    <t>12/17/2019 13:20:00</t>
  </si>
  <si>
    <t>12/17/2019 13:21:22</t>
  </si>
  <si>
    <t>7ca41779-5708-4487-8e25-7edd79cce52f.tmp</t>
  </si>
  <si>
    <t>\\acsfs\profiles$\danielta\Downloads\7ca41779-5708-4487-8e25-7edd79cce52f.tmp</t>
  </si>
  <si>
    <t>12/17/2019 13:16:37</t>
  </si>
  <si>
    <t>6a48a021-25e3-4e0b-9e6c-71620cc7072e.tmp</t>
  </si>
  <si>
    <t>\\acsfs\profiles$\deborahsi\Downloads\6a48a021-25e3-4e0b-9e6c-71620cc7072e.tmp</t>
  </si>
  <si>
    <t>12/17/2019 13:22:22</t>
  </si>
  <si>
    <t>12/17/2019 13:21:55</t>
  </si>
  <si>
    <t>12/17/2019 13:23:22</t>
  </si>
  <si>
    <t>12/17/2019 13:19:13</t>
  </si>
  <si>
    <t>12/17/2019 13:19:43</t>
  </si>
  <si>
    <t>12/17/2019 13:22:13</t>
  </si>
  <si>
    <t>12/17/2019 13:20:20</t>
  </si>
  <si>
    <t>2681563b-d43c-4646-89de-e270c79e08f8.tmp</t>
  </si>
  <si>
    <t>\\acsfs\profiles$\geovannasm\Downloads\2681563b-d43c-4646-89de-e270c79e08f8.tmp</t>
  </si>
  <si>
    <t>12/17/2019 13:21:04</t>
  </si>
  <si>
    <t>12/17/2019 13:24:23</t>
  </si>
  <si>
    <t>12/17/2019 13:22:04</t>
  </si>
  <si>
    <t>12/17/2019 13:25:08</t>
  </si>
  <si>
    <t>12/17/2019 13:26:22</t>
  </si>
  <si>
    <t>Novo Documento de Texto (2).txt</t>
  </si>
  <si>
    <t>\\acsfs\DEPTOS\Operacao\Banco_Votorantim\Qualidade\Anderson\Jose\Novo Documento de Texto (2).txt</t>
  </si>
  <si>
    <t>12/17/2019 13:24:54</t>
  </si>
  <si>
    <t>12/17/2019 13:27:23</t>
  </si>
  <si>
    <t>https://algar.folhasinergyrh.com.br/afastamento/forms</t>
  </si>
  <si>
    <t>12/17/2019 13:26:19</t>
  </si>
  <si>
    <t>12/17/2019 13:28:22</t>
  </si>
  <si>
    <t>lista de presença next (17-12-2019).xlsx</t>
  </si>
  <si>
    <t>12/17/2019 13:23:35</t>
  </si>
  <si>
    <t>recibo de reembolso - iramilda - 1712.xls</t>
  </si>
  <si>
    <t>12/17/2019 13:23:43</t>
  </si>
  <si>
    <t>12/17/2019 13:26:43</t>
  </si>
  <si>
    <t>12/17/2019 13:27:13</t>
  </si>
  <si>
    <t>12/17/2019 13:26:37</t>
  </si>
  <si>
    <t>f9a9d52b-acf8-46ee-ad91-d1523f1bce9c.tmp</t>
  </si>
  <si>
    <t>\\acsfs\profiles$\ERICALSR\Downloads\f9a9d52b-acf8-46ee-ad91-d1523f1bce9c.tmp</t>
  </si>
  <si>
    <t>12/17/2019 13:27:35</t>
  </si>
  <si>
    <t>12/17/2019 13:29:22</t>
  </si>
  <si>
    <t>10.200.66.120</t>
  </si>
  <si>
    <t>6ff604a9-08a9-44a5-ba54-8ccce55e8587.tmp</t>
  </si>
  <si>
    <t>\\acsfs\profiles$\layonmof\Downloads\6ff604a9-08a9-44a5-ba54-8ccce55e8587.tmp</t>
  </si>
  <si>
    <t>12/17/2019 13:28:06</t>
  </si>
  <si>
    <t>af1c774c-649a-49ac-9898-7ad438033225.tmp</t>
  </si>
  <si>
    <t>\\acsfs\profiles$\layonmof\Downloads\af1c774c-649a-49ac-9898-7ad438033225.tmp</t>
  </si>
  <si>
    <t>12/17/2019 13:27:33</t>
  </si>
  <si>
    <t>351c8a2d-1088-483a-8716-d65fc5d10fb5.tmp</t>
  </si>
  <si>
    <t>\\acsfs\profiles$\sarahbal\Downloads\351c8a2d-1088-483a-8716-d65fc5d10fb5.tmp</t>
  </si>
  <si>
    <t>12/17/2019 13:27:04</t>
  </si>
  <si>
    <t>12/17/2019 13:28:04</t>
  </si>
  <si>
    <t>12/17/2019 13:27:46</t>
  </si>
  <si>
    <t>12/17/2019 13:30:22</t>
  </si>
  <si>
    <t>aed0428b-8770-4802-b1cf-31145d54b480.tmp</t>
  </si>
  <si>
    <t>\\acsfs\profiles$\ayalabfi\Downloads\aed0428b-8770-4802-b1cf-31145d54b480.tmp</t>
  </si>
  <si>
    <t>12/17/2019 13:28:32</t>
  </si>
  <si>
    <t>12/17/2019 13:31:22</t>
  </si>
  <si>
    <t>113e7928-1043-4faa-96bb-fa87355694e1.tmp</t>
  </si>
  <si>
    <t>\\acsfs\profiles$\leticiala\Downloads\113e7928-1043-4faa-96bb-fa87355694e1.tmp</t>
  </si>
  <si>
    <t>12/17/2019 13:33:22</t>
  </si>
  <si>
    <t>12/17/2019 13:32:05</t>
  </si>
  <si>
    <t>12/17/2019 13:28:17</t>
  </si>
  <si>
    <t>12/17/2019 13:32:21</t>
  </si>
  <si>
    <t>12/17/2019 13:31:37</t>
  </si>
  <si>
    <t>12/17/2019 13:31:46</t>
  </si>
  <si>
    <t>12/17/2019 13:29:44</t>
  </si>
  <si>
    <t>12/17/2019 13:33:04</t>
  </si>
  <si>
    <t>12/17/2019 13:34:22</t>
  </si>
  <si>
    <t>12/17/2019 13:34:09</t>
  </si>
  <si>
    <t>12/17/2019 13:35:22</t>
  </si>
  <si>
    <t>12/17/2019 13:34:19</t>
  </si>
  <si>
    <t>12/17/2019 13:30:01</t>
  </si>
  <si>
    <t>mail.google.com/_/upload?authuser=0&amp;dcp=asu-n&amp;upload_id=AEnB2UrVMqYzwskER2W9cnDKyhbHzphLmDWywsA7Bx5JOY4oVQibyq8bl7rv2OR8t7ccoZAi--j96f5kWvxDR3tEIDAMiqAYySWlggSN3m8W_sHA4mdWrg8&amp;upload_protocol=resumable</t>
  </si>
  <si>
    <t>lucianopa@algartech.com;paulocruz@algartech.com;</t>
  </si>
  <si>
    <t>Faturas Pagas.xlsx</t>
  </si>
  <si>
    <t>lucianopa@algartech.com,paulocruz@algartech.com</t>
  </si>
  <si>
    <t>mail.google.com/_/upload?authuser=0&amp;dcp=asu-n&amp;upload_id=AEnB2UpAUmHTNcciAb7OKvyhiiVeUnIVK2qr-_cVGCPZiXXqw3h2jATz3QVy7UdpqinXp7GtMwvH2oBivpvTebtQwDEBtJIQeKInnlfdTlZja74iFBKt25M&amp;upload_protocol=resumable</t>
  </si>
  <si>
    <t>Faturas Pendentes.xlsx</t>
  </si>
  <si>
    <t>12/17/2019 13:34:18</t>
  </si>
  <si>
    <t>12/17/2019 13:36:22</t>
  </si>
  <si>
    <t>12/17/2019 13:31:17</t>
  </si>
  <si>
    <t>12/17/2019 13:36:00</t>
  </si>
  <si>
    <t>12/17/2019 13:37:22</t>
  </si>
  <si>
    <t>12/17/2019 13:36:04</t>
  </si>
  <si>
    <t>12/17/2019 13:38:22</t>
  </si>
  <si>
    <t>mail.google.com/_/upload?authuser=0&amp;dcp=asu-n&amp;upload_id=AEnB2Up55McQkgyMR2qeh3VLjyXHFL9ZrRQOOZ-6bK5xUyYSqU_9xLG4AUJrgbJmybOaP7cUQByjCJeSDVN4hReSacSsgl7MCDVYsnZfK__l36DAQ3sqlc4&amp;upload_protocol=resumable</t>
  </si>
  <si>
    <t>\\acsfs\deptos\PMO Governança\08 - GOVERNANÇA DE COMPRAS\01 - Estruturação Governança\Propostas de Governança_v4.pptx\</t>
  </si>
  <si>
    <t>12/17/2019 13:35:44</t>
  </si>
  <si>
    <t>12/17/2019 13:36:14</t>
  </si>
  <si>
    <t>12/17/2019 13:35:23</t>
  </si>
  <si>
    <t>12/17/2019 13:39:22</t>
  </si>
  <si>
    <t>eb254467-241c-4067-868d-54141dc8e367.tmp</t>
  </si>
  <si>
    <t>\\acsfs\profiles$\layonmof\Downloads\eb254467-241c-4067-868d-54141dc8e367.tmp</t>
  </si>
  <si>
    <t>12/17/2019 13:36:19</t>
  </si>
  <si>
    <t>813656f3-fc13-4b4f-ac65-381a31970a59.tmp</t>
  </si>
  <si>
    <t>\\acsfs\profiles$\layonmof\Downloads\813656f3-fc13-4b4f-ac65-381a31970a59.tmp</t>
  </si>
  <si>
    <t>12/17/2019 13:34:04</t>
  </si>
  <si>
    <t>12/17/2019 13:36:26</t>
  </si>
  <si>
    <t>12/17/2019 13:40:22</t>
  </si>
  <si>
    <t>12/17/2019 13:34:33</t>
  </si>
  <si>
    <t>12/17/2019 13:35:11</t>
  </si>
  <si>
    <t>12/17/2019 13:39:10</t>
  </si>
  <si>
    <t>12/17/2019 13:41:22</t>
  </si>
  <si>
    <t>ee14fc0d-f21c-415a-b325-c1a4a5b78af5.tmp</t>
  </si>
  <si>
    <t>\\acsfs\profiles$\gabrielarb\Downloads\ee14fc0d-f21c-415a-b325-c1a4a5b78af5.tmp</t>
  </si>
  <si>
    <t>12/17/2019 13:43:22</t>
  </si>
  <si>
    <t>12/17/2019 13:40:45</t>
  </si>
  <si>
    <t>12/17/2019 13:41:15</t>
  </si>
  <si>
    <t>12/17/2019 13:41:45</t>
  </si>
  <si>
    <t>12/17/2019 13:43:21</t>
  </si>
  <si>
    <t>12/17/2019 13:44:22</t>
  </si>
  <si>
    <t>47a1e659-de99-41ca-86c7-a636c0145e36.tmp</t>
  </si>
  <si>
    <t>\\acsfs\profiles$\layonmof\Downloads\47a1e659-de99-41ca-86c7-a636c0145e36.tmp</t>
  </si>
  <si>
    <t>12/17/2019 13:42:28</t>
  </si>
  <si>
    <t>8529b1ff-1a86-4d5a-9af7-0ed65db07cc1.tmp</t>
  </si>
  <si>
    <t>\\acsfs\profiles$\KARENJSS\Downloads\8529b1ff-1a86-4d5a-9af7-0ed65db07cc1.tmp</t>
  </si>
  <si>
    <t>12/17/2019 13:43:28</t>
  </si>
  <si>
    <t>f112a7bd-9af7-4db4-a695-e06ae76e6da0.tmp</t>
  </si>
  <si>
    <t>\\acsfs\profiles$\KARENJSS\Downloads\f112a7bd-9af7-4db4-a695-e06ae76e6da0.tmp</t>
  </si>
  <si>
    <t>12/17/2019 13:39:04</t>
  </si>
  <si>
    <t>12/17/2019 13:40:04</t>
  </si>
  <si>
    <t>12/17/2019 13:43:00</t>
  </si>
  <si>
    <t>12/17/2019 13:45:23</t>
  </si>
  <si>
    <t>12/17/2019 13:41:24</t>
  </si>
  <si>
    <t>12/17/2019 13:46:22</t>
  </si>
  <si>
    <t>b7f1cfde-a239-49ac-b062-1e4b0001627b.tmp</t>
  </si>
  <si>
    <t>\\acsfs\profiles$\gabrielarb\Downloads\b7f1cfde-a239-49ac-b062-1e4b0001627b.tmp</t>
  </si>
  <si>
    <t>12/17/2019 13:44:59</t>
  </si>
  <si>
    <t>da3becf6-894f-4c84-969f-2bd570e36e31.tmp</t>
  </si>
  <si>
    <t>\\acsfs\profiles$\brendadsl\Downloads\da3becf6-894f-4c84-969f-2bd570e36e31.tmp</t>
  </si>
  <si>
    <t>12/17/2019 13:45:02</t>
  </si>
  <si>
    <t>81587ffd-8230-4258-aef7-a72cd9302784.tmp</t>
  </si>
  <si>
    <t>\\acsfs\profiles$\brendadsl\Downloads\81587ffd-8230-4258-aef7-a72cd9302784.tmp</t>
  </si>
  <si>
    <t>12/17/2019 13:45:05</t>
  </si>
  <si>
    <t>7c84f193-8fa7-4a49-8809-39f7c49e0f6b.tmp</t>
  </si>
  <si>
    <t>\\acsfs\profiles$\brendadsl\Downloads\7c84f193-8fa7-4a49-8809-39f7c49e0f6b.tmp</t>
  </si>
  <si>
    <t>12/17/2019 13:45:06</t>
  </si>
  <si>
    <t>c1173f0a-d443-4896-8dfc-b06a8686df8d.tmp</t>
  </si>
  <si>
    <t>\\acsfs\profiles$\brendadsl\Downloads\c1173f0a-d443-4896-8dfc-b06a8686df8d.tmp</t>
  </si>
  <si>
    <t>12/17/2019 13:45:08</t>
  </si>
  <si>
    <t>53866747-20c4-4b8e-ba9d-a011b5f94072.tmp</t>
  </si>
  <si>
    <t>\\acsfs\profiles$\brendadsl\Downloads\53866747-20c4-4b8e-ba9d-a011b5f94072.tmp</t>
  </si>
  <si>
    <t>12/17/2019 13:44:16</t>
  </si>
  <si>
    <t>12/17/2019 13:47:21</t>
  </si>
  <si>
    <t>800ad2dc-0830-4893-9b50-9753f664d5d7.tmp</t>
  </si>
  <si>
    <t>\\acsfs\profiles$\matheushds\Downloads\800ad2dc-0830-4893-9b50-9753f664d5d7.tmp</t>
  </si>
  <si>
    <t>12/17/2019 13:42:57</t>
  </si>
  <si>
    <t>\\acsfs\profiles$\bernardopcm\Contacts\</t>
  </si>
  <si>
    <t>BERNARDO PATRICK CARNEIRO MOTA (22).contact</t>
  </si>
  <si>
    <t>\\acsfs\profiles$\bernardopcm\Contacts\BERNARDO PATRICK CARNEIRO MOTA (22).contact</t>
  </si>
  <si>
    <t>12/17/2019 13:43:33</t>
  </si>
  <si>
    <t>\\acsfs\profiles$\bernardopcm\My Documents\My Videos\</t>
  </si>
  <si>
    <t>\\acsfs\profiles$\bernardopcm\My Documents\My Videos\desktop.ini</t>
  </si>
  <si>
    <t>12/17/2019 13:43:34</t>
  </si>
  <si>
    <t>\\acsfs\profiles$\bernardopcm\My Documents\My Pictures\</t>
  </si>
  <si>
    <t>\\acsfs\profiles$\bernardopcm\My Documents\My Pictures\desktop.ini</t>
  </si>
  <si>
    <t>12/17/2019 13:43:35</t>
  </si>
  <si>
    <t>\\acsfs\profiles$\bernardopcm\Contacts\desktop.ini</t>
  </si>
  <si>
    <t>\\acsfs\profiles$\bernardopcm\Favorites\</t>
  </si>
  <si>
    <t>\\acsfs\profiles$\bernardopcm\Favorites\desktop.ini</t>
  </si>
  <si>
    <t>12/17/2019 13:43:36</t>
  </si>
  <si>
    <t>\\acsfs\profiles$\bernardopcm\My Documents\My Music\</t>
  </si>
  <si>
    <t>\\acsfs\profiles$\bernardopcm\My Documents\My Music\desktop.ini</t>
  </si>
  <si>
    <t>12/17/2019 13:43:37</t>
  </si>
  <si>
    <t>\\acsfs\profiles$\bernardopcm\Searches\</t>
  </si>
  <si>
    <t>\\acsfs\profiles$\bernardopcm\Searches\desktop.ini</t>
  </si>
  <si>
    <t>\\acsfs\profiles$\bernardopcm\Downloads\desktop.ini</t>
  </si>
  <si>
    <t>12/17/2019 13:43:38</t>
  </si>
  <si>
    <t>\\acsfs\profiles$\bernardopcm\My Documents\</t>
  </si>
  <si>
    <t>\\acsfs\profiles$\bernardopcm\My Documents\desktop.ini</t>
  </si>
  <si>
    <t>12/17/2019 13:43:40</t>
  </si>
  <si>
    <t>\\acsfs\profiles$\bernardopcm\Saved Games\</t>
  </si>
  <si>
    <t>\\acsfs\profiles$\bernardopcm\Saved Games\desktop.ini</t>
  </si>
  <si>
    <t>\\acsfs\profiles$\BERNARDOPCM\Favorites\Links for Brasil\desktop.ini</t>
  </si>
  <si>
    <t>12/17/2019 13:44:23</t>
  </si>
  <si>
    <t>12/17/2019 13:44:25</t>
  </si>
  <si>
    <t>12/17/2019 13:44:26</t>
  </si>
  <si>
    <t>12/17/2019 13:46:31</t>
  </si>
  <si>
    <t>eedac87f-66b8-47f2-ad73-b601ae710d17.tmp</t>
  </si>
  <si>
    <t>\\acsfs\profiles$\bernardopcm\Downloads\eedac87f-66b8-47f2-ad73-b601ae710d17.tmp</t>
  </si>
  <si>
    <t>12/17/2019 13:48:22</t>
  </si>
  <si>
    <t>10.200.66.151</t>
  </si>
  <si>
    <t>7aed8412-0621-4d20-bae7-fb977f529b56.tmp</t>
  </si>
  <si>
    <t>\\acsfs\profiles$\regisadsa\Downloads\7aed8412-0621-4d20-bae7-fb977f529b56.tmp</t>
  </si>
  <si>
    <t>12/17/2019 13:44:45</t>
  </si>
  <si>
    <t>12/17/2019 13:45:15</t>
  </si>
  <si>
    <t>12/17/2019 13:45:46</t>
  </si>
  <si>
    <t>12/17/2019 13:46:16</t>
  </si>
  <si>
    <t>12/17/2019 13:46:46</t>
  </si>
  <si>
    <t>12/17/2019 13:47:16</t>
  </si>
  <si>
    <t>12/17/2019 13:44:14</t>
  </si>
  <si>
    <t>ba33e559-117f-407d-8be8-ad8291be8263.tmp</t>
  </si>
  <si>
    <t>\\acsfs\profiles$\kellzylenneasr\Downloads\ba33e559-117f-407d-8be8-ad8291be8263.tmp</t>
  </si>
  <si>
    <t>12/17/2019 13:45:04</t>
  </si>
  <si>
    <t>12/17/2019 13:49:21</t>
  </si>
  <si>
    <t>12/17/2019 13:46:04</t>
  </si>
  <si>
    <t>12/17/2019 13:49:22</t>
  </si>
  <si>
    <t>12/17/2019 13:50:22</t>
  </si>
  <si>
    <t>12/17/2019 13:48:01</t>
  </si>
  <si>
    <t>12/17/2019 13:51:21</t>
  </si>
  <si>
    <t>0cddbd15-c854-42aa-b2ee-88b5d0c43224.tmp</t>
  </si>
  <si>
    <t>\\acsfs\profiles$\gabrielarb\Downloads\0cddbd15-c854-42aa-b2ee-88b5d0c43224.tmp</t>
  </si>
  <si>
    <t>12/17/2019 13:47:00</t>
  </si>
  <si>
    <t>15516f27-1e6a-4c18-96cb-aa871de4451d.tmp</t>
  </si>
  <si>
    <t>\\acsfs\profiles$\brendadsl\Downloads\15516f27-1e6a-4c18-96cb-aa871de4451d.tmp</t>
  </si>
  <si>
    <t>12/17/2019 13:47:52</t>
  </si>
  <si>
    <t>ecdf3b9b-b728-4180-a5a4-af5b1f32fa83.tmp</t>
  </si>
  <si>
    <t>\\acsfs\profiles$\brendadsl\Downloads\ecdf3b9b-b728-4180-a5a4-af5b1f32fa83.tmp</t>
  </si>
  <si>
    <t>12/17/2019 13:49:46</t>
  </si>
  <si>
    <t>Bloco 17122019.txt</t>
  </si>
  <si>
    <t>\\acsfs\profiles$\brendadsl\My Documents\Blocos\Blocos Dezembro 2019\Bloco 17122019.txt</t>
  </si>
  <si>
    <t>12/17/2019 13:49:23</t>
  </si>
  <si>
    <t>mail.google.com/_/upload?authuser=0&amp;dcp=asu-n&amp;upload_id=AEnB2Ur4Wart1ktVN3y-RlrHgqeRYKDqi4PsMgRVQ9Z314W2UUKbagmcbxjE-wxyzy0GSX7uX8enbyqGYmnRXu89Mynj_zefFSMUCxBRbziegiLWbS5vV9Q&amp;upload_protocol=resumable</t>
  </si>
  <si>
    <t>C:\Users\yuriifd\Desktop\Reestruturação Treinamento\</t>
  </si>
  <si>
    <t>Plano Mapeamento Treinamento v1.1.xlsb</t>
  </si>
  <si>
    <t>12/17/2019 13:47:25</t>
  </si>
  <si>
    <t>12/17/2019 13:52:22</t>
  </si>
  <si>
    <t>Não confirmado 332842.crdownload</t>
  </si>
  <si>
    <t>\\acsfs\profiles$\bernardopcm\Downloads\Não confirmado 332842.crdownload</t>
  </si>
  <si>
    <t>12/17/2019 13:47:33</t>
  </si>
  <si>
    <t>5864dba1-fb73-4e53-8458-2410401bfb4c.tmp</t>
  </si>
  <si>
    <t>\\acsfs\profiles$\bernardopcm\Downloads\5864dba1-fb73-4e53-8458-2410401bfb4c.tmp</t>
  </si>
  <si>
    <t>12/17/2019 13:47:49</t>
  </si>
  <si>
    <t>Não confirmado 565872.crdownload</t>
  </si>
  <si>
    <t>\\acsfs\profiles$\bernardopcm\Downloads\Não confirmado 565872.crdownload</t>
  </si>
  <si>
    <t>12/17/2019 13:48:59</t>
  </si>
  <si>
    <t>71bbf17f-58e8-4c16-80b7-d1b124a84558.tmp</t>
  </si>
  <si>
    <t>\\acsfs\profiles$\bernardopcm\Downloads\71bbf17f-58e8-4c16-80b7-d1b124a84558.tmp</t>
  </si>
  <si>
    <t>12/17/2019 13:50:58</t>
  </si>
  <si>
    <t>e75c6faa-b677-461c-a518-f4d7752d849b.tmp</t>
  </si>
  <si>
    <t>\\acsfs\profiles$\bernardopcm\Downloads\e75c6faa-b677-461c-a518-f4d7752d849b.tmp</t>
  </si>
  <si>
    <t>12/17/2019 13:51:55</t>
  </si>
  <si>
    <t>08450f2f-e92d-4f62-9038-5b2467916031.tmp</t>
  </si>
  <si>
    <t>\\acsfs\profiles$\bernardopcm\Downloads\08450f2f-e92d-4f62-9038-5b2467916031.tmp</t>
  </si>
  <si>
    <t>12/17/2019 13:48:43</t>
  </si>
  <si>
    <t>12/17/2019 13:51:23</t>
  </si>
  <si>
    <t>12/17/2019 13:53:21</t>
  </si>
  <si>
    <t>12/17/2019 13:48:14</t>
  </si>
  <si>
    <t>ea774d95-3670-4ef0-afe2-c7d2092b02c7.tmp</t>
  </si>
  <si>
    <t>\\acsfs\profiles$\regisadsa\Downloads\ea774d95-3670-4ef0-afe2-c7d2092b02c7.tmp</t>
  </si>
  <si>
    <t>12/17/2019 13:48:39</t>
  </si>
  <si>
    <t>9adac573-25bf-417d-b511-7ed40372eaff.tmp</t>
  </si>
  <si>
    <t>\\acsfs\profiles$\regisadsa\Downloads\9adac573-25bf-417d-b511-7ed40372eaff.tmp</t>
  </si>
  <si>
    <t>12/17/2019 13:50:24</t>
  </si>
  <si>
    <t>fe8c8b42-b4eb-4610-9fa0-953924719794.tmp</t>
  </si>
  <si>
    <t>\\acsfs\profiles$\regisadsa\Downloads\fe8c8b42-b4eb-4610-9fa0-953924719794.tmp</t>
  </si>
  <si>
    <t>12/17/2019 13:48:16</t>
  </si>
  <si>
    <t>12/17/2019 13:48:46</t>
  </si>
  <si>
    <t>12/17/2019 13:52:46</t>
  </si>
  <si>
    <t>12/17/2019 13:52:04</t>
  </si>
  <si>
    <t>12/17/2019 13:51:06</t>
  </si>
  <si>
    <t>12/17/2019 13:54:21</t>
  </si>
  <si>
    <t>12/17/2019 13:49:49</t>
  </si>
  <si>
    <t>12/17/2019 13:55:21</t>
  </si>
  <si>
    <t>12/17/2019 13:53:36</t>
  </si>
  <si>
    <t>12/17/2019 13:56:21</t>
  </si>
  <si>
    <t>7f692861-b90b-4640-ad80-91476c83db41.tmp</t>
  </si>
  <si>
    <t>\\acsfs\profiles$\gabrielamdp\Downloads\7f692861-b90b-4640-ad80-91476c83db41.tmp</t>
  </si>
  <si>
    <t>c4e781af-4ff0-4be5-86e2-9dfe86bf1ffd.tmp</t>
  </si>
  <si>
    <t>\\acsfs\profiles$\gabrielamdp\Downloads\c4e781af-4ff0-4be5-86e2-9dfe86bf1ffd.tmp</t>
  </si>
  <si>
    <t>c35144ee-6ddd-4d51-8e5d-faf159bb94e9.tmp</t>
  </si>
  <si>
    <t>\\acsfs\profiles$\gabrielamdp\Downloads\c35144ee-6ddd-4d51-8e5d-faf159bb94e9.tmp</t>
  </si>
  <si>
    <t>12/17/2019 13:53:37</t>
  </si>
  <si>
    <t>7250a8de-be56-4cba-8c87-01b6ae507bef.tmp</t>
  </si>
  <si>
    <t>\\acsfs\profiles$\gabrielamdp\Downloads\7250a8de-be56-4cba-8c87-01b6ae507bef.tmp</t>
  </si>
  <si>
    <t>12/17/2019 13:53:38</t>
  </si>
  <si>
    <t>c6ce6488-2088-4b05-a68d-d147e3cf0688.tmp</t>
  </si>
  <si>
    <t>\\acsfs\profiles$\gabrielamdp\Downloads\c6ce6488-2088-4b05-a68d-d147e3cf0688.tmp</t>
  </si>
  <si>
    <t>12/17/2019 13:52:26</t>
  </si>
  <si>
    <t>\\acsfs\DEPTOS\Operacao\Banco_Votorantim\Treinamento\</t>
  </si>
  <si>
    <t>monitoria.docx</t>
  </si>
  <si>
    <t>\\acsfs\DEPTOS\Operacao\Banco_Votorantim\Treinamento\monitoria.docx</t>
  </si>
  <si>
    <t>12/17/2019 13:53:02</t>
  </si>
  <si>
    <t>12/17/2019 13:57:21</t>
  </si>
  <si>
    <t>12/17/2019 13:53:03</t>
  </si>
  <si>
    <t>lu1672411orqx.tmp</t>
  </si>
  <si>
    <t>\\acsfs\profiles$\VIVIANALDS\My Documents\lu1672411orqx.tmp</t>
  </si>
  <si>
    <t>\\acsfs\profiles$\VIVIANALDS\My Documents\lu1672411orqx.tmp\</t>
  </si>
  <si>
    <t>\\acsfs\profiles$\VIVIANALDS\My Documents\lu1672411orqx.tmp\META-INF\</t>
  </si>
  <si>
    <t>\\acsfs\profiles$\VIVIANALDS\My Documents\lu1672411orqx.tmp\Thumbnails\</t>
  </si>
  <si>
    <t>12/17/2019 13:53:05</t>
  </si>
  <si>
    <t>12/17/2019 13:53:06</t>
  </si>
  <si>
    <t>lu1672411orr1.tmp</t>
  </si>
  <si>
    <t>\\acsfs\profiles$\VIVIANALDS\My Documents\lu1672411orr1.tmp</t>
  </si>
  <si>
    <t>\\acsfs\profiles$\VIVIANALDS\My Documents\lu1672411orr1.tmp\</t>
  </si>
  <si>
    <t>\\acsfs\profiles$\VIVIANALDS\My Documents\lu1672411orr1.tmp\META-INF\</t>
  </si>
  <si>
    <t>\\acsfs\profiles$\VIVIANALDS\My Documents\lu1672411orr1.tmp\Thumbnails\</t>
  </si>
  <si>
    <t>12/17/2019 13:52:57</t>
  </si>
  <si>
    <t>7fad54a6-e5f5-44d7-9463-83c1e3354e84.tmp</t>
  </si>
  <si>
    <t>\\acsfs\profiles$\bernardopcm\Downloads\7fad54a6-e5f5-44d7-9463-83c1e3354e84.tmp</t>
  </si>
  <si>
    <t>12/17/2019 13:52:14</t>
  </si>
  <si>
    <t>12/17/2019 13:58:21</t>
  </si>
  <si>
    <t>12/17/2019 13:55:40</t>
  </si>
  <si>
    <t>12/17/2019 13:53:16</t>
  </si>
  <si>
    <t>12/17/2019 13:54:50</t>
  </si>
  <si>
    <t>12/17/2019 13:59:21</t>
  </si>
  <si>
    <t>ALERTA INGRID.PNG</t>
  </si>
  <si>
    <t>\\acsfs\DEPTOS\Operacao\Banco_Votorantim\Qualidade\Eliane\ALERTA INGRID.PNG</t>
  </si>
  <si>
    <t>12/17/2019 13:55:06</t>
  </si>
  <si>
    <t>12/17/2019 13:58:25</t>
  </si>
  <si>
    <t>bc1479d8-4b4a-49b9-a94b-291ae03146c0.tmp</t>
  </si>
  <si>
    <t>\\acsfs\profiles$\layonmof\Downloads\bc1479d8-4b4a-49b9-a94b-291ae03146c0.tmp</t>
  </si>
  <si>
    <t>12/17/2019 13:57:04</t>
  </si>
  <si>
    <t>12/17/2019 13:58:04</t>
  </si>
  <si>
    <t>12/17/2019 13:55:41</t>
  </si>
  <si>
    <t>12/17/2019 14:00:21</t>
  </si>
  <si>
    <t>12/17/2019 13:55:53</t>
  </si>
  <si>
    <t>12/17/2019 13:55:55</t>
  </si>
  <si>
    <t>12/17/2019 13:57:58</t>
  </si>
  <si>
    <t>12/17/2019 14:01:21</t>
  </si>
  <si>
    <t>12/17/2019 13:58:35</t>
  </si>
  <si>
    <t>12/17/2019 13:58:56</t>
  </si>
  <si>
    <t>12/17/2019 13:57:35</t>
  </si>
  <si>
    <t>12/17/2019 14:01:42</t>
  </si>
  <si>
    <t>12/17/2019 14:02:20</t>
  </si>
  <si>
    <t>lu1672411orr5.tmp</t>
  </si>
  <si>
    <t>\\acsfs\profiles$\VIVIANALDS\My Documents\lu1672411orr5.tmp</t>
  </si>
  <si>
    <t>\\acsfs\profiles$\VIVIANALDS\My Documents\lu1672411orr5.tmp\</t>
  </si>
  <si>
    <t>\\acsfs\profiles$\VIVIANALDS\My Documents\lu1672411orr5.tmp\META-INF\</t>
  </si>
  <si>
    <t>\\acsfs\profiles$\VIVIANALDS\My Documents\lu1672411orr5.tmp\Thumbnails\</t>
  </si>
  <si>
    <t>12/17/2019 14:00:11</t>
  </si>
  <si>
    <t>12/17/2019 14:03:21</t>
  </si>
  <si>
    <t>12/17/2019 13:58:32</t>
  </si>
  <si>
    <t>Classificacao_de_Ativos_-_SPOF Diesel.xlsx</t>
  </si>
  <si>
    <t>12/17/2019 13:59:17</t>
  </si>
  <si>
    <t>mail.google.com/_/upload?authuser=0&amp;dcp=asu-n&amp;upload_id=AEnB2UqNSFPq8HpsQk2eNc0xhzDTUngv8gyRM9QJcK2sP2K23CGNIzKswZBMU8ZFJOl5CLEQ5CmgltU3T2gwJKmFc2i7E8m28xX27nbkNy92eR8E6en5elY&amp;upload_protocol=resumable</t>
  </si>
  <si>
    <t>12/17/2019 14:03:04</t>
  </si>
  <si>
    <t>12/17/2019 14:04:20</t>
  </si>
  <si>
    <t>12/17/2019 14:01:02</t>
  </si>
  <si>
    <t>12/17/2019 14:05:20</t>
  </si>
  <si>
    <t>lu1803211wy1x.tmp</t>
  </si>
  <si>
    <t>\\acsfs\profiles$\dhiulliananads\My Documents\lu1803211wy1x.tmp</t>
  </si>
  <si>
    <t>\\acsfs\profiles$\dhiulliananads\My Documents\lu1803211wy1x.tmp\</t>
  </si>
  <si>
    <t>\\acsfs\profiles$\dhiulliananads\My Documents\lu1803211wy1x.tmp\META-INF\</t>
  </si>
  <si>
    <t>\\acsfs\profiles$\dhiulliananads\My Documents\lu1803211wy1x.tmp\Thumbnails\</t>
  </si>
  <si>
    <t>12/17/2019 14:01:10</t>
  </si>
  <si>
    <t>12/17/2019 14:01:11</t>
  </si>
  <si>
    <t>lu1803211wy21.tmp</t>
  </si>
  <si>
    <t>\\acsfs\profiles$\dhiulliananads\My Documents\lu1803211wy21.tmp</t>
  </si>
  <si>
    <t>\\acsfs\profiles$\dhiulliananads\My Documents\lu1803211wy21.tmp\</t>
  </si>
  <si>
    <t>\\acsfs\profiles$\dhiulliananads\My Documents\lu1803211wy21.tmp\META-INF\</t>
  </si>
  <si>
    <t>\\acsfs\profiles$\dhiulliananads\My Documents\lu1803211wy21.tmp\Thumbnails\</t>
  </si>
  <si>
    <t>12/17/2019 14:01:13</t>
  </si>
  <si>
    <t>12/17/2019 14:01:14</t>
  </si>
  <si>
    <t>lu1803211wy25.tmp</t>
  </si>
  <si>
    <t>\\acsfs\profiles$\dhiulliananads\My Documents\lu1803211wy25.tmp</t>
  </si>
  <si>
    <t>\\acsfs\profiles$\dhiulliananads\My Documents\lu1803211wy25.tmp\</t>
  </si>
  <si>
    <t>\\acsfs\profiles$\dhiulliananads\My Documents\lu1803211wy25.tmp\META-INF\</t>
  </si>
  <si>
    <t>\\acsfs\profiles$\dhiulliananads\My Documents\lu1803211wy25.tmp\Thumbnails\</t>
  </si>
  <si>
    <t>12/17/2019 14:01:15</t>
  </si>
  <si>
    <t>12/17/2019 14:01:25</t>
  </si>
  <si>
    <t>12/17/2019 14:01:30</t>
  </si>
  <si>
    <t>12/17/2019 14:01:40</t>
  </si>
  <si>
    <t>12/17/2019 14:01:49</t>
  </si>
  <si>
    <t>12/17/2019 14:01:55</t>
  </si>
  <si>
    <t>12/17/2019 14:02:03</t>
  </si>
  <si>
    <t>12/17/2019 14:02:27</t>
  </si>
  <si>
    <t>12/17/2019 14:02:57</t>
  </si>
  <si>
    <t>12/17/2019 14:04:02</t>
  </si>
  <si>
    <t>4b61be17-5ec3-4b95-8d0b-695aefa09b45.tmp</t>
  </si>
  <si>
    <t>\\acsfs\profiles$\victorgl\Downloads\4b61be17-5ec3-4b95-8d0b-695aefa09b45.tmp</t>
  </si>
  <si>
    <t>12/17/2019 14:04:13</t>
  </si>
  <si>
    <t>12/17/2019 14:06:20</t>
  </si>
  <si>
    <t>94e4839a-3682-42be-802a-f1a38c3be735.tmp</t>
  </si>
  <si>
    <t>\\acsfs\profiles$\gabrielamdp\Downloads\94e4839a-3682-42be-802a-f1a38c3be735.tmp</t>
  </si>
  <si>
    <t>12/17/2019 14:01:12</t>
  </si>
  <si>
    <t>12/17/2019 14:01:46</t>
  </si>
  <si>
    <t>mail.google.com/sync/u/0/i/s?hl=pt-BR&amp;c=428</t>
  </si>
  <si>
    <t>12/17/2019 14:01:54</t>
  </si>
  <si>
    <t>mail.google.com/sync/u/0/i/s?hl=pt-BR&amp;c=430</t>
  </si>
  <si>
    <t>12/17/2019 14:02:00</t>
  </si>
  <si>
    <t>mail.google.com/sync/u/0/i/s?hl=pt-BR&amp;c=432</t>
  </si>
  <si>
    <t>12/17/2019 14:03:00</t>
  </si>
  <si>
    <t>12/17/2019 14:03:51</t>
  </si>
  <si>
    <t>12/17/2019 14:07:20</t>
  </si>
  <si>
    <t>12/17/2019 14:08:21</t>
  </si>
  <si>
    <t>12/17/2019 14:08:24</t>
  </si>
  <si>
    <t>12/17/2019 14:09:20</t>
  </si>
  <si>
    <t>ALERTA JULIANA.PNG</t>
  </si>
  <si>
    <t>\\acsfs\DEPTOS\Operacao\Banco_Votorantim\Qualidade\Eliane\ALERTA JULIANA.PNG</t>
  </si>
  <si>
    <t>12/17/2019 14:03:42</t>
  </si>
  <si>
    <t>8d9554e6-3314-400d-b0cf-2e08d72e8935.tmp</t>
  </si>
  <si>
    <t>\\acsfs\profiles$\alinepp\Downloads\8d9554e6-3314-400d-b0cf-2e08d72e8935.tmp</t>
  </si>
  <si>
    <t>12/17/2019 14:04:31</t>
  </si>
  <si>
    <t>72dcf564-e029-43aa-bf18-8994697fb21f.tmp</t>
  </si>
  <si>
    <t>\\acsfs\profiles$\alinepp\Downloads\72dcf564-e029-43aa-bf18-8994697fb21f.tmp</t>
  </si>
  <si>
    <t>12/17/2019 14:05:49</t>
  </si>
  <si>
    <t>50716d51-de85-40c2-9c37-98ff11f5ea16.tmp</t>
  </si>
  <si>
    <t>\\acsfs\profiles$\alinepp\Downloads\50716d51-de85-40c2-9c37-98ff11f5ea16.tmp</t>
  </si>
  <si>
    <t>12/17/2019 14:08:04</t>
  </si>
  <si>
    <t>cc6235f1-828f-4eeb-a2bb-46afa736b101.tmp</t>
  </si>
  <si>
    <t>\\acsfs\profiles$\alinepp\Downloads\cc6235f1-828f-4eeb-a2bb-46afa736b101.tmp</t>
  </si>
  <si>
    <t>12/17/2019 14:07:54</t>
  </si>
  <si>
    <t>6a38256e-bcbb-4897-9c2a-e02c88446541.tmp</t>
  </si>
  <si>
    <t>\\acsfs\profiles$\gabrieleods\Downloads\6a38256e-bcbb-4897-9c2a-e02c88446541.tmp</t>
  </si>
  <si>
    <t>12/17/2019 14:04:04</t>
  </si>
  <si>
    <t>12/17/2019 14:05:18</t>
  </si>
  <si>
    <t>50ebcd07-25dc-46d5-adec-38b475574c78.tmp</t>
  </si>
  <si>
    <t>\\acsfs\profiles$\milenaas\Downloads\50ebcd07-25dc-46d5-adec-38b475574c78.tmp</t>
  </si>
  <si>
    <t>12/17/2019 14:09:03</t>
  </si>
  <si>
    <t>12/17/2019 14:10:21</t>
  </si>
  <si>
    <t>12/17/2019 14:09:04</t>
  </si>
  <si>
    <t>12/17/2019 14:09:12</t>
  </si>
  <si>
    <t>12/17/2019 14:09:13</t>
  </si>
  <si>
    <t>12/17/2019 14:06:33</t>
  </si>
  <si>
    <t>20a238ac-8fd1-4c8c-99d9-f403e97e9648.tmp</t>
  </si>
  <si>
    <t>\\acsfs\profiles$\victorgl\Downloads\20a238ac-8fd1-4c8c-99d9-f403e97e9648.tmp</t>
  </si>
  <si>
    <t>12/17/2019 14:06:46</t>
  </si>
  <si>
    <t>639cbf8c-4d41-44cc-ba69-1995a6acb84b.tmp</t>
  </si>
  <si>
    <t>\\acsfs\profiles$\victorgl\Downloads\639cbf8c-4d41-44cc-ba69-1995a6acb84b.tmp</t>
  </si>
  <si>
    <t>12/17/2019 14:06:50</t>
  </si>
  <si>
    <t>f48fcafa-021d-4974-a912-677eb3f38e4f.tmp</t>
  </si>
  <si>
    <t>\\acsfs\profiles$\victorgl\Downloads\f48fcafa-021d-4974-a912-677eb3f38e4f.tmp</t>
  </si>
  <si>
    <t>12/17/2019 14:10:20</t>
  </si>
  <si>
    <t>12/17/2019 14:11:20</t>
  </si>
  <si>
    <t>76859bf4-fcf5-496e-bd84-f0c7ef724931.tmp</t>
  </si>
  <si>
    <t>\\acsfs\profiles$\valeriasda\Downloads\76859bf4-fcf5-496e-bd84-f0c7ef724931.tmp</t>
  </si>
  <si>
    <t>12/17/2019 14:10:32</t>
  </si>
  <si>
    <t>5fd68156-aa56-4631-bc9a-60e6796ad41b.tmp</t>
  </si>
  <si>
    <t>\\acsfs\profiles$\valeriasda\Downloads\5fd68156-aa56-4631-bc9a-60e6796ad41b.tmp</t>
  </si>
  <si>
    <t>12/17/2019 14:08:00</t>
  </si>
  <si>
    <t>ac816276-cca1-404c-b3f8-2900ba8889aa.tmp</t>
  </si>
  <si>
    <t>\\acsfs\profiles$\luanaldsi\Downloads\ac816276-cca1-404c-b3f8-2900ba8889aa.tmp</t>
  </si>
  <si>
    <t>12/17/2019 14:08:02</t>
  </si>
  <si>
    <t>705275db-0af1-4f5e-b044-0a61baac928c.tmp</t>
  </si>
  <si>
    <t>\\acsfs\profiles$\luanaldsi\Downloads\705275db-0af1-4f5e-b044-0a61baac928c.tmp</t>
  </si>
  <si>
    <t>12/17/2019 14:06:28</t>
  </si>
  <si>
    <t>12/17/2019 14:08:35</t>
  </si>
  <si>
    <t>12/17/2019 14:12:21</t>
  </si>
  <si>
    <t>459ff477-e328-4fee-b0b9-679e0ef47e89.tmp</t>
  </si>
  <si>
    <t>\\acsfs\profiles$\deboraaa\Downloads\459ff477-e328-4fee-b0b9-679e0ef47e89.tmp</t>
  </si>
  <si>
    <t>12/17/2019 14:13:20</t>
  </si>
  <si>
    <t>12/17/2019 14:11:39</t>
  </si>
  <si>
    <t>12/17/2019 14:14:21</t>
  </si>
  <si>
    <t>12/17/2019 14:10:04</t>
  </si>
  <si>
    <t>12/17/2019 14:12:27</t>
  </si>
  <si>
    <t>12/17/2019 14:15:20</t>
  </si>
  <si>
    <t>12/17/2019 14:10:12</t>
  </si>
  <si>
    <t>12/17/2019 14:14:05</t>
  </si>
  <si>
    <t>12/17/2019 14:14:23</t>
  </si>
  <si>
    <t>12/17/2019 14:14:29</t>
  </si>
  <si>
    <t>12/17/2019 14:11:31</t>
  </si>
  <si>
    <t>0c0244b8-37e5-45c1-8ad5-e09a43c55ade.tmp</t>
  </si>
  <si>
    <t>\\acsfs\profiles$\victorgl\Downloads\0c0244b8-37e5-45c1-8ad5-e09a43c55ade.tmp</t>
  </si>
  <si>
    <t>12/17/2019 14:14:33</t>
  </si>
  <si>
    <t>12/17/2019 14:16:21</t>
  </si>
  <si>
    <t>b1bf3852-ec98-4288-ac0f-c0fcce78069b.tmp</t>
  </si>
  <si>
    <t>\\acsfs\profiles$\adrielyas\Downloads\b1bf3852-ec98-4288-ac0f-c0fcce78069b.tmp</t>
  </si>
  <si>
    <t>12/17/2019 14:11:23</t>
  </si>
  <si>
    <t>12/17/2019 14:11:42</t>
  </si>
  <si>
    <t>12/17/2019 14:15:41</t>
  </si>
  <si>
    <t>12/17/2019 14:15:49</t>
  </si>
  <si>
    <t>12/17/2019 14:15:15</t>
  </si>
  <si>
    <t>063d7cb1-a25c-41f2-a71c-bef8930415ba.tmp</t>
  </si>
  <si>
    <t>\\acsfs\profiles$\joycemmdl\Downloads\063d7cb1-a25c-41f2-a71c-bef8930415ba.tmp</t>
  </si>
  <si>
    <t>12/17/2019 14:15:32</t>
  </si>
  <si>
    <t>12/17/2019 14:15:39</t>
  </si>
  <si>
    <t>Unconfirmed 912232.crdownload</t>
  </si>
  <si>
    <t>\\acsfs\profiles$\joycemmdl\Downloads\Unconfirmed 912232.crdownload</t>
  </si>
  <si>
    <t>12/17/2019 14:15:48</t>
  </si>
  <si>
    <t>b0ffe4fb-4ef7-4d60-978c-6dc601d7cd97.tmp</t>
  </si>
  <si>
    <t>\\acsfs\profiles$\joycemmdl\Downloads\b0ffe4fb-4ef7-4d60-978c-6dc601d7cd97.tmp</t>
  </si>
  <si>
    <t>12/17/2019 14:13:40</t>
  </si>
  <si>
    <t>12/17/2019 14:17:20</t>
  </si>
  <si>
    <t>mail.google.com/_/upload?authuser=0&amp;dcp=asu-n&amp;upload_id=AEnB2Upe1TVkaNsOJsOFzn9B91649tX5hfNL2qyGGb02NbGj6mQTPOCjDkl5mrLnd_HTJFiPtdEyTu2_NW3mO9exvHm4HRZVciir_FvfwEady82ijtUlAVk&amp;upload_protocol=resumable</t>
  </si>
  <si>
    <t>alinedsdi@algartech.com;brunocss@algartech.com;camilaammm@algartech.com;isabelafc@algartech.com;jackelinegn@algartech.com;patriciama@algartech.com;</t>
  </si>
  <si>
    <t>alinedsdi@algartech.com,brunocss@algartech.com,camilaammm@algartech.com,isabelafc@algartech.com,jackelinegn@algartech.com,patriciama@algartech.com</t>
  </si>
  <si>
    <t>12/17/2019 14:11:37</t>
  </si>
  <si>
    <t>marcella.silvestre@bradesco.com.br;</t>
  </si>
  <si>
    <t>ENC: (Case 984298) Concur - Eduardo Adas *** Urgent ***</t>
  </si>
  <si>
    <t>marcella.silvestre@bradesco.com.br</t>
  </si>
  <si>
    <t>12/17/2019 14:15:23</t>
  </si>
  <si>
    <t>12/17/2019 14:15:24</t>
  </si>
  <si>
    <t>lu1263212j3p4.tmp</t>
  </si>
  <si>
    <t>\\acsfs\profiles$\luanarda\lu1263212j3p4.tmp</t>
  </si>
  <si>
    <t>\\acsfs\profiles$\luanarda\lu1263212j3p4.tmp\</t>
  </si>
  <si>
    <t>\\acsfs\profiles$\luanarda\lu1263212j3p4.tmp\META-INF\</t>
  </si>
  <si>
    <t>\\acsfs\profiles$\luanarda\lu1263212j3p4.tmp\Thumbnails\</t>
  </si>
  <si>
    <t>12/17/2019 14:15:09</t>
  </si>
  <si>
    <t>12/17/2019 14:18:21</t>
  </si>
  <si>
    <t>/o=exchangelabs/ou=exchange administrative group (fydibohf23spdlt)/cn=recipients/cn=00dbcea0702d4358b7c66d1d0dd7b863-juliana tei;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47bcba0edfbb48d39e9b215eae1400b2-ana paula s;/o=exchangelabs/ou=exchange administrative group (fydibohf23spdlt)/cn=recipients/cn=8b5b63d67af648d081a40c45cc800804-fabiana per;/o=exchangelabs/ou=exchange administrative group (fydibohf23spdlt)/cn=recipients/cn=f12a8a47728048b0a734508ea6226c04-michele dos;/o=exchangelabs/ou=exchange administrative group (fydibohf23spdlt)/cn=recipients/cn=f45617401bdf436baf70c45766699413-frederico b;alessandracm@algartech.com;crislainesc@algartech.com.br;fabiolacc@algartecnologia.com.br;</t>
  </si>
  <si>
    <t>/o=exchangelabs/ou=exchange administrative group (fydibohf23spdlt)/cn=recipients/cn=00dbcea0702d4358b7c66d1d0dd7b863-juliana tei,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47bcba0edfbb48d39e9b215eae1400b2-ana paula s,/o=exchangelabs/ou=exchange administrative group (fydibohf23spdlt)/cn=recipients/cn=8b5b63d67af648d081a40c45cc800804-fabiana per,/o=exchangelabs/ou=exchange administrative group (fydibohf23spdlt)/cn=recipients/cn=f12a8a47728048b0a734508ea6226c04-michele dos,/o=exchangelabs/ou=exchange administrative group (fydibohf23spdlt)/cn=recipients/cn=f45617401bdf436baf70c45766699413-frederico b,alessandracm@algartech.com,crislainesc@algartech.com.br,fabiolacc@algartecnologia.com.br</t>
  </si>
  <si>
    <t>12/17/2019 14:14:43</t>
  </si>
  <si>
    <t>12/17/2019 14:13:49</t>
  </si>
  <si>
    <t>12/17/2019 14:14:19</t>
  </si>
  <si>
    <t>12/17/2019 14:15:04</t>
  </si>
  <si>
    <t>12/17/2019 14:19:20</t>
  </si>
  <si>
    <t>12/17/2019 14:16:04</t>
  </si>
  <si>
    <t>12/17/2019 14:17:10</t>
  </si>
  <si>
    <t>12/17/2019 14:20:21</t>
  </si>
  <si>
    <t>lu1803211wy29.tmp</t>
  </si>
  <si>
    <t>\\acsfs\profiles$\dhiulliananads\My Documents\lu1803211wy29.tmp</t>
  </si>
  <si>
    <t>\\acsfs\profiles$\dhiulliananads\My Documents\lu1803211wy29.tmp\</t>
  </si>
  <si>
    <t>\\acsfs\profiles$\dhiulliananads\My Documents\lu1803211wy29.tmp\META-INF\</t>
  </si>
  <si>
    <t>\\acsfs\profiles$\dhiulliananads\My Documents\lu1803211wy29.tmp\Thumbnails\</t>
  </si>
  <si>
    <t>12/17/2019 14:17:22</t>
  </si>
  <si>
    <t>12/17/2019 14:17:23</t>
  </si>
  <si>
    <t>lu1803211wy2d.tmp</t>
  </si>
  <si>
    <t>\\acsfs\profiles$\dhiulliananads\My Documents\lu1803211wy2d.tmp</t>
  </si>
  <si>
    <t>\\acsfs\profiles$\dhiulliananads\My Documents\lu1803211wy2d.tmp\</t>
  </si>
  <si>
    <t>\\acsfs\profiles$\dhiulliananads\My Documents\lu1803211wy2d.tmp\META-INF\</t>
  </si>
  <si>
    <t>\\acsfs\profiles$\dhiulliananads\My Documents\lu1803211wy2d.tmp\Thumbnails\</t>
  </si>
  <si>
    <t>12/17/2019 14:15:53</t>
  </si>
  <si>
    <t>12/17/2019 14:15:54</t>
  </si>
  <si>
    <t>12/17/2019 14:20:00</t>
  </si>
  <si>
    <t>12/17/2019 14:21:21</t>
  </si>
  <si>
    <t>12/17/2019 14:20:19</t>
  </si>
  <si>
    <t>12/17/2019 14:19:32</t>
  </si>
  <si>
    <t>12/17/2019 14:20:02</t>
  </si>
  <si>
    <t>12/17/2019 14:16:55</t>
  </si>
  <si>
    <t>63c70d9a-d086-4b05-b614-373dff7977e1.tmp</t>
  </si>
  <si>
    <t>\\acsfs\profiles$\joycemmdl\Downloads\63c70d9a-d086-4b05-b614-373dff7977e1.tmp</t>
  </si>
  <si>
    <t>12/17/2019 14:21:39</t>
  </si>
  <si>
    <t>12/17/2019 14:22:21</t>
  </si>
  <si>
    <t>12/17/2019 14:20:39</t>
  </si>
  <si>
    <t>12/17/2019 14:18:54</t>
  </si>
  <si>
    <t>12/17/2019 14:18:20</t>
  </si>
  <si>
    <t>12/17/2019 14:23:21</t>
  </si>
  <si>
    <t>12/17/2019 14:18:50</t>
  </si>
  <si>
    <t>12/17/2019 14:19:50</t>
  </si>
  <si>
    <t>12/17/2019 14:22:20</t>
  </si>
  <si>
    <t>12/17/2019 14:23:14</t>
  </si>
  <si>
    <t>aa47533f-3927-424d-ad26-719dabf1f5fc.tmp</t>
  </si>
  <si>
    <t>\\acsfs\profiles$\geovannasm\Downloads\aa47533f-3927-424d-ad26-719dabf1f5fc.tmp</t>
  </si>
  <si>
    <t>12/17/2019 14:20:43</t>
  </si>
  <si>
    <t>12/17/2019 14:24:20</t>
  </si>
  <si>
    <t>e8934800-7eb3-421b-8be8-1c5bacf711f2.tmp</t>
  </si>
  <si>
    <t>\\acsfs\profiles$\alinepp\Downloads\e8934800-7eb3-421b-8be8-1c5bacf711f2.tmp</t>
  </si>
  <si>
    <t>12/17/2019 14:20:48</t>
  </si>
  <si>
    <t>7ba8fb49-483a-4d14-afc2-94af89d0501d.tmp</t>
  </si>
  <si>
    <t>\\acsfs\profiles$\alinepp\Downloads\7ba8fb49-483a-4d14-afc2-94af89d0501d.tmp</t>
  </si>
  <si>
    <t>12/17/2019 14:21:04</t>
  </si>
  <si>
    <t>12/17/2019 14:22:04</t>
  </si>
  <si>
    <t>12/17/2019 14:21:08</t>
  </si>
  <si>
    <t>12/17/2019 14:25:21</t>
  </si>
  <si>
    <t>Vendas Dezembro - OFICIAL2 (2).xlsx</t>
  </si>
  <si>
    <t>12/17/2019 14:19:55</t>
  </si>
  <si>
    <t>12/17/2019 14:23:35</t>
  </si>
  <si>
    <t>12/17/2019 14:24:06</t>
  </si>
  <si>
    <t>12/17/2019 14:26:21</t>
  </si>
  <si>
    <t>5729632e-5f07-41af-8afb-92266bff3b48.tmp</t>
  </si>
  <si>
    <t>\\acsfs\profiles$\valeriasda\Downloads\5729632e-5f07-41af-8afb-92266bff3b48.tmp</t>
  </si>
  <si>
    <t>12/17/2019 14:24:12</t>
  </si>
  <si>
    <t>77cac3be-e5b0-4a77-968f-2fecf1abc8fc.tmp</t>
  </si>
  <si>
    <t>\\acsfs\profiles$\valeriasda\Downloads\77cac3be-e5b0-4a77-968f-2fecf1abc8fc.tmp</t>
  </si>
  <si>
    <t>12/17/2019 14:24:17</t>
  </si>
  <si>
    <t>87455c71-eb91-4b72-93ef-bb253be3c70c.tmp</t>
  </si>
  <si>
    <t>\\acsfs\profiles$\valeriasda\Downloads\87455c71-eb91-4b72-93ef-bb253be3c70c.tmp</t>
  </si>
  <si>
    <t>12/17/2019 14:20:51</t>
  </si>
  <si>
    <t>12/17/2019 14:21:16</t>
  </si>
  <si>
    <t>NEXT 2019 E 2020.xls</t>
  </si>
  <si>
    <t>12/17/2019 14:23:55</t>
  </si>
  <si>
    <t>12/17/2019 14:22:39</t>
  </si>
  <si>
    <t>12/17/2019 14:27:21</t>
  </si>
  <si>
    <t>philipegsf</t>
  </si>
  <si>
    <t>\\acsfs\profiles$\philipegsf\Downloads\</t>
  </si>
  <si>
    <t>e83807a8-9021-48e2-b416-6bedcd6bf34e.tmp</t>
  </si>
  <si>
    <t>\\acsfs\profiles$\philipegsf\Downloads\e83807a8-9021-48e2-b416-6bedcd6bf34e.tmp</t>
  </si>
  <si>
    <t>12/17/2019 14:24:48</t>
  </si>
  <si>
    <t>4740a956-4385-4be0-a323-d371ef339801.tmp</t>
  </si>
  <si>
    <t>\\acsfs\profiles$\philipegsf\Downloads\4740a956-4385-4be0-a323-d371ef339801.tmp</t>
  </si>
  <si>
    <t>12/17/2019 14:18:49</t>
  </si>
  <si>
    <t>12/17/2019 14:28:21</t>
  </si>
  <si>
    <t>12/17/2019 14:23:31</t>
  </si>
  <si>
    <t>12/17/2019 14:24:28</t>
  </si>
  <si>
    <t>12/17/2019 14:25:51</t>
  </si>
  <si>
    <t>12/17/2019 14:27:51</t>
  </si>
  <si>
    <t>12/17/2019 14:23:23</t>
  </si>
  <si>
    <t>12/17/2019 14:29:21</t>
  </si>
  <si>
    <t>30bdc038-098d-4d0a-b473-b21c152953f8.tmp</t>
  </si>
  <si>
    <t>\\acsfs\profiles$\geovannasm\Downloads\30bdc038-098d-4d0a-b473-b21c152953f8.tmp</t>
  </si>
  <si>
    <t>12/17/2019 14:25:43</t>
  </si>
  <si>
    <t>ee8988fe-b75e-47ad-8061-91a9c6dee67e.tmp</t>
  </si>
  <si>
    <t>\\acsfs\profiles$\paulohaf\Downloads\ee8988fe-b75e-47ad-8061-91a9c6dee67e.tmp</t>
  </si>
  <si>
    <t>12/17/2019 14:27:04</t>
  </si>
  <si>
    <t>5b85d85f-4641-4bd2-818f-35e5a888ab35.tmp</t>
  </si>
  <si>
    <t>\\acsfs\profiles$\paulohaf\Downloads\5b85d85f-4641-4bd2-818f-35e5a888ab35.tmp</t>
  </si>
  <si>
    <t>12/17/2019 14:27:20</t>
  </si>
  <si>
    <t>c34255e6-0c4b-4b76-b473-815440ddb719.tmp</t>
  </si>
  <si>
    <t>\\acsfs\profiles$\paulohaf\Downloads\c34255e6-0c4b-4b76-b473-815440ddb719.tmp</t>
  </si>
  <si>
    <t>12/17/2019 14:27:52</t>
  </si>
  <si>
    <t>fe2e619a-853e-4572-b98a-8563bdc1df57.tmp</t>
  </si>
  <si>
    <t>\\acsfs\profiles$\paulohaf\Downloads\fe2e619a-853e-4572-b98a-8563bdc1df57.tmp</t>
  </si>
  <si>
    <t>12/17/2019 14:28:04</t>
  </si>
  <si>
    <t>12/17/2019 14:29:16</t>
  </si>
  <si>
    <t>12/17/2019 14:31:21</t>
  </si>
  <si>
    <t>12/17/2019 14:28:07</t>
  </si>
  <si>
    <t>fc6e78f8-2ce2-4943-a86f-0ac2b50300f7.tmp</t>
  </si>
  <si>
    <t>\\acsfs\profiles$\gabrielarb\Downloads\fc6e78f8-2ce2-4943-a86f-0ac2b50300f7.tmp</t>
  </si>
  <si>
    <t>12/17/2019 14:28:28</t>
  </si>
  <si>
    <t>12/17/2019 14:30:10</t>
  </si>
  <si>
    <t>12/17/2019 14:32:21</t>
  </si>
  <si>
    <t>973dbca1-100a-4b3e-a54b-8906b0153f8e.tmp</t>
  </si>
  <si>
    <t>\\acsfs\profiles$\deboraaa\Downloads\973dbca1-100a-4b3e-a54b-8906b0153f8e.tmp</t>
  </si>
  <si>
    <t>12/17/2019 14:33:21</t>
  </si>
  <si>
    <t>12/17/2019 14:28:22</t>
  </si>
  <si>
    <t>12/17/2019 14:29:22</t>
  </si>
  <si>
    <t>12/17/2019 14:29:52</t>
  </si>
  <si>
    <t>12/17/2019 14:30:22</t>
  </si>
  <si>
    <t>12/17/2019 14:30:52</t>
  </si>
  <si>
    <t>12/17/2019 14:34:20</t>
  </si>
  <si>
    <t>12/17/2019 14:33:04</t>
  </si>
  <si>
    <t>12/17/2019 14:31:28</t>
  </si>
  <si>
    <t>12/17/2019 14:35:21</t>
  </si>
  <si>
    <t>12/17/2019 14:33:51</t>
  </si>
  <si>
    <t>12/17/2019 14:36:21</t>
  </si>
  <si>
    <t>c322f98f-36df-4837-bed2-b3095ac13e89.tmp</t>
  </si>
  <si>
    <t>\\acsfs\profiles$\adrielyas\Downloads\c322f98f-36df-4837-bed2-b3095ac13e89.tmp</t>
  </si>
  <si>
    <t>12/17/2019 14:32:49</t>
  </si>
  <si>
    <t>12/17/2019 14:33:05</t>
  </si>
  <si>
    <t>12/17/2019 14:37:26</t>
  </si>
  <si>
    <t>12/17/2019 14:39:21</t>
  </si>
  <si>
    <t>5f7ee870-8243-447b-8a1b-f2c56a231b8d.tmp</t>
  </si>
  <si>
    <t>\\acsfs\profiles$\geovannasm\Downloads\5f7ee870-8243-447b-8a1b-f2c56a231b8d.tmp</t>
  </si>
  <si>
    <t>12/17/2019 14:36:37</t>
  </si>
  <si>
    <t>12/17/2019 14:34:05</t>
  </si>
  <si>
    <t>12/17/2019 14:40:44</t>
  </si>
  <si>
    <t>12/17/2019 14:41:21</t>
  </si>
  <si>
    <t>12/17/2019 14:37:10</t>
  </si>
  <si>
    <t>12/17/2019 14:39:07</t>
  </si>
  <si>
    <t>mail.google.com/sync/u/0/i/s?hl=pt-BR&amp;c=515</t>
  </si>
  <si>
    <t>12/17/2019 14:38:54</t>
  </si>
  <si>
    <t>12/17/2019 14:42:21</t>
  </si>
  <si>
    <t>402f3581-7100-4746-a392-df30ea76d26d.tmp</t>
  </si>
  <si>
    <t>\\acsfs\profiles$\erichds\Downloads\402f3581-7100-4746-a392-df30ea76d26d.tmp</t>
  </si>
  <si>
    <t>12/17/2019 14:40:20</t>
  </si>
  <si>
    <t>8e8ec838-2f5e-45ee-802e-a3d98d8e5be7.tmp</t>
  </si>
  <si>
    <t>\\acsfs\profiles$\erichds\Downloads\8e8ec838-2f5e-45ee-802e-a3d98d8e5be7.tmp</t>
  </si>
  <si>
    <t>12/17/2019 14:40:30</t>
  </si>
  <si>
    <t>cd7b2387-0dd6-4d68-8729-c34953626f66.tmp</t>
  </si>
  <si>
    <t>\\acsfs\profiles$\erichds\Downloads\cd7b2387-0dd6-4d68-8729-c34953626f66.tmp</t>
  </si>
  <si>
    <t>12/17/2019 14:39:53</t>
  </si>
  <si>
    <t>12/17/2019 14:43:21</t>
  </si>
  <si>
    <t>12/17/2019 14:44:21</t>
  </si>
  <si>
    <t>12/17/2019 14:39:05</t>
  </si>
  <si>
    <t>12/17/2019 14:40:05</t>
  </si>
  <si>
    <t>12/17/2019 14:40:19</t>
  </si>
  <si>
    <t>12/17/2019 14:45:21</t>
  </si>
  <si>
    <t>12/17/2019 14:42:26</t>
  </si>
  <si>
    <t>12/17/2019 14:42:34</t>
  </si>
  <si>
    <t>1594e69d-1506-4f17-80e8-a3b2e284bcfb.tmp</t>
  </si>
  <si>
    <t>\\acsfs\profiles$\rosileiam\Downloads\1594e69d-1506-4f17-80e8-a3b2e284bcfb.tmp</t>
  </si>
  <si>
    <t>12/17/2019 14:43:50</t>
  </si>
  <si>
    <t>27920176-aea0-494e-8a16-1ec58127490c.tmp</t>
  </si>
  <si>
    <t>\\acsfs\profiles$\rosileiam\Downloads\27920176-aea0-494e-8a16-1ec58127490c.tmp</t>
  </si>
  <si>
    <t>12/17/2019 14:44:05</t>
  </si>
  <si>
    <t>12/17/2019 14:46:21</t>
  </si>
  <si>
    <t>8f5d3602-e019-4973-b5d6-9286299b51b4.tmp</t>
  </si>
  <si>
    <t>\\acsfs\profiles$\wenderbnm\Downloads\8f5d3602-e019-4973-b5d6-9286299b51b4.tmp</t>
  </si>
  <si>
    <t>12/17/2019 14:44:44</t>
  </si>
  <si>
    <t>mail.google.com/sync/u/0/i/s?hl=pt-BR&amp;c=533</t>
  </si>
  <si>
    <t>12/17/2019 14:44:48</t>
  </si>
  <si>
    <t>mail.google.com/sync/u/0/i/s?hl=pt-BR&amp;c=535</t>
  </si>
  <si>
    <t>12/17/2019 14:45:09</t>
  </si>
  <si>
    <t>12/17/2019 14:45:06</t>
  </si>
  <si>
    <t>12/17/2019 14:47:21</t>
  </si>
  <si>
    <t>3cafff68-19cf-4bdd-b86e-bad6b90d5b5f.tmp</t>
  </si>
  <si>
    <t>\\acsfs\profiles$\philipegsf\Downloads\3cafff68-19cf-4bdd-b86e-bad6b90d5b5f.tmp</t>
  </si>
  <si>
    <t>12/17/2019 14:43:17</t>
  </si>
  <si>
    <t>12/17/2019 14:48:21</t>
  </si>
  <si>
    <t>CARGA HFM - OFICIAL 2020 - CONSOLIDADO.xlsm</t>
  </si>
  <si>
    <t>12/17/2019 14:46:04</t>
  </si>
  <si>
    <t>ENC: Volume Gerenciadas Amex e Visa - 17/12</t>
  </si>
  <si>
    <t>12/17/2019 14:45:24</t>
  </si>
  <si>
    <t>12/17/2019 14:46:24</t>
  </si>
  <si>
    <t>12/17/2019 14:46:54</t>
  </si>
  <si>
    <t>12/17/2019 14:47:24</t>
  </si>
  <si>
    <t>12/17/2019 14:49:21</t>
  </si>
  <si>
    <t>12/17/2019 14:45:05</t>
  </si>
  <si>
    <t>12/17/2019 14:46:05</t>
  </si>
  <si>
    <t>12/17/2019 14:48:57</t>
  </si>
  <si>
    <t>12/17/2019 14:51:22</t>
  </si>
  <si>
    <t>12/17/2019 14:50:02</t>
  </si>
  <si>
    <t>ae22d2f8-4f8a-41bf-bfab-789665084b64.tmp</t>
  </si>
  <si>
    <t>\\acsfs\profiles$\brendadsl\Downloads\ae22d2f8-4f8a-41bf-bfab-789665084b64.tmp</t>
  </si>
  <si>
    <t>12/17/2019 14:46:26</t>
  </si>
  <si>
    <t>mail.google.com/sync/u/0/i/s?hl=pt-BR&amp;c=539</t>
  </si>
  <si>
    <t>kesiadof@algartech.com;marianerdo@algartech.com;thiagordu@algartech.com;</t>
  </si>
  <si>
    <t>kesiadof@algartech.com,marianerdo@algartech.com,thiagordu@algartech.com</t>
  </si>
  <si>
    <t>12/17/2019 14:46:29</t>
  </si>
  <si>
    <t>mail.google.com/sync/u/0/i/s?hl=pt-BR&amp;c=541</t>
  </si>
  <si>
    <t>kesiadof@algartech.com;marianerdo@algartech.com;talmaiardo@algartech.com;thiagordu@algartech.com;</t>
  </si>
  <si>
    <t>kesiadof@algartech.com,marianerdo@algartech.com,talmaiardo@algartech.com,thiagordu@algartech.com</t>
  </si>
  <si>
    <t>12/17/2019 14:46:38</t>
  </si>
  <si>
    <t>mail.google.com/sync/u/0/i/s?hl=pt-BR&amp;c=543</t>
  </si>
  <si>
    <t>12/17/2019 14:46:43</t>
  </si>
  <si>
    <t>mail.google.com/sync/u/0/i/s?hl=pt-BR&amp;c=545</t>
  </si>
  <si>
    <t>12/17/2019 14:46:49</t>
  </si>
  <si>
    <t>12/17/2019 14:47:04</t>
  </si>
  <si>
    <t>mail.google.com/sync/u/0/i/s?hl=pt-BR&amp;c=551</t>
  </si>
  <si>
    <t>12/17/2019 14:47:25</t>
  </si>
  <si>
    <t>JOYCE MARIA MENDES DIAS LOPES_1_6766005957365408365_1_32.wav</t>
  </si>
  <si>
    <t>\\acsfs\DEPTOS\EDUCACAO EMPRESARIAL\Ligaçoes para MUTANT seg ciclo DEZEMBRO\JOYCE MARIA MENDES DIAS LOPES_1_6766005957365408365_1_32.wav</t>
  </si>
  <si>
    <t>12/17/2019 14:48:58</t>
  </si>
  <si>
    <t>mail.google.com/_/upload?authuser=0&amp;dcp=asu-n&amp;upload_id=AEnB2Uqy5XoOZCnfl3dcbxJ0gsKtQESoDNd8u1sADRG6Y8k96RmF9qgvazeYQV48AYXz4qy2ITtd1C13Qnp9X0DQiWdU-qSrqUKqt4ir3ERmuiYUwVNdxJ4&amp;upload_protocol=resumable</t>
  </si>
  <si>
    <t>12/17/2019 14:49:03</t>
  </si>
  <si>
    <t>mail.google.com/sync/u/0/i/s?hl=pt-BR&amp;c=555</t>
  </si>
  <si>
    <t>bianca.boari@dxc.com;bvs-centralcartoes@bv.com.br;fernandorsju@algartech.com;kesiadof@algartech.com;marianeps@algartech.com;marianerdo@algartech.com;mirianppb@algartech.com;talmaiardo@algartech.com;thiagordu@algartech.com;</t>
  </si>
  <si>
    <t>bianca.boari@dxc.com,bvs-centralcartoes@bv.com.br,fernandorsju@algartech.com,kesiadof@algartech.com,marianeps@algartech.com,marianerdo@algartech.com,mirianppb@algartech.com,talmaiardo@algartech.com,thiagordu@algartech.com</t>
  </si>
  <si>
    <t>12/17/2019 14:50:37</t>
  </si>
  <si>
    <t>12/17/2019 14:48:09</t>
  </si>
  <si>
    <t>03a7c136-56df-4ddb-8d33-0b81e109acb8.tmp</t>
  </si>
  <si>
    <t>\\acsfs\profiles$\brunalas\Downloads\03a7c136-56df-4ddb-8d33-0b81e109acb8.tmp</t>
  </si>
  <si>
    <t>12/17/2019 14:50:28</t>
  </si>
  <si>
    <t>06c386ab-1f76-41cf-b14a-e7050611bdfc.tmp</t>
  </si>
  <si>
    <t>\\acsfs\profiles$\brunalas\Downloads\06c386ab-1f76-41cf-b14a-e7050611bdfc.tmp</t>
  </si>
  <si>
    <t>12/17/2019 14:49:17</t>
  </si>
  <si>
    <t>12/17/2019 14:52:21</t>
  </si>
  <si>
    <t>12/17/2019 14:50:25</t>
  </si>
  <si>
    <t>12/17/2019 14:53:22</t>
  </si>
  <si>
    <t>12/17/2019 14:51:25</t>
  </si>
  <si>
    <t>12/17/2019 14:51:55</t>
  </si>
  <si>
    <t>12/17/2019 14:52:56</t>
  </si>
  <si>
    <t>12/17/2019 14:52:51</t>
  </si>
  <si>
    <t>12/17/2019 14:54:21</t>
  </si>
  <si>
    <t>https://udpwfmniceap02/web/guest/home?p_auth=jp3ywgpo&amp;p_p_id=58&amp;p_p_lifecycle=1&amp;p_p_state=maximized&amp;p_p_mode=view&amp;savelastpath=0&amp;_58_struts_action=/login/forgot_password</t>
  </si>
  <si>
    <t>12/17/2019 14:53:43</t>
  </si>
  <si>
    <t>mail.google.com/_/upload?authuser=2&amp;dcp=asu-n&amp;upload_id=AEnB2UrNG1TbEs8j_y7AFSGUtSVwupT9CAHro6_mEGr8SvzghCPsLqAjsL5Ec8XoCV3LHl0PlWchIpkj8JqL6TgCW7mWSbBHz7AUoXdwPZL-c1dUFVUbx78&amp;upload_protocol=resumable</t>
  </si>
  <si>
    <t>Dados Algar.xlsx</t>
  </si>
  <si>
    <t>12/17/2019 14:51:05</t>
  </si>
  <si>
    <t>12/17/2019 14:52:05</t>
  </si>
  <si>
    <t>12/17/2019 14:52:04</t>
  </si>
  <si>
    <t>12/17/2019 14:55:20</t>
  </si>
  <si>
    <t>Base Auxiliar de VQ's - URA Whirlpool 27.11.19.xlsx</t>
  </si>
  <si>
    <t>12/17/2019 14:52:08</t>
  </si>
  <si>
    <t>12/17/2019 14:56:21</t>
  </si>
  <si>
    <t>3a9c56db-578a-4ac9-9420-b5f27744dbe3.tmp</t>
  </si>
  <si>
    <t>\\acsfs\profiles$\gabrielamdp\Downloads\3a9c56db-578a-4ac9-9420-b5f27744dbe3.tmp</t>
  </si>
  <si>
    <t>12/17/2019 14:53:46</t>
  </si>
  <si>
    <t>12/17/2019 14:51:18</t>
  </si>
  <si>
    <t>12/17/2019 14:56:25</t>
  </si>
  <si>
    <t>12/17/2019 14:57:22</t>
  </si>
  <si>
    <t>10.200.67.136</t>
  </si>
  <si>
    <t>74-86-7A-FB-18-C1</t>
  </si>
  <si>
    <t>VOTORANT-GB006</t>
  </si>
  <si>
    <t>tainaralg</t>
  </si>
  <si>
    <t>\\acsfs\profiles$\tainaralg\Desktop\</t>
  </si>
  <si>
    <t>Bloco de notas senhas 2.txt</t>
  </si>
  <si>
    <t>\\acsfs\profiles$\tainaralg\Desktop\Bloco de notas senhas 2.txt</t>
  </si>
  <si>
    <t>12/17/2019 14:54:19</t>
  </si>
  <si>
    <t>12/17/2019 14:54:40</t>
  </si>
  <si>
    <t>59091ab9-b880-40b5-86e5-70c9a8e5b3ef.tmp</t>
  </si>
  <si>
    <t>\\acsfs\profiles$\erichds\Downloads\59091ab9-b880-40b5-86e5-70c9a8e5b3ef.tmp</t>
  </si>
  <si>
    <t>12/17/2019 14:55:33</t>
  </si>
  <si>
    <t>12/17/2019 14:58:21</t>
  </si>
  <si>
    <t>12/17/2019 14:54:14</t>
  </si>
  <si>
    <t>D:\OneDrive\AlgarTech\Pré-Vendas\Cliente\2019\Algar Telecom\XXXXX - Migração SAP - Alliag\</t>
  </si>
  <si>
    <t>12/17/2019 14:54:15</t>
  </si>
  <si>
    <t>12/17/2019 14:53:26</t>
  </si>
  <si>
    <t>12/17/2019 14:53:56</t>
  </si>
  <si>
    <t>12/17/2019 14:56:17</t>
  </si>
  <si>
    <t>12/17/2019 14:59:21</t>
  </si>
  <si>
    <t>4c698964-8edb-41f1-98ef-1b2787a55c29.tmp</t>
  </si>
  <si>
    <t>\\acsfs\profiles$\yurics\Downloads\4c698964-8edb-41f1-98ef-1b2787a55c29.tmp</t>
  </si>
  <si>
    <t>12/17/2019 14:57:05</t>
  </si>
  <si>
    <t>12/17/2019 14:58:05</t>
  </si>
  <si>
    <t>12/17/2019 14:58:54</t>
  </si>
  <si>
    <t>12/17/2019 15:00:21</t>
  </si>
  <si>
    <t>6038d727-e8ea-4a03-88f2-9c1eccb05c41.tmp</t>
  </si>
  <si>
    <t>\\acsfs\profiles$\vivianibfs\Downloads\6038d727-e8ea-4a03-88f2-9c1eccb05c41.tmp</t>
  </si>
  <si>
    <t>12/17/2019 14:54:55</t>
  </si>
  <si>
    <t>12/17/2019 14:54:56</t>
  </si>
  <si>
    <t>lu115642rmjmp.tmp</t>
  </si>
  <si>
    <t>\\acsfs\profiles$\jonatanls\My Documents\lu115642rmjmp.tmp</t>
  </si>
  <si>
    <t>12/17/2019 14:59:45</t>
  </si>
  <si>
    <t>12/17/2019 15:01:21</t>
  </si>
  <si>
    <t>12/17/2019 14:59:56</t>
  </si>
  <si>
    <t>12/17/2019 15:00:25</t>
  </si>
  <si>
    <t>12/17/2019 15:00:42</t>
  </si>
  <si>
    <t>6ae1d45a-42e9-4ab2-8978-0111c0745e06.tmp</t>
  </si>
  <si>
    <t>\\acsfs\profiles$\brendadsl\Downloads\6ae1d45a-42e9-4ab2-8978-0111c0745e06.tmp</t>
  </si>
  <si>
    <t>12/17/2019 14:57:58</t>
  </si>
  <si>
    <t>12/17/2019 15:00:17</t>
  </si>
  <si>
    <t>12/17/2019 15:02:20</t>
  </si>
  <si>
    <t>943b4c94-d167-4782-8cc2-8d549493b3fb.tmp</t>
  </si>
  <si>
    <t>\\acsfs\profiles$\larissaad\Downloads\943b4c94-d167-4782-8cc2-8d549493b3fb.tmp</t>
  </si>
  <si>
    <t>12/17/2019 15:00:30</t>
  </si>
  <si>
    <t>12/17/2019 15:00:49</t>
  </si>
  <si>
    <t>\\acsfs.acs.com.br\deptos\asyst\comercial\02 - faturamento\base gat\gat - documentos diversos clientes\contrato fujitsu\</t>
  </si>
  <si>
    <t>23313 invoice fujitsu.xlsx</t>
  </si>
  <si>
    <t>12/17/2019 15:00:51</t>
  </si>
  <si>
    <t>12/17/2019 15:03:21</t>
  </si>
  <si>
    <t>ENC: preencher planilha pls</t>
  </si>
  <si>
    <t>PAINEL CASOS ESCALADOS 10-12.xlsm</t>
  </si>
  <si>
    <t>12/17/2019 15:01:01</t>
  </si>
  <si>
    <t>lista de presença next- (18-12-2019).xlsx</t>
  </si>
  <si>
    <t>12/17/2019 15:01:17</t>
  </si>
  <si>
    <t>lista de presença ilha digital bradesco- (18-12-2019).xls</t>
  </si>
  <si>
    <t>12/17/2019 14:59:27</t>
  </si>
  <si>
    <t>12/17/2019 14:59:57</t>
  </si>
  <si>
    <t>12/17/2019 15:00:27</t>
  </si>
  <si>
    <t>12/17/2019 15:04:21</t>
  </si>
  <si>
    <t>12/17/2019 15:03:05</t>
  </si>
  <si>
    <t>12/17/2019 15:00:18</t>
  </si>
  <si>
    <t>12/17/2019 15:05:21</t>
  </si>
  <si>
    <t>c14e3e95-3952-437a-a53a-7a45fab728fc.tmp</t>
  </si>
  <si>
    <t>\\acsfs\profiles$\vivianibfs\Downloads\c14e3e95-3952-437a-a53a-7a45fab728fc.tmp</t>
  </si>
  <si>
    <t>8719eb8c-3f7a-40ec-8084-948c18ba6266.tmp</t>
  </si>
  <si>
    <t>\\acsfs\profiles$\vivianibfs\Downloads\8719eb8c-3f7a-40ec-8084-948c18ba6266.tmp</t>
  </si>
  <si>
    <t>2b4fa370-6296-49a3-afae-1e13ded2c51d.tmp</t>
  </si>
  <si>
    <t>\\acsfs\profiles$\vivianibfs\Downloads\2b4fa370-6296-49a3-afae-1e13ded2c51d.tmp</t>
  </si>
  <si>
    <t>12/17/2019 15:04:33</t>
  </si>
  <si>
    <t>78dd428a-1217-46bb-8d54-10bd062fe4c9.tmp</t>
  </si>
  <si>
    <t>\\acsfs\profiles$\paulovadc\Downloads\78dd428a-1217-46bb-8d54-10bd062fe4c9.tmp</t>
  </si>
  <si>
    <t>12/17/2019 15:03:11</t>
  </si>
  <si>
    <t>521a9f59-fb82-481d-9faa-faf1ee3bf8a3.tmp</t>
  </si>
  <si>
    <t>\\acsfs\profiles$\ayalabfi\Downloads\521a9f59-fb82-481d-9faa-faf1ee3bf8a3.tmp</t>
  </si>
  <si>
    <t>12/17/2019 13:23:25</t>
  </si>
  <si>
    <t>12/17/2019 15:06:21</t>
  </si>
  <si>
    <t>416340a7-a468-4ca3-b774-5287cfde4186.tmp</t>
  </si>
  <si>
    <t>\\acsfs\profiles$\KARENDSR\Downloads\416340a7-a468-4ca3-b774-5287cfde4186.tmp</t>
  </si>
  <si>
    <t>12/17/2019 13:23:52</t>
  </si>
  <si>
    <t>6d5f063c-2c99-4c3c-8dfc-99191db70529.tmp</t>
  </si>
  <si>
    <t>\\acsfs\profiles$\KARENDSR\Downloads\6d5f063c-2c99-4c3c-8dfc-99191db70529.tmp</t>
  </si>
  <si>
    <t>12/17/2019 15:01:25</t>
  </si>
  <si>
    <t>42187462-2b69-406f-9160-28a1f948ba01.tmp</t>
  </si>
  <si>
    <t>\\acsfs\profiles$\brendadsl\Downloads\42187462-2b69-406f-9160-28a1f948ba01.tmp</t>
  </si>
  <si>
    <t>12/17/2019 15:01:44</t>
  </si>
  <si>
    <t>5d11347b-8bbb-47c4-bedb-2fa966e46294.tmp</t>
  </si>
  <si>
    <t>\\acsfs\profiles$\brendadsl\Downloads\5d11347b-8bbb-47c4-bedb-2fa966e46294.tmp</t>
  </si>
  <si>
    <t>12/17/2019 15:03:20</t>
  </si>
  <si>
    <t>12/17/2019 15:04:39</t>
  </si>
  <si>
    <t>12/17/2019 15:04:29</t>
  </si>
  <si>
    <t>mail.google.com/sync/u/0/i/s?hl=pt-BR&amp;c=572</t>
  </si>
  <si>
    <t>12/17/2019 15:04:36</t>
  </si>
  <si>
    <t>12/17/2019 15:04:41</t>
  </si>
  <si>
    <t>mail.google.com/sync/u/0/i/s?hl=pt-BR&amp;c=577</t>
  </si>
  <si>
    <t>12/17/2019 15:04:02</t>
  </si>
  <si>
    <t>12/17/2019 15:03:25</t>
  </si>
  <si>
    <t>12/17/2019 15:07:21</t>
  </si>
  <si>
    <t>26699aba-498c-440b-84d9-c76ff78bb299.tmp</t>
  </si>
  <si>
    <t>\\acsfs\profiles$\larissaad\Downloads\26699aba-498c-440b-84d9-c76ff78bb299.tmp</t>
  </si>
  <si>
    <t>12/17/2019 15:06:57</t>
  </si>
  <si>
    <t>maxmillianosv@bv.algartech.com</t>
  </si>
  <si>
    <t>https://udpmailboxap01.acs.com.br:8443/h/search?si=0&amp;so=0&amp;sc=46672&amp;sfi=2&amp;st=conversation&amp;action=compose&amp;paction=paneview</t>
  </si>
  <si>
    <t>keillecdasp@bv.algartech.com;</t>
  </si>
  <si>
    <t>https://keillecdasp@bv.algartech.com</t>
  </si>
  <si>
    <t>12/17/2019 15:05:13</t>
  </si>
  <si>
    <t>12/17/2019 15:08:21</t>
  </si>
  <si>
    <t>12/17/2019 15:09:21</t>
  </si>
  <si>
    <t>12/17/2019 15:04:05</t>
  </si>
  <si>
    <t>12/17/2019 15:08:32</t>
  </si>
  <si>
    <t>12/17/2019 15:11:21</t>
  </si>
  <si>
    <t>12/17/2019 15:01:59</t>
  </si>
  <si>
    <t>Processo seletivo.xlsx</t>
  </si>
  <si>
    <t>12/17/2019 15:08:56</t>
  </si>
  <si>
    <t>32f9119f-2287-444c-a993-8e4dbca6d004.tmp</t>
  </si>
  <si>
    <t>\\acsfs\profiles$\KARENDSR\Downloads\32f9119f-2287-444c-a993-8e4dbca6d004.tmp</t>
  </si>
  <si>
    <t>12/17/2019 15:09:06</t>
  </si>
  <si>
    <t>12/17/2019 15:06:05</t>
  </si>
  <si>
    <t>12/17/2019 15:06:45</t>
  </si>
  <si>
    <t>12/17/2019 15:08:25</t>
  </si>
  <si>
    <t>JANAYNA TEREZA ROCHA ONOFRE_1_6765651833016884436_1_32.wav</t>
  </si>
  <si>
    <t>\\acsfs\DEPTOS\EDUCACAO EMPRESARIAL\Ligaçoes para MUTANT seg ciclo DEZEMBRO\JANAYNA TEREZA ROCHA ONOFRE_1_6765651833016884436_1_32.wav</t>
  </si>
  <si>
    <t>12/17/2019 15:08:28</t>
  </si>
  <si>
    <t>12/17/2019 15:12:21</t>
  </si>
  <si>
    <t>12/17/2019 15:12:05</t>
  </si>
  <si>
    <t>12/17/2019 15:13:21</t>
  </si>
  <si>
    <t>jussaragp@algartech.com;patricia.amaral@temposervicos.com.br;</t>
  </si>
  <si>
    <t>ENC: Régua BackOffice Agências</t>
  </si>
  <si>
    <t>jussaragp@algartech.com,patricia.amaral@temposervicos.com.br</t>
  </si>
  <si>
    <t>12/17/2019 15:10:29</t>
  </si>
  <si>
    <t>12/17/2019 15:10:59</t>
  </si>
  <si>
    <t>12/17/2019 15:11:29</t>
  </si>
  <si>
    <t>12/17/2019 15:14:21</t>
  </si>
  <si>
    <t>12/17/2019 15:09:05</t>
  </si>
  <si>
    <t>12/17/2019 15:10:05</t>
  </si>
  <si>
    <t>12/17/2019 15:11:19</t>
  </si>
  <si>
    <t>12/17/2019 15:15:21</t>
  </si>
  <si>
    <t>12/17/2019 15:11:33</t>
  </si>
  <si>
    <t>mail.google.com/sync/u/0/i/s?hl=pt-BR&amp;c=233</t>
  </si>
  <si>
    <t>12/17/2019 15:11:43</t>
  </si>
  <si>
    <t>12/17/2019 15:12:06</t>
  </si>
  <si>
    <t>12/17/2019 15:12:16</t>
  </si>
  <si>
    <t>mail.google.com/sync/u/0/i/s?hl=pt-BR&amp;c=240</t>
  </si>
  <si>
    <t>12/17/2019 15:12:29</t>
  </si>
  <si>
    <t>12/17/2019 15:12:46</t>
  </si>
  <si>
    <t>12/17/2019 15:13:10</t>
  </si>
  <si>
    <t>mail.google.com/sync/u/0/i/s?hl=pt-BR&amp;c=247</t>
  </si>
  <si>
    <t>12/17/2019 15:12:22</t>
  </si>
  <si>
    <t>12/17/2019 15:16:21</t>
  </si>
  <si>
    <t>d7e611c1-538b-4219-b202-8c09da4eaf66.tmp</t>
  </si>
  <si>
    <t>\\acsfs\profiles$\gabrielafs\Downloads\d7e611c1-538b-4219-b202-8c09da4eaf66.tmp</t>
  </si>
  <si>
    <t>12/17/2019 15:12:27</t>
  </si>
  <si>
    <t>3aff191c-cf56-4b60-9273-334b3fae08fa.tmp</t>
  </si>
  <si>
    <t>\\acsfs\profiles$\gabrielafs\Downloads\3aff191c-cf56-4b60-9273-334b3fae08fa.tmp</t>
  </si>
  <si>
    <t>12/17/2019 15:10:52</t>
  </si>
  <si>
    <t>c55b2dd7-4a3c-4765-93fa-61aa33791910.tmp</t>
  </si>
  <si>
    <t>\\acsfs\profiles$\KARENDSR\Downloads\c55b2dd7-4a3c-4765-93fa-61aa33791910.tmp</t>
  </si>
  <si>
    <t>12/17/2019 15:12:32</t>
  </si>
  <si>
    <t>12/17/2019 15:12:44</t>
  </si>
  <si>
    <t>12/17/2019 15:13:26</t>
  </si>
  <si>
    <t>e7c29f07-e8d6-4c60-b6cd-5a4216c8aa65.tmp</t>
  </si>
  <si>
    <t>\\acsfs\profiles$\brendadsl\Downloads\e7c29f07-e8d6-4c60-b6cd-5a4216c8aa65.tmp</t>
  </si>
  <si>
    <t>12/17/2019 15:15:31</t>
  </si>
  <si>
    <t>6d33e721-4d69-47b6-9c74-d7428af70495.tmp</t>
  </si>
  <si>
    <t>\\acsfs\profiles$\deborahsi\Downloads\6d33e721-4d69-47b6-9c74-d7428af70495.tmp</t>
  </si>
  <si>
    <t>12/17/2019 15:13:14</t>
  </si>
  <si>
    <t>12/17/2019 15:14:23</t>
  </si>
  <si>
    <t>12/17/2019 15:12:58</t>
  </si>
  <si>
    <t>12/17/2019 15:17:21</t>
  </si>
  <si>
    <t>leticia.albuquerque@bradesco.com.br;lorena.r.silva@bradesco.com.br;</t>
  </si>
  <si>
    <t>acoes.xlsx</t>
  </si>
  <si>
    <t>leticia.albuquerque@bradesco.com.br,lorena.r.silva@bradesco.com.br</t>
  </si>
  <si>
    <t>12/17/2019 15:13:44</t>
  </si>
  <si>
    <t>12/17/2019 15:18:21</t>
  </si>
  <si>
    <t>12/17/2019 15:19:21</t>
  </si>
  <si>
    <t>12/17/2019 15:15:05</t>
  </si>
  <si>
    <t>12/17/2019 15:16:05</t>
  </si>
  <si>
    <t>12/17/2019 15:14:36</t>
  </si>
  <si>
    <t>12/17/2019 15:20:21</t>
  </si>
  <si>
    <t>12/17/2019 15:14:42</t>
  </si>
  <si>
    <t>12/17/2019 15:14:58</t>
  </si>
  <si>
    <t>12/17/2019 15:15:11</t>
  </si>
  <si>
    <t>12/17/2019 15:15:23</t>
  </si>
  <si>
    <t>12/17/2019 15:15:45</t>
  </si>
  <si>
    <t>mail.google.com/sync/u/0/i/s?hl=pt-BR&amp;c=263</t>
  </si>
  <si>
    <t>12/17/2019 15:16:06</t>
  </si>
  <si>
    <t>mail.google.com/sync/u/0/i/s?hl=pt-BR&amp;c=265</t>
  </si>
  <si>
    <t>12/17/2019 15:16:15</t>
  </si>
  <si>
    <t>12/17/2019 15:16:22</t>
  </si>
  <si>
    <t>mail.google.com/sync/u/0/i/s?hl=pt-BR&amp;c=271</t>
  </si>
  <si>
    <t>12/17/2019 15:16:28</t>
  </si>
  <si>
    <t>12/17/2019 15:16:57</t>
  </si>
  <si>
    <t>12/17/2019 15:17:08</t>
  </si>
  <si>
    <t>12/17/2019 15:17:20</t>
  </si>
  <si>
    <t>mail.google.com/sync/u/0/i/s?hl=pt-BR&amp;c=282</t>
  </si>
  <si>
    <t>mail.google.com/sync/u/0/i/s?hl=pt-BR&amp;c=284</t>
  </si>
  <si>
    <t>12/17/2019 15:16:41</t>
  </si>
  <si>
    <t>12/17/2019 15:21:21</t>
  </si>
  <si>
    <t>12/17/2019 15:19:53</t>
  </si>
  <si>
    <t>12/17/2019 15:16:34</t>
  </si>
  <si>
    <t>12/17/2019 15:20:37</t>
  </si>
  <si>
    <t>12/17/2019 15:20:26</t>
  </si>
  <si>
    <t>mail.google.com/_/upload?authuser=0&amp;dcp=asu-n&amp;upload_id=AEnB2Uo33liqDzllI4oQBsiOWa7e3lLio_iaDADIAHepIXh_1rzWyMqc3t2eEBa5G_tCeZtoFEr0juujQQZiKZUH4VXrnSgkvhyddoT5E79knfM2dlfWoq4&amp;upload_protocol=resumable</t>
  </si>
  <si>
    <t>12/17/2019 15:19:36</t>
  </si>
  <si>
    <t>12/17/2019 15:22:20</t>
  </si>
  <si>
    <t>e52d270a-68f0-467e-9e38-6ac5a780bf48.tmp</t>
  </si>
  <si>
    <t>\\acsfs\profiles$\alexandrapp\Downloads\e52d270a-68f0-467e-9e38-6ac5a780bf48.tmp</t>
  </si>
  <si>
    <t>12/17/2019 15:19:37</t>
  </si>
  <si>
    <t>Q29udHJvbGxlci5FeHBsb3Jlcl8x.ica:Zone.Identifier</t>
  </si>
  <si>
    <t>\\acsfs\profiles$\alexandrapp\Downloads\Q29udHJvbGxlci5FeHBsb3Jlcl8x.ica:Zone.Identifier</t>
  </si>
  <si>
    <t>12/17/2019 15:18:37</t>
  </si>
  <si>
    <t>12/17/2019 15:18:33</t>
  </si>
  <si>
    <t>12/17/2019 15:24:20</t>
  </si>
  <si>
    <t>56e44915-3326-4fc5-a842-3e91b2dc4eea.tmp</t>
  </si>
  <si>
    <t>\\acsfs\profiles$\alinepp\Downloads\56e44915-3326-4fc5-a842-3e91b2dc4eea.tmp</t>
  </si>
  <si>
    <t>12/17/2019 15:21:05</t>
  </si>
  <si>
    <t>12/17/2019 15:22:05</t>
  </si>
  <si>
    <t>mail.google.com/_/upload?authuser=2&amp;dcp=asu-n&amp;upload_id=AEnB2UrsYAHfcqJzYrbCdet3Q2C5DcICwDD6pOKe8f2yEqKnsnNuPsYSXRu--c7t-uZ7_Jbe746XtpIo48l_ia7taRrKMJ4qT72w2fSDrBBzsRNoMcgHs9k&amp;upload_protocol=resumable</t>
  </si>
  <si>
    <t>Serviços por Canais Whp.xlsx</t>
  </si>
  <si>
    <t>12/17/2019 15:19:34</t>
  </si>
  <si>
    <t>12/17/2019 15:25:20</t>
  </si>
  <si>
    <t>65b1a553-0fe0-418a-9e0b-a2040ebefe64.tmp</t>
  </si>
  <si>
    <t>\\acsfs\profiles$\rosileiam\Downloads\65b1a553-0fe0-418a-9e0b-a2040ebefe64.tmp</t>
  </si>
  <si>
    <t>12/17/2019 15:23:40</t>
  </si>
  <si>
    <t>12/17/2019 15:26:21</t>
  </si>
  <si>
    <t>299f0b1a-7156-46f6-a6bb-c1cb21cb2a33.tmp</t>
  </si>
  <si>
    <t>\\acsfs\profiles$\gabrielafs\Downloads\299f0b1a-7156-46f6-a6bb-c1cb21cb2a33.tmp</t>
  </si>
  <si>
    <t>12/17/2019 15:22:40</t>
  </si>
  <si>
    <t>C:\Users\andersonrm\Desktop\</t>
  </si>
  <si>
    <t>Relatorio de Vendas - Auditoria BV Cartoes (Dezembro)7a.xlsx</t>
  </si>
  <si>
    <t>\\acsfs\DEPTOS\Operacao\Banco_Votorantim\Qualidade\Anderson\Jose\Relatorio de Vendas - Auditoria BV Cartoes (Dezembro)7a.xlsx</t>
  </si>
  <si>
    <t>12/17/2019 15:26:02</t>
  </si>
  <si>
    <t>12/17/2019 15:28:21</t>
  </si>
  <si>
    <t>12/17/2019 15:26:33</t>
  </si>
  <si>
    <t>12/17/2019 15:27:33</t>
  </si>
  <si>
    <t>12/17/2019 15:28:03</t>
  </si>
  <si>
    <t>12/17/2019 15:29:20</t>
  </si>
  <si>
    <t>12/17/2019 15:27:05</t>
  </si>
  <si>
    <t>12/17/2019 15:28:05</t>
  </si>
  <si>
    <t>12/17/2019 15:27:41</t>
  </si>
  <si>
    <t>12/17/2019 15:30:21</t>
  </si>
  <si>
    <t>e6d1329f-1dc7-4c72-9f7e-b595780fc82b.tmp</t>
  </si>
  <si>
    <t>\\acsfs\profiles$\gabrielamdp\Downloads\e6d1329f-1dc7-4c72-9f7e-b595780fc82b.tmp</t>
  </si>
  <si>
    <t>12/17/2019 15:28:47</t>
  </si>
  <si>
    <t>12/17/2019 15:31:21</t>
  </si>
  <si>
    <t>12/17/2019 15:28:52</t>
  </si>
  <si>
    <t>12/17/2019 15:25:59</t>
  </si>
  <si>
    <t>c656c8e3-bf6d-413f-bdf6-3ebf5e0dbd5a.tmp</t>
  </si>
  <si>
    <t>\\acsfs\profiles$\deborahsi\Downloads\c656c8e3-bf6d-413f-bdf6-3ebf5e0dbd5a.tmp</t>
  </si>
  <si>
    <t>12/17/2019 15:28:44</t>
  </si>
  <si>
    <t>\\acsfs\profiles$\kellzylenneasr\My Documents\</t>
  </si>
  <si>
    <t>\\acsfs\profiles$\kellzylenneasr\My Documents\.~lock.Sem título 1.ods#</t>
  </si>
  <si>
    <t>12/17/2019 15:28:45</t>
  </si>
  <si>
    <t>lu1034414lz4.tmp</t>
  </si>
  <si>
    <t>\\acsfs\profiles$\kellzylenneasr\My Documents\lu1034414lz4.tmp</t>
  </si>
  <si>
    <t>\\acsfs\profiles$\kellzylenneasr\My Documents\lu1034414lz4.tmp\</t>
  </si>
  <si>
    <t>\\acsfs\profiles$\kellzylenneasr\My Documents\lu1034414lz4.tmp\META-INF\</t>
  </si>
  <si>
    <t>\\acsfs\profiles$\kellzylenneasr\My Documents\lu1034414lz4.tmp\Thumbnails\</t>
  </si>
  <si>
    <t>12/17/2019 15:29:45</t>
  </si>
  <si>
    <t>12/17/2019 15:28:33</t>
  </si>
  <si>
    <t>12/17/2019 15:33:21</t>
  </si>
  <si>
    <t>12/17/2019 15:29:33</t>
  </si>
  <si>
    <t>12/17/2019 15:31:03</t>
  </si>
  <si>
    <t>12/17/2019 15:31:34</t>
  </si>
  <si>
    <t>12/17/2019 15:32:04</t>
  </si>
  <si>
    <t>12/17/2019 15:30:48</t>
  </si>
  <si>
    <t>12/17/2019 15:34:20</t>
  </si>
  <si>
    <t>12/17/2019 15:33:05</t>
  </si>
  <si>
    <t>12/17/2019 15:31:01</t>
  </si>
  <si>
    <t>12/17/2019 15:35:21</t>
  </si>
  <si>
    <t>12/17/2019 15:31:09</t>
  </si>
  <si>
    <t>12/17/2019 15:36:20</t>
  </si>
  <si>
    <t>85c9d002-7001-45dc-902d-9e517e1701f9.tmp</t>
  </si>
  <si>
    <t>\\acsfs\profiles$\gabrielarb\Downloads\85c9d002-7001-45dc-902d-9e517e1701f9.tmp</t>
  </si>
  <si>
    <t>12/17/2019 15:32:25</t>
  </si>
  <si>
    <t>12/17/2019 15:35:16</t>
  </si>
  <si>
    <t>f462fa71-ba37-4a01-8ad7-1b095f5b0411.tmp</t>
  </si>
  <si>
    <t>\\acsfs\profiles$\laurandos\Downloads\f462fa71-ba37-4a01-8ad7-1b095f5b0411.tmp</t>
  </si>
  <si>
    <t>c112e7c2-fc07-42c2-bcb3-79cb2d1daa11.tmp</t>
  </si>
  <si>
    <t>\\acsfs\profiles$\laurandos\Downloads\c112e7c2-fc07-42c2-bcb3-79cb2d1daa11.tmp</t>
  </si>
  <si>
    <t>12/17/2019 15:35:25</t>
  </si>
  <si>
    <t>7cf29fa0-ed55-4d7b-9423-bbfb763eb306.tmp</t>
  </si>
  <si>
    <t>\\acsfs\profiles$\laurandos\Downloads\7cf29fa0-ed55-4d7b-9423-bbfb763eb306.tmp</t>
  </si>
  <si>
    <t>12/17/2019 15:34:45</t>
  </si>
  <si>
    <t>Talita Fernandes da Costa_1_6768079571870881874_1_32.wav</t>
  </si>
  <si>
    <t>\\acsfs\DEPTOS\EDUCACAO EMPRESARIAL\Ligaçoes para MUTANT seg ciclo DEZEMBRO\Talita Fernandes da Costa_1_6768079571870881874_1_32.wav</t>
  </si>
  <si>
    <t>12/17/2019 15:38:21</t>
  </si>
  <si>
    <t>12/17/2019 15:37:41</t>
  </si>
  <si>
    <t>12/17/2019 15:39:21</t>
  </si>
  <si>
    <t>2c6b0c80-c3e8-4247-8ab8-8685110aaa24.tmp</t>
  </si>
  <si>
    <t>\\acsfs\profiles$\paulohaf\Downloads\2c6b0c80-c3e8-4247-8ab8-8685110aaa24.tmp</t>
  </si>
  <si>
    <t>12/17/2019 15:34:05</t>
  </si>
  <si>
    <t>12/17/2019 15:38:35</t>
  </si>
  <si>
    <t>12/17/2019 15:40:21</t>
  </si>
  <si>
    <t>Relatorio N1 Speaking.xlsx</t>
  </si>
  <si>
    <t>12/17/2019 15:39:03</t>
  </si>
  <si>
    <t>12/17/2019 15:41:21</t>
  </si>
  <si>
    <t>965f7cf2-b456-4f16-8f24-f28259fff38e.tmp</t>
  </si>
  <si>
    <t>\\acsfs\profiles$\adrielyas\Downloads\965f7cf2-b456-4f16-8f24-f28259fff38e.tmp</t>
  </si>
  <si>
    <t>12/17/2019 15:36:50</t>
  </si>
  <si>
    <t>12/17/2019 15:36:32</t>
  </si>
  <si>
    <t>eed45320-35a1-488a-a250-229e4185ffcf.tmp</t>
  </si>
  <si>
    <t>\\acsfs\profiles$\laurandos\Downloads\eed45320-35a1-488a-a250-229e4185ffcf.tmp</t>
  </si>
  <si>
    <t>12/17/2019 15:40:10</t>
  </si>
  <si>
    <t>12/17/2019 15:43:21</t>
  </si>
  <si>
    <t>12/17/2019 15:40:29</t>
  </si>
  <si>
    <t>12/17/2019 15:41:26</t>
  </si>
  <si>
    <t>12/17/2019 15:41:39</t>
  </si>
  <si>
    <t>12/17/2019 15:41:40</t>
  </si>
  <si>
    <t>12/17/2019 15:41:47</t>
  </si>
  <si>
    <t>12/17/2019 15:41:48</t>
  </si>
  <si>
    <t>12/17/2019 15:41:50</t>
  </si>
  <si>
    <t>12/17/2019 15:41:51</t>
  </si>
  <si>
    <t>12/17/2019 15:41:54</t>
  </si>
  <si>
    <t>12/17/2019 15:41:55</t>
  </si>
  <si>
    <t>12/17/2019 15:41:56</t>
  </si>
  <si>
    <t>12/17/2019 15:42:00</t>
  </si>
  <si>
    <t>12/17/2019 15:42:01</t>
  </si>
  <si>
    <t>12/17/2019 15:42:02</t>
  </si>
  <si>
    <t>12/17/2019 15:42:03</t>
  </si>
  <si>
    <t>12/17/2019 15:42:05</t>
  </si>
  <si>
    <t>12/17/2019 15:42:08</t>
  </si>
  <si>
    <t>12/17/2019 15:42:09</t>
  </si>
  <si>
    <t>12/17/2019 15:42:10</t>
  </si>
  <si>
    <t>12/17/2019 15:42:11</t>
  </si>
  <si>
    <t>12/17/2019 15:42:14</t>
  </si>
  <si>
    <t>12/17/2019 15:42:15</t>
  </si>
  <si>
    <t>12/17/2019 15:42:17</t>
  </si>
  <si>
    <t>12/17/2019 15:42:18</t>
  </si>
  <si>
    <t>12/17/2019 15:42:19</t>
  </si>
  <si>
    <t>12/17/2019 15:42:20</t>
  </si>
  <si>
    <t>12/17/2019 15:42:21</t>
  </si>
  <si>
    <t>12/17/2019 15:42:22</t>
  </si>
  <si>
    <t>12/17/2019 15:42:23</t>
  </si>
  <si>
    <t>12/17/2019 15:42:24</t>
  </si>
  <si>
    <t>12/17/2019 15:42:25</t>
  </si>
  <si>
    <t>12/17/2019 15:42:26</t>
  </si>
  <si>
    <t>12/17/2019 15:42:27</t>
  </si>
  <si>
    <t>12/17/2019 15:42:29</t>
  </si>
  <si>
    <t>12/17/2019 15:42:30</t>
  </si>
  <si>
    <t>12/17/2019 15:42:31</t>
  </si>
  <si>
    <t>12/17/2019 15:42:32</t>
  </si>
  <si>
    <t>12/17/2019 15:42:33</t>
  </si>
  <si>
    <t>12/17/2019 15:42:34</t>
  </si>
  <si>
    <t>12/17/2019 15:42:36</t>
  </si>
  <si>
    <t>12/17/2019 15:42:37</t>
  </si>
  <si>
    <t>12/17/2019 15:43:01</t>
  </si>
  <si>
    <t>12/17/2019 15:39:05</t>
  </si>
  <si>
    <t>12/17/2019 15:44:21</t>
  </si>
  <si>
    <t>12/17/2019 15:40:05</t>
  </si>
  <si>
    <t>12/17/2019 15:42:52</t>
  </si>
  <si>
    <t>12/17/2019 15:45:21</t>
  </si>
  <si>
    <t>12/17/2019 15:43:50</t>
  </si>
  <si>
    <t>12/17/2019 15:43:51</t>
  </si>
  <si>
    <t>12/17/2019 15:43:52</t>
  </si>
  <si>
    <t>12/17/2019 15:43:53</t>
  </si>
  <si>
    <t>12/17/2019 15:43:54</t>
  </si>
  <si>
    <t>12/17/2019 15:43:55</t>
  </si>
  <si>
    <t>12/17/2019 15:43:56</t>
  </si>
  <si>
    <t>12/17/2019 15:43:57</t>
  </si>
  <si>
    <t>12/17/2019 15:43:58</t>
  </si>
  <si>
    <t>12/17/2019 15:43:59</t>
  </si>
  <si>
    <t>12/17/2019 15:44:00</t>
  </si>
  <si>
    <t>12/17/2019 15:44:01</t>
  </si>
  <si>
    <t>12/17/2019 15:44:02</t>
  </si>
  <si>
    <t>12/17/2019 15:44:03</t>
  </si>
  <si>
    <t>12/17/2019 15:44:04</t>
  </si>
  <si>
    <t>12/17/2019 15:44:05</t>
  </si>
  <si>
    <t>12/17/2019 15:44:06</t>
  </si>
  <si>
    <t>12/17/2019 15:43:40</t>
  </si>
  <si>
    <t>56ea64e8-9ae8-47ca-8493-6ae349f34760.tmp</t>
  </si>
  <si>
    <t>\\acsfs\profiles$\paulovadc\Downloads\56ea64e8-9ae8-47ca-8493-6ae349f34760.tmp</t>
  </si>
  <si>
    <t>12/17/2019 15:45:17</t>
  </si>
  <si>
    <t>12/17/2019 15:46:21</t>
  </si>
  <si>
    <t>12/17/2019 15:48:02</t>
  </si>
  <si>
    <t>12/17/2019 15:48:21</t>
  </si>
  <si>
    <t>12/17/2019 15:48:05</t>
  </si>
  <si>
    <t>XLOG_vanessacgs_17122019_075346.log</t>
  </si>
  <si>
    <t>\\acsfs\profiles$\vanessacgs\My Documents\xworkcenter\logs\XLOG_vanessacgs_17122019_075346.log</t>
  </si>
  <si>
    <t>12/17/2019 15:45:05</t>
  </si>
  <si>
    <t>12/17/2019 15:49:21</t>
  </si>
  <si>
    <t>12/17/2019 15:46:05</t>
  </si>
  <si>
    <t>12/17/2019 15:49:11</t>
  </si>
  <si>
    <t>12/17/2019 15:50:20</t>
  </si>
  <si>
    <t>f;thiagordu@algartech.com;</t>
  </si>
  <si>
    <t>f,thiagordu@algartech.com</t>
  </si>
  <si>
    <t>12/17/2019 15:49:28</t>
  </si>
  <si>
    <t>mail.google.com/sync/u/0/i/s?hl=pt-BR&amp;c=383</t>
  </si>
  <si>
    <t>12/17/2019 15:49:31</t>
  </si>
  <si>
    <t>mail.google.com/sync/u/0/i/s?hl=pt-BR&amp;c=388</t>
  </si>
  <si>
    <t>12/17/2019 15:49:32</t>
  </si>
  <si>
    <t>12/17/2019 15:45:51</t>
  </si>
  <si>
    <t>12/17/2019 15:45:52</t>
  </si>
  <si>
    <t>lu115642rmjn7.tmp</t>
  </si>
  <si>
    <t>\\acsfs\profiles$\jonatanls\My Documents\lu115642rmjn7.tmp</t>
  </si>
  <si>
    <t>12/17/2019 15:46:07</t>
  </si>
  <si>
    <t>lu115642rmjnd.tmp</t>
  </si>
  <si>
    <t>\\acsfs\profiles$\jonatanls\My Documents\lu115642rmjnd.tmp</t>
  </si>
  <si>
    <t>12/17/2019 15:47:10</t>
  </si>
  <si>
    <t>12/17/2019 15:48:36</t>
  </si>
  <si>
    <t>12/17/2019 15:51:21</t>
  </si>
  <si>
    <t>ACC - 3º Aditivo 4º Mútuo JUR.xlsx</t>
  </si>
  <si>
    <t>12/17/2019 15:49:48</t>
  </si>
  <si>
    <t>4f7caeec-22f1-436d-bc34-ee5255f071fb.tmp</t>
  </si>
  <si>
    <t>\\acsfs\profiles$\gabrielafs\Downloads\4f7caeec-22f1-436d-bc34-ee5255f071fb.tmp</t>
  </si>
  <si>
    <t>bcb874c2-ae12-4f28-ada6-e4cf32ca4e37.tmp</t>
  </si>
  <si>
    <t>\\acsfs\profiles$\kamilamrc\Downloads\bcb874c2-ae12-4f28-ada6-e4cf32ca4e37.tmp</t>
  </si>
  <si>
    <t>12/17/2019 15:49:44</t>
  </si>
  <si>
    <t>d51f5434-25a0-4788-9496-b05bbaa45bbd.tmp</t>
  </si>
  <si>
    <t>\\acsfs\profiles$\kamilamrc\Downloads\d51f5434-25a0-4788-9496-b05bbaa45bbd.tmp</t>
  </si>
  <si>
    <t>12/17/2019 15:48:56</t>
  </si>
  <si>
    <t>c8437015-8fe2-4472-912a-d4899521e5e2.tmp</t>
  </si>
  <si>
    <t>\\acsfs\profiles$\adrielyas\Downloads\c8437015-8fe2-4472-912a-d4899521e5e2.tmp</t>
  </si>
  <si>
    <t>12/17/2019 15:47:01</t>
  </si>
  <si>
    <t>04508b52-a3a0-4765-9b94-b94e1bc0a87c.tmp</t>
  </si>
  <si>
    <t>\\acsfs\profiles$\deborahsi\Downloads\04508b52-a3a0-4765-9b94-b94e1bc0a87c.tmp</t>
  </si>
  <si>
    <t>12/17/2019 15:50:15</t>
  </si>
  <si>
    <t>ligações mutant primeiro ciclo dezembro_1_6763258161843473842_1_32.wav</t>
  </si>
  <si>
    <t>\\acsfs\DEPTOS\EDUCACAO EMPRESARIAL\ligações mutant primeiro ciclo dezembro_1_6763258161843473842_1_32.wav</t>
  </si>
  <si>
    <t>12/17/2019 15:50:31</t>
  </si>
  <si>
    <t>\\acsfs\DEPTOS\EDUCACAO EMPRESARIAL\Videos Febraban\Thumbs.db</t>
  </si>
  <si>
    <t>12/17/2019 15:48:12</t>
  </si>
  <si>
    <t>12/17/2019 15:52:21</t>
  </si>
  <si>
    <t>mail.google.com/_/upload?authuser=0&amp;dcp=asu-n&amp;upload_id=AEnB2UopIbIQnxsuin_KN2duVcwm6p2aBN6-N5ukaXsctyJ08fxCJ3IueSj10hKntT7eRPe7IwLvxJWwdal5QMMrhrF92CnpfRVDNR61xSKTh0BOWbUHstY&amp;upload_protocol=resumable</t>
  </si>
  <si>
    <t>12/17/2019 15:51:45</t>
  </si>
  <si>
    <t>12/17/2019 15:54:20</t>
  </si>
  <si>
    <t>Reajuste 2020.xlsx</t>
  </si>
  <si>
    <t>12/17/2019 15:51:05</t>
  </si>
  <si>
    <t>12/17/2019 15:52:07</t>
  </si>
  <si>
    <t>12/17/2019 15:55:21</t>
  </si>
  <si>
    <t>12/17/2019 15:49:34</t>
  </si>
  <si>
    <t>mail.google.com/sync/u/0/i/s?hl=pt-BR&amp;c=393</t>
  </si>
  <si>
    <t>12/17/2019 15:49:38</t>
  </si>
  <si>
    <t>mail.google.com/sync/u/0/i/s?hl=pt-BR&amp;c=398</t>
  </si>
  <si>
    <t>12/17/2019 15:50:19</t>
  </si>
  <si>
    <t>lu3151237mxsy.tmp</t>
  </si>
  <si>
    <t>\\acsfs\profiles$\jonatanls\My Documents\lu3151237mxsy.tmp</t>
  </si>
  <si>
    <t>12/17/2019 15:51:47</t>
  </si>
  <si>
    <t>12/17/2019 15:51:53</t>
  </si>
  <si>
    <t>12/17/2019 15:51:54</t>
  </si>
  <si>
    <t>12/17/2019 15:51:56</t>
  </si>
  <si>
    <t>12/17/2019 15:51:57</t>
  </si>
  <si>
    <t>12/17/2019 15:52:02</t>
  </si>
  <si>
    <t>12/17/2019 15:52:03</t>
  </si>
  <si>
    <t>12/17/2019 15:52:05</t>
  </si>
  <si>
    <t>12/17/2019 15:52:08</t>
  </si>
  <si>
    <t>12/17/2019 15:52:14</t>
  </si>
  <si>
    <t>12/17/2019 15:52:15</t>
  </si>
  <si>
    <t>12/17/2019 15:52:20</t>
  </si>
  <si>
    <t>12/17/2019 15:52:26</t>
  </si>
  <si>
    <t>12/17/2019 15:52:29</t>
  </si>
  <si>
    <t>12/17/2019 15:52:32</t>
  </si>
  <si>
    <t>12/17/2019 15:52:53</t>
  </si>
  <si>
    <t>12/17/2019 15:52:34</t>
  </si>
  <si>
    <t>12/17/2019 15:56:20</t>
  </si>
  <si>
    <t>\\acsfs\DEPTOS\EDUCACAO EMPRESARIAL\ligação mutant primeiro ciclo MUTANT\</t>
  </si>
  <si>
    <t>ADRIELE DAS GRACAS CARVALHO_1_6763101262393195376_1_32.wav</t>
  </si>
  <si>
    <t>\\acsfs\DEPTOS\EDUCACAO EMPRESARIAL\ligação mutant primeiro ciclo MUTANT\ADRIELE DAS GRACAS CARVALHO_1_6763101262393195376_1_32.wav</t>
  </si>
  <si>
    <t>12/17/2019 15:53:10</t>
  </si>
  <si>
    <t>ADRIELY APARECIDA SILVA_1_6763277914398078131_1_32.wav</t>
  </si>
  <si>
    <t>\\acsfs\DEPTOS\EDUCACAO EMPRESARIAL\ligação mutant primeiro ciclo MUTANT\ADRIELY APARECIDA SILVA_1_6763277914398078131_1_32.wav</t>
  </si>
  <si>
    <t>12/17/2019 15:55:23</t>
  </si>
  <si>
    <t>12/17/2019 15:57:21</t>
  </si>
  <si>
    <t>12/17/2019 15:55:29</t>
  </si>
  <si>
    <t>12/17/2019 15:56:13</t>
  </si>
  <si>
    <t>12/17/2019 15:58:20</t>
  </si>
  <si>
    <t>Preco_215380_V2.xlsb</t>
  </si>
  <si>
    <t>12/17/2019 15:57:20</t>
  </si>
  <si>
    <t>12/17/2019 15:59:21</t>
  </si>
  <si>
    <t>XLOG_ellencds_17122019_080930.log</t>
  </si>
  <si>
    <t>\\acsfs\profiles$\ellencds\My Documents\xworkcenter\logs\XLOG_ellencds_17122019_080930.log</t>
  </si>
  <si>
    <t>12/17/2019 15:57:05</t>
  </si>
  <si>
    <t>12/17/2019 15:58:05</t>
  </si>
  <si>
    <t>12/17/2019 16:00:20</t>
  </si>
  <si>
    <t>12/17/2019 15:58:30</t>
  </si>
  <si>
    <t>a4fa19e9-0d46-478c-b5d3-f9176032f9c8.tmp</t>
  </si>
  <si>
    <t>\\acsfs\profiles$\gabrielamdp\Downloads\a4fa19e9-0d46-478c-b5d3-f9176032f9c8.tmp</t>
  </si>
  <si>
    <t>12/17/2019 15:59:13</t>
  </si>
  <si>
    <t>859d50aa-f406-48c9-afda-4364b3e267bf.tmp</t>
  </si>
  <si>
    <t>\\acsfs\profiles$\gabrielamdp\Downloads\859d50aa-f406-48c9-afda-4364b3e267bf.tmp</t>
  </si>
  <si>
    <t>12/17/2019 15:59:14</t>
  </si>
  <si>
    <t>cf7a5b81-8198-4459-bfb9-08ea2d984c73.tmp</t>
  </si>
  <si>
    <t>\\acsfs\profiles$\gabrielamdp\Downloads\cf7a5b81-8198-4459-bfb9-08ea2d984c73.tmp</t>
  </si>
  <si>
    <t>12/17/2019 15:59:15</t>
  </si>
  <si>
    <t>90f5db80-609c-4874-b23f-f05bf999b055.tmp</t>
  </si>
  <si>
    <t>\\acsfs\profiles$\gabrielamdp\Downloads\90f5db80-609c-4874-b23f-f05bf999b055.tmp</t>
  </si>
  <si>
    <t>12/17/2019 15:59:16</t>
  </si>
  <si>
    <t>41fbc776-cced-4578-9e97-378104c2fbdf.tmp</t>
  </si>
  <si>
    <t>\\acsfs\profiles$\gabrielamdp\Downloads\41fbc776-cced-4578-9e97-378104c2fbdf.tmp</t>
  </si>
  <si>
    <t>12/17/2019 15:59:17</t>
  </si>
  <si>
    <t>d6736006-e74a-4cf6-bf13-53a1ed11e9a4.tmp</t>
  </si>
  <si>
    <t>\\acsfs\profiles$\gabrielamdp\Downloads\d6736006-e74a-4cf6-bf13-53a1ed11e9a4.tmp</t>
  </si>
  <si>
    <t>12/17/2019 15:56:49</t>
  </si>
  <si>
    <t>12/17/2019 16:01:21</t>
  </si>
  <si>
    <t>12/17/2019 15:56:55</t>
  </si>
  <si>
    <t>12/17/2019 15:56:56</t>
  </si>
  <si>
    <t>12/17/2019 15:56:57</t>
  </si>
  <si>
    <t>12/17/2019 15:57:02</t>
  </si>
  <si>
    <t>12/17/2019 15:57:06</t>
  </si>
  <si>
    <t>12/17/2019 15:58:56</t>
  </si>
  <si>
    <t>12/17/2019 16:00:26</t>
  </si>
  <si>
    <t>Lista Confraternização.xlsx</t>
  </si>
  <si>
    <t>12/17/2019 15:56:14</t>
  </si>
  <si>
    <t>ALEXANDRE MILHOMEM MARACAIPE_1_6763597301051106181_1_32.wav</t>
  </si>
  <si>
    <t>\\acsfs\DEPTOS\EDUCACAO EMPRESARIAL\ligação mutant primeiro ciclo MUTANT\ALEXANDRE MILHOMEM MARACAIPE_1_6763597301051106181_1_32.wav</t>
  </si>
  <si>
    <t>12/17/2019 15:57:08</t>
  </si>
  <si>
    <t>ALICE CRISPINA PEREIRA BARBOSA COELHO_1_6763972805746835442_1_32.wav</t>
  </si>
  <si>
    <t>\\acsfs\DEPTOS\EDUCACAO EMPRESARIAL\ligação mutant primeiro ciclo MUTANT\ALICE CRISPINA PEREIRA BARBOSA COELHO_1_6763972805746835442_1_32.wav</t>
  </si>
  <si>
    <t>12/17/2019 15:58:58</t>
  </si>
  <si>
    <t>ALYNY ALVES_1_6763663611051186908_1_32.wav</t>
  </si>
  <si>
    <t>\\acsfs\DEPTOS\EDUCACAO EMPRESARIAL\ligação mutant primeiro ciclo MUTANT\ALYNY ALVES_1_6763663611051186908_1_32.wav</t>
  </si>
  <si>
    <t>12/17/2019 16:00:27</t>
  </si>
  <si>
    <t>12/17/2019 16:02:20</t>
  </si>
  <si>
    <t>mail.google.com/_/upload?authuser=0&amp;dcp=asu-n&amp;upload_id=AEnB2UraQcW3gpD_1d1RglwPFeJVkG1TTBWn1c9esU-uiyVLQ28QZbjNiNF2J6o3dFIxfeeUSROMoEx3bjly0e4LxjpPLiHbnNd7ueDD6lWFAsh6L6za4x0&amp;upload_protocol=resumable</t>
  </si>
  <si>
    <t>2019_12_Gerencial_Qualidade_MPE_Concessão.xlsx</t>
  </si>
  <si>
    <t>12/17/2019 15:55:20</t>
  </si>
  <si>
    <t>12/17/2019 16:03:21</t>
  </si>
  <si>
    <t>12/17/2019 15:56:01</t>
  </si>
  <si>
    <t>12/17/2019 15:59:22</t>
  </si>
  <si>
    <t>c:\users\vanessasara\desktop\</t>
  </si>
  <si>
    <t>avaliação - prodex.xlsx</t>
  </si>
  <si>
    <t>12/17/2019 16:00:13</t>
  </si>
  <si>
    <t>jussaragp@algartech.com;micheless@algartech.com.br;patricia.amaral@temposervicos.com.br;patriciaroa@algartech.com.br;</t>
  </si>
  <si>
    <t>jussaragp@algartech.com,micheless@algartech.com.br,patricia.amaral@temposervicos.com.br,patriciaroa@algartech.com.br</t>
  </si>
  <si>
    <t>12/17/2019 15:59:41</t>
  </si>
  <si>
    <t>12/17/2019 15:59:49</t>
  </si>
  <si>
    <t>17-12.xlsx</t>
  </si>
  <si>
    <t>12/17/2019 16:02:11</t>
  </si>
  <si>
    <t>12/17/2019 16:03:31</t>
  </si>
  <si>
    <t>12/17/2019 16:04:20</t>
  </si>
  <si>
    <t>\\acsfs\Deptos\DME\CME - Coordenacao de Marketing e Estrategia\Gestão de Clientes\Projeto Customer Success\Levantamento Dados - Sensedata\NPS\</t>
  </si>
  <si>
    <t>NPS_171219.xls</t>
  </si>
  <si>
    <t>12/17/2019 16:03:05</t>
  </si>
  <si>
    <t>12/17/2019 16:05:21</t>
  </si>
  <si>
    <t>12/17/2019 16:02:56</t>
  </si>
  <si>
    <t>12/17/2019 16:04:50</t>
  </si>
  <si>
    <t>mail.google.com/_/upload?authuser=0&amp;dcp=asu-n&amp;upload_id=AEnB2UrGA7_Zas_kvX0tKsbdZhyTf7bx-odWxj8sQ-1PLJ0KcspRObXbs8m9DXyKSLRzn4TM2adaeQHw2hXX-0iTIgl9V_rzCnRddAb1vpsbYfYzs2_IKMg&amp;upload_protocol=resumable</t>
  </si>
  <si>
    <t>mmmmoreira@timbrasil.com.br;</t>
  </si>
  <si>
    <t>mmmmoreira@timbrasil.com.br</t>
  </si>
  <si>
    <t>12/17/2019 16:03:28</t>
  </si>
  <si>
    <t>86b8d43d-95de-4b38-bd45-10a972761cc7.tmp</t>
  </si>
  <si>
    <t>\\acsfs\profiles$\ayalabfi\Downloads\86b8d43d-95de-4b38-bd45-10a972761cc7.tmp</t>
  </si>
  <si>
    <t>12/17/2019 16:00:52</t>
  </si>
  <si>
    <t>12/17/2019 16:06:21</t>
  </si>
  <si>
    <t>12/17/2019 16:01:37</t>
  </si>
  <si>
    <t>WELIDI CRISTINA DE JESUS_1_6764026046161423058_1_32.wav</t>
  </si>
  <si>
    <t>\\acsfs\DEPTOS\EDUCACAO EMPRESARIAL\ligação mutant primeiro ciclo MUTANT\WELIDI CRISTINA DE JESUS_1_6764026046161423058_1_32.wav</t>
  </si>
  <si>
    <t>12/17/2019 16:02:34</t>
  </si>
  <si>
    <t>MATHEUS HENRIKO CUNHA BORGES_1_6763288316808867921_1_32.wav</t>
  </si>
  <si>
    <t>\\acsfs\DEPTOS\EDUCACAO EMPRESARIAL\ligação mutant primeiro ciclo MUTANT\MATHEUS HENRIKO CUNHA BORGES_1_6763288316808867921_1_32.wav</t>
  </si>
  <si>
    <t>ANDRESSA GOMES RODRIGUES_1_6763938991469306920_1_32.wav</t>
  </si>
  <si>
    <t>\\acsfs\DEPTOS\EDUCACAO EMPRESARIAL\ligação mutant primeiro ciclo MUTANT\ANDRESSA GOMES RODRIGUES_1_6763938991469306920_1_32.wav</t>
  </si>
  <si>
    <t>12/17/2019 16:04:14</t>
  </si>
  <si>
    <t>ANDRESSA MACEDO FERREIRA_1_6764023164238380311_1_32.wav</t>
  </si>
  <si>
    <t>\\acsfs\DEPTOS\EDUCACAO EMPRESARIAL\ligação mutant primeiro ciclo MUTANT\ANDRESSA MACEDO FERREIRA_1_6764023164238380311_1_32.wav</t>
  </si>
  <si>
    <t>12/17/2019 16:04:56</t>
  </si>
  <si>
    <t>MATEUS DE JESUS MORAIS_1_6763990651335943673_1_32.wav</t>
  </si>
  <si>
    <t>\\acsfs\DEPTOS\EDUCACAO EMPRESARIAL\ligação mutant primeiro ciclo MUTANT\MATEUS DE JESUS MORAIS_1_6763990651335943673_1_32.wav</t>
  </si>
  <si>
    <t>12/17/2019 16:05:41</t>
  </si>
  <si>
    <t>BEATRIZ PEREIRA MENDES DA SILVA_1_6764334996043930115_1_32.wav</t>
  </si>
  <si>
    <t>\\acsfs\DEPTOS\EDUCACAO EMPRESARIAL\ligação mutant primeiro ciclo MUTANT\BEATRIZ PEREIRA MENDES DA SILVA_1_6764334996043930115_1_32.wav</t>
  </si>
  <si>
    <t>12/17/2019 16:05:16</t>
  </si>
  <si>
    <t>12/17/2019 16:08:21</t>
  </si>
  <si>
    <t>12/17/2019 16:03:42</t>
  </si>
  <si>
    <t>12/17/2019 16:07:13</t>
  </si>
  <si>
    <t>12/17/2019 16:07:43</t>
  </si>
  <si>
    <t>12/17/2019 16:08:13</t>
  </si>
  <si>
    <t>12/17/2019 16:07:27</t>
  </si>
  <si>
    <t>12/17/2019 16:09:21</t>
  </si>
  <si>
    <t>12/17/2019 16:04:05</t>
  </si>
  <si>
    <t>12/17/2019 16:07:24</t>
  </si>
  <si>
    <t>12/17/2019 16:10:21</t>
  </si>
  <si>
    <t>12/17/2019 16:06:37</t>
  </si>
  <si>
    <t>fernanda_silva@jltbrasil.com;gustavohs@algartech.com;melanie_ribeiro@jltbrasil.com;nubia@algartech.com;</t>
  </si>
  <si>
    <t>C:\Users\nubiafrsp\Downloads\</t>
  </si>
  <si>
    <t>Proposta para 2020_Agenda Reuniões Mensais (8).xlsx</t>
  </si>
  <si>
    <t>fernanda_silva@jltbrasil.com,gustavohs@algartech.com,melanie_ribeiro@jltbrasil.com,nubia@algartech.com</t>
  </si>
  <si>
    <t>mail.google.com/_/upload?authuser=0&amp;dcp=asu-n&amp;upload_id=AEnB2UqcVwrCw24J2HXDVMyA-B9EMWPn3V8kqfEKY7_19FNW3UYXnHOHlWFlRk2saogCgYj4cMC9767FGeazS_ZnJZQdLtqTUNxUQ8OejXKlBBCKf-5eusM&amp;upload_protocol=resumable</t>
  </si>
  <si>
    <t>12/17/2019 16:05:32</t>
  </si>
  <si>
    <t>12/17/2019 16:11:21</t>
  </si>
  <si>
    <t>12/17/2019 16:05:33</t>
  </si>
  <si>
    <t>12/17/2019 16:05:34</t>
  </si>
  <si>
    <t>12/17/2019 16:09:29</t>
  </si>
  <si>
    <t>12/17/2019 16:05:57</t>
  </si>
  <si>
    <t>12/17/2019 16:08:08</t>
  </si>
  <si>
    <t>12/17/2019 16:10:51</t>
  </si>
  <si>
    <t>12/17/2019 16:06:50</t>
  </si>
  <si>
    <t>BRUNA ASSUNCAO ROSA_1_6763284477108099071_1_32.wav</t>
  </si>
  <si>
    <t>\\acsfs\DEPTOS\EDUCACAO EMPRESARIAL\ligação mutant primeiro ciclo MUTANT\BRUNA ASSUNCAO ROSA_1_6763284477108099071_1_32.wav</t>
  </si>
  <si>
    <t>12/17/2019 16:07:29</t>
  </si>
  <si>
    <t>BRUNO GONCALVES DA SILVA_1_6763673197418189643_1_32.wav</t>
  </si>
  <si>
    <t>\\acsfs\DEPTOS\EDUCACAO EMPRESARIAL\ligação mutant primeiro ciclo MUTANT\BRUNO GONCALVES DA SILVA_1_6763673197418189643_1_32.wav</t>
  </si>
  <si>
    <t>12/17/2019 16:08:35</t>
  </si>
  <si>
    <t>CINTIA DA COSTA FERREIRA_1_6764356698513674872_1_32.wav</t>
  </si>
  <si>
    <t>\\acsfs\DEPTOS\EDUCACAO EMPRESARIAL\ligação mutant primeiro ciclo MUTANT\CINTIA DA COSTA FERREIRA_1_6764356698513674872_1_32.wav</t>
  </si>
  <si>
    <t>12/17/2019 16:09:36</t>
  </si>
  <si>
    <t>CINTIA DE JESUS LIMA_1_6764096492215012089_1_32.wav</t>
  </si>
  <si>
    <t>\\acsfs\DEPTOS\EDUCACAO EMPRESARIAL\ligação mutant primeiro ciclo MUTANT\CINTIA DE JESUS LIMA_1_6764096492215012089_1_32.wav</t>
  </si>
  <si>
    <t>CLAUDIA JANAINA CELESTE DE ANDRADE_1_6763614751503223088_1_32.wav</t>
  </si>
  <si>
    <t>\\acsfs\DEPTOS\EDUCACAO EMPRESARIAL\ligação mutant primeiro ciclo MUTANT\CLAUDIA JANAINA CELESTE DE ANDRADE_1_6763614751503223088_1_32.wav</t>
  </si>
  <si>
    <t>DALVA DE FATIMA BRAGA_1_6763625853993682568_1_32.wav</t>
  </si>
  <si>
    <t>\\acsfs\DEPTOS\EDUCACAO EMPRESARIAL\ligação mutant primeiro ciclo MUTANT\DALVA DE FATIMA BRAGA_1_6763625853993682568_1_32.wav</t>
  </si>
  <si>
    <t>12/17/2019 16:09:20</t>
  </si>
  <si>
    <t>12/17/2019 16:13:22</t>
  </si>
  <si>
    <t>12/17/2019 16:08:43</t>
  </si>
  <si>
    <t>12/17/2019 16:12:55</t>
  </si>
  <si>
    <t>12/17/2019 16:14:22</t>
  </si>
  <si>
    <t>63dba6c0-93c5-4671-9e06-836d7065fd42.tmp</t>
  </si>
  <si>
    <t>\\acsfs\profiles$\geovannasm\Downloads\63dba6c0-93c5-4671-9e06-836d7065fd42.tmp</t>
  </si>
  <si>
    <t>12/17/2019 16:09:05</t>
  </si>
  <si>
    <t>12/17/2019 16:10:05</t>
  </si>
  <si>
    <t>12/17/2019 16:15:22</t>
  </si>
  <si>
    <t>12/17/2019 16:12:46</t>
  </si>
  <si>
    <t>mail.google.com/sync/u/0/i/s?hl=pt-BR&amp;c=500</t>
  </si>
  <si>
    <t>12/17/2019 16:12:47</t>
  </si>
  <si>
    <t>12/17/2019 16:12:33</t>
  </si>
  <si>
    <t>12/17/2019 16:16:22</t>
  </si>
  <si>
    <t>ae924cf3-a599-4142-90a3-bf9109dd0598.tmp</t>
  </si>
  <si>
    <t>\\acsfs\profiles$\wenderbnm\Downloads\ae924cf3-a599-4142-90a3-bf9109dd0598.tmp</t>
  </si>
  <si>
    <t>12/17/2019 16:12:04</t>
  </si>
  <si>
    <t>12/17/2019 16:13:53</t>
  </si>
  <si>
    <t>XLOG_tiagosno_17122019_081210.log</t>
  </si>
  <si>
    <t>\\acsfs\profiles$\tiagosno\My Documents\xworkcenter\logs\XLOG_tiagosno_17122019_081210.log</t>
  </si>
  <si>
    <t>12/17/2019 16:11:37</t>
  </si>
  <si>
    <t>DANIEL MARINHO LIMA DA SILVA_1_6764027639594292020_1_32.wav</t>
  </si>
  <si>
    <t>\\acsfs\DEPTOS\EDUCACAO EMPRESARIAL\ligação mutant primeiro ciclo MUTANT\DANIEL MARINHO LIMA DA SILVA_1_6764027639594292020_1_32.wav</t>
  </si>
  <si>
    <t>12/17/2019 16:12:38</t>
  </si>
  <si>
    <t>DEBORA CARLA TEIXEIRA RODRIGUES_1_6763940237009823692_1_32.wav</t>
  </si>
  <si>
    <t>\\acsfs\DEPTOS\EDUCACAO EMPRESARIAL\ligação mutant primeiro ciclo MUTANT\DEBORA CARLA TEIXEIRA RODRIGUES_1_6763940237009823692_1_32.wav</t>
  </si>
  <si>
    <t>12/17/2019 16:13:07</t>
  </si>
  <si>
    <t>DHIULLIANA NETO APARECIDO DE SOUZA_1_6763573043075820695_1_32.wav</t>
  </si>
  <si>
    <t>\\acsfs\DEPTOS\EDUCACAO EMPRESARIAL\ligação mutant primeiro ciclo MUTANT\DHIULLIANA NETO APARECIDO DE SOUZA_1_6763573043075820695_1_32.wav</t>
  </si>
  <si>
    <t>EDUARDO FREITAS SIMOES_1_6763587194993060534_1_32.wav</t>
  </si>
  <si>
    <t>\\acsfs\DEPTOS\EDUCACAO EMPRESARIAL\ligação mutant primeiro ciclo MUTANT\EDUARDO FREITAS SIMOES_1_6763587194993060534_1_32.wav</t>
  </si>
  <si>
    <t>12/17/2019 16:15:27</t>
  </si>
  <si>
    <t>ERICA LUZIANA SILVA RIBEIRO_1_6764070958634447196_1_32.wav</t>
  </si>
  <si>
    <t>\\acsfs\DEPTOS\EDUCACAO EMPRESARIAL\ligação mutant primeiro ciclo MUTANT\ERICA LUZIANA SILVA RIBEIRO_1_6764070958634447196_1_32.wav</t>
  </si>
  <si>
    <t>12/17/2019 16:15:54</t>
  </si>
  <si>
    <t>FABIANA FONTINELE VERAS_1_6764114853200213347_1_32.wav</t>
  </si>
  <si>
    <t>\\acsfs\DEPTOS\EDUCACAO EMPRESARIAL\ligação mutant primeiro ciclo MUTANT\FABIANA FONTINELE VERAS_1_6764114853200213347_1_32.wav</t>
  </si>
  <si>
    <t>12/17/2019 16:16:17</t>
  </si>
  <si>
    <t>12/17/2019 16:18:21</t>
  </si>
  <si>
    <t>12/17/2019 16:16:13</t>
  </si>
  <si>
    <t>964a705f-cc87-4e1e-a0f7-4711dbf0d464.tmp</t>
  </si>
  <si>
    <t>\\acsfs\profiles$\regisadsa\Downloads\964a705f-cc87-4e1e-a0f7-4711dbf0d464.tmp</t>
  </si>
  <si>
    <t>12/17/2019 16:14:00</t>
  </si>
  <si>
    <t>12/17/2019 16:15:03</t>
  </si>
  <si>
    <t>12/17/2019 16:19:22</t>
  </si>
  <si>
    <t>12/17/2019 16:15:05</t>
  </si>
  <si>
    <t>12/17/2019 16:15:09</t>
  </si>
  <si>
    <t>12/17/2019 16:15:10</t>
  </si>
  <si>
    <t>12/17/2019 16:15:15</t>
  </si>
  <si>
    <t>mail.google.com/sync/u/0/i/s?hl=pt-BR&amp;c=342</t>
  </si>
  <si>
    <t>mail.google.com/sync/u/0/i/s?hl=pt-BR&amp;c=346</t>
  </si>
  <si>
    <t>12/17/2019 16:15:33</t>
  </si>
  <si>
    <t>12/17/2019 16:15:43</t>
  </si>
  <si>
    <t>12/17/2019 16:16:00</t>
  </si>
  <si>
    <t>mail.google.com/sync/u/0/i/s?hl=pt-BR&amp;c=355</t>
  </si>
  <si>
    <t>12/17/2019 16:16:06</t>
  </si>
  <si>
    <t>12/17/2019 16:20:22</t>
  </si>
  <si>
    <t>12/17/2019 16:16:55</t>
  </si>
  <si>
    <t>12/17/2019 16:18:50</t>
  </si>
  <si>
    <t>12/17/2019 16:21:22</t>
  </si>
  <si>
    <t>c83eaa11-09e0-406d-86a6-d27038eea25a.tmp</t>
  </si>
  <si>
    <t>\\acsfs\profiles$\leticiala\Downloads\c83eaa11-09e0-406d-86a6-d27038eea25a.tmp</t>
  </si>
  <si>
    <t>12/17/2019 16:17:29</t>
  </si>
  <si>
    <t>12/17/2019 16:16:24</t>
  </si>
  <si>
    <t>FABIANO BRUNO MENDES FILHO_1_6764108582547957905_1_32.wav</t>
  </si>
  <si>
    <t>\\acsfs\DEPTOS\EDUCACAO EMPRESARIAL\ligação mutant primeiro ciclo MUTANT\FABIANO BRUNO MENDES FILHO_1_6764108582547957905_1_32.wav</t>
  </si>
  <si>
    <t>12/17/2019 16:16:53</t>
  </si>
  <si>
    <t>FELIPE TOMAZ DA SILVA_1_6764403681160922810_1_32.wav</t>
  </si>
  <si>
    <t>\\acsfs\DEPTOS\EDUCACAO EMPRESARIAL\ligação mutant primeiro ciclo MUTANT\FELIPE TOMAZ DA SILVA_1_6764403681160922810_1_32.wav</t>
  </si>
  <si>
    <t>12/17/2019 16:17:21</t>
  </si>
  <si>
    <t>MARIA GABRIELA SILVA GOMES_1_6763305496678047342_1_32.wav</t>
  </si>
  <si>
    <t>\\acsfs\DEPTOS\EDUCACAO EMPRESARIAL\ligação mutant primeiro ciclo MUTANT\MARIA GABRIELA SILVA GOMES_1_6763305496678047342_1_32.wav</t>
  </si>
  <si>
    <t>12/17/2019 16:17:51</t>
  </si>
  <si>
    <t>FLAVIO JUNIO MENDES MOREIRA_1_6764016880701219589_1_32.wav</t>
  </si>
  <si>
    <t>\\acsfs\DEPTOS\EDUCACAO EMPRESARIAL\ligação mutant primeiro ciclo MUTANT\FLAVIO JUNIO MENDES MOREIRA_1_6764016880701219589_1_32.wav</t>
  </si>
  <si>
    <t>12/17/2019 16:18:18</t>
  </si>
  <si>
    <t>FRANCISLAYNE ASSUMPCAO DE SOUSA_1_6764356303376683084_1_32.wav</t>
  </si>
  <si>
    <t>\\acsfs\DEPTOS\EDUCACAO EMPRESARIAL\ligação mutant primeiro ciclo MUTANT\FRANCISLAYNE ASSUMPCAO DE SOUSA_1_6764356303376683084_1_32.wav</t>
  </si>
  <si>
    <t>12/17/2019 16:20:11</t>
  </si>
  <si>
    <t>mail.google.com/sync/u/0/i/s?hl=pt-BR&amp;c=636</t>
  </si>
  <si>
    <t>12/17/2019 16:20:15</t>
  </si>
  <si>
    <t>mail.google.com/sync/u/0/i/s?hl=pt-BR&amp;c=638</t>
  </si>
  <si>
    <t>12/17/2019 16:20:29</t>
  </si>
  <si>
    <t>mail.google.com/sync/u/0/i/s?hl=pt-BR&amp;c=640</t>
  </si>
  <si>
    <t>kesiadof@algartech.com;talmaiardo@algartech.com;</t>
  </si>
  <si>
    <t>kesiadof@algartech.com,talmaiardo@algartech.com</t>
  </si>
  <si>
    <t>12/17/2019 16:20:33</t>
  </si>
  <si>
    <t>mail.google.com/sync/u/0/i/s?hl=pt-BR&amp;c=642</t>
  </si>
  <si>
    <t>kesiadof@algartech.com;mirianppb@algartech.com;talmaiardo@algartech.com;</t>
  </si>
  <si>
    <t>kesiadof@algartech.com,mirianppb@algartech.com,talmaiardo@algartech.com</t>
  </si>
  <si>
    <t>12/17/2019 16:20:36</t>
  </si>
  <si>
    <t>mail.google.com/sync/u/0/i/s?hl=pt-BR&amp;c=644</t>
  </si>
  <si>
    <t>12/17/2019 16:18:08</t>
  </si>
  <si>
    <t>12/17/2019 16:22:23</t>
  </si>
  <si>
    <t>d61511f5-6214-4fe5-94e1-9da60eac1d57.tmp</t>
  </si>
  <si>
    <t>\\acsfs\profiles$\larissaad\Downloads\d61511f5-6214-4fe5-94e1-9da60eac1d57.tmp</t>
  </si>
  <si>
    <t>12/17/2019 16:17:45</t>
  </si>
  <si>
    <t>5b102ed0-ab80-41d3-80cd-df562bfebeb6.tmp</t>
  </si>
  <si>
    <t>\\acsfs\profiles$\gabrielhca\Downloads\5b102ed0-ab80-41d3-80cd-df562bfebeb6.tmp</t>
  </si>
  <si>
    <t>12/17/2019 16:19:18</t>
  </si>
  <si>
    <t>c8871c97-2d85-47fb-b812-4d37086ee263.tmp</t>
  </si>
  <si>
    <t>\\acsfs\profiles$\gabrielhca\Downloads\c8871c97-2d85-47fb-b812-4d37086ee263.tmp</t>
  </si>
  <si>
    <t>12/17/2019 16:21:58</t>
  </si>
  <si>
    <t>12/17/2019 16:20:26</t>
  </si>
  <si>
    <t>12/17/2019 16:24:22</t>
  </si>
  <si>
    <t>andrelpsa@algartech.com;flaviacno@algartech.com;harunams@algartech.com;luizffn@algartech.com;mirianppb@algartech.com;supervisaobancovotorantim@algartech.com;talmaiardo@algartech.com;</t>
  </si>
  <si>
    <t>andrelpsa@algartech.com,flaviacno@algartech.com,harunams@algartech.com,luizffn@algartech.com,mirianppb@algartech.com,supervisaobancovotorantim@algartech.com,talmaiardo@algartech.com</t>
  </si>
  <si>
    <t>12/17/2019 16:21:05</t>
  </si>
  <si>
    <t>12/17/2019 16:21:42</t>
  </si>
  <si>
    <t>12/17/2019 16:21:48</t>
  </si>
  <si>
    <t>mail.google.com/sync/u/0/i/s?hl=pt-BR&amp;c=395</t>
  </si>
  <si>
    <t>12/17/2019 16:21:52</t>
  </si>
  <si>
    <t>12/17/2019 16:21:59</t>
  </si>
  <si>
    <t>mail.google.com/sync/u/0/i/s?hl=pt-BR&amp;c=399</t>
  </si>
  <si>
    <t>12/17/2019 16:22:03</t>
  </si>
  <si>
    <t>mail.google.com/sync/u/0/i/s?hl=pt-BR&amp;c=401</t>
  </si>
  <si>
    <t>12/17/2019 16:22:05</t>
  </si>
  <si>
    <t>12/17/2019 16:22:16</t>
  </si>
  <si>
    <t>mail.google.com/sync/u/0/i/s?hl=pt-BR&amp;c=405</t>
  </si>
  <si>
    <t>12/17/2019 16:23:18</t>
  </si>
  <si>
    <t>mail.google.com/sync/u/0/i/s?hl=pt-BR&amp;c=408</t>
  </si>
  <si>
    <t>12/17/2019 16:23:21</t>
  </si>
  <si>
    <t>mail.google.com/sync/u/0/i/s?hl=pt-BR&amp;c=410</t>
  </si>
  <si>
    <t>12/17/2019 16:23:55</t>
  </si>
  <si>
    <t>12/17/2019 16:24:00</t>
  </si>
  <si>
    <t>12/17/2019 16:23:56</t>
  </si>
  <si>
    <t>12/17/2019 16:25:22</t>
  </si>
  <si>
    <t>12/17/2019 16:23:12</t>
  </si>
  <si>
    <t>80aafff6-46d4-40c8-a263-4240bb3c1cd2.tmp</t>
  </si>
  <si>
    <t>\\acsfs\profiles$\vivianibfs\Downloads\80aafff6-46d4-40c8-a263-4240bb3c1cd2.tmp</t>
  </si>
  <si>
    <t>12/17/2019 16:23:27</t>
  </si>
  <si>
    <t>0cc0941f-f663-4258-8fa5-39a62949280f.tmp</t>
  </si>
  <si>
    <t>\\acsfs\profiles$\vivianibfs\Downloads\0cc0941f-f663-4258-8fa5-39a62949280f.tmp</t>
  </si>
  <si>
    <t>12/17/2019 16:23:08</t>
  </si>
  <si>
    <t>12/17/2019 16:26:22</t>
  </si>
  <si>
    <t>allef.araujo@bv.com.br;andrelpsa@algartech.com;daniela.gomes@bv.com.br;jose.gomes@bv.com.br;mirianppb@algartech.com;talmaiardo@algartech.com;</t>
  </si>
  <si>
    <t>allef.araujo@bv.com.br,andrelpsa@algartech.com,daniela.gomes@bv.com.br,jose.gomes@bv.com.br,mirianppb@algartech.com,talmaiardo@algartech.com</t>
  </si>
  <si>
    <t>12/17/2019 16:23:19</t>
  </si>
  <si>
    <t>12/17/2019 16:23:53</t>
  </si>
  <si>
    <t>Frases XGEN - Migração certo 1147.xlsx</t>
  </si>
  <si>
    <t>MARIA APARECIDA VIEIRA DA SILVA_1_6764590271720137206_1_32.wav</t>
  </si>
  <si>
    <t>\\acsfs\DEPTOS\EDUCACAO EMPRESARIAL\ligação mutant primeiro ciclo MUTANT\MARIA APARECIDA VIEIRA DA SILVA_1_6764590271720137206_1_32.wav</t>
  </si>
  <si>
    <t>12/17/2019 16:23:25</t>
  </si>
  <si>
    <t>mail.google.com/sync/u/0/i/s?hl=pt-BR&amp;c=660</t>
  </si>
  <si>
    <t>kesiadof@algartech.com;lilianls@algartech.com;mirianppb@algartech.com;talmaiardo@algartech.com;thiagordu@algartech.com;</t>
  </si>
  <si>
    <t>kesiadof@algartech.com,lilianls@algartech.com,mirianppb@algartech.com,talmaiardo@algartech.com,thiagordu@algartech.com</t>
  </si>
  <si>
    <t>12/17/2019 16:23:35</t>
  </si>
  <si>
    <t>mail.google.com/sync/u/0/i/s?hl=pt-BR&amp;c=662</t>
  </si>
  <si>
    <t>lilianls@algartech.com;mirianppb@algartech.com;thiagordu@algartech.com;</t>
  </si>
  <si>
    <t>lilianls@algartech.com,mirianppb@algartech.com,thiagordu@algartech.com</t>
  </si>
  <si>
    <t>12/17/2019 16:23:39</t>
  </si>
  <si>
    <t>mail.google.com/sync/u/0/i/s?hl=pt-BR&amp;c=664</t>
  </si>
  <si>
    <t>12/17/2019 16:23:46</t>
  </si>
  <si>
    <t>mail.google.com/sync/u/0/i/s?hl=pt-BR&amp;c=666</t>
  </si>
  <si>
    <t>12/17/2019 16:23:51</t>
  </si>
  <si>
    <t>mail.google.com/sync/u/0/i/s?hl=pt-BR&amp;c=668</t>
  </si>
  <si>
    <t>mail.google.com/sync/u/0/i/s?hl=pt-BR&amp;c=670</t>
  </si>
  <si>
    <t>12/17/2019 16:23:57</t>
  </si>
  <si>
    <t>mail.google.com/sync/u/0/i/s?hl=pt-BR&amp;c=672</t>
  </si>
  <si>
    <t>12/17/2019 16:24:04</t>
  </si>
  <si>
    <t>mail.google.com/sync/u/0/i/s?hl=pt-BR&amp;c=674</t>
  </si>
  <si>
    <t>12/17/2019 16:24:08</t>
  </si>
  <si>
    <t>mail.google.com/sync/u/0/i/s?hl=pt-BR&amp;c=676</t>
  </si>
  <si>
    <t>12/17/2019 16:24:13</t>
  </si>
  <si>
    <t>mail.google.com/sync/u/0/i/s?hl=pt-BR&amp;c=679</t>
  </si>
  <si>
    <t>12/17/2019 16:24:37</t>
  </si>
  <si>
    <t>mail.google.com/sync/u/0/i/s?hl=pt-BR&amp;c=682</t>
  </si>
  <si>
    <t>12/17/2019 16:24:40</t>
  </si>
  <si>
    <t>mail.google.com/sync/u/0/i/s?hl=pt-BR&amp;c=684</t>
  </si>
  <si>
    <t>12/17/2019 16:25:36</t>
  </si>
  <si>
    <t>GABRIELA FERREIRA FRAGA_1_6763239903937503888_1_32.wav</t>
  </si>
  <si>
    <t>\\acsfs\DEPTOS\EDUCACAO EMPRESARIAL\ligação mutant primeiro ciclo MUTANT\GABRIELA FERREIRA FRAGA_1_6763239903937503888_1_32.wav</t>
  </si>
  <si>
    <t>12/17/2019 16:26:11</t>
  </si>
  <si>
    <t>GEOVANA ALINE SANTOS E SILVA_1_6763254536891087117_1_32.wav</t>
  </si>
  <si>
    <t>\\acsfs\DEPTOS\EDUCACAO EMPRESARIAL\ligação mutant primeiro ciclo MUTANT\GEOVANA ALINE SANTOS E SILVA_1_6763254536891087117_1_32.wav</t>
  </si>
  <si>
    <t>12/17/2019 16:26:20</t>
  </si>
  <si>
    <t>12/17/2019 16:27:22</t>
  </si>
  <si>
    <t>12/17/2019 16:26:05</t>
  </si>
  <si>
    <t>ce542ec6-14a2-4b22-ae04-f62c30f2e91f.tmp</t>
  </si>
  <si>
    <t>\\acsfs\profiles$\erichds\Downloads\ce542ec6-14a2-4b22-ae04-f62c30f2e91f.tmp</t>
  </si>
  <si>
    <t>12/17/2019 16:26:15</t>
  </si>
  <si>
    <t>f772927c-e4ea-4f66-9ca3-f3a60fbda37d.tmp</t>
  </si>
  <si>
    <t>\\acsfs\profiles$\erichds\Downloads\f772927c-e4ea-4f66-9ca3-f3a60fbda37d.tmp</t>
  </si>
  <si>
    <t>12/17/2019 16:27:13</t>
  </si>
  <si>
    <t>6af113e2-ed1f-402a-9ffb-ee147eb8d7fd.tmp</t>
  </si>
  <si>
    <t>\\acsfs\profiles$\erichds\Downloads\6af113e2-ed1f-402a-9ffb-ee147eb8d7fd.tmp</t>
  </si>
  <si>
    <t>12/17/2019 16:26:17</t>
  </si>
  <si>
    <t>12/17/2019 16:28:22</t>
  </si>
  <si>
    <t>12/17/2019 16:27:27</t>
  </si>
  <si>
    <t>12/17/2019 16:29:22</t>
  </si>
  <si>
    <t>4aa44a1e-3572-4e9a-a0c5-abbf21733e74.tmp</t>
  </si>
  <si>
    <t>\\acsfs\profiles$\alinepp\Downloads\4aa44a1e-3572-4e9a-a0c5-abbf21733e74.tmp</t>
  </si>
  <si>
    <t>12/17/2019 16:25:35</t>
  </si>
  <si>
    <t>12/17/2019 16:25:49</t>
  </si>
  <si>
    <t>12/17/2019 16:25:58</t>
  </si>
  <si>
    <t>12/17/2019 16:27:06</t>
  </si>
  <si>
    <t>12/17/2019 16:28:06</t>
  </si>
  <si>
    <t>12/17/2019 16:28:35</t>
  </si>
  <si>
    <t>12/17/2019 16:29:00</t>
  </si>
  <si>
    <t>12/17/2019 16:25:27</t>
  </si>
  <si>
    <t>12/17/2019 16:30:21</t>
  </si>
  <si>
    <t>mail.google.com/sync/u/0/i/s?hl=pt-BR&amp;c=403</t>
  </si>
  <si>
    <t>#tec-infraestrutura-citrix@votorantimwm.com.br;andrelps@algartech.com;andrelpsa@algartech.com;daniel.riccetto@bv.com.br;elder.aranha@bv.com.br;jose.gomes@bv.com.br;walter.consiglio@bv.com.br;</t>
  </si>
  <si>
    <t>#tec-infraestrutura-citrix@votorantimwm.com.br,andrelps@algartech.com,andrelpsa@algartech.com,daniel.riccetto@bv.com.br,elder.aranha@bv.com.br,jose.gomes@bv.com.br,walter.consiglio@bv.com.br</t>
  </si>
  <si>
    <t>12/17/2019 16:28:54</t>
  </si>
  <si>
    <t>\\atspl\d$\</t>
  </si>
  <si>
    <t>1111.txt</t>
  </si>
  <si>
    <t>\\atspl\d$\1111.txt</t>
  </si>
  <si>
    <t>12/17/2019 16:30:08</t>
  </si>
  <si>
    <t>12/17/2019 16:31:21</t>
  </si>
  <si>
    <t>de4952a4-8d12-4e60-a715-fb2608f2b06a.tmp</t>
  </si>
  <si>
    <t>\\acsfs\profiles$\leticiala\Downloads\de4952a4-8d12-4e60-a715-fb2608f2b06a.tmp</t>
  </si>
  <si>
    <t>12/17/2019 16:28:59</t>
  </si>
  <si>
    <t>12/17/2019 16:26:56</t>
  </si>
  <si>
    <t>12/17/2019 16:30:10</t>
  </si>
  <si>
    <t>b3538d56-6e20-43c0-b48b-18bb6b2535a4.tmp</t>
  </si>
  <si>
    <t>\\acsfs\profiles$\laurandos\Downloads\b3538d56-6e20-43c0-b48b-18bb6b2535a4.tmp</t>
  </si>
  <si>
    <t>12/17/2019 16:26:47</t>
  </si>
  <si>
    <t>GUSTAVO MOURA RODRIGUES_1_6764067947862369330_1_32.wav</t>
  </si>
  <si>
    <t>\\acsfs\DEPTOS\EDUCACAO EMPRESARIAL\ligação mutant primeiro ciclo MUTANT\GUSTAVO MOURA RODRIGUES_1_6764067947862369330_1_32.wav</t>
  </si>
  <si>
    <t>HENRIQUE HUMBERTO MARCELINO DE OLIVEIRA_1_6764016236456124412_1_32.wav</t>
  </si>
  <si>
    <t>\\acsfs\DEPTOS\EDUCACAO EMPRESARIAL\ligação mutant primeiro ciclo MUTANT\HENRIQUE HUMBERTO MARCELINO DE OLIVEIRA_1_6764016236456124412_1_32.wav</t>
  </si>
  <si>
    <t>12/17/2019 16:31:15</t>
  </si>
  <si>
    <t>12/17/2019 16:32:21</t>
  </si>
  <si>
    <t>12/17/2019 16:29:54</t>
  </si>
  <si>
    <t>12/17/2019 16:34:21</t>
  </si>
  <si>
    <t>12/17/2019 16:29:57</t>
  </si>
  <si>
    <t>12/17/2019 16:30:00</t>
  </si>
  <si>
    <t>12/17/2019 16:30:03</t>
  </si>
  <si>
    <t>12/17/2019 16:30:12</t>
  </si>
  <si>
    <t>12/17/2019 16:30:44</t>
  </si>
  <si>
    <t>12/17/2019 16:32:13</t>
  </si>
  <si>
    <t>12/17/2019 16:32:53</t>
  </si>
  <si>
    <t>12/17/2019 16:33:05</t>
  </si>
  <si>
    <t>12/17/2019 16:33:16</t>
  </si>
  <si>
    <t>12/17/2019 16:33:23</t>
  </si>
  <si>
    <t>12/17/2019 16:33:41</t>
  </si>
  <si>
    <t>mail.google.com/sync/u/0/i/s?hl=pt-BR&amp;c=477</t>
  </si>
  <si>
    <t>12/17/2019 16:34:05</t>
  </si>
  <si>
    <t>12/17/2019 16:34:17</t>
  </si>
  <si>
    <t>12/17/2019 16:35:21</t>
  </si>
  <si>
    <t>Validação FUPs (2).xlsx</t>
  </si>
  <si>
    <t>12/17/2019 16:33:01</t>
  </si>
  <si>
    <t>12/17/2019 16:36:21</t>
  </si>
  <si>
    <t>mail.google.com/sync/u/0/i/s?hl=pt-BR&amp;c=212</t>
  </si>
  <si>
    <t>12/17/2019 16:33:08</t>
  </si>
  <si>
    <t>mail.google.com/sync/u/0/i/s?hl=pt-BR&amp;c=214</t>
  </si>
  <si>
    <t>12/17/2019 16:33:09</t>
  </si>
  <si>
    <t>12/17/2019 16:35:30</t>
  </si>
  <si>
    <t>12/17/2019 16:32:54</t>
  </si>
  <si>
    <t>ISABEL DIAS SOARES TELES_1_6764016236456124412_1_32.wav</t>
  </si>
  <si>
    <t>\\acsfs\DEPTOS\EDUCACAO EMPRESARIAL\ligação mutant primeiro ciclo MUTANT\ISABEL DIAS SOARES TELES_1_6764016236456124412_1_32.wav</t>
  </si>
  <si>
    <t>12/17/2019 16:33:29</t>
  </si>
  <si>
    <t>ISABELLE GOMES TEIXEIRA DOS SANTOS_1_6764396426961165311_1_32.wav</t>
  </si>
  <si>
    <t>\\acsfs\DEPTOS\EDUCACAO EMPRESARIAL\ligação mutant primeiro ciclo MUTANT\ISABELLE GOMES TEIXEIRA DOS SANTOS_1_6764396426961165311_1_32.wav</t>
  </si>
  <si>
    <t>12/17/2019 16:34:00</t>
  </si>
  <si>
    <t>JALILE BARBARA DA SILVA_1_6763298139399073873_1_32.wav</t>
  </si>
  <si>
    <t>\\acsfs\DEPTOS\EDUCACAO EMPRESARIAL\ligação mutant primeiro ciclo MUTANT\JALILE BARBARA DA SILVA_1_6763298139399073873_1_32.wav</t>
  </si>
  <si>
    <t>12/17/2019 16:34:32</t>
  </si>
  <si>
    <t>JAQUELINE COIMBRA PERES_1_6763324360174406748_1_32.wav</t>
  </si>
  <si>
    <t>\\acsfs\DEPTOS\EDUCACAO EMPRESARIAL\ligação mutant primeiro ciclo MUTANT\JAQUELINE COIMBRA PERES_1_6763324360174406748_1_32.wav</t>
  </si>
  <si>
    <t>12/17/2019 16:35:11</t>
  </si>
  <si>
    <t>JESSICA FERREIRA CARVALHO_1_6763969971068415974_1_32.wav</t>
  </si>
  <si>
    <t>\\acsfs\DEPTOS\EDUCACAO EMPRESARIAL\ligação mutant primeiro ciclo MUTANT\JESSICA FERREIRA CARVALHO_1_6763969971068415974_1_32.wav</t>
  </si>
  <si>
    <t>12/17/2019 16:36:09</t>
  </si>
  <si>
    <t>JONATAN LOURENCO DE SOUZA_1_6763571071685830177_1_32.wav</t>
  </si>
  <si>
    <t>\\acsfs\DEPTOS\EDUCACAO EMPRESARIAL\ligação mutant primeiro ciclo MUTANT\JONATAN LOURENCO DE SOUZA_1_6763571071685830177_1_32.wav</t>
  </si>
  <si>
    <t>12/17/2019 16:33:44</t>
  </si>
  <si>
    <t>12/17/2019 16:37:21</t>
  </si>
  <si>
    <t>f2002bc2-470d-4c57-9e11-d7b92a15d3a5.tmp</t>
  </si>
  <si>
    <t>\\acsfs\profiles$\larissaad\Downloads\f2002bc2-470d-4c57-9e11-d7b92a15d3a5.tmp</t>
  </si>
  <si>
    <t>12/17/2019 16:34:59</t>
  </si>
  <si>
    <t>77a2224a-c009-4237-9427-2e9f87ac2133.tmp</t>
  </si>
  <si>
    <t>\\acsfs\profiles$\larissaad\Downloads\77a2224a-c009-4237-9427-2e9f87ac2133.tmp</t>
  </si>
  <si>
    <t>12/17/2019 16:32:39</t>
  </si>
  <si>
    <t>XLOG_anacdos_17122019_081556.log</t>
  </si>
  <si>
    <t>\\acsfs\profiles$\anacdos\My Documents\xworkcenter\logs\XLOG_anacdos_17122019_081556.log</t>
  </si>
  <si>
    <t>12/17/2019 16:33:00</t>
  </si>
  <si>
    <t>XLOG_anacdos_17122019_081541.log</t>
  </si>
  <si>
    <t>\\acsfs\profiles$\anacdos\My Documents\xworkcenter\logs\XLOG_anacdos_17122019_081541.log</t>
  </si>
  <si>
    <t>12/17/2019 16:33:17</t>
  </si>
  <si>
    <t>12/17/2019 16:38:21</t>
  </si>
  <si>
    <t>\\acsfs\Deptos\CAS - Coordenação de Arquitetura de Soluções\Projetos\2019\Santander\218417 - Esfera Fidelidade\</t>
  </si>
  <si>
    <t>218417 - Esfera Fidelidade - Backups.xlsb</t>
  </si>
  <si>
    <t>\\acsfs\Deptos\CAS - Coordenação de Arquitetura de Soluções\Projetos\2019\Santander\218417 - Esfera Fidelidade\218417 - Esfera Fidelidade - Backups.xlsb\</t>
  </si>
  <si>
    <t>12/17/2019 16:34:08</t>
  </si>
  <si>
    <t>12/17/2019 16:39:22</t>
  </si>
  <si>
    <t>10.200.67.67</t>
  </si>
  <si>
    <t>74-86-7A-FB-17-15</t>
  </si>
  <si>
    <t>VOTORANT-GB003</t>
  </si>
  <si>
    <t>it.manager</t>
  </si>
  <si>
    <t>C:\Users\it.manager.VOTORANT-GB003\Downloads\</t>
  </si>
  <si>
    <t>CitrixWorkspaceApp.exe</t>
  </si>
  <si>
    <t>\\atspl\d$\_Novo Citrix BV\CitrixWorkspaceApp.exe</t>
  </si>
  <si>
    <t>12/17/2019 16:34:18</t>
  </si>
  <si>
    <t>\\atspl\d$\_Novo Citrix BV\CitrixWorkspaceApp.exe\</t>
  </si>
  <si>
    <t>\\atspl\d$\_Novo Citrix BV\CitrixWorkspaceApp.exe\:Zone.Identifier:$DATA</t>
  </si>
  <si>
    <t>12/17/2019 16:34:11</t>
  </si>
  <si>
    <t>087e49ae-a696-4c98-ac44-494096b20497.tmp</t>
  </si>
  <si>
    <t>\\acsfs\profiles$\KARENJSS\Downloads\087e49ae-a696-4c98-ac44-494096b20497.tmp</t>
  </si>
  <si>
    <t>12/17/2019 16:37:25</t>
  </si>
  <si>
    <t>mail.google.com/sync/u/0/i/s?hl=pt-BR&amp;c=502</t>
  </si>
  <si>
    <t>12/17/2019 16:37:28</t>
  </si>
  <si>
    <t>mail.google.com/sync/u/0/i/s?hl=pt-BR&amp;c=504</t>
  </si>
  <si>
    <t>12/17/2019 16:37:32</t>
  </si>
  <si>
    <t>mail.google.com/sync/u/0/i/s?hl=pt-BR&amp;c=506</t>
  </si>
  <si>
    <t>12/17/2019 16:38:00</t>
  </si>
  <si>
    <t>12/17/2019 16:38:04</t>
  </si>
  <si>
    <t>12/17/2019 16:39:03</t>
  </si>
  <si>
    <t>12/17/2019 16:39:06</t>
  </si>
  <si>
    <t>12/17/2019 16:35:14</t>
  </si>
  <si>
    <t>12/17/2019 16:40:22</t>
  </si>
  <si>
    <t>andrelpsa@algartech.com;paulacn@algartech.com;</t>
  </si>
  <si>
    <t>andrelpsa@algartech.com,paulacn@algartech.com</t>
  </si>
  <si>
    <t>12/17/2019 16:35:36</t>
  </si>
  <si>
    <t>12/17/2019 16:35:40</t>
  </si>
  <si>
    <t>12/17/2019 16:36:07</t>
  </si>
  <si>
    <t>12/17/2019 16:36:41</t>
  </si>
  <si>
    <t>12/17/2019 16:36:44</t>
  </si>
  <si>
    <t>12/17/2019 16:37:09</t>
  </si>
  <si>
    <t>12/17/2019 16:37:34</t>
  </si>
  <si>
    <t>12/17/2019 16:37:37</t>
  </si>
  <si>
    <t>12/17/2019 16:38:34</t>
  </si>
  <si>
    <t>12/17/2019 16:38:45</t>
  </si>
  <si>
    <t>12/17/2019 16:39:27</t>
  </si>
  <si>
    <t>12/17/2019 16:38:41</t>
  </si>
  <si>
    <t>12/17/2019 16:39:16</t>
  </si>
  <si>
    <t>12/17/2019 16:41:22</t>
  </si>
  <si>
    <t>10.200.67.147</t>
  </si>
  <si>
    <t>78-2B-CB-C1-07-ED</t>
  </si>
  <si>
    <t>VOTORANT-LB006</t>
  </si>
  <si>
    <t>keillecdasp</t>
  </si>
  <si>
    <t>12/17/2019 16:37:11</t>
  </si>
  <si>
    <t>12/17/2019 16:36:43</t>
  </si>
  <si>
    <t>JOSE ROSA DE SOUZA NETO_1_6763673815893481115_1_32.wav</t>
  </si>
  <si>
    <t>\\acsfs\DEPTOS\EDUCACAO EMPRESARIAL\ligação mutant primeiro ciclo MUTANT\JOSE ROSA DE SOUZA NETO_1_6763673815893481115_1_32.wav</t>
  </si>
  <si>
    <t>12/17/2019 16:37:18</t>
  </si>
  <si>
    <t>LAYLA APARECIDA MACEDO SILVEIRA_1_6763666351240326042_1_32.wav</t>
  </si>
  <si>
    <t>\\acsfs\DEPTOS\EDUCACAO EMPRESARIAL\ligação mutant primeiro ciclo MUTANT\LAYLA APARECIDA MACEDO SILVEIRA_1_6763666351240326042_1_32.wav</t>
  </si>
  <si>
    <t>12/17/2019 16:38:05</t>
  </si>
  <si>
    <t>KAMILLA CAROLINA RODRIGUES_1_6763666351240326042_1_32.wav</t>
  </si>
  <si>
    <t>\\acsfs\DEPTOS\EDUCACAO EMPRESARIAL\ligação mutant primeiro ciclo MUTANT\KAMILLA CAROLINA RODRIGUES_1_6763666351240326042_1_32.wav</t>
  </si>
  <si>
    <t>12/17/2019 16:39:20</t>
  </si>
  <si>
    <t>LUCAS NASCIMENTO SILVA_1_6764320135457083524_1_32.wav</t>
  </si>
  <si>
    <t>\\acsfs\DEPTOS\EDUCACAO EMPRESARIAL\ligação mutant primeiro ciclo MUTANT\LUCAS NASCIMENTO SILVA_1_6764320135457083524_1_32.wav</t>
  </si>
  <si>
    <t>12/17/2019 16:39:58</t>
  </si>
  <si>
    <t>KELLZYLENNE APARECIDA SILVA RABELO_1_6764034155059689411_1_32.wav</t>
  </si>
  <si>
    <t>\\acsfs\DEPTOS\EDUCACAO EMPRESARIAL\ligação mutant primeiro ciclo MUTANT\KELLZYLENNE APARECIDA SILVA RABELO_1_6764034155059689411_1_32.wav</t>
  </si>
  <si>
    <t>12/17/2019 16:40:36</t>
  </si>
  <si>
    <t>FERNANDO FREITAS SILVA_1_6764415187378309398_1_32.wav</t>
  </si>
  <si>
    <t>\\acsfs\DEPTOS\EDUCACAO EMPRESARIAL\ligação mutant primeiro ciclo MUTANT\FERNANDO FREITAS SILVA_1_6764415187378309398_1_32.wav</t>
  </si>
  <si>
    <t>12/17/2019 16:40:06</t>
  </si>
  <si>
    <t>12/17/2019 16:44:22</t>
  </si>
  <si>
    <t>12/17/2019 16:43:55</t>
  </si>
  <si>
    <t>12/17/2019 16:45:22</t>
  </si>
  <si>
    <t>12/17/2019 16:42:59</t>
  </si>
  <si>
    <t>12/17/2019 16:46:22</t>
  </si>
  <si>
    <t>12/17/2019 16:45:18</t>
  </si>
  <si>
    <t>12/17/2019 16:45:23</t>
  </si>
  <si>
    <t>12/17/2019 16:45:27</t>
  </si>
  <si>
    <t>12/17/2019 16:43:59</t>
  </si>
  <si>
    <t>12/17/2019 16:47:22</t>
  </si>
  <si>
    <t>12/17/2019 16:42:07</t>
  </si>
  <si>
    <t>12/17/2019 16:48:22</t>
  </si>
  <si>
    <t>10.200.32.5</t>
  </si>
  <si>
    <t>54-BF-64-F5-56-19</t>
  </si>
  <si>
    <t>Ondas-Automacao-HUB_LINUX-WINDOWS.xlsx</t>
  </si>
  <si>
    <t>12/17/2019 16:45:06</t>
  </si>
  <si>
    <t>12/17/2019 16:49:22</t>
  </si>
  <si>
    <t>12/17/2019 16:45:12</t>
  </si>
  <si>
    <t>mail.google.com/sync/u/0/i/s?hl=pt-BR&amp;c=526</t>
  </si>
  <si>
    <t>12/17/2019 16:45:14</t>
  </si>
  <si>
    <t>mail.google.com/sync/u/0/i/s?hl=pt-BR&amp;c=528</t>
  </si>
  <si>
    <t>mail.google.com/sync/u/0/i/s?hl=pt-BR&amp;c=530</t>
  </si>
  <si>
    <t>12/17/2019 16:45:29</t>
  </si>
  <si>
    <t>mail.google.com/sync/u/0/i/s?hl=pt-BR&amp;c=532</t>
  </si>
  <si>
    <t>12/17/2019 16:46:06</t>
  </si>
  <si>
    <t>12/17/2019 16:48:49</t>
  </si>
  <si>
    <t>12/17/2019 16:49:02</t>
  </si>
  <si>
    <t>mail.google.com/_/upload?authuser=0&amp;dcp=asu-n&amp;upload_id=AEnB2UqsNz-gjJfIZVDf-WLzJ9ysbvv_X9UsCtkmN1NzLnhT7yFweBOmO0-5YJI3VK8JxjeICEwWvWELEn0i5bLqlR2ZTl2Yf8Barpy7Jk6OEPa0gW2u1yc&amp;upload_protocol=resumable</t>
  </si>
  <si>
    <t>C:\Users\raicdf\Documents\Fechamento Novembro\</t>
  </si>
  <si>
    <t>D-1 POR OPERADOR - BV - NOV (VERSÃO LEVE) (version 1).xlsb</t>
  </si>
  <si>
    <t>12/17/2019 16:46:32</t>
  </si>
  <si>
    <t>12/17/2019 16:50:22</t>
  </si>
  <si>
    <t>luizcso@algartech.com;</t>
  </si>
  <si>
    <t>luizcso@algartech.com</t>
  </si>
  <si>
    <t>12/17/2019 16:46:01</t>
  </si>
  <si>
    <t>12/17/2019 16:47:41</t>
  </si>
  <si>
    <t>12/17/2019 16:51:22</t>
  </si>
  <si>
    <t>2a2fb080-bebc-43dd-bdc6-96f0eaeaec81.tmp</t>
  </si>
  <si>
    <t>\\acsfs\profiles$\brendadsl\Downloads\2a2fb080-bebc-43dd-bdc6-96f0eaeaec81.tmp</t>
  </si>
  <si>
    <t>12/17/2019 16:47:05</t>
  </si>
  <si>
    <t>12/17/2019 16:52:22</t>
  </si>
  <si>
    <t>12/17/2019 16:50:48</t>
  </si>
  <si>
    <t>12/17/2019 16:53:22</t>
  </si>
  <si>
    <t>ricardoft@algartech.com</t>
  </si>
  <si>
    <t>\\acsfs\Deptos\CAS - Coordenação de Arquitetura de Soluções\Projetos\2019\FMC\219395 - Recusos de SAP S4\1. Precificação\</t>
  </si>
  <si>
    <t>Perfis.xlsx</t>
  </si>
  <si>
    <t>12/17/2019 16:49:33</t>
  </si>
  <si>
    <t>12/17/2019 16:54:22</t>
  </si>
  <si>
    <t>Fechamento Equipe.xls</t>
  </si>
  <si>
    <t>Fechamento por operador.xls</t>
  </si>
  <si>
    <t>12/17/2019 16:49:37</t>
  </si>
  <si>
    <t>Acompanhamento de Qualidade_Novembro (1).xlsx</t>
  </si>
  <si>
    <t>12/17/2019 16:49:54</t>
  </si>
  <si>
    <t>12/17/2019 16:50:08</t>
  </si>
  <si>
    <t>C:\Users\raicdf\Documents\Fechamento Novembro\NPS CRBV (2).xlsb\</t>
  </si>
  <si>
    <t>NPS CRBV (2).xlsb</t>
  </si>
  <si>
    <t>12/17/2019 16:50:42</t>
  </si>
  <si>
    <t>12/17/2019 16:50:46</t>
  </si>
  <si>
    <t>mail.google.com/sync/u/0/i/s?hl=pt-BR&amp;c=563</t>
  </si>
  <si>
    <t>12/17/2019 16:51:06</t>
  </si>
  <si>
    <t>12/17/2019 16:51:18</t>
  </si>
  <si>
    <t>12/17/2019 16:51:19</t>
  </si>
  <si>
    <t>12/17/2019 16:51:50</t>
  </si>
  <si>
    <t>12/17/2019 16:52:07</t>
  </si>
  <si>
    <t>12/17/2019 16:50:45</t>
  </si>
  <si>
    <t>12/17/2019 16:55:22</t>
  </si>
  <si>
    <t>15fd94ae-2fc5-44d1-8ada-9ca69af23007.tmp</t>
  </si>
  <si>
    <t>\\acsfs\profiles$\rosileiam\Downloads\15fd94ae-2fc5-44d1-8ada-9ca69af23007.tmp</t>
  </si>
  <si>
    <t>12/17/2019 16:54:47</t>
  </si>
  <si>
    <t>12/17/2019 16:53:06</t>
  </si>
  <si>
    <t>12/17/2019 16:56:22</t>
  </si>
  <si>
    <t>12/17/2019 16:56:05</t>
  </si>
  <si>
    <t>12/17/2019 16:58:22</t>
  </si>
  <si>
    <t>Formulário TTV - Lançamento de Hora Extra.xlsx</t>
  </si>
  <si>
    <t>12/17/2019 16:55:55</t>
  </si>
  <si>
    <t>12/17/2019 16:59:22</t>
  </si>
  <si>
    <t>12/17/2019 16:57:06</t>
  </si>
  <si>
    <t>12/17/2019 16:58:06</t>
  </si>
  <si>
    <t>12/17/2019 16:56:49</t>
  </si>
  <si>
    <t>12/17/2019 17:00:22</t>
  </si>
  <si>
    <t>12/17/2019 16:56:54</t>
  </si>
  <si>
    <t>12/17/2019 16:57:11</t>
  </si>
  <si>
    <t>12/17/2019 16:57:27</t>
  </si>
  <si>
    <t>12/17/2019 16:57:38</t>
  </si>
  <si>
    <t>12/17/2019 16:57:43</t>
  </si>
  <si>
    <t>12/17/2019 16:57:46</t>
  </si>
  <si>
    <t>12/17/2019 16:55:24</t>
  </si>
  <si>
    <t>12/17/2019 17:01:22</t>
  </si>
  <si>
    <t>12/17/2019 16:58:42</t>
  </si>
  <si>
    <t>56062156-10d2-4e8b-b8df-a1e3b04f790d.tmp</t>
  </si>
  <si>
    <t>\\acsfs\profiles$\kamilamrc\Downloads\56062156-10d2-4e8b-b8df-a1e3b04f790d.tmp</t>
  </si>
  <si>
    <t>12/17/2019 16:56:48</t>
  </si>
  <si>
    <t>12/17/2019 17:03:06</t>
  </si>
  <si>
    <t>12/17/2019 17:04:22</t>
  </si>
  <si>
    <t>12/17/2019 17:04:06</t>
  </si>
  <si>
    <t>12/17/2019 17:02:10</t>
  </si>
  <si>
    <t>12/17/2019 17:05:22</t>
  </si>
  <si>
    <t>12/17/2019 17:02:12</t>
  </si>
  <si>
    <t>12/17/2019 17:03:00</t>
  </si>
  <si>
    <t>12/17/2019 17:03:02</t>
  </si>
  <si>
    <t>12/17/2019 17:01:19</t>
  </si>
  <si>
    <t>12/17/2019 17:06:22</t>
  </si>
  <si>
    <t>12/17/2019 17:01:20</t>
  </si>
  <si>
    <t>12/17/2019 17:01:21</t>
  </si>
  <si>
    <t>12/17/2019 17:01:28</t>
  </si>
  <si>
    <t>12/17/2019 17:01:29</t>
  </si>
  <si>
    <t>12/17/2019 17:01:33</t>
  </si>
  <si>
    <t>12/17/2019 17:03:40</t>
  </si>
  <si>
    <t>12/17/2019 17:04:00</t>
  </si>
  <si>
    <t>12/17/2019 17:04:10</t>
  </si>
  <si>
    <t>12/17/2019 17:07:06</t>
  </si>
  <si>
    <t>12/17/2019 17:08:22</t>
  </si>
  <si>
    <t>10.200.66.121</t>
  </si>
  <si>
    <t>889b08ca-99f8-4d80-8655-2146c3ececef.tmp</t>
  </si>
  <si>
    <t>\\acsfs\profiles$\anafaes\Downloads\889b08ca-99f8-4d80-8655-2146c3ececef.tmp</t>
  </si>
  <si>
    <t>12/17/2019 17:07:07</t>
  </si>
  <si>
    <t>825ffeec-31c9-4cdf-bd63-0efcaf66a4b7.tmp</t>
  </si>
  <si>
    <t>\\acsfs\profiles$\anafaes\Downloads\825ffeec-31c9-4cdf-bd63-0efcaf66a4b7.tmp</t>
  </si>
  <si>
    <t>12/17/2019 17:07:14</t>
  </si>
  <si>
    <t>4c88a2f4-c60b-4b45-a6ee-65dab3dd5966.tmp</t>
  </si>
  <si>
    <t>\\acsfs\profiles$\anafaes\Downloads\4c88a2f4-c60b-4b45-a6ee-65dab3dd5966.tmp</t>
  </si>
  <si>
    <t>12/17/2019 17:09:06</t>
  </si>
  <si>
    <t>12/17/2019 17:09:22</t>
  </si>
  <si>
    <t>12/17/2019 17:07:41</t>
  </si>
  <si>
    <t>12/17/2019 17:10:22</t>
  </si>
  <si>
    <t>ae555ab9-ad2b-402a-a7d0-632f731f4ca3.tmp</t>
  </si>
  <si>
    <t>\\acsfs\profiles$\alexandrapp\Downloads\ae555ab9-ad2b-402a-a7d0-632f731f4ca3.tmp</t>
  </si>
  <si>
    <t>12/17/2019 17:07:42</t>
  </si>
  <si>
    <t>a8a268c0-6a3b-481e-95dd-4bf9aa965e8a.tmp</t>
  </si>
  <si>
    <t>\\acsfs\profiles$\alexandrapp\Downloads\a8a268c0-6a3b-481e-95dd-4bf9aa965e8a.tmp</t>
  </si>
  <si>
    <t>12/17/2019 17:06:37</t>
  </si>
  <si>
    <t>4db334c0-0a55-415f-863f-04913d5a2dd8.tmp</t>
  </si>
  <si>
    <t>\\acsfs\profiles$\gabrielamdp\Downloads\4db334c0-0a55-415f-863f-04913d5a2dd8.tmp</t>
  </si>
  <si>
    <t>12/17/2019 17:08:24</t>
  </si>
  <si>
    <t>12/17/2019 17:11:22</t>
  </si>
  <si>
    <t>df5f94dd-2d44-4213-a7bf-bacfc2e45cc6.tmp</t>
  </si>
  <si>
    <t>\\acsfs\profiles$\victorgl\Downloads\df5f94dd-2d44-4213-a7bf-bacfc2e45cc6.tmp</t>
  </si>
  <si>
    <t>12/17/2019 17:10:15</t>
  </si>
  <si>
    <t>12/17/2019 17:06:17</t>
  </si>
  <si>
    <t>12/17/2019 17:07:40</t>
  </si>
  <si>
    <t>mail.google.com/sync/u/0/i/s?hl=pt-BR&amp;c=722</t>
  </si>
  <si>
    <t>backofficebv@dxc.com;bvs-centralcartoes@bv.com.br;fabianacscg@algartech.com;fernandorsju@algartech.com;jean.loiola@bv.com.br;jose.ric.dos-santos@dxc.com;larissa.alcantara@bv.com.br;mirianppb@algartech.com;mttechne.voliveira@bv.com.br;talmaiardo@algartech.com;thiagordu@algartech.com;</t>
  </si>
  <si>
    <t>backofficebv@dxc.com,bvs-centralcartoes@bv.com.br,fabianacscg@algartech.com,fernandorsju@algartech.com,jean.loiola@bv.com.br,jose.ric.dos-santos@dxc.com,larissa.alcantara@bv.com.br,mirianppb@algartech.com,mttechne.voliveira@bv.com.br,talmaiardo@algartech.com,thiagordu@algartech.com</t>
  </si>
  <si>
    <t>12/17/2019 17:07:56</t>
  </si>
  <si>
    <t>mail.google.com/sync/u/0/i/s?hl=pt-BR&amp;c=725</t>
  </si>
  <si>
    <t>12/17/2019 17:08:41</t>
  </si>
  <si>
    <t>mail.google.com/sync/u/0/i/s?hl=pt-BR&amp;c=727</t>
  </si>
  <si>
    <t>12/17/2019 17:08:42</t>
  </si>
  <si>
    <t>12/17/2019 17:08:49</t>
  </si>
  <si>
    <t>mail.google.com/sync/u/0/i/s?hl=pt-BR&amp;c=729</t>
  </si>
  <si>
    <t>12/17/2019 17:09:01</t>
  </si>
  <si>
    <t>anavbg@algartech.com;backofficebv@dxc.com;bvs-centralcartoes@bv.com.br;fabianacscg@algartech.com;fernandorsju@algartech.com;jean.loiola@bv.com.br;jose.ric.dos-santos@dxc.com;larissa.alcantara@bv.com.br;mirianppb@algartech.com;mttechne.voliveira@bv.com.br;talmaiardo@algartech.com;thiagordu@algartech.com;</t>
  </si>
  <si>
    <t>anavbg@algartech.com,backofficebv@dxc.com,bvs-centralcartoes@bv.com.br,fabianacscg@algartech.com,fernandorsju@algartech.com,jean.loiola@bv.com.br,jose.ric.dos-santos@dxc.com,larissa.alcantara@bv.com.br,mirianppb@algartech.com,mttechne.voliveira@bv.com.br,talmaiardo@algartech.com,thiagordu@algartech.com</t>
  </si>
  <si>
    <t>12/17/2019 17:08:03</t>
  </si>
  <si>
    <t>12/17/2019 17:13:22</t>
  </si>
  <si>
    <t>f10c9510-63f4-4198-a836-6a95cddd2c74.tmp</t>
  </si>
  <si>
    <t>\\acsfs\profiles$\anafaes\Downloads\f10c9510-63f4-4198-a836-6a95cddd2c74.tmp</t>
  </si>
  <si>
    <t>12/17/2019 17:08:06</t>
  </si>
  <si>
    <t>2ad7f5ec-2c82-4e25-811a-55d9facde777.tmp</t>
  </si>
  <si>
    <t>\\acsfs\profiles$\anafaes\Downloads\2ad7f5ec-2c82-4e25-811a-55d9facde777.tmp</t>
  </si>
  <si>
    <t>12/17/2019 17:10:00</t>
  </si>
  <si>
    <t>4af7b101-c20b-4f56-a98d-1f740d1f0b41.tmp</t>
  </si>
  <si>
    <t>\\acsfs\profiles$\anafaes\Downloads\4af7b101-c20b-4f56-a98d-1f740d1f0b41.tmp</t>
  </si>
  <si>
    <t>12/17/2019 17:10:06</t>
  </si>
  <si>
    <t>12/17/2019 17:14:22</t>
  </si>
  <si>
    <t>12/17/2019 17:09:28</t>
  </si>
  <si>
    <t>12/17/2019 17:15:22</t>
  </si>
  <si>
    <t>12/17/2019 17:13:34</t>
  </si>
  <si>
    <t>12/17/2019 17:11:53</t>
  </si>
  <si>
    <t>12/17/2019 17:11:55</t>
  </si>
  <si>
    <t>12/17/2019 17:11:57</t>
  </si>
  <si>
    <t>12/17/2019 17:13:45</t>
  </si>
  <si>
    <t>3098639f-2498-4645-8636-28351713a7a2.tmp</t>
  </si>
  <si>
    <t>\\acsfs\profiles$\gabrielamdp\Downloads\3098639f-2498-4645-8636-28351713a7a2.tmp</t>
  </si>
  <si>
    <t>12/17/2019 17:12:31</t>
  </si>
  <si>
    <t>12/17/2019 17:16:22</t>
  </si>
  <si>
    <t>12/17/2019 17:12:34</t>
  </si>
  <si>
    <t>mail.google.com/sync/u/0/i/s?hl=pt-BR&amp;c=249</t>
  </si>
  <si>
    <t>12/17/2019 17:13:47</t>
  </si>
  <si>
    <t>12/17/2019 17:15:23</t>
  </si>
  <si>
    <t>mail.google.com/sync/u/0/i/s?hl=pt-BR&amp;c=752</t>
  </si>
  <si>
    <t>eduardo.santana@bv.com.br;talmaiardo@algartech.com;thiagordu@algartech.com;</t>
  </si>
  <si>
    <t>eduardo.santana@bv.com.br,talmaiardo@algartech.com,thiagordu@algartech.com</t>
  </si>
  <si>
    <t>12/17/2019 17:14:02</t>
  </si>
  <si>
    <t>12/17/2019 17:18:22</t>
  </si>
  <si>
    <t>12/17/2019 17:15:06</t>
  </si>
  <si>
    <t>12/17/2019 17:19:22</t>
  </si>
  <si>
    <t>12/17/2019 17:16:06</t>
  </si>
  <si>
    <t>12/17/2019 17:19:33</t>
  </si>
  <si>
    <t>12/17/2019 17:20:22</t>
  </si>
  <si>
    <t>dc713d03-c72e-48ea-8aeb-13ec54677eee.tmp</t>
  </si>
  <si>
    <t>\\acsfs\profiles$\alexandrapp\Downloads\dc713d03-c72e-48ea-8aeb-13ec54677eee.tmp</t>
  </si>
  <si>
    <t>12/17/2019 17:17:03</t>
  </si>
  <si>
    <t>12/17/2019 17:21:22</t>
  </si>
  <si>
    <t>12/17/2019 17:18:59</t>
  </si>
  <si>
    <t>mail.google.com/sync/u/0/i/s?hl=pt-BR&amp;c=790</t>
  </si>
  <si>
    <t>12/17/2019 17:20:06</t>
  </si>
  <si>
    <t>mail.google.com/sync/u/0/i/s?hl=pt-BR&amp;c=811</t>
  </si>
  <si>
    <t>12/17/2019 17:20:14</t>
  </si>
  <si>
    <t>mail.google.com/sync/u/0/i/s?hl=pt-BR&amp;c=816</t>
  </si>
  <si>
    <t>backofficebv@dxc.com;bvs-centralcartoes@bv.com.br;eduardo.santana@bv.com.br;fabianacscg@algartech.com;fernandorsju@algartech.com;jean.loiola@bv.com.br;jose.ric.dos-santos@dxc.com;larissa.alcantara@bv.com.br;mirianppb@algartech.com;mttechne.voliveira@bv.com.br;talmaiardo@algartech.com;thiagordu@algartech.com;</t>
  </si>
  <si>
    <t>backofficebv@dxc.com,bvs-centralcartoes@bv.com.br,eduardo.santana@bv.com.br,fabianacscg@algartech.com,fernandorsju@algartech.com,jean.loiola@bv.com.br,jose.ric.dos-santos@dxc.com,larissa.alcantara@bv.com.br,mirianppb@algartech.com,mttechne.voliveira@bv.com.br,talmaiardo@algartech.com,thiagordu@algartech.com</t>
  </si>
  <si>
    <t>12/17/2019 17:20:15</t>
  </si>
  <si>
    <t>12/17/2019 17:21:07</t>
  </si>
  <si>
    <t>mail.google.com/sync/u/0/i/s?hl=pt-BR&amp;c=838</t>
  </si>
  <si>
    <t>12/17/2019 17:21:05</t>
  </si>
  <si>
    <t>12/17/2019 17:22:22</t>
  </si>
  <si>
    <t>5C-EA-1D-CF-BE-F3</t>
  </si>
  <si>
    <t>mail.google.com/_/upload?authuser=1&amp;dcp=asu-n&amp;upload_id=AEnB2Uo8p7_P-3bRJ-j1td-OThcUDgrSvW2sNjQ1-K8dodXRcBrm7WMZA3SHYR_UmCrpaicYKRe0menQdeVvofDs9S21Qr9eMYuSDazTMrxCmT7cM0iG46U&amp;upload_protocol=resumable</t>
  </si>
  <si>
    <t>C:\_Marco Tulio\0 - Coach\2 - Qualidade\01 - Estrategico\07 - Plano Tatico\2019\02 - Speech\Analises Fornecedor\Análise de Alto Atrito_Julho.pptx\</t>
  </si>
  <si>
    <t>12/17/2019 17:21:06</t>
  </si>
  <si>
    <t>12/17/2019 17:24:22</t>
  </si>
  <si>
    <t>12/17/2019 17:22:06</t>
  </si>
  <si>
    <t>12/17/2019 17:21:13</t>
  </si>
  <si>
    <t>12/17/2019 17:25:22</t>
  </si>
  <si>
    <t>12/17/2019 17:21:16</t>
  </si>
  <si>
    <t>mail.google.com/sync/u/0/i/s?hl=pt-BR&amp;c=198</t>
  </si>
  <si>
    <t>12/17/2019 17:24:34</t>
  </si>
  <si>
    <t>12/17/2019 17:21:55</t>
  </si>
  <si>
    <t>12/17/2019 17:26:22</t>
  </si>
  <si>
    <t>mail.google.com/sync/u/0/i/s?hl=pt-BR&amp;c=852</t>
  </si>
  <si>
    <t>eduardo.santana@bv.com.br;jean.loiola@bv.com.br;jose.ric.dos-santos@dxc.com;talmaiardo@algartech.com;thiagordu@algartech.com;</t>
  </si>
  <si>
    <t>eduardo.santana@bv.com.br,jean.loiola@bv.com.br,jose.ric.dos-santos@dxc.com,talmaiardo@algartech.com,thiagordu@algartech.com</t>
  </si>
  <si>
    <t>12/17/2019 17:22:19</t>
  </si>
  <si>
    <t>mail.google.com/sync/u/0/i/s?hl=pt-BR&amp;c=857</t>
  </si>
  <si>
    <t>12/17/2019 17:22:23</t>
  </si>
  <si>
    <t>mail.google.com/sync/u/0/i/s?hl=pt-BR&amp;c=861</t>
  </si>
  <si>
    <t>12/17/2019 17:22:39</t>
  </si>
  <si>
    <t>mail.google.com/sync/u/0/i/s?hl=pt-BR&amp;c=868</t>
  </si>
  <si>
    <t>12/17/2019 17:22:53</t>
  </si>
  <si>
    <t>mail.google.com/sync/u/0/i/s?hl=pt-BR&amp;c=874</t>
  </si>
  <si>
    <t>12/17/2019 17:27:07</t>
  </si>
  <si>
    <t>12/17/2019 17:29:23</t>
  </si>
  <si>
    <t>12/17/2019 17:28:07</t>
  </si>
  <si>
    <t>12/17/2019 17:25:33</t>
  </si>
  <si>
    <t>12/17/2019 17:30:22</t>
  </si>
  <si>
    <t>12/17/2019 17:24:48</t>
  </si>
  <si>
    <t>mail.google.com/sync/u/0/i/s?hl=pt-BR&amp;c=206</t>
  </si>
  <si>
    <t>12/17/2019 17:29:35</t>
  </si>
  <si>
    <t>33c12eab-683c-4916-8656-41fd1857f161.tmp</t>
  </si>
  <si>
    <t>\\acsfs\profiles$\vivianibfs\Downloads\33c12eab-683c-4916-8656-41fd1857f161.tmp</t>
  </si>
  <si>
    <t>12/17/2019 17:25:52</t>
  </si>
  <si>
    <t>709425ae-dae3-4084-8b5f-3b9d6140b462.tmp</t>
  </si>
  <si>
    <t>\\acsfs\profiles$\gabrielamdp\Downloads\709425ae-dae3-4084-8b5f-3b9d6140b462.tmp</t>
  </si>
  <si>
    <t>12/17/2019 17:25:11</t>
  </si>
  <si>
    <t>10d5aa9c-92c9-4ebc-8ec0-ff798c2662ab.tmp</t>
  </si>
  <si>
    <t>\\acsfs\profiles$\higorss\Downloads\10d5aa9c-92c9-4ebc-8ec0-ff798c2662ab.tmp</t>
  </si>
  <si>
    <t>12/17/2019 17:25:24</t>
  </si>
  <si>
    <t>b9bb1b9c-179d-4b5e-a57e-e1b9cefb5702.tmp</t>
  </si>
  <si>
    <t>\\acsfs\profiles$\higorss\Downloads\b9bb1b9c-179d-4b5e-a57e-e1b9cefb5702.tmp</t>
  </si>
  <si>
    <t>12/17/2019 17:26:07</t>
  </si>
  <si>
    <t>ebed7dc1-1211-4324-87c9-a553b3dd4118.tmp</t>
  </si>
  <si>
    <t>\\acsfs\profiles$\higorss\Downloads\ebed7dc1-1211-4324-87c9-a553b3dd4118.tmp</t>
  </si>
  <si>
    <t>12/17/2019 17:26:43</t>
  </si>
  <si>
    <t>12/17/2019 17:29:42</t>
  </si>
  <si>
    <t>12/17/2019 17:31:23</t>
  </si>
  <si>
    <t>12/17/2019 17:26:39</t>
  </si>
  <si>
    <t>12/17/2019 17:26:52</t>
  </si>
  <si>
    <t>12/17/2019 17:32:35</t>
  </si>
  <si>
    <t>12/17/2019 17:33:23</t>
  </si>
  <si>
    <t>12/17/2019 17:29:56</t>
  </si>
  <si>
    <t>12/17/2019 17:34:22</t>
  </si>
  <si>
    <t>12/17/2019 17:33:07</t>
  </si>
  <si>
    <t>12/17/2019 17:34:07</t>
  </si>
  <si>
    <t>12/17/2019 17:32:44</t>
  </si>
  <si>
    <t>12/17/2019 17:35:23</t>
  </si>
  <si>
    <t>57280f14-2da9-4f85-9acb-e4cab6d54db5.tmp</t>
  </si>
  <si>
    <t>\\acsfs\profiles$\rosileiam\Downloads\57280f14-2da9-4f85-9acb-e4cab6d54db5.tmp</t>
  </si>
  <si>
    <t>12/17/2019 17:33:34</t>
  </si>
  <si>
    <t>fa86c2b6-602f-484e-9a05-381351e12971.tmp</t>
  </si>
  <si>
    <t>\\acsfs\profiles$\rosileiam\Downloads\fa86c2b6-602f-484e-9a05-381351e12971.tmp</t>
  </si>
  <si>
    <t>12/17/2019 17:35:42</t>
  </si>
  <si>
    <t>12/17/2019 17:36:22</t>
  </si>
  <si>
    <t>12/17/2019 17:31:27</t>
  </si>
  <si>
    <t>LUCAS BARBOSA DA SILVA_1_6764397655321813861_1_32.wav</t>
  </si>
  <si>
    <t>\\acsfs\DEPTOS\EDUCACAO EMPRESARIAL\ligação mutant primeiro ciclo MUTANT\LUCAS BARBOSA DA SILVA_1_6764397655321813861_1_32.wav</t>
  </si>
  <si>
    <t>12/17/2019 17:32:10</t>
  </si>
  <si>
    <t>LEANDRO MORAIS SANTOS_1_6764515092612580714_1_32.wav</t>
  </si>
  <si>
    <t>\\acsfs\DEPTOS\EDUCACAO EMPRESARIAL\ligação mutant primeiro ciclo MUTANT\LEANDRO MORAIS SANTOS_1_6764515092612580714_1_32.wav</t>
  </si>
  <si>
    <t>12/17/2019 17:32:41</t>
  </si>
  <si>
    <t>LEONARDO COSTA BARROS_1_6763348746998721619_1_32.wav</t>
  </si>
  <si>
    <t>\\acsfs\DEPTOS\EDUCACAO EMPRESARIAL\ligação mutant primeiro ciclo MUTANT\LEONARDO COSTA BARROS_1_6763348746998721619_1_32.wav</t>
  </si>
  <si>
    <t>12/17/2019 17:33:18</t>
  </si>
  <si>
    <t>LORRAYNE VALENTINO AMANCIO_1_6764007818320216196_1_32.wav</t>
  </si>
  <si>
    <t>\\acsfs\DEPTOS\EDUCACAO EMPRESARIAL\ligação mutant primeiro ciclo MUTANT\LORRAYNE VALENTINO AMANCIO_1_6764007818320216196_1_32.wav</t>
  </si>
  <si>
    <t>12/17/2019 17:33:49</t>
  </si>
  <si>
    <t>LUCAS QUITONIO DE SOUZA SILVA_1_6763233255328136404_1_32.wav</t>
  </si>
  <si>
    <t>\\acsfs\DEPTOS\EDUCACAO EMPRESARIAL\ligação mutant primeiro ciclo MUTANT\LUCAS QUITONIO DE SOUZA SILVA_1_6763233255328136404_1_32.wav</t>
  </si>
  <si>
    <t>12/17/2019 17:34:26</t>
  </si>
  <si>
    <t>LUIS PHILIPE LIMA SANTANA_1_6763271188479283907_1_32.wav</t>
  </si>
  <si>
    <t>\\acsfs\DEPTOS\EDUCACAO EMPRESARIAL\ligação mutant primeiro ciclo MUTANT\LUIS PHILIPE LIMA SANTANA_1_6763271188479283907_1_32.wav</t>
  </si>
  <si>
    <t>12/17/2019 17:34:57</t>
  </si>
  <si>
    <t>MARCELLE WENDY DE LIMA_1_6763655991779207637_1_32.wav</t>
  </si>
  <si>
    <t>\\acsfs\DEPTOS\EDUCACAO EMPRESARIAL\ligação mutant primeiro ciclo MUTANT\MARCELLE WENDY DE LIMA_1_6763655991779207637_1_32.wav</t>
  </si>
  <si>
    <t>12/17/2019 17:39:07</t>
  </si>
  <si>
    <t>12/17/2019 17:39:22</t>
  </si>
  <si>
    <t>12/17/2019 17:37:08</t>
  </si>
  <si>
    <t>12/17/2019 17:40:22</t>
  </si>
  <si>
    <t>josycoa@algartech.com;</t>
  </si>
  <si>
    <t>\\acsfs\DEPTOS\Governança da Estratégia\M&amp;A e Parcerias\Buy Side\Avaliações estruturadas\Cobrança\Q&amp;A Alvos\</t>
  </si>
  <si>
    <t>Projeto Victoria - QA 03.12.xlsx</t>
  </si>
  <si>
    <t>josycoa@algartech.com</t>
  </si>
  <si>
    <t>12/17/2019 17:37:10</t>
  </si>
  <si>
    <t>mail.google.com/_/upload?authuser=0&amp;dcp=asu-n&amp;upload_id=AEnB2Upijs4jkrX1YYA9pjNabyHDVm7cfb2Jv4Whv9WbdV3BZlRHRkRMbmmPP6KHIg2fxfmOcO1HB-l2KSO80EKnLkOoBYwgOuyVTIY5XMR_8EGbJnqxlWQ&amp;upload_protocol=resumable</t>
  </si>
  <si>
    <t>12/17/2019 17:37:54</t>
  </si>
  <si>
    <t>12/17/2019 17:38:14</t>
  </si>
  <si>
    <t>12/17/2019 17:38:28</t>
  </si>
  <si>
    <t>12/17/2019 17:39:46</t>
  </si>
  <si>
    <t>12/17/2019 17:39:51</t>
  </si>
  <si>
    <t>12/17/2019 17:39:57</t>
  </si>
  <si>
    <t>12/17/2019 17:41:23</t>
  </si>
  <si>
    <t>bc09c18e-d9b0-4fdb-a9a1-755a9883c5f6.tmp</t>
  </si>
  <si>
    <t>\\acsfs\profiles$\danielta\Downloads\bc09c18e-d9b0-4fdb-a9a1-755a9883c5f6.tmp</t>
  </si>
  <si>
    <t>12/17/2019 17:40:07</t>
  </si>
  <si>
    <t>12/17/2019 17:44:23</t>
  </si>
  <si>
    <t>12/17/2019 17:41:01</t>
  </si>
  <si>
    <t>12/17/2019 17:45:22</t>
  </si>
  <si>
    <t>12/17/2019 17:40:03</t>
  </si>
  <si>
    <t>12/17/2019 17:40:16</t>
  </si>
  <si>
    <t>12/17/2019 17:40:30</t>
  </si>
  <si>
    <t>12/17/2019 17:40:41</t>
  </si>
  <si>
    <t>12/17/2019 17:40:47</t>
  </si>
  <si>
    <t>mail.google.com/sync/u/0/i/s?hl=pt-BR&amp;c=136</t>
  </si>
  <si>
    <t>12/17/2019 17:41:28</t>
  </si>
  <si>
    <t>12/17/2019 17:41:36</t>
  </si>
  <si>
    <t>12/17/2019 17:43:33</t>
  </si>
  <si>
    <t>12/17/2019 17:48:22</t>
  </si>
  <si>
    <t>12/17/2019 17:44:54</t>
  </si>
  <si>
    <t>12/17/2019 17:49:23</t>
  </si>
  <si>
    <t>12/17/2019 17:45:07</t>
  </si>
  <si>
    <t>12/17/2019 17:46:07</t>
  </si>
  <si>
    <t>12/17/2019 17:47:50</t>
  </si>
  <si>
    <t>12/17/2019 17:50:22</t>
  </si>
  <si>
    <t>12/17/2019 17:49:26</t>
  </si>
  <si>
    <t>12/17/2019 17:45:37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</t>
  </si>
  <si>
    <t>IMG_0673.jpg</t>
  </si>
  <si>
    <t>12/17/2019 17:45:41</t>
  </si>
  <si>
    <t>12/17/2019 17:45:59</t>
  </si>
  <si>
    <t>12/17/2019 17:46:09</t>
  </si>
  <si>
    <t>12/17/2019 17:46:15</t>
  </si>
  <si>
    <t>12/17/2019 17:46:22</t>
  </si>
  <si>
    <t>12/17/2019 17:46:49</t>
  </si>
  <si>
    <t>12/17/2019 17:46:43</t>
  </si>
  <si>
    <t>12/17/2019 17:51:23</t>
  </si>
  <si>
    <t>306d4275-bdc6-489e-8bb2-1d117276e69c.tmp</t>
  </si>
  <si>
    <t>\\acsfs\profiles$\victorgl\Downloads\306d4275-bdc6-489e-8bb2-1d117276e69c.tmp</t>
  </si>
  <si>
    <t>12/17/2019 17:46:52</t>
  </si>
  <si>
    <t>MARCELLE WENDY DE LIMA_1_6766633052655396958_1_32.wav</t>
  </si>
  <si>
    <t>\\acsfs\DEPTOS\EDUCACAO EMPRESARIAL\Ligaçoes para MUTANT seg ciclo DEZEMBRO\MARCELLE WENDY DE LIMA_1_6766633052655396958_1_32.wav</t>
  </si>
  <si>
    <t>12/17/2019 17:48:38</t>
  </si>
  <si>
    <t>MARILIA FERNANDES PAES LEME BORGES_1_6766630265221617555_1_32.wav</t>
  </si>
  <si>
    <t>\\acsfs\DEPTOS\EDUCACAO EMPRESARIAL\Ligaçoes para MUTANT seg ciclo DEZEMBRO\MARILIA FERNANDES PAES LEME BORGES_1_6766630265221617555_1_32.wav</t>
  </si>
  <si>
    <t>12/17/2019 17:49:46</t>
  </si>
  <si>
    <t>MARLYANNE GONCALVES DE LIMA SILVA_1_6766790244163462207_1_32.wav</t>
  </si>
  <si>
    <t>\\acsfs\DEPTOS\EDUCACAO EMPRESARIAL\Ligaçoes para MUTANT seg ciclo DEZEMBRO\MARLYANNE GONCALVES DE LIMA SILVA_1_6766790244163462207_1_32.wav</t>
  </si>
  <si>
    <t>12/17/2019 17:50:24</t>
  </si>
  <si>
    <t>ANDREA PAULA DA SILVA GOMES_1_6766671965059091572_1_32.wav</t>
  </si>
  <si>
    <t>\\acsfs\DEPTOS\EDUCACAO EMPRESARIAL\Ligaçoes para MUTANT seg ciclo DEZEMBRO\ANDREA PAULA DA SILVA GOMES_1_6766671965059091572_1_32.wav</t>
  </si>
  <si>
    <t>12/17/2019 17:50:58</t>
  </si>
  <si>
    <t>NATALIA CRISTINA DOS SANTOS LIMA_1_6766178877043715179_1_32.wav</t>
  </si>
  <si>
    <t>\\acsfs\DEPTOS\EDUCACAO EMPRESARIAL\Ligaçoes para MUTANT seg ciclo DEZEMBRO\NATALIA CRISTINA DOS SANTOS LIMA_1_6766178877043715179_1_32.wav</t>
  </si>
  <si>
    <t>12/17/2019 17:47:28</t>
  </si>
  <si>
    <t>12/17/2019 17:52:22</t>
  </si>
  <si>
    <t>7fce6cd2-7ddd-47bd-9073-cc2f97fe3179.tmp</t>
  </si>
  <si>
    <t>\\acsfs\profiles$\erichds\Downloads\7fce6cd2-7ddd-47bd-9073-cc2f97fe3179.tmp</t>
  </si>
  <si>
    <t>12/17/2019 17:54:05</t>
  </si>
  <si>
    <t>12/17/2019 17:54:22</t>
  </si>
  <si>
    <t>12/17/2019 17:51:08</t>
  </si>
  <si>
    <t>12/17/2019 17:52:07</t>
  </si>
  <si>
    <t>12/17/2019 17:50:56</t>
  </si>
  <si>
    <t>12/17/2019 17:55:23</t>
  </si>
  <si>
    <t>IMG_0672.jpg</t>
  </si>
  <si>
    <t>12/17/2019 17:51:22</t>
  </si>
  <si>
    <t>12/17/2019 17:51:04</t>
  </si>
  <si>
    <t>12/17/2019 17:56:22</t>
  </si>
  <si>
    <t>12/17/2019 17:51:41</t>
  </si>
  <si>
    <t>12/17/2019 17:57:23</t>
  </si>
  <si>
    <t>ROGERIO FONSECA DUARTE_1_6766436888614078888_1_32.wav</t>
  </si>
  <si>
    <t>\\acsfs\DEPTOS\EDUCACAO EMPRESARIAL\Ligaçoes para MUTANT seg ciclo DEZEMBRO\ROGERIO FONSECA DUARTE_1_6766436888614078888_1_32.wav</t>
  </si>
  <si>
    <t>12/17/2019 17:52:19</t>
  </si>
  <si>
    <t>PEDRO HENRIQUE ALMEIDA BATISTA_1_6766561322406579403_1_32.wav</t>
  </si>
  <si>
    <t>\\acsfs\DEPTOS\EDUCACAO EMPRESARIAL\Ligaçoes para MUTANT seg ciclo DEZEMBRO\PEDRO HENRIQUE ALMEIDA BATISTA_1_6766561322406579403_1_32.wav</t>
  </si>
  <si>
    <t>12/17/2019 17:53:51</t>
  </si>
  <si>
    <t>PHILIPE GONCALVES SANTOS FERREIRA_1_6766278782277988339_1_32.wav</t>
  </si>
  <si>
    <t>\\acsfs\DEPTOS\EDUCACAO EMPRESARIAL\Ligaçoes para MUTANT seg ciclo DEZEMBRO\PHILIPE GONCALVES SANTOS FERREIRA_1_6766278782277988339_1_32.wav</t>
  </si>
  <si>
    <t>12/17/2019 17:54:59</t>
  </si>
  <si>
    <t>QUINDAIZA APARECIDA GUEDES DA SILVA_1_6766642235295473958_1_32.wav</t>
  </si>
  <si>
    <t>\\acsfs\DEPTOS\EDUCACAO EMPRESARIAL\Ligaçoes para MUTANT seg ciclo DEZEMBRO\QUINDAIZA APARECIDA GUEDES DA SILVA_1_6766642235295473958_1_32.wav</t>
  </si>
  <si>
    <t>12/17/2019 17:56:02</t>
  </si>
  <si>
    <t>RAFAELA MARQUES SOUZA VALIM_1_6766579558837730719_1_32.wav</t>
  </si>
  <si>
    <t>\\acsfs\DEPTOS\EDUCACAO EMPRESARIAL\Ligaçoes para MUTANT seg ciclo DEZEMBRO\RAFAELA MARQUES SOUZA VALIM_1_6766579558837730719_1_32.wav</t>
  </si>
  <si>
    <t>12/17/2019 17:57:06</t>
  </si>
  <si>
    <t>12/17/2019 17:59:22</t>
  </si>
  <si>
    <t>12/17/2019 17:58:06</t>
  </si>
  <si>
    <t>12/17/2019 17:55:12</t>
  </si>
  <si>
    <t>12/17/2019 18:00:22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</t>
  </si>
  <si>
    <t>advertência KAMILLA MARCELA.pdf</t>
  </si>
  <si>
    <t>12/17/2019 17:55:17</t>
  </si>
  <si>
    <t>12/17/2019 17:57:14</t>
  </si>
  <si>
    <t>advertência Thiago Abdao.pdf</t>
  </si>
  <si>
    <t>12/17/2019 17:57:20</t>
  </si>
  <si>
    <t>12/17/2019 17:56:41</t>
  </si>
  <si>
    <t>12/17/2019 18:02:22</t>
  </si>
  <si>
    <t>ROSILEIA MARIA DA CRUZ_1_6766728632857597177_1_32.wav</t>
  </si>
  <si>
    <t>\\acsfs\DEPTOS\EDUCACAO EMPRESARIAL\Ligaçoes para MUTANT seg ciclo DEZEMBRO\ROSILEIA MARIA DA CRUZ_1_6766728632857597177_1_32.wav</t>
  </si>
  <si>
    <t>12/17/2019 17:57:38</t>
  </si>
  <si>
    <t>ROZENCA MAIOLINO_1_6766155177414176069_1_32.wav</t>
  </si>
  <si>
    <t>\\acsfs\DEPTOS\EDUCACAO EMPRESARIAL\Ligaçoes para MUTANT seg ciclo DEZEMBRO\ROZENCA MAIOLINO_1_6766155177414176069_1_32.wav</t>
  </si>
  <si>
    <t>12/17/2019 17:58:11</t>
  </si>
  <si>
    <t>THYAGO SANTANA PASETTO_1_6766231009356750011_1_32.wav</t>
  </si>
  <si>
    <t>\\acsfs\DEPTOS\EDUCACAO EMPRESARIAL\Ligaçoes para MUTANT seg ciclo DEZEMBRO\THYAGO SANTANA PASETTO_1_6766231009356750011_1_32.wav</t>
  </si>
  <si>
    <t>12/17/2019 17:58:53</t>
  </si>
  <si>
    <t>VALERIA SENA DE ARAUJO_1_6766646543147678852_1_32.wav</t>
  </si>
  <si>
    <t>\\acsfs\DEPTOS\EDUCACAO EMPRESARIAL\Ligaçoes para MUTANT seg ciclo DEZEMBRO\VALERIA SENA DE ARAUJO_1_6766646543147678852_1_32.wav</t>
  </si>
  <si>
    <t>12/17/2019 17:59:40</t>
  </si>
  <si>
    <t>VICTORIA KAROLLINE SILVA RODRIGUES_1_6766250701781795252_1_32.wav</t>
  </si>
  <si>
    <t>\\acsfs\DEPTOS\EDUCACAO EMPRESARIAL\Ligaçoes para MUTANT seg ciclo DEZEMBRO\VICTORIA KAROLLINE SILVA RODRIGUES_1_6766250701781795252_1_32.wav</t>
  </si>
  <si>
    <t>12/17/2019 18:00:12</t>
  </si>
  <si>
    <t>VIVIANA LEONEL DA SILVA_1_6765823992485985718_1_32.wav</t>
  </si>
  <si>
    <t>\\acsfs\DEPTOS\EDUCACAO EMPRESARIAL\Ligaçoes para MUTANT seg ciclo DEZEMBRO\VIVIANA LEONEL DA SILVA_1_6765823992485985718_1_32.wav</t>
  </si>
  <si>
    <t>12/17/2019 18:00:52</t>
  </si>
  <si>
    <t>WENDER BRUNO NUNES MENESES_1_6766194081227932295_1_32.wav</t>
  </si>
  <si>
    <t>\\acsfs\DEPTOS\EDUCACAO EMPRESARIAL\Ligaçoes para MUTANT seg ciclo DEZEMBRO\WENDER BRUNO NUNES MENESES_1_6766194081227932295_1_32.wav</t>
  </si>
  <si>
    <t>12/17/2019 17:57:56</t>
  </si>
  <si>
    <t>C:\Users\marcospr\Documents\Fat\</t>
  </si>
  <si>
    <t>1 - Transferencias_JUL_AGO_18.xlsx</t>
  </si>
  <si>
    <t>1b57a595b087747659cc151_u x-goog-authuser: 1 --=====2ut8zx2usige===== content-type: application/http content-transfer-encoding: binary get /drive/v2internal/files/1a0oqeqmgjqjlejblv1ifrvtooltz4910?opendrive=false&amp;reason=102&amp;synctype=0&amp;errorrecovery=false&amp;fields=kind,===== content-type,actionitems,additionalroles,ance,ances,ancest,ancestorhasaugmen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,containsunsubscribedchildren,contentrestrictions(readonly),copyable,createddate,customerid)),displa,displaynam,displayname,domain,emailaddress,emailaddress�,explicitlytrashed,explicitlytrashed�,f9b06d31aaf01c17d8662badbb_u x-goog-authuser: 1 --=====2kmmswkm0cz7===== content-type: application/http content-transfer-encoding: binary get /d</t>
  </si>
  <si>
    <t>12/17/2019 18:03:06</t>
  </si>
  <si>
    <t>12/17/2019 18:04:22</t>
  </si>
  <si>
    <t>12/17/2019 18:04:06</t>
  </si>
  <si>
    <t>12/17/2019 18:02:02</t>
  </si>
  <si>
    <t>12/17/2019 18:06:22</t>
  </si>
  <si>
    <t>12/17/2019 18:02:18</t>
  </si>
  <si>
    <t>hugooc@algartech.com;rodrigodcp@algartech.com;</t>
  </si>
  <si>
    <t>Tempos.xlsx</t>
  </si>
  <si>
    <t>hugooc@algartech.com,rodrigodcp@algartech.com</t>
  </si>
  <si>
    <t>12/17/2019 18:01:51</t>
  </si>
  <si>
    <t>12/17/2019 18:07:23</t>
  </si>
  <si>
    <t>LAIS RIBEIRO_1_6766603718028757674_1_32.wav</t>
  </si>
  <si>
    <t>\\acsfs\DEPTOS\EDUCACAO EMPRESARIAL\Ligaçoes para MUTANT seg ciclo DEZEMBRO\LAIS RIBEIRO_1_6766603718028757674_1_32.wav</t>
  </si>
  <si>
    <t>12/17/2019 18:02:25</t>
  </si>
  <si>
    <t>SUELLEN CARDOSO DA SILVA_1_6766297443910883947_1_32.wav</t>
  </si>
  <si>
    <t>\\acsfs\DEPTOS\EDUCACAO EMPRESARIAL\Ligaçoes para MUTANT seg ciclo DEZEMBRO\SUELLEN CARDOSO DA SILVA_1_6766297443910883947_1_32.wav</t>
  </si>
  <si>
    <t>12/17/2019 18:03:03</t>
  </si>
  <si>
    <t>Talita Fernandes da Costa_1_6768079571870881874_1_32_1_6768079571870881874_1_32.wav</t>
  </si>
  <si>
    <t>\\acsfs\DEPTOS\EDUCACAO EMPRESARIAL\Ligaçoes para MUTANT seg ciclo DEZEMBRO\Talita Fernandes da Costa_1_6768079571870881874_1_32_1_6768079571870881874_1_32.wav</t>
  </si>
  <si>
    <t>12/17/2019 18:03:53</t>
  </si>
  <si>
    <t>CRICIA VITAL DE OLIVEIRA_1_6766159936237940689_1_32.wav</t>
  </si>
  <si>
    <t>\\acsfs\DEPTOS\EDUCACAO EMPRESARIAL\Ligaçoes para MUTANT seg ciclo DEZEMBRO\CRICIA VITAL DE OLIVEIRA_1_6766159936237940689_1_32.wav</t>
  </si>
  <si>
    <t>12/17/2019 18:04:29</t>
  </si>
  <si>
    <t>LUCAS GUBERT PEREIRA_1_6766298143990554136_1_32.wav</t>
  </si>
  <si>
    <t>\\acsfs\DEPTOS\EDUCACAO EMPRESARIAL\Ligaçoes para MUTANT seg ciclo DEZEMBRO\LUCAS GUBERT PEREIRA_1_6766298143990554136_1_32.wav</t>
  </si>
  <si>
    <t>12/17/2019 18:05:27</t>
  </si>
  <si>
    <t>NATHALIA RIOS MODESTO RODRIGUES_1_6766269977595033984_1_32.wav</t>
  </si>
  <si>
    <t>\\acsfs\DEPTOS\EDUCACAO EMPRESARIAL\Ligaçoes para MUTANT seg ciclo DEZEMBRO\NATHALIA RIOS MODESTO RODRIGUES_1_6766269977595033984_1_32.wav</t>
  </si>
  <si>
    <t>12/17/2019 18:06:03</t>
  </si>
  <si>
    <t>DANIELA COSTA_1_6766627314579080365_1_32.wav</t>
  </si>
  <si>
    <t>\\acsfs\DEPTOS\EDUCACAO EMPRESARIAL\Ligaçoes para MUTANT seg ciclo DEZEMBRO\DANIELA COSTA_1_6766627314579080365_1_32.wav</t>
  </si>
  <si>
    <t>12/17/2019 18:05:45</t>
  </si>
  <si>
    <t>749b8e75-837b-4562-9cac-203d73c45144.tmp</t>
  </si>
  <si>
    <t>\\acsfs\profiles$\erichds\Downloads\749b8e75-837b-4562-9cac-203d73c45144.tmp</t>
  </si>
  <si>
    <t>12/17/2019 18:09:06</t>
  </si>
  <si>
    <t>12/17/2019 18:09:23</t>
  </si>
  <si>
    <t>12/17/2019 18:08:22</t>
  </si>
  <si>
    <t>12/17/2019 18:11:23</t>
  </si>
  <si>
    <t>12/17/2019 18:06:48</t>
  </si>
  <si>
    <t>12/17/2019 18:12:22</t>
  </si>
  <si>
    <t>JONATHAN WILLIAM ALVES PEREIRA_1_6765468738561059446_1_32.wav</t>
  </si>
  <si>
    <t>\\acsfs\DEPTOS\EDUCACAO EMPRESARIAL\Ligaçoes para MUTANT seg ciclo DEZEMBRO\JONATHAN WILLIAM ALVES PEREIRA_1_6765468738561059446_1_32.wav</t>
  </si>
  <si>
    <t>12/17/2019 18:07:32</t>
  </si>
  <si>
    <t>LUANA ROSA DE ALMEIDA_1_6766240196291791602_1_32.wav</t>
  </si>
  <si>
    <t>\\acsfs\DEPTOS\EDUCACAO EMPRESARIAL\Ligaçoes para MUTANT seg ciclo DEZEMBRO\LUANA ROSA DE ALMEIDA_1_6766240196291791602_1_32.wav</t>
  </si>
  <si>
    <t>12/17/2019 18:08:21</t>
  </si>
  <si>
    <t>PAULO VICTOR ALCANTARA DE CASTRO_1_6765516532957133904_1_32.wav</t>
  </si>
  <si>
    <t>\\acsfs\DEPTOS\EDUCACAO EMPRESARIAL\Ligaçoes para MUTANT seg ciclo DEZEMBRO\PAULO VICTOR ALCANTARA DE CASTRO_1_6765516532957133904_1_32.wav</t>
  </si>
  <si>
    <t>12/17/2019 18:08:59</t>
  </si>
  <si>
    <t>ANA CLARA MORAES SILVEIRA_1_6768158706643313827_1_32.wav</t>
  </si>
  <si>
    <t>\\acsfs\DEPTOS\EDUCACAO EMPRESARIAL\Ligaçoes para MUTANT seg ciclo DEZEMBRO\ANA CLARA MORAES SILVEIRA_1_6768158706643313827_1_32.wav</t>
  </si>
  <si>
    <t>12/17/2019 18:10:18</t>
  </si>
  <si>
    <t>ERIC HENRIQUE DA SILVA_1_6766337030624449261_1_32.wav</t>
  </si>
  <si>
    <t>\\acsfs\DEPTOS\EDUCACAO EMPRESARIAL\Ligaçoes para MUTANT seg ciclo DEZEMBRO\ERIC HENRIQUE DA SILVA_1_6766337030624449261_1_32.wav</t>
  </si>
  <si>
    <t>12/17/2019 18:11:04</t>
  </si>
  <si>
    <t>FELIPE JHONATAN VELOSO MENDES_1_6766655708607886596_1_32.wav</t>
  </si>
  <si>
    <t>\\acsfs\DEPTOS\EDUCACAO EMPRESARIAL\Ligaçoes para MUTANT seg ciclo DEZEMBRO\FELIPE JHONATAN VELOSO MENDES_1_6766655708607886596_1_32.wav</t>
  </si>
  <si>
    <t>12/17/2019 18:10:41</t>
  </si>
  <si>
    <t>12/17/2019 18:14:22</t>
  </si>
  <si>
    <t>mail.google.com/_/upload?authuser=0&amp;dcp=asu-n&amp;upload_id=AEnB2UqRfmMjJvVFrrGh34iWoGSyUVMds-7BWC4xuWvpjOaBFxAODZ7dWnGPtIdPKlyELB0UGjylaKbSlDn9rWMo6nanaO1xXtYJr8-TOPjJiG-VHQaXDWQ&amp;upload_protocol=resumable</t>
  </si>
  <si>
    <t>Análise Quartil.xlsx</t>
  </si>
  <si>
    <t>12/17/2019 18:10:06</t>
  </si>
  <si>
    <t>12/17/2019 18:13:34</t>
  </si>
  <si>
    <t>12/17/2019 18:15:22</t>
  </si>
  <si>
    <t>XLOG_anakcs_17122019_154344.log</t>
  </si>
  <si>
    <t>\\acsfs\profiles$\anakcs\My Documents\xworkcenter\logs\XLOG_anakcs_17122019_154344.log</t>
  </si>
  <si>
    <t>12/17/2019 18:09:59</t>
  </si>
  <si>
    <t>IMG_0674.jpg</t>
  </si>
  <si>
    <t>12/17/2019 18:13:28</t>
  </si>
  <si>
    <t>12/17/2019 18:16:22</t>
  </si>
  <si>
    <t>12/17/2019 18:11:32</t>
  </si>
  <si>
    <t>12/17/2019 18:17:22</t>
  </si>
  <si>
    <t>JUCELIA OLIVEIRA DE AMORIM_1_6766329149359456846_1_32.wav</t>
  </si>
  <si>
    <t>\\acsfs\DEPTOS\EDUCACAO EMPRESARIAL\Ligaçoes para MUTANT seg ciclo DEZEMBRO\JUCELIA OLIVEIRA DE AMORIM_1_6766329149359456846_1_32.wav</t>
  </si>
  <si>
    <t>12/17/2019 18:12:05</t>
  </si>
  <si>
    <t>LAURA NICOLAU DE OLIVEIRA SANTOS_1_6766308597940947702_1_32.wav</t>
  </si>
  <si>
    <t>\\acsfs\DEPTOS\EDUCACAO EMPRESARIAL\Ligaçoes para MUTANT seg ciclo DEZEMBRO\LAURA NICOLAU DE OLIVEIRA SANTOS_1_6766308597940947702_1_32.wav</t>
  </si>
  <si>
    <t>12/17/2019 18:12:41</t>
  </si>
  <si>
    <t>MYLLENA RIBEIRO DE LIMA_1_6768238292387310826_1_32.wav</t>
  </si>
  <si>
    <t>\\acsfs\DEPTOS\EDUCACAO EMPRESARIAL\Ligaçoes para MUTANT seg ciclo DEZEMBRO\MYLLENA RIBEIRO DE LIMA_1_6768238292387310826_1_32.wav</t>
  </si>
  <si>
    <t>12/17/2019 18:13:16</t>
  </si>
  <si>
    <t>NYCOLLE EDUARDA MARTINS DE JESUS_1_6766706135818906990_1_32.wav</t>
  </si>
  <si>
    <t>\\acsfs\DEPTOS\EDUCACAO EMPRESARIAL\Ligaçoes para MUTANT seg ciclo DEZEMBRO\NYCOLLE EDUARDA MARTINS DE JESUS_1_6766706135818906990_1_32.wav</t>
  </si>
  <si>
    <t>12/17/2019 18:14:08</t>
  </si>
  <si>
    <t>PAMELA MARIA CRISTINA MACEDO DA SILVA GUEDES_1_6766196533654262410_1_32.wav</t>
  </si>
  <si>
    <t>\\acsfs\DEPTOS\EDUCACAO EMPRESARIAL\Ligaçoes para MUTANT seg ciclo DEZEMBRO\PAMELA MARIA CRISTINA MACEDO DA SILVA GUEDES_1_6766196533654262410_1_32.wav</t>
  </si>
  <si>
    <t>12/17/2019 18:14:47</t>
  </si>
  <si>
    <t>RAFAELA CRISTINA DE OLIVEIRA CLEMENTINO_1_6765977829624580071_1_32.wav</t>
  </si>
  <si>
    <t>\\acsfs\DEPTOS\EDUCACAO EMPRESARIAL\Ligaçoes para MUTANT seg ciclo DEZEMBRO\RAFAELA CRISTINA DE OLIVEIRA CLEMENTINO_1_6765977829624580071_1_32.wav</t>
  </si>
  <si>
    <t>12/17/2019 18:15:17</t>
  </si>
  <si>
    <t>ANA PAULA DA SILVA BORGES_1_6766205832258456847_1_32.wav</t>
  </si>
  <si>
    <t>\\acsfs\DEPTOS\EDUCACAO EMPRESARIAL\Ligaçoes para MUTANT seg ciclo DEZEMBRO\ANA PAULA DA SILVA BORGES_1_6766205832258456847_1_32.wav</t>
  </si>
  <si>
    <t>12/17/2019 18:16:04</t>
  </si>
  <si>
    <t>KESIA DE OLIVEIRA FERNANDES_1_6765429465380101838_1_32.wav</t>
  </si>
  <si>
    <t>\\acsfs\DEPTOS\EDUCACAO EMPRESARIAL\Ligaçoes para MUTANT seg ciclo DEZEMBRO\KESIA DE OLIVEIRA FERNANDES_1_6765429465380101838_1_32.wav</t>
  </si>
  <si>
    <t>12/17/2019 18:13:33</t>
  </si>
  <si>
    <t>12/17/2019 18:18:23</t>
  </si>
  <si>
    <t>12/17/2019 18:15:06</t>
  </si>
  <si>
    <t>12/17/2019 18:19:23</t>
  </si>
  <si>
    <t>12/17/2019 18:16:06</t>
  </si>
  <si>
    <t>12/17/2019 18:18:19</t>
  </si>
  <si>
    <t>12/17/2019 18:21:22</t>
  </si>
  <si>
    <t>12/17/2019 18:16:34</t>
  </si>
  <si>
    <t>12/17/2019 18:22:22</t>
  </si>
  <si>
    <t>HENRIQUE CASSIANO OLIVEIRA_1_6766667476818278060_1_32.wav</t>
  </si>
  <si>
    <t>\\acsfs\DEPTOS\EDUCACAO EMPRESARIAL\Ligaçoes para MUTANT seg ciclo DEZEMBRO\HENRIQUE CASSIANO OLIVEIRA_1_6766667476818278060_1_32.wav</t>
  </si>
  <si>
    <t>12/17/2019 18:16:26</t>
  </si>
  <si>
    <t>12/17/2019 18:21:07</t>
  </si>
  <si>
    <t>12/17/2019 18:24:22</t>
  </si>
  <si>
    <t>12/17/2019 18:22:07</t>
  </si>
  <si>
    <t>12/17/2019 18:27:07</t>
  </si>
  <si>
    <t>12/17/2019 18:29:23</t>
  </si>
  <si>
    <t>12/17/2019 18:28:07</t>
  </si>
  <si>
    <t>12/17/2019 18:30:15</t>
  </si>
  <si>
    <t>12/17/2019 18:32:22</t>
  </si>
  <si>
    <t>dd7d5696-9d6f-4ffe-b3c1-6f2cf8693597.tmp</t>
  </si>
  <si>
    <t>\\acsfs\profiles$\erichds\Downloads\dd7d5696-9d6f-4ffe-b3c1-6f2cf8693597.tmp</t>
  </si>
  <si>
    <t>12/17/2019 18:27:48</t>
  </si>
  <si>
    <t>mail.google.com/_/upload?authuser=0&amp;dcp=asu-n&amp;upload_id=AEnB2Up1yIY9cR51YK3tf0jMwnKoV9iZkOCGft3araNzq8Q_SyZYYjhgiTIhAdeNqPyCKGVqS6gQ3-nWcvvajHRViF-DDdidJ6LDBNrSKlZ7v_KmAvAxLng&amp;upload_protocol=resumable</t>
  </si>
  <si>
    <t>\\acsfs\DEPTOS\Controladoria\Planejamento\Reuniao Gerencial\2019\4ª Reuger\REUGER\Sicaf\</t>
  </si>
  <si>
    <t>Clientes governo_0811.xlsx</t>
  </si>
  <si>
    <t>12/17/2019 18:33:07</t>
  </si>
  <si>
    <t>12/17/2019 18:34:22</t>
  </si>
  <si>
    <t>12/17/2019 18:34:07</t>
  </si>
  <si>
    <t>12/17/2019 18:36:09</t>
  </si>
  <si>
    <t>12/17/2019 18:37:21</t>
  </si>
  <si>
    <t>10.200.67.178</t>
  </si>
  <si>
    <t>12/17/2019 18:36:12</t>
  </si>
  <si>
    <t>12/17/2019 18:39:07</t>
  </si>
  <si>
    <t>12/17/2019 18:39:22</t>
  </si>
  <si>
    <t>12/17/2019 18:38:12</t>
  </si>
  <si>
    <t>12/17/2019 18:40:23</t>
  </si>
  <si>
    <t>IMG_0574.jpg</t>
  </si>
  <si>
    <t>12/17/2019 18:38:18</t>
  </si>
  <si>
    <t>IMG_0578.jpg</t>
  </si>
  <si>
    <t>12/17/2019 18:38:22</t>
  </si>
  <si>
    <t>12/17/2019 18:41:23</t>
  </si>
  <si>
    <t>12/17/2019 18:40:04</t>
  </si>
  <si>
    <t>7709831b-f578-46d9-a606-6e52fd921d06.tmp</t>
  </si>
  <si>
    <t>\\acsfs\profiles$\brendadsl\Downloads\7709831b-f578-46d9-a606-6e52fd921d06.tmp</t>
  </si>
  <si>
    <t>12/17/2019 18:40:24</t>
  </si>
  <si>
    <t>5701a2b0-c967-425e-9187-d66b511cbbc3.tmp</t>
  </si>
  <si>
    <t>\\acsfs\profiles$\laurandos\Downloads\5701a2b0-c967-425e-9187-d66b511cbbc3.tmp</t>
  </si>
  <si>
    <t>12/17/2019 18:41:03</t>
  </si>
  <si>
    <t>12/17/2019 18:43:23</t>
  </si>
  <si>
    <t>12/17/2019 18:40:07</t>
  </si>
  <si>
    <t>12/17/2019 18:44:22</t>
  </si>
  <si>
    <t>12/17/2019 18:41:26</t>
  </si>
  <si>
    <t>12/17/2019 18:45:23</t>
  </si>
  <si>
    <t>12/17/2019 18:43:25</t>
  </si>
  <si>
    <t>IMG_0677.jpg</t>
  </si>
  <si>
    <t>12/17/2019 18:43:40</t>
  </si>
  <si>
    <t>12/17/2019 18:44:35</t>
  </si>
  <si>
    <t>IMG_0676.jpg</t>
  </si>
  <si>
    <t>12/17/2019 18:44:46</t>
  </si>
  <si>
    <t>12/17/2019 18:43:46</t>
  </si>
  <si>
    <t>12/17/2019 18:46:23</t>
  </si>
  <si>
    <t>12/17/2019 18:44:49</t>
  </si>
  <si>
    <t>12/17/2019 18:45:12</t>
  </si>
  <si>
    <t>12/17/2019 18:45:25</t>
  </si>
  <si>
    <t>12/17/2019 18:46:22</t>
  </si>
  <si>
    <t>12/17/2019 18:47:24</t>
  </si>
  <si>
    <t>d7456c6b-696c-4e43-a25e-e859766cfc72.tmp</t>
  </si>
  <si>
    <t>\\acsfs\profiles$\erichds\Downloads\d7456c6b-696c-4e43-a25e-e859766cfc72.tmp</t>
  </si>
  <si>
    <t>12/17/2019 18:44:59</t>
  </si>
  <si>
    <t>12/17/2019 18:48:23</t>
  </si>
  <si>
    <t>c47ea8c7-3e83-464a-a3a7-7e901752e18d.tmp</t>
  </si>
  <si>
    <t>\\acsfs\profiles$\anafaes\Downloads\c47ea8c7-3e83-464a-a3a7-7e901752e18d.tmp</t>
  </si>
  <si>
    <t>12/17/2019 18:45:07</t>
  </si>
  <si>
    <t>12/17/2019 18:49:24</t>
  </si>
  <si>
    <t>12/17/2019 18:46:07</t>
  </si>
  <si>
    <t>12/17/2019 18:50:23</t>
  </si>
  <si>
    <t>IMG_0675.jpg</t>
  </si>
  <si>
    <t>12/17/2019 18:46:25</t>
  </si>
  <si>
    <t>12/17/2019 18:49:11</t>
  </si>
  <si>
    <t>12/17/2019 18:51:24</t>
  </si>
  <si>
    <t>12/17/2019 18:50:48</t>
  </si>
  <si>
    <t>12/17/2019 18:52:25</t>
  </si>
  <si>
    <t>12/17/2019 18:51:07</t>
  </si>
  <si>
    <t>12/17/2019 18:54:25</t>
  </si>
  <si>
    <t>12/17/2019 18:52:08</t>
  </si>
  <si>
    <t>12/17/2019 18:54:44</t>
  </si>
  <si>
    <t>12/17/2019 18:55:25</t>
  </si>
  <si>
    <t>725c87e0-03aa-4eb4-83a1-b4e24fc9eec6.tmp</t>
  </si>
  <si>
    <t>\\acsfs\profiles$\gabrielamdp\Downloads\725c87e0-03aa-4eb4-83a1-b4e24fc9eec6.tmp</t>
  </si>
  <si>
    <t>12/17/2019 18:53:05</t>
  </si>
  <si>
    <t>12/17/2019 18:56:25</t>
  </si>
  <si>
    <t>12/17/2019 18:54:48</t>
  </si>
  <si>
    <t>12/17/2019 18:52:04</t>
  </si>
  <si>
    <t>12/17/2019 18:57:25</t>
  </si>
  <si>
    <t>12/17/2019 18:52:05</t>
  </si>
  <si>
    <t>12/17/2019 18:52:06</t>
  </si>
  <si>
    <t>12/17/2019 18:52:07</t>
  </si>
  <si>
    <t>12/17/2019 18:52:09</t>
  </si>
  <si>
    <t>12/17/2019 18:52:10</t>
  </si>
  <si>
    <t>12/17/2019 18:52:11</t>
  </si>
  <si>
    <t>12/17/2019 18:52:12</t>
  </si>
  <si>
    <t>12/17/2019 18:52:13</t>
  </si>
  <si>
    <t>12/17/2019 18:52:14</t>
  </si>
  <si>
    <t>12/17/2019 18:52:15</t>
  </si>
  <si>
    <t>12/17/2019 18:52:16</t>
  </si>
  <si>
    <t>12/17/2019 18:52:17</t>
  </si>
  <si>
    <t>12/17/2019 18:52:18</t>
  </si>
  <si>
    <t>12/17/2019 18:52:19</t>
  </si>
  <si>
    <t>12/17/2019 18:52:20</t>
  </si>
  <si>
    <t>12/17/2019 18:52:21</t>
  </si>
  <si>
    <t>12/17/2019 18:57:07</t>
  </si>
  <si>
    <t>12/17/2019 18:59:25</t>
  </si>
  <si>
    <t>12/17/2019 18:58:07</t>
  </si>
  <si>
    <t>12/17/2019 19:00:25</t>
  </si>
  <si>
    <t>12/17/2019 19:03:07</t>
  </si>
  <si>
    <t>12/17/2019 19:04:25</t>
  </si>
  <si>
    <t>12/17/2019 19:04:07</t>
  </si>
  <si>
    <t>12/17/2019 19:02:37</t>
  </si>
  <si>
    <t>12/17/2019 19:05:25</t>
  </si>
  <si>
    <t>12/17/2019 19:03:20</t>
  </si>
  <si>
    <t>12/17/2019 19:06:25</t>
  </si>
  <si>
    <t>37e611f5-cc73-46c5-8ad0-8dcc4aa880e3.tmp</t>
  </si>
  <si>
    <t>\\acsfs\profiles$\brendadsl\Downloads\37e611f5-cc73-46c5-8ad0-8dcc4aa880e3.tmp</t>
  </si>
  <si>
    <t>12/17/2019 19:02:43</t>
  </si>
  <si>
    <t>12/17/2019 19:09:07</t>
  </si>
  <si>
    <t>12/17/2019 19:09:26</t>
  </si>
  <si>
    <t>12/17/2019 19:06:28</t>
  </si>
  <si>
    <t>12/17/2019 19:10:25</t>
  </si>
  <si>
    <t>12/17/2019 19:06:30</t>
  </si>
  <si>
    <t>12/17/2019 19:06:31</t>
  </si>
  <si>
    <t>12/17/2019 19:06:32</t>
  </si>
  <si>
    <t>12/17/2019 19:06:37</t>
  </si>
  <si>
    <t>12/17/2019 19:07:15</t>
  </si>
  <si>
    <t>12/17/2019 19:07:16</t>
  </si>
  <si>
    <t>12/17/2019 19:07:17</t>
  </si>
  <si>
    <t>12/17/2019 19:07:19</t>
  </si>
  <si>
    <t>12/17/2019 19:07:22</t>
  </si>
  <si>
    <t>12/17/2019 19:07:23</t>
  </si>
  <si>
    <t>12/17/2019 19:07:24</t>
  </si>
  <si>
    <t>12/17/2019 19:07:25</t>
  </si>
  <si>
    <t>12/17/2019 19:07:28</t>
  </si>
  <si>
    <t>12/17/2019 19:07:30</t>
  </si>
  <si>
    <t>12/17/2019 19:07:33</t>
  </si>
  <si>
    <t>12/17/2019 19:07:34</t>
  </si>
  <si>
    <t>12/17/2019 19:07:36</t>
  </si>
  <si>
    <t>12/17/2019 19:07:37</t>
  </si>
  <si>
    <t>12/17/2019 19:07:38</t>
  </si>
  <si>
    <t>12/17/2019 19:07:41</t>
  </si>
  <si>
    <t>12/17/2019 19:11:26</t>
  </si>
  <si>
    <t>12/17/2019 19:07:42</t>
  </si>
  <si>
    <t>12/17/2019 19:07:45</t>
  </si>
  <si>
    <t>12/17/2019 19:07:49</t>
  </si>
  <si>
    <t>12/17/2019 19:07:55</t>
  </si>
  <si>
    <t>12/17/2019 19:08:01</t>
  </si>
  <si>
    <t>12/17/2019 19:08:06</t>
  </si>
  <si>
    <t>12/17/2019 19:08:16</t>
  </si>
  <si>
    <t>12/17/2019 19:08:32</t>
  </si>
  <si>
    <t>12/17/2019 19:08:33</t>
  </si>
  <si>
    <t>12/17/2019 19:08:35</t>
  </si>
  <si>
    <t>12/17/2019 19:08:37</t>
  </si>
  <si>
    <t>12/17/2019 19:08:38</t>
  </si>
  <si>
    <t>12/17/2019 19:08:39</t>
  </si>
  <si>
    <t>12/17/2019 19:08:43</t>
  </si>
  <si>
    <t>12/17/2019 19:08:44</t>
  </si>
  <si>
    <t>12/17/2019 19:08:47</t>
  </si>
  <si>
    <t>12/17/2019 19:08:48</t>
  </si>
  <si>
    <t>12/17/2019 19:08:49</t>
  </si>
  <si>
    <t>12/17/2019 19:08:50</t>
  </si>
  <si>
    <t>12/17/2019 19:08:55</t>
  </si>
  <si>
    <t>12/17/2019 19:09:19</t>
  </si>
  <si>
    <t>12/17/2019 19:09:25</t>
  </si>
  <si>
    <t>12/17/2019 19:09:28</t>
  </si>
  <si>
    <t>12/17/2019 19:09:32</t>
  </si>
  <si>
    <t>12/17/2019 19:09:45</t>
  </si>
  <si>
    <t>12/17/2019 19:09:48</t>
  </si>
  <si>
    <t>12/17/2019 19:09:49</t>
  </si>
  <si>
    <t>12/17/2019 19:09:50</t>
  </si>
  <si>
    <t>12/17/2019 19:09:51</t>
  </si>
  <si>
    <t>12/17/2019 19:09:55</t>
  </si>
  <si>
    <t>12/17/2019 19:09:56</t>
  </si>
  <si>
    <t>12/17/2019 19:09:59</t>
  </si>
  <si>
    <t>12/17/2019 19:10:01</t>
  </si>
  <si>
    <t>12/17/2019 19:10:02</t>
  </si>
  <si>
    <t>12/17/2019 19:10:03</t>
  </si>
  <si>
    <t>12/17/2019 19:10:06</t>
  </si>
  <si>
    <t>12/17/2019 19:10:11</t>
  </si>
  <si>
    <t>12/17/2019 19:10:07</t>
  </si>
  <si>
    <t>12/17/2019 19:14:25</t>
  </si>
  <si>
    <t>12/17/2019 19:10:23</t>
  </si>
  <si>
    <t>12/17/2019 19:16:25</t>
  </si>
  <si>
    <t>12/17/2019 19:10:26</t>
  </si>
  <si>
    <t>12/17/2019 19:10:27</t>
  </si>
  <si>
    <t>12/17/2019 19:10:28</t>
  </si>
  <si>
    <t>12/17/2019 19:10:29</t>
  </si>
  <si>
    <t>12/17/2019 19:10:30</t>
  </si>
  <si>
    <t>12/17/2019 19:10:35</t>
  </si>
  <si>
    <t>12/17/2019 19:10:36</t>
  </si>
  <si>
    <t>12/17/2019 19:10:39</t>
  </si>
  <si>
    <t>12/17/2019 19:10:55</t>
  </si>
  <si>
    <t>12/17/2019 19:11:02</t>
  </si>
  <si>
    <t>12/17/2019 19:11:03</t>
  </si>
  <si>
    <t>12/17/2019 19:11:04</t>
  </si>
  <si>
    <t>12/17/2019 19:11:08</t>
  </si>
  <si>
    <t>12/17/2019 19:11:09</t>
  </si>
  <si>
    <t>12/17/2019 19:11:15</t>
  </si>
  <si>
    <t>12/17/2019 19:11:17</t>
  </si>
  <si>
    <t>12/17/2019 19:11:18</t>
  </si>
  <si>
    <t>12/17/2019 19:11:19</t>
  </si>
  <si>
    <t>12/17/2019 19:11:22</t>
  </si>
  <si>
    <t>12/17/2019 19:11:23</t>
  </si>
  <si>
    <t>12/17/2019 19:11:24</t>
  </si>
  <si>
    <t>12/17/2019 19:11:25</t>
  </si>
  <si>
    <t>12/17/2019 19:11:30</t>
  </si>
  <si>
    <t>12/17/2019 19:11:47</t>
  </si>
  <si>
    <t>12/17/2019 19:11:48</t>
  </si>
  <si>
    <t>12/17/2019 19:11:49</t>
  </si>
  <si>
    <t>12/17/2019 19:11:50</t>
  </si>
  <si>
    <t>12/17/2019 19:11:51</t>
  </si>
  <si>
    <t>12/17/2019 19:11:52</t>
  </si>
  <si>
    <t>12/17/2019 19:11:53</t>
  </si>
  <si>
    <t>12/17/2019 19:11:54</t>
  </si>
  <si>
    <t>12/17/2019 19:11:57</t>
  </si>
  <si>
    <t>12/17/2019 19:11:58</t>
  </si>
  <si>
    <t>12/17/2019 19:11:59</t>
  </si>
  <si>
    <t>12/17/2019 19:12:02</t>
  </si>
  <si>
    <t>12/17/2019 19:12:10</t>
  </si>
  <si>
    <t>12/17/2019 19:12:15</t>
  </si>
  <si>
    <t>12/17/2019 19:12:45</t>
  </si>
  <si>
    <t>12/17/2019 19:12:50</t>
  </si>
  <si>
    <t>12/17/2019 19:12:51</t>
  </si>
  <si>
    <t>12/17/2019 19:12:52</t>
  </si>
  <si>
    <t>12/17/2019 19:12:55</t>
  </si>
  <si>
    <t>12/17/2019 19:12:57</t>
  </si>
  <si>
    <t>12/17/2019 19:13:05</t>
  </si>
  <si>
    <t>12/17/2019 19:13:07</t>
  </si>
  <si>
    <t>12/17/2019 19:13:09</t>
  </si>
  <si>
    <t>12/17/2019 19:13:11</t>
  </si>
  <si>
    <t>12/17/2019 19:13:16</t>
  </si>
  <si>
    <t>12/17/2019 19:13:17</t>
  </si>
  <si>
    <t>12/17/2019 19:13:38</t>
  </si>
  <si>
    <t>12/17/2019 19:13:52</t>
  </si>
  <si>
    <t>12/17/2019 19:13:53</t>
  </si>
  <si>
    <t>12/17/2019 19:13:57</t>
  </si>
  <si>
    <t>12/17/2019 19:13:58</t>
  </si>
  <si>
    <t>12/17/2019 19:14:02</t>
  </si>
  <si>
    <t>12/17/2019 19:14:03</t>
  </si>
  <si>
    <t>12/17/2019 19:14:09</t>
  </si>
  <si>
    <t>12/17/2019 19:14:12</t>
  </si>
  <si>
    <t>12/17/2019 19:14:35</t>
  </si>
  <si>
    <t>12/17/2019 19:13:36</t>
  </si>
  <si>
    <t>12/17/2019 19:18:25</t>
  </si>
  <si>
    <t>12/17/2019 19:15:07</t>
  </si>
  <si>
    <t>12/17/2019 19:19:26</t>
  </si>
  <si>
    <t>12/17/2019 19:16:07</t>
  </si>
  <si>
    <t>12/17/2019 19:18:56</t>
  </si>
  <si>
    <t>12/17/2019 19:20:25</t>
  </si>
  <si>
    <t>12/17/2019 19:15:40</t>
  </si>
  <si>
    <t>12/17/2019 19:15:45</t>
  </si>
  <si>
    <t>12/17/2019 19:18:11</t>
  </si>
  <si>
    <t>12/17/2019 19:18:12</t>
  </si>
  <si>
    <t>12/17/2019 19:18:29</t>
  </si>
  <si>
    <t>12/17/2019 19:18:49</t>
  </si>
  <si>
    <t>mail.google.com/sync/u/0/i/s?hl=pt-BR&amp;c=370</t>
  </si>
  <si>
    <t>12/17/2019 19:18:54</t>
  </si>
  <si>
    <t>12/17/2019 19:18:57</t>
  </si>
  <si>
    <t>12/17/2019 19:18:43</t>
  </si>
  <si>
    <t>12/17/2019 19:21:26</t>
  </si>
  <si>
    <t>12/17/2019 19:18:45</t>
  </si>
  <si>
    <t>12/17/2019 19:18:47</t>
  </si>
  <si>
    <t>12/17/2019 19:18:48</t>
  </si>
  <si>
    <t>12/17/2019 19:18:55</t>
  </si>
  <si>
    <t>12/17/2019 19:18:59</t>
  </si>
  <si>
    <t>12/17/2019 19:19:02</t>
  </si>
  <si>
    <t>12/17/2019 19:19:03</t>
  </si>
  <si>
    <t>12/17/2019 19:19:04</t>
  </si>
  <si>
    <t>12/17/2019 19:19:05</t>
  </si>
  <si>
    <t>12/17/2019 19:19:06</t>
  </si>
  <si>
    <t>12/17/2019 19:19:09</t>
  </si>
  <si>
    <t>12/17/2019 19:19:11</t>
  </si>
  <si>
    <t>12/17/2019 19:20:53</t>
  </si>
  <si>
    <t>CERTIFICACOES ERICA TECH.xlsx</t>
  </si>
  <si>
    <t>12/17/2019 19:21:07</t>
  </si>
  <si>
    <t>12/17/2019 19:24:26</t>
  </si>
  <si>
    <t>12/17/2019 19:22:07</t>
  </si>
  <si>
    <t>12/17/2019 19:20:11</t>
  </si>
  <si>
    <t>12/17/2019 19:25:25</t>
  </si>
  <si>
    <t>12/17/2019 19:23:48</t>
  </si>
  <si>
    <t>12/17/2019 19:26:25</t>
  </si>
  <si>
    <t>12/17/2019 19:23:49</t>
  </si>
  <si>
    <t>12/17/2019 19:23:52</t>
  </si>
  <si>
    <t>12/17/2019 19:24:21</t>
  </si>
  <si>
    <t>12/17/2019 19:24:22</t>
  </si>
  <si>
    <t>12/17/2019 19:24:24</t>
  </si>
  <si>
    <t>12/17/2019 19:24:25</t>
  </si>
  <si>
    <t>12/17/2019 19:24:27</t>
  </si>
  <si>
    <t>12/17/2019 19:24:30</t>
  </si>
  <si>
    <t>12/17/2019 19:24:33</t>
  </si>
  <si>
    <t>12/17/2019 19:24:36</t>
  </si>
  <si>
    <t>12/17/2019 19:24:37</t>
  </si>
  <si>
    <t>12/17/2019 19:24:39</t>
  </si>
  <si>
    <t>12/17/2019 19:24:40</t>
  </si>
  <si>
    <t>12/17/2019 19:24:41</t>
  </si>
  <si>
    <t>12/17/2019 19:24:43</t>
  </si>
  <si>
    <t>12/17/2019 19:24:46</t>
  </si>
  <si>
    <t>12/17/2019 19:24:56</t>
  </si>
  <si>
    <t>12/17/2019 19:24:58</t>
  </si>
  <si>
    <t>12/17/2019 19:24:59</t>
  </si>
  <si>
    <t>12/17/2019 19:25:00</t>
  </si>
  <si>
    <t>12/17/2019 19:25:04</t>
  </si>
  <si>
    <t>12/17/2019 19:25:08</t>
  </si>
  <si>
    <t>12/17/2019 19:25:24</t>
  </si>
  <si>
    <t>12/17/2019 19:25:26</t>
  </si>
  <si>
    <t>12/17/2019 19:25:27</t>
  </si>
  <si>
    <t>12/17/2019 19:25:30</t>
  </si>
  <si>
    <t>12/17/2019 19:25:33</t>
  </si>
  <si>
    <t>12/17/2019 19:25:34</t>
  </si>
  <si>
    <t>12/17/2019 19:25:35</t>
  </si>
  <si>
    <t>12/17/2019 19:21:51</t>
  </si>
  <si>
    <t>12/17/2019 19:23:51</t>
  </si>
  <si>
    <t>12/17/2019 19:25:18</t>
  </si>
  <si>
    <t>12/17/2019 19:27:07</t>
  </si>
  <si>
    <t>12/17/2019 19:29:25</t>
  </si>
  <si>
    <t>12/17/2019 19:28:07</t>
  </si>
  <si>
    <t>12/17/2019 19:25:42</t>
  </si>
  <si>
    <t>12/17/2019 19:31:25</t>
  </si>
  <si>
    <t>12/17/2019 19:25:44</t>
  </si>
  <si>
    <t>12/17/2019 19:25:45</t>
  </si>
  <si>
    <t>12/17/2019 19:25:46</t>
  </si>
  <si>
    <t>12/17/2019 19:25:49</t>
  </si>
  <si>
    <t>12/17/2019 19:25:54</t>
  </si>
  <si>
    <t>12/17/2019 19:26:01</t>
  </si>
  <si>
    <t>12/17/2019 19:26:02</t>
  </si>
  <si>
    <t>12/17/2019 19:26:03</t>
  </si>
  <si>
    <t>12/17/2019 19:26:04</t>
  </si>
  <si>
    <t>12/17/2019 19:26:05</t>
  </si>
  <si>
    <t>12/17/2019 19:26:08</t>
  </si>
  <si>
    <t>12/17/2019 19:26:13</t>
  </si>
  <si>
    <t>12/17/2019 19:26:16</t>
  </si>
  <si>
    <t>12/17/2019 19:26:18</t>
  </si>
  <si>
    <t>12/17/2019 19:26:19</t>
  </si>
  <si>
    <t>12/17/2019 19:26:20</t>
  </si>
  <si>
    <t>12/17/2019 19:26:21</t>
  </si>
  <si>
    <t>12/17/2019 19:26:23</t>
  </si>
  <si>
    <t>12/17/2019 19:26:28</t>
  </si>
  <si>
    <t>12/17/2019 19:26:48</t>
  </si>
  <si>
    <t>12/17/2019 19:26:50</t>
  </si>
  <si>
    <t>12/17/2019 19:26:52</t>
  </si>
  <si>
    <t>12/17/2019 19:26:53</t>
  </si>
  <si>
    <t>12/17/2019 19:26:58</t>
  </si>
  <si>
    <t>12/17/2019 19:27:00</t>
  </si>
  <si>
    <t>12/17/2019 19:27:09</t>
  </si>
  <si>
    <t>12/17/2019 19:27:14</t>
  </si>
  <si>
    <t>12/17/2019 19:27:15</t>
  </si>
  <si>
    <t>12/17/2019 19:27:20</t>
  </si>
  <si>
    <t>12/17/2019 19:27:21</t>
  </si>
  <si>
    <t>12/17/2019 19:27:28</t>
  </si>
  <si>
    <t>12/17/2019 19:27:31</t>
  </si>
  <si>
    <t>12/17/2019 19:27:34</t>
  </si>
  <si>
    <t>12/17/2019 19:27:35</t>
  </si>
  <si>
    <t>12/17/2019 19:27:36</t>
  </si>
  <si>
    <t>12/17/2019 19:27:37</t>
  </si>
  <si>
    <t>12/17/2019 19:27:38</t>
  </si>
  <si>
    <t>12/17/2019 19:27:39</t>
  </si>
  <si>
    <t>12/17/2019 19:27:41</t>
  </si>
  <si>
    <t>12/17/2019 19:27:46</t>
  </si>
  <si>
    <t>12/17/2019 19:28:30</t>
  </si>
  <si>
    <t>12/17/2019 19:28:48</t>
  </si>
  <si>
    <t>12/17/2019 19:28:50</t>
  </si>
  <si>
    <t>12/17/2019 19:28:51</t>
  </si>
  <si>
    <t>12/17/2019 19:28:52</t>
  </si>
  <si>
    <t>12/17/2019 19:28:53</t>
  </si>
  <si>
    <t>12/17/2019 19:29:12</t>
  </si>
  <si>
    <t>12/17/2019 19:29:17</t>
  </si>
  <si>
    <t>12/17/2019 19:34:25</t>
  </si>
  <si>
    <t>15632caa-f60a-4974-b621-acaa11c6d10e.tmp</t>
  </si>
  <si>
    <t>\\acsfs\profiles$\alinepp\Downloads\15632caa-f60a-4974-b621-acaa11c6d10e.tmp</t>
  </si>
  <si>
    <t>12/17/2019 19:33:08</t>
  </si>
  <si>
    <t>12/17/2019 19:34:07</t>
  </si>
  <si>
    <t>12/17/2019 19:32:27</t>
  </si>
  <si>
    <t>12/17/2019 19:37:24</t>
  </si>
  <si>
    <t>3d478bfd-02b8-4f6f-971d-ffda19f2e862.tmp</t>
  </si>
  <si>
    <t>\\acsfs\profiles$\bernardopcm\Downloads\3d478bfd-02b8-4f6f-971d-ffda19f2e862.tmp</t>
  </si>
  <si>
    <t>12/17/2019 19:34:08</t>
  </si>
  <si>
    <t>12/17/2019 19:38:24</t>
  </si>
  <si>
    <t>10.200.66.172</t>
  </si>
  <si>
    <t>78-2B-CB-C1-06-92</t>
  </si>
  <si>
    <t>VOTORANT-YB006</t>
  </si>
  <si>
    <t>otaidesadsj</t>
  </si>
  <si>
    <t>12/17/2019 19:39:07</t>
  </si>
  <si>
    <t>12/17/2019 19:39:25</t>
  </si>
  <si>
    <t>12/17/2019 19:39:24</t>
  </si>
  <si>
    <t>12/17/2019 19:42:24</t>
  </si>
  <si>
    <t>12/17/2019 19:40:07</t>
  </si>
  <si>
    <t>12/17/2019 19:44:24</t>
  </si>
  <si>
    <t>12/17/2019 19:43:58</t>
  </si>
  <si>
    <t>12/17/2019 19:45:24</t>
  </si>
  <si>
    <t>12/17/2019 19:41:57</t>
  </si>
  <si>
    <t>12/17/2019 19:46:24</t>
  </si>
  <si>
    <t>12/17/2019 19:45:44</t>
  </si>
  <si>
    <t>12/17/2019 19:47:25</t>
  </si>
  <si>
    <t>12/17/2019 19:45:07</t>
  </si>
  <si>
    <t>12/17/2019 19:49:24</t>
  </si>
  <si>
    <t>12/17/2019 19:46:07</t>
  </si>
  <si>
    <t>12/17/2019 19:49:52</t>
  </si>
  <si>
    <t>12/17/2019 19:50:24</t>
  </si>
  <si>
    <t>12/17/2019 19:48:40</t>
  </si>
  <si>
    <t>12/17/2019 19:51:24</t>
  </si>
  <si>
    <t>0e2f5865-0da7-4858-b8c1-9450c2e89a09;</t>
  </si>
  <si>
    <t>12/17/2019 19:50:14</t>
  </si>
  <si>
    <t>12/17/2019 19:52:24</t>
  </si>
  <si>
    <t>eb7e72ef-2ea1-4f43-ae32-5086def28a43.tmp</t>
  </si>
  <si>
    <t>\\acsfs\profiles$\rosileiam\Downloads\eb7e72ef-2ea1-4f43-ae32-5086def28a43.tmp</t>
  </si>
  <si>
    <t>12/17/2019 19:51:28</t>
  </si>
  <si>
    <t>d8ec92a7-9678-4373-a423-9ed7617fa529.tmp</t>
  </si>
  <si>
    <t>\\acsfs\profiles$\rosileiam\Downloads\d8ec92a7-9678-4373-a423-9ed7617fa529.tmp</t>
  </si>
  <si>
    <t>12/17/2019 19:51:29</t>
  </si>
  <si>
    <t>c0fa97a1-2545-4ea2-b56c-95f40f299fc5.tmp</t>
  </si>
  <si>
    <t>\\acsfs\profiles$\rosileiam\Downloads\c0fa97a1-2545-4ea2-b56c-95f40f299fc5.tmp</t>
  </si>
  <si>
    <t>12/17/2019 19:49:54</t>
  </si>
  <si>
    <t>12/17/2019 19:53:24</t>
  </si>
  <si>
    <t>mail.google.com/_/upload?authuser=0&amp;dcp=asu-n&amp;upload_id=AEnB2UqvXY4u5w0iIqrkg7GTOk9JLz_dcm6eBpQTra-FWgfm9q9T-KOIJAYWaUqu_rtFr6atgyQEYMnkQyzmRr8mJBXlACwZ39p9oPUbtkqgLXfazQLGQJc&amp;upload_protocol=resumable</t>
  </si>
  <si>
    <t>adrielefc@algartech.com;augustocdam@algartech.com;diegorg@algartech.com;juliocedo@algartech.com;</t>
  </si>
  <si>
    <t>\\acsfs\deptos\PMO Governança\STATUS REDIR E RAO\2019\12-2019\18\RAO 18_dezembro.pptx\</t>
  </si>
  <si>
    <t>adrielefc@algartech.com,augustocdam@algartech.com,diegorg@algartech.com,juliocedo@algartech.com</t>
  </si>
  <si>
    <t>12/17/2019 19:49:55</t>
  </si>
  <si>
    <t>12/17/2019 19:51:08</t>
  </si>
  <si>
    <t>12/17/2019 19:54:24</t>
  </si>
  <si>
    <t>12/17/2019 19:52:09</t>
  </si>
  <si>
    <t>12/17/2019 19:52:04</t>
  </si>
  <si>
    <t>12/17/2019 19:57:24</t>
  </si>
  <si>
    <t>f99c49a1-fa3c-41b2-b75a-7e602f21ec6c.tmp</t>
  </si>
  <si>
    <t>\\acsfs\profiles$\rosileiam\Downloads\f99c49a1-fa3c-41b2-b75a-7e602f21ec6c.tmp</t>
  </si>
  <si>
    <t>12/17/2019 19:54:16</t>
  </si>
  <si>
    <t>12/17/2019 19:57:08</t>
  </si>
  <si>
    <t>12/17/2019 19:59:24</t>
  </si>
  <si>
    <t>12/17/2019 19:58:08</t>
  </si>
  <si>
    <t>12/17/2019 20:03:08</t>
  </si>
  <si>
    <t>12/17/2019 20:04:25</t>
  </si>
  <si>
    <t>12/17/2019 20:04:08</t>
  </si>
  <si>
    <t>12/17/2019 20:00:44</t>
  </si>
  <si>
    <t>12/17/2019 20:05:24</t>
  </si>
  <si>
    <t>17-12 TERÇA.txt</t>
  </si>
  <si>
    <t>\\acsfs\profiles$\gabrielamdp\My Documents\17-12 TERÇA.txt</t>
  </si>
  <si>
    <t>12/17/2019 20:00:52</t>
  </si>
  <si>
    <t>12/17/2019 20:01:13</t>
  </si>
  <si>
    <t>dahysdfjhnsfgh.txt</t>
  </si>
  <si>
    <t>\\acsfs\profiles$\gabrielamdp\My Documents\dahysdfjhnsfgh.txt</t>
  </si>
  <si>
    <t>12/17/2019 20:09:08</t>
  </si>
  <si>
    <t>12/17/2019 20:09:25</t>
  </si>
  <si>
    <t>12/17/2019 20:09:12</t>
  </si>
  <si>
    <t>12/17/2019 20:10:24</t>
  </si>
  <si>
    <t>12/17/2019 20:05:25</t>
  </si>
  <si>
    <t>12/17/2019 20:08:33</t>
  </si>
  <si>
    <t>12/17/2019 20:07:35</t>
  </si>
  <si>
    <t>12/17/2019 20:11:25</t>
  </si>
  <si>
    <t>12/17/2019 20:07:01</t>
  </si>
  <si>
    <t>12/17/2019 20:10:08</t>
  </si>
  <si>
    <t>12/17/2019 20:14:24</t>
  </si>
  <si>
    <t>12/17/2019 20:15:45</t>
  </si>
  <si>
    <t>12/17/2019 20:16:25</t>
  </si>
  <si>
    <t>mail.google.com/_/upload?authuser=0&amp;dcp=asu-n&amp;upload_id=AEnB2Uq3N8v_iiM97z8i8doKC8RZcQ6GSiwIWHsctdFxxKojXMAZ2abdWpzDPv945OSIN_wg4AowW1XcBi4ETi2hUEAh9rNgfe_2pyDrmhSgIO5veRmmPgo&amp;upload_protocol=resumable</t>
  </si>
  <si>
    <t>cpc-controldeskavon@algartech.com;emanuellagr@algartech.com;senildapdo@algartech.com;viniciussg@algartech.com;</t>
  </si>
  <si>
    <t>ANÁLISE AHT.xlsx</t>
  </si>
  <si>
    <t>cpc-controldeskavon@algartech.com,emanuellagr@algartech.com,senildapdo@algartech.com,viniciussg@algartech.com</t>
  </si>
  <si>
    <t>12/17/2019 20:15:08</t>
  </si>
  <si>
    <t>12/17/2019 20:19:25</t>
  </si>
  <si>
    <t>12/17/2019 20:16:08</t>
  </si>
  <si>
    <t>12/17/2019 20:14:49</t>
  </si>
  <si>
    <t>12/17/2019 20:20:25</t>
  </si>
  <si>
    <t>12/17/2019 20:17:51</t>
  </si>
  <si>
    <t>\\acsfs\profiles$\marcelacdss\My Documents\xworkcenter\logs\</t>
  </si>
  <si>
    <t>XLOG_marcelacdss_17122019_201746.log</t>
  </si>
  <si>
    <t>\\acsfs\profiles$\marcelacdss\My Documents\xworkcenter\logs\XLOG_marcelacdss_17122019_201746.log</t>
  </si>
  <si>
    <t>12/17/2019 20:18:09</t>
  </si>
  <si>
    <t>\\acsfs\profiles$\karenjss\My Documents\My Pictures\</t>
  </si>
  <si>
    <t>12/17/2019 20:18:10</t>
  </si>
  <si>
    <t>12/17/2019 20:18:11</t>
  </si>
  <si>
    <t>12/17/2019 20:18:12</t>
  </si>
  <si>
    <t>12/17/2019 20:18:13</t>
  </si>
  <si>
    <t>12/17/2019 20:18:14</t>
  </si>
  <si>
    <t>\\acsfs\profiles$\karenjss\My Documents\My Music\</t>
  </si>
  <si>
    <t>12/17/2019 20:18:16</t>
  </si>
  <si>
    <t>\\acsfs\profiles$\karenjss\My Documents\My Videos\</t>
  </si>
  <si>
    <t>12/17/2019 20:16:35</t>
  </si>
  <si>
    <t>12/17/2019 20:21:25</t>
  </si>
  <si>
    <t>12/17/2019 20:21:08</t>
  </si>
  <si>
    <t>12/17/2019 20:24:25</t>
  </si>
  <si>
    <t>12/17/2019 20:22:08</t>
  </si>
  <si>
    <t>12/17/2019 20:25:39</t>
  </si>
  <si>
    <t>12/17/2019 20:26:24</t>
  </si>
  <si>
    <t>12/17/2019 20:22:43</t>
  </si>
  <si>
    <t>12/17/2019 20:22:44</t>
  </si>
  <si>
    <t>12/17/2019 20:22:45</t>
  </si>
  <si>
    <t>12/17/2019 20:22:48</t>
  </si>
  <si>
    <t>12/17/2019 20:22:49</t>
  </si>
  <si>
    <t>12/17/2019 20:22:53</t>
  </si>
  <si>
    <t>12/17/2019 20:23:54</t>
  </si>
  <si>
    <t>12/17/2019 20:27:08</t>
  </si>
  <si>
    <t>12/17/2019 20:29:24</t>
  </si>
  <si>
    <t>12/17/2019 20:28:08</t>
  </si>
  <si>
    <t>12/17/2019 20:33:08</t>
  </si>
  <si>
    <t>12/17/2019 20:34:23</t>
  </si>
  <si>
    <t>12/17/2019 20:34:08</t>
  </si>
  <si>
    <t>12/17/2019 20:39:08</t>
  </si>
  <si>
    <t>12/17/2019 20:39:24</t>
  </si>
  <si>
    <t>12/17/2019 20:35:57</t>
  </si>
  <si>
    <t>12/17/2019 20:40:23</t>
  </si>
  <si>
    <t>vendas dezembro5.txt</t>
  </si>
  <si>
    <t>\\acsfs\profiles$\thaynaracsl\My Documents\vendas dezembro5.txt</t>
  </si>
  <si>
    <t>12/17/2019 20:36:00</t>
  </si>
  <si>
    <t>12/17/2019 20:41:23</t>
  </si>
  <si>
    <t>12/17/2019 20:37:56</t>
  </si>
  <si>
    <t>12/17/2019 20:40:20</t>
  </si>
  <si>
    <t>12/17/2019 20:40:08</t>
  </si>
  <si>
    <t>12/17/2019 20:45:24</t>
  </si>
  <si>
    <t>12/17/2019 20:40:42</t>
  </si>
  <si>
    <t>12/17/2019 20:46:24</t>
  </si>
  <si>
    <t>12/17/2019 20:45:39</t>
  </si>
  <si>
    <t>7680e19d-2f26-4aea-8817-3ee37b14e1ba.tmp</t>
  </si>
  <si>
    <t>\\acsfs\profiles$\victorgl\Downloads\7680e19d-2f26-4aea-8817-3ee37b14e1ba.tmp</t>
  </si>
  <si>
    <t>12/17/2019 20:43:20</t>
  </si>
  <si>
    <t>12/17/2019 20:48:24</t>
  </si>
  <si>
    <t>luis_f_reis_algar@whirlpool.com;luis_f_reis_algar@whirpool.com;</t>
  </si>
  <si>
    <t>Monitoria de Boas Vindas.xlsx</t>
  </si>
  <si>
    <t>luis_f_reis_algar@whirlpool.com,luis_f_reis_algar@whirpool.com</t>
  </si>
  <si>
    <t>12/17/2019 20:45:08</t>
  </si>
  <si>
    <t>12/17/2019 20:50:24</t>
  </si>
  <si>
    <t>12/17/2019 20:46:08</t>
  </si>
  <si>
    <t>12/17/2019 20:45:44</t>
  </si>
  <si>
    <t>9da9c815-14a4-4583-8adb-f9d37667b4d7.tmp</t>
  </si>
  <si>
    <t>\\acsfs\profiles$\gabrielamdp\Downloads\9da9c815-14a4-4583-8adb-f9d37667b4d7.tmp</t>
  </si>
  <si>
    <t>12/17/2019 20:45:45</t>
  </si>
  <si>
    <t>dcd6ec3e-cf97-493b-81b0-7d2aefa3ce00.tmp</t>
  </si>
  <si>
    <t>\\acsfs\profiles$\gabrielamdp\Downloads\dcd6ec3e-cf97-493b-81b0-7d2aefa3ce00.tmp</t>
  </si>
  <si>
    <t>12/17/2019 20:45:46</t>
  </si>
  <si>
    <t>b7c0e870-814c-45e0-82c4-7e2974538146.tmp</t>
  </si>
  <si>
    <t>\\acsfs\profiles$\gabrielamdp\Downloads\b7c0e870-814c-45e0-82c4-7e2974538146.tmp</t>
  </si>
  <si>
    <t>12/17/2019 20:45:47</t>
  </si>
  <si>
    <t>baaefb85-e2f0-4fd1-b63a-4e0935340b1f.tmp</t>
  </si>
  <si>
    <t>\\acsfs\profiles$\gabrielamdp\Downloads\baaefb85-e2f0-4fd1-b63a-4e0935340b1f.tmp</t>
  </si>
  <si>
    <t>fdd7bbca-b7bd-4d11-bfac-ae1066ecec1a.tmp</t>
  </si>
  <si>
    <t>\\acsfs\profiles$\gabrielamdp\Downloads\fdd7bbca-b7bd-4d11-bfac-ae1066ecec1a.tmp</t>
  </si>
  <si>
    <t>12/17/2019 20:52:22</t>
  </si>
  <si>
    <t>12/17/2019 20:53:24</t>
  </si>
  <si>
    <t>12/17/2019 20:52:58</t>
  </si>
  <si>
    <t>12/17/2019 20:51:08</t>
  </si>
  <si>
    <t>12/17/2019 20:55:24</t>
  </si>
  <si>
    <t>12/17/2019 20:52:08</t>
  </si>
  <si>
    <t>12/17/2019 20:54:51</t>
  </si>
  <si>
    <t>12/17/2019 20:57:24</t>
  </si>
  <si>
    <t>12/17/2019 20:54:28</t>
  </si>
  <si>
    <t>12/17/2019 20:57:08</t>
  </si>
  <si>
    <t>12/17/2019 21:00:24</t>
  </si>
  <si>
    <t>12/17/2019 20:58:08</t>
  </si>
  <si>
    <t>12/17/2019 20:58:39</t>
  </si>
  <si>
    <t>12/17/2019 21:01:24</t>
  </si>
  <si>
    <t>12/17/2019 21:01:23</t>
  </si>
  <si>
    <t>12/17/2019 21:03:24</t>
  </si>
  <si>
    <t>12/17/2019 21:03:08</t>
  </si>
  <si>
    <t>12/17/2019 21:05:23</t>
  </si>
  <si>
    <t>12/17/2019 21:04:08</t>
  </si>
  <si>
    <t>12/17/2019 21:02:13</t>
  </si>
  <si>
    <t>12/17/2019 21:06:24</t>
  </si>
  <si>
    <t>12/17/2019 21:02:12</t>
  </si>
  <si>
    <t>12/17/2019 21:03:02</t>
  </si>
  <si>
    <t>12/17/2019 21:05:25</t>
  </si>
  <si>
    <t>12/17/2019 21:07:23</t>
  </si>
  <si>
    <t>5b3f2d17-9d08-419b-8745-e9d982d48f24.tmp</t>
  </si>
  <si>
    <t>\\acsfs\profiles$\gabrielamdp\Downloads\5b3f2d17-9d08-419b-8745-e9d982d48f24.tmp</t>
  </si>
  <si>
    <t>65a791fc-9947-40f7-9a14-4046326f74d5.tmp</t>
  </si>
  <si>
    <t>\\acsfs\profiles$\gabrielamdp\Downloads\65a791fc-9947-40f7-9a14-4046326f74d5.tmp</t>
  </si>
  <si>
    <t>3cc0c261-1585-4086-b5ee-57c83f46e76a.tmp</t>
  </si>
  <si>
    <t>\\acsfs\profiles$\gabrielamdp\Downloads\3cc0c261-1585-4086-b5ee-57c83f46e76a.tmp</t>
  </si>
  <si>
    <t>12/17/2019 21:09:08</t>
  </si>
  <si>
    <t>12/17/2019 21:10:23</t>
  </si>
  <si>
    <t>12/17/2019 21:09:14</t>
  </si>
  <si>
    <t>12/17/2019 21:11:24</t>
  </si>
  <si>
    <t>12/17/2019 21:09:15</t>
  </si>
  <si>
    <t>12/17/2019 21:09:18</t>
  </si>
  <si>
    <t>12/17/2019 21:09:24</t>
  </si>
  <si>
    <t>12/17/2019 21:09:26</t>
  </si>
  <si>
    <t>12/17/2019 21:09:29</t>
  </si>
  <si>
    <t>12/17/2019 21:09:30</t>
  </si>
  <si>
    <t>12/17/2019 21:09:34</t>
  </si>
  <si>
    <t>12/17/2019 21:09:35</t>
  </si>
  <si>
    <t>12/17/2019 21:09:36</t>
  </si>
  <si>
    <t>12/17/2019 21:09:37</t>
  </si>
  <si>
    <t>12/17/2019 21:09:39</t>
  </si>
  <si>
    <t>12/17/2019 21:09:41</t>
  </si>
  <si>
    <t>12/17/2019 21:09:42</t>
  </si>
  <si>
    <t>12/17/2019 21:09:44</t>
  </si>
  <si>
    <t>12/17/2019 21:09:46</t>
  </si>
  <si>
    <t>12/17/2019 21:09:52</t>
  </si>
  <si>
    <t>12/17/2019 21:09:57</t>
  </si>
  <si>
    <t>12/17/2019 21:10:08</t>
  </si>
  <si>
    <t>12/17/2019 21:15:24</t>
  </si>
  <si>
    <t>12/17/2019 21:12:11</t>
  </si>
  <si>
    <t>12/17/2019 21:11:00</t>
  </si>
  <si>
    <t>12/17/2019 21:16:23</t>
  </si>
  <si>
    <t>cb1da62a-dba8-4224-9f3c-aded63065f98.tmp</t>
  </si>
  <si>
    <t>\\acsfs\profiles$\brendadsl\Downloads\cb1da62a-dba8-4224-9f3c-aded63065f98.tmp</t>
  </si>
  <si>
    <t>12/17/2019 21:13:55</t>
  </si>
  <si>
    <t>12/17/2019 21:12:28</t>
  </si>
  <si>
    <t>12/17/2019 21:14:28</t>
  </si>
  <si>
    <t>12/17/2019 21:17:24</t>
  </si>
  <si>
    <t>2fdf0bbe-670b-4dca-9648-1767176cec5b.tmp</t>
  </si>
  <si>
    <t>\\acsfs\profiles$\bernardopcm\Downloads\2fdf0bbe-670b-4dca-9648-1767176cec5b.tmp</t>
  </si>
  <si>
    <t>12/17/2019 21:15:47</t>
  </si>
  <si>
    <t>047241ea-d144-49d6-b981-ced82871445a.tmp</t>
  </si>
  <si>
    <t>\\acsfs\profiles$\bernardopcm\Downloads\047241ea-d144-49d6-b981-ced82871445a.tmp</t>
  </si>
  <si>
    <t>12/17/2019 21:16:02</t>
  </si>
  <si>
    <t>b567d0fc-a5b9-43ff-b50c-edd001b0eae5.tmp</t>
  </si>
  <si>
    <t>\\acsfs\profiles$\bernardopcm\Downloads\b567d0fc-a5b9-43ff-b50c-edd001b0eae5.tmp</t>
  </si>
  <si>
    <t>12/17/2019 21:16:22</t>
  </si>
  <si>
    <t>aaba3a4d-e19b-4da1-968b-0c334bea9d32.tmp</t>
  </si>
  <si>
    <t>\\acsfs\profiles$\bernardopcm\Downloads\aaba3a4d-e19b-4da1-968b-0c334bea9d32.tmp</t>
  </si>
  <si>
    <t>12/17/2019 21:16:41</t>
  </si>
  <si>
    <t>e8988f8c-9338-4e24-b59a-63c67db010ac.tmp</t>
  </si>
  <si>
    <t>\\acsfs\profiles$\bernardopcm\Downloads\e8988f8c-9338-4e24-b59a-63c67db010ac.tmp</t>
  </si>
  <si>
    <t>12/17/2019 21:15:44</t>
  </si>
  <si>
    <t>XLOG_anakcs_17122019_185158.log</t>
  </si>
  <si>
    <t>\\acsfs\profiles$\anakcs\My Documents\xworkcenter\logs\XLOG_anakcs_17122019_185158.log</t>
  </si>
  <si>
    <t>12/17/2019 21:15:08</t>
  </si>
  <si>
    <t>12/17/2019 21:20:24</t>
  </si>
  <si>
    <t>12/17/2019 21:16:08</t>
  </si>
  <si>
    <t>12/17/2019 21:16:47</t>
  </si>
  <si>
    <t>12/17/2019 21:21:24</t>
  </si>
  <si>
    <t>1125b9af-d1ed-4f4a-854a-acc7ea2f9372.tmp</t>
  </si>
  <si>
    <t>\\acsfs\profiles$\laurandos\Downloads\1125b9af-d1ed-4f4a-854a-acc7ea2f9372.tmp</t>
  </si>
  <si>
    <t>12/17/2019 21:17:14</t>
  </si>
  <si>
    <t>12/17/2019 21:23:24</t>
  </si>
  <si>
    <t>dcd56a62-97ef-44eb-8691-745b590443d5.tmp</t>
  </si>
  <si>
    <t>\\acsfs\profiles$\bernardopcm\Downloads\dcd56a62-97ef-44eb-8691-745b590443d5.tmp</t>
  </si>
  <si>
    <t>12/17/2019 21:21:45</t>
  </si>
  <si>
    <t>12/17/2019 21:21:08</t>
  </si>
  <si>
    <t>12/17/2019 21:25:24</t>
  </si>
  <si>
    <t>12/17/2019 21:22:08</t>
  </si>
  <si>
    <t>12/17/2019 21:24:26</t>
  </si>
  <si>
    <t>12/17/2019 21:26:24</t>
  </si>
  <si>
    <t>12/17/2019 21:27:06</t>
  </si>
  <si>
    <t>12/17/2019 21:28:23</t>
  </si>
  <si>
    <t>90c17e92-095e-4316-9ee3-9028509c09e5.tmp</t>
  </si>
  <si>
    <t>\\acsfs\profiles$\bernardopcm\Downloads\90c17e92-095e-4316-9ee3-9028509c09e5.tmp</t>
  </si>
  <si>
    <t>12/17/2019 21:27:08</t>
  </si>
  <si>
    <t>12/17/2019 21:30:24</t>
  </si>
  <si>
    <t>12/17/2019 21:28:08</t>
  </si>
  <si>
    <t>12/17/2019 21:29:17</t>
  </si>
  <si>
    <t>12/17/2019 21:29:18</t>
  </si>
  <si>
    <t>12/17/2019 21:26:09</t>
  </si>
  <si>
    <t>12/17/2019 21:31:24</t>
  </si>
  <si>
    <t>12/17/2019 21:26:25</t>
  </si>
  <si>
    <t>12/17/2019 21:28:56</t>
  </si>
  <si>
    <t>12/17/2019 21:33:24</t>
  </si>
  <si>
    <t>12/17/2019 21:29:38</t>
  </si>
  <si>
    <t>12/17/2019 21:35:24</t>
  </si>
  <si>
    <t>12/17/2019 21:29:39</t>
  </si>
  <si>
    <t>12/17/2019 21:29:51</t>
  </si>
  <si>
    <t>12/17/2019 21:29:53</t>
  </si>
  <si>
    <t>12/17/2019 21:29:55</t>
  </si>
  <si>
    <t>12/17/2019 21:29:56</t>
  </si>
  <si>
    <t>12/17/2019 21:29:57</t>
  </si>
  <si>
    <t>12/17/2019 21:33:08</t>
  </si>
  <si>
    <t>12/17/2019 21:35:08</t>
  </si>
  <si>
    <t>12/17/2019 21:40:24</t>
  </si>
  <si>
    <t>12/17/2019 21:39:08</t>
  </si>
  <si>
    <t>12/17/2019 21:37:45</t>
  </si>
  <si>
    <t>12/17/2019 21:41:24</t>
  </si>
  <si>
    <t>d8f02992-71e0-40e5-8096-d7fd36b9be4f.tmp</t>
  </si>
  <si>
    <t>\\acsfs\profiles$\victorgl\Downloads\d8f02992-71e0-40e5-8096-d7fd36b9be4f.tmp</t>
  </si>
  <si>
    <t>12/17/2019 21:37:54</t>
  </si>
  <si>
    <t>8aaa3321-3670-4487-a7f5-b7d83a878990.tmp</t>
  </si>
  <si>
    <t>\\acsfs\profiles$\victorgl\Downloads\8aaa3321-3670-4487-a7f5-b7d83a878990.tmp</t>
  </si>
  <si>
    <t>12/17/2019 21:40:22</t>
  </si>
  <si>
    <t>12/17/2019 21:44:24</t>
  </si>
  <si>
    <t>12/17/2019 21:41:08</t>
  </si>
  <si>
    <t>12/17/2019 21:45:24</t>
  </si>
  <si>
    <t>12/17/2019 21:41:57</t>
  </si>
  <si>
    <t>12/17/2019 21:44:00</t>
  </si>
  <si>
    <t>12/17/2019 21:47:24</t>
  </si>
  <si>
    <t>12/17/2019 21:45:08</t>
  </si>
  <si>
    <t>12/17/2019 21:50:25</t>
  </si>
  <si>
    <t>12/17/2019 21:47:08</t>
  </si>
  <si>
    <t>12/17/2019 21:47:58</t>
  </si>
  <si>
    <t>12/17/2019 21:51:08</t>
  </si>
  <si>
    <t>12/17/2019 21:55:25</t>
  </si>
  <si>
    <t>12/17/2019 21:53:09</t>
  </si>
  <si>
    <t>12/17/2019 21:55:30</t>
  </si>
  <si>
    <t>12/17/2019 21:57:25</t>
  </si>
  <si>
    <t>12/17/2019 21:54:11</t>
  </si>
  <si>
    <t>12/17/2019 21:58:24</t>
  </si>
  <si>
    <t>12/17/2019 21:54:46</t>
  </si>
  <si>
    <t>12/17/2019 22:00:25</t>
  </si>
  <si>
    <t>12/17/2019 21:54:47</t>
  </si>
  <si>
    <t>12/17/2019 21:57:08</t>
  </si>
  <si>
    <t>12/17/2019 22:00:08</t>
  </si>
  <si>
    <t>12/17/2019 22:05:24</t>
  </si>
  <si>
    <t>12/17/2019 22:03:08</t>
  </si>
  <si>
    <t>12/17/2019 22:04:43</t>
  </si>
  <si>
    <t>12/17/2019 22:06:25</t>
  </si>
  <si>
    <t>12/17/2019 22:01:00</t>
  </si>
  <si>
    <t>12/17/2019 22:01:55</t>
  </si>
  <si>
    <t>12/17/2019 22:05:54</t>
  </si>
  <si>
    <t>ee4cd987-8129-45a3-8243-c5ed0350d92d.tmp</t>
  </si>
  <si>
    <t>\\acsfs\profiles$\joycemmdl\Downloads\ee4cd987-8129-45a3-8243-c5ed0350d92d.tmp</t>
  </si>
  <si>
    <t>12/17/2019 22:06:08</t>
  </si>
  <si>
    <t>12/17/2019 22:10:25</t>
  </si>
  <si>
    <t>12/17/2019 22:09:08</t>
  </si>
  <si>
    <t>12/17/2019 22:12:08</t>
  </si>
  <si>
    <t>12/17/2019 22:15:24</t>
  </si>
  <si>
    <t>12/17/2019 22:11:26</t>
  </si>
  <si>
    <t>12/17/2019 22:15:08</t>
  </si>
  <si>
    <t>12/17/2019 22:20:25</t>
  </si>
  <si>
    <t>12/17/2019 22:18:08</t>
  </si>
  <si>
    <t>12/17/2019 22:16:54</t>
  </si>
  <si>
    <t>12/17/2019 22:21:08</t>
  </si>
  <si>
    <t>12/17/2019 22:25:24</t>
  </si>
  <si>
    <t>12/17/2019 22:24:09</t>
  </si>
  <si>
    <t>12/17/2019 22:27:09</t>
  </si>
  <si>
    <t>12/17/2019 22:30:23</t>
  </si>
  <si>
    <t>12/17/2019 22:31:05</t>
  </si>
  <si>
    <t>12/17/2019 22:31:24</t>
  </si>
  <si>
    <t>12/17/2019 22:30:09</t>
  </si>
  <si>
    <t>12/17/2019 22:35:24</t>
  </si>
  <si>
    <t>12/17/2019 22:33:09</t>
  </si>
  <si>
    <t>12/17/2019 22:36:09</t>
  </si>
  <si>
    <t>12/17/2019 22:40:25</t>
  </si>
  <si>
    <t>12/17/2019 22:39:09</t>
  </si>
  <si>
    <t>12/17/2019 22:42:09</t>
  </si>
  <si>
    <t>12/17/2019 22:45:25</t>
  </si>
  <si>
    <t>12/17/2019 22:45:09</t>
  </si>
  <si>
    <t>12/17/2019 22:50:25</t>
  </si>
  <si>
    <t>12/17/2019 22:48:09</t>
  </si>
  <si>
    <t>12/17/2019 22:48:28</t>
  </si>
  <si>
    <t>12/17/2019 22:47:36</t>
  </si>
  <si>
    <t>12/17/2019 22:49:39</t>
  </si>
  <si>
    <t>12/17/2019 22:53:25</t>
  </si>
  <si>
    <t>12/17/2019 22:51:09</t>
  </si>
  <si>
    <t>12/17/2019 22:55:24</t>
  </si>
  <si>
    <t>12/17/2019 22:54:10</t>
  </si>
  <si>
    <t>12/17/2019 22:57:09</t>
  </si>
  <si>
    <t>12/17/2019 23:00:25</t>
  </si>
  <si>
    <t>12/17/2019 22:56:35</t>
  </si>
  <si>
    <t>12/17/2019 23:01:25</t>
  </si>
  <si>
    <t>12/17/2019 23:00:09</t>
  </si>
  <si>
    <t>12/17/2019 23:05:24</t>
  </si>
  <si>
    <t>12/17/2019 23:03:09</t>
  </si>
  <si>
    <t>12/17/2019 23:02:56</t>
  </si>
  <si>
    <t>12/17/2019 23:07:25</t>
  </si>
  <si>
    <t>12/17/2019 23:04:40</t>
  </si>
  <si>
    <t>12/17/2019 23:09:25</t>
  </si>
  <si>
    <t>12/17/2019 23:06:09</t>
  </si>
  <si>
    <t>12/17/2019 23:10:24</t>
  </si>
  <si>
    <t>12/17/2019 23:09:09</t>
  </si>
  <si>
    <t>12/17/2019 23:12:09</t>
  </si>
  <si>
    <t>12/17/2019 23:15:24</t>
  </si>
  <si>
    <t>12/17/2019 23:13:41</t>
  </si>
  <si>
    <t>12/17/2019 23:17:24</t>
  </si>
  <si>
    <t>12/17/2019 23:16:51</t>
  </si>
  <si>
    <t>12/17/2019 23:15:09</t>
  </si>
  <si>
    <t>12/17/2019 23:20:25</t>
  </si>
  <si>
    <t>12/17/2019 23:18:09</t>
  </si>
  <si>
    <t>12/17/2019 23:22:10</t>
  </si>
  <si>
    <t>12/17/2019 23:25:25</t>
  </si>
  <si>
    <t>12/17/2019 23:21:09</t>
  </si>
  <si>
    <t>12/17/2019 23:24:09</t>
  </si>
  <si>
    <t>12/17/2019 23:27:09</t>
  </si>
  <si>
    <t>12/17/2019 23:30:25</t>
  </si>
  <si>
    <t>12/17/2019 23:28:18</t>
  </si>
  <si>
    <t>12/17/2019 23:30:09</t>
  </si>
  <si>
    <t>12/17/2019 23:35:25</t>
  </si>
  <si>
    <t>12/17/2019 23:33:09</t>
  </si>
  <si>
    <t>12/17/2019 23:36:09</t>
  </si>
  <si>
    <t>12/17/2019 23:40:25</t>
  </si>
  <si>
    <t>12/17/2019 23:39:10</t>
  </si>
  <si>
    <t>12/17/2019 23:42:10</t>
  </si>
  <si>
    <t>12/17/2019 23:45:25</t>
  </si>
  <si>
    <t>12/17/2019 23:45:10</t>
  </si>
  <si>
    <t>12/17/2019 23:50:25</t>
  </si>
  <si>
    <t>12/17/2019 23:47:44</t>
  </si>
  <si>
    <t>12/17/2019 23:47:45</t>
  </si>
  <si>
    <t>12/17/2019 23:47:51</t>
  </si>
  <si>
    <t>12/17/2019 23:47:52</t>
  </si>
  <si>
    <t>12/17/2019 23:47:53</t>
  </si>
  <si>
    <t>12/17/2019 23:47:55</t>
  </si>
  <si>
    <t>12/17/2019 23:47:56</t>
  </si>
  <si>
    <t>12/17/2019 23:48:01</t>
  </si>
  <si>
    <t>12/17/2019 23:46:13</t>
  </si>
  <si>
    <t>12/17/2019 23:49:13</t>
  </si>
  <si>
    <t>12/17/2019 23:51:25</t>
  </si>
  <si>
    <t>12/17/2019 23:53:58</t>
  </si>
  <si>
    <t>12/17/2019 23:55:24</t>
  </si>
  <si>
    <t>12/17/2019 23:54:50</t>
  </si>
  <si>
    <t>12/17/2019 23:56:25</t>
  </si>
  <si>
    <t>12/18/2019 00:03:58</t>
  </si>
  <si>
    <t>12/18/2019 00:05:25</t>
  </si>
  <si>
    <t>12/17/2019 23:59:58</t>
  </si>
  <si>
    <t>12/18/2019 00:03:04</t>
  </si>
  <si>
    <t>12/18/2019 00:03:11</t>
  </si>
  <si>
    <t>12/18/2019 00:05:58</t>
  </si>
  <si>
    <t>12/18/2019 00:10:25</t>
  </si>
  <si>
    <t>12/18/2019 00:09:58</t>
  </si>
  <si>
    <t>12/18/2019 00:12:25</t>
  </si>
  <si>
    <t>12/18/2019 00:11:48</t>
  </si>
  <si>
    <t>12/18/2019 00:13:25</t>
  </si>
  <si>
    <t>12/18/2019 00:12:35</t>
  </si>
  <si>
    <t>12/18/2019 00:14:25</t>
  </si>
  <si>
    <t>12/18/2019 00:13:31</t>
  </si>
  <si>
    <t>12/18/2019 00:15:25</t>
  </si>
  <si>
    <t>12/18/2019 00:10:52</t>
  </si>
  <si>
    <t>12/18/2019 00:11:58</t>
  </si>
  <si>
    <t>12/18/2019 00:14:34</t>
  </si>
  <si>
    <t>12/18/2019 00:13:58</t>
  </si>
  <si>
    <t>12/18/2019 00:11:02</t>
  </si>
  <si>
    <t>12/18/2019 00:16:25</t>
  </si>
  <si>
    <t>12/18/2019 00:14:37</t>
  </si>
  <si>
    <t>12/18/2019 00:10:48</t>
  </si>
  <si>
    <t>12/18/2019 00:15:24</t>
  </si>
  <si>
    <t>12/18/2019 00:17:25</t>
  </si>
  <si>
    <t>12/18/2019 00:17:58</t>
  </si>
  <si>
    <t>12/18/2019 00:20:26</t>
  </si>
  <si>
    <t>12/18/2019 00:18:25</t>
  </si>
  <si>
    <t>12/18/2019 00:23:58</t>
  </si>
  <si>
    <t>12/18/2019 00:25:26</t>
  </si>
  <si>
    <t>12/18/2019 00:23:48</t>
  </si>
  <si>
    <t>12/18/2019 00:26:09</t>
  </si>
  <si>
    <t>12/18/2019 00:30:26</t>
  </si>
  <si>
    <t>12/18/2019 00:29:58</t>
  </si>
  <si>
    <t>12/18/2019 00:35:26</t>
  </si>
  <si>
    <t>12/18/2019 00:33:59</t>
  </si>
  <si>
    <t>12/18/2019 00:36:07</t>
  </si>
  <si>
    <t>12/18/2019 00:37:26</t>
  </si>
  <si>
    <t>12/18/2019 00:35:36</t>
  </si>
  <si>
    <t>12/18/2019 00:39:27</t>
  </si>
  <si>
    <t>12/18/2019 00:35:58</t>
  </si>
  <si>
    <t>12/18/2019 00:40:26</t>
  </si>
  <si>
    <t>12/18/2019 00:41:47</t>
  </si>
  <si>
    <t>12/18/2019 00:45:28</t>
  </si>
  <si>
    <t>12/18/2019 00:41:58</t>
  </si>
  <si>
    <t>12/18/2019 00:47:58</t>
  </si>
  <si>
    <t>12/18/2019 00:50:28</t>
  </si>
  <si>
    <t>12/18/2019 00:49:17</t>
  </si>
  <si>
    <t>12/18/2019 00:48:59</t>
  </si>
  <si>
    <t>12/18/2019 00:50:32</t>
  </si>
  <si>
    <t>12/18/2019 00:51:27</t>
  </si>
  <si>
    <t>12/18/2019 00:53:58</t>
  </si>
  <si>
    <t>12/18/2019 00:55:27</t>
  </si>
  <si>
    <t>12/18/2019 00:53:08</t>
  </si>
  <si>
    <t>12/18/2019 00:57:04</t>
  </si>
  <si>
    <t>12/18/2019 01:00:26</t>
  </si>
  <si>
    <t>12/18/2019 01:02:35</t>
  </si>
  <si>
    <t>12/18/2019 01:15:25</t>
  </si>
  <si>
    <t>12/18/2019 00:59:58</t>
  </si>
  <si>
    <t>12/18/2019 01:06:50</t>
  </si>
  <si>
    <t>12/18/2019 01:04:53</t>
  </si>
  <si>
    <t>12/18/2019 01:05:58</t>
  </si>
  <si>
    <t>12/18/2019 01:17:25</t>
  </si>
  <si>
    <t>12/18/2019 01:14:28</t>
  </si>
  <si>
    <t>12/18/2019 01:18:26</t>
  </si>
  <si>
    <t>12/18/2019 01:19:25</t>
  </si>
  <si>
    <t>12/18/2019 01:11:58</t>
  </si>
  <si>
    <t>12/18/2019 01:12:25</t>
  </si>
  <si>
    <t>12/18/2019 01:17:58</t>
  </si>
  <si>
    <t>12/18/2019 01:15:11</t>
  </si>
  <si>
    <t>12/18/2019 01:20:26</t>
  </si>
  <si>
    <t>12/18/2019 01:19:56</t>
  </si>
  <si>
    <t>12/18/2019 01:24:26</t>
  </si>
  <si>
    <t>12/18/2019 01:26:07</t>
  </si>
  <si>
    <t>12/18/2019 01:27:25</t>
  </si>
  <si>
    <t>12/18/2019 01:23:58</t>
  </si>
  <si>
    <t>12/18/2019 01:29:25</t>
  </si>
  <si>
    <t>12/18/2019 01:27:58</t>
  </si>
  <si>
    <t>12/18/2019 01:29:58</t>
  </si>
  <si>
    <t>12/18/2019 01:34:25</t>
  </si>
  <si>
    <t>12/18/2019 01:35:48</t>
  </si>
  <si>
    <t>12/18/2019 01:39:25</t>
  </si>
  <si>
    <t>12/18/2019 01:35:58</t>
  </si>
  <si>
    <t>12/18/2019 01:38:32</t>
  </si>
  <si>
    <t>12/18/2019 01:38:33</t>
  </si>
  <si>
    <t>12/18/2019 01:38:34</t>
  </si>
  <si>
    <t>12/18/2019 01:38:39</t>
  </si>
  <si>
    <t>12/18/2019 01:44:24</t>
  </si>
  <si>
    <t>12/18/2019 01:38:42</t>
  </si>
  <si>
    <t>12/18/2019 01:38:44</t>
  </si>
  <si>
    <t>12/18/2019 01:38:45</t>
  </si>
  <si>
    <t>12/18/2019 01:38:46</t>
  </si>
  <si>
    <t>12/18/2019 01:38:47</t>
  </si>
  <si>
    <t>12/18/2019 01:38:48</t>
  </si>
  <si>
    <t>12/18/2019 01:44:40</t>
  </si>
  <si>
    <t>12/18/2019 01:49:26</t>
  </si>
  <si>
    <t>12/18/2019 01:46:34</t>
  </si>
  <si>
    <t>12/18/2019 01:50:50</t>
  </si>
  <si>
    <t>12/18/2019 01:52:26</t>
  </si>
  <si>
    <t>12/18/2019 01:50:40</t>
  </si>
  <si>
    <t>12/18/2019 01:54:26</t>
  </si>
  <si>
    <t>12/18/2019 01:54:05</t>
  </si>
  <si>
    <t>12/18/2019 01:59:26</t>
  </si>
  <si>
    <t>12/18/2019 01:56:40</t>
  </si>
  <si>
    <t>12/18/2019 02:01:37</t>
  </si>
  <si>
    <t>12/18/2019 02:04:25</t>
  </si>
  <si>
    <t>12/18/2019 02:02:40</t>
  </si>
  <si>
    <t>12/18/2019 02:08:40</t>
  </si>
  <si>
    <t>12/18/2019 02:14:25</t>
  </si>
  <si>
    <t>12/18/2019 02:09:08</t>
  </si>
  <si>
    <t>12/18/2019 02:14:40</t>
  </si>
  <si>
    <t>12/18/2019 02:19:25</t>
  </si>
  <si>
    <t>12/18/2019 02:16:53</t>
  </si>
  <si>
    <t>12/18/2019 02:20:40</t>
  </si>
  <si>
    <t>12/18/2019 02:24:25</t>
  </si>
  <si>
    <t>12/18/2019 02:24:43</t>
  </si>
  <si>
    <t>12/18/2019 02:29:25</t>
  </si>
  <si>
    <t>12/18/2019 02:26:40</t>
  </si>
  <si>
    <t>12/18/2019 02:32:28</t>
  </si>
  <si>
    <t>12/18/2019 02:34:25</t>
  </si>
  <si>
    <t>12/18/2019 02:32:40</t>
  </si>
  <si>
    <t>12/18/2019 02:32:37</t>
  </si>
  <si>
    <t>12/18/2019 02:36:25</t>
  </si>
  <si>
    <t>12/18/2019 02:35:59</t>
  </si>
  <si>
    <t>12/18/2019 02:37:25</t>
  </si>
  <si>
    <t>12/18/2019 02:36:33</t>
  </si>
  <si>
    <t>12/18/2019 02:39:25</t>
  </si>
  <si>
    <t>12/18/2019 02:38:40</t>
  </si>
  <si>
    <t>12/18/2019 02:44:26</t>
  </si>
  <si>
    <t>12/18/2019 02:39:59</t>
  </si>
  <si>
    <t>12/18/2019 02:44:40</t>
  </si>
  <si>
    <t>12/18/2019 02:49:25</t>
  </si>
  <si>
    <t>12/18/2019 02:47:47</t>
  </si>
  <si>
    <t>12/18/2019 02:46:47</t>
  </si>
  <si>
    <t>12/18/2019 02:51:25</t>
  </si>
  <si>
    <t>12/18/2019 02:50:40</t>
  </si>
  <si>
    <t>12/18/2019 02:54:26</t>
  </si>
  <si>
    <t>12/18/2019 02:53:44</t>
  </si>
  <si>
    <t>12/18/2019 02:57:25</t>
  </si>
  <si>
    <t>12/18/2019 02:54:29</t>
  </si>
  <si>
    <t>12/18/2019 02:55:35</t>
  </si>
  <si>
    <t>12/18/2019 02:59:26</t>
  </si>
  <si>
    <t>12/18/2019 02:56:40</t>
  </si>
  <si>
    <t>12/18/2019 02:58:40</t>
  </si>
  <si>
    <t>12/18/2019 03:01:26</t>
  </si>
  <si>
    <t>12/18/2019 03:02:42</t>
  </si>
  <si>
    <t>12/18/2019 03:04:25</t>
  </si>
  <si>
    <t>12/18/2019 03:03:07</t>
  </si>
  <si>
    <t>12/18/2019 03:02:34</t>
  </si>
  <si>
    <t>12/18/2019 03:05:26</t>
  </si>
  <si>
    <t>12/18/2019 03:06:50</t>
  </si>
  <si>
    <t>12/18/2019 03:10:25</t>
  </si>
  <si>
    <t>12/18/2019 03:11:12</t>
  </si>
  <si>
    <t>12/18/2019 03:13:25</t>
  </si>
  <si>
    <t>12/18/2019 03:08:41</t>
  </si>
  <si>
    <t>12/18/2019 03:14:26</t>
  </si>
  <si>
    <t>12/18/2019 03:10:52</t>
  </si>
  <si>
    <t>12/18/2019 03:12:10</t>
  </si>
  <si>
    <t>12/18/2019 03:15:25</t>
  </si>
  <si>
    <t>12/18/2019 03:14:06</t>
  </si>
  <si>
    <t>12/18/2019 03:14:41</t>
  </si>
  <si>
    <t>12/18/2019 03:19:25</t>
  </si>
  <si>
    <t>12/18/2019 03:18:42</t>
  </si>
  <si>
    <t>12/18/2019 03:24:25</t>
  </si>
  <si>
    <t>12/18/2019 03:20:41</t>
  </si>
  <si>
    <t>12/18/2019 03:26:30</t>
  </si>
  <si>
    <t>12/18/2019 03:29:26</t>
  </si>
  <si>
    <t>12/18/2019 03:26:41</t>
  </si>
  <si>
    <t>12/18/2019 03:32:41</t>
  </si>
  <si>
    <t>12/18/2019 03:34:25</t>
  </si>
  <si>
    <t>12/18/2019 03:31:20</t>
  </si>
  <si>
    <t>12/18/2019 03:36:25</t>
  </si>
  <si>
    <t>12/18/2019 03:37:24</t>
  </si>
  <si>
    <t>12/18/2019 03:38:25</t>
  </si>
  <si>
    <t>12/18/2019 03:36:20</t>
  </si>
  <si>
    <t>12/18/2019 03:39:25</t>
  </si>
  <si>
    <t>12/18/2019 03:34:01</t>
  </si>
  <si>
    <t>12/18/2019 03:38:41</t>
  </si>
  <si>
    <t>12/18/2019 03:44:26</t>
  </si>
  <si>
    <t>12/18/2019 03:41:32</t>
  </si>
  <si>
    <t>12/18/2019 03:43:48</t>
  </si>
  <si>
    <t>12/18/2019 03:47:25</t>
  </si>
  <si>
    <t>12/18/2019 03:43:58</t>
  </si>
  <si>
    <t>12/18/2019 03:44:41</t>
  </si>
  <si>
    <t>12/18/2019 03:49:26</t>
  </si>
  <si>
    <t>12/18/2019 03:47:26</t>
  </si>
  <si>
    <t>12/18/2019 03:47:27</t>
  </si>
  <si>
    <t>12/18/2019 03:47:29</t>
  </si>
  <si>
    <t>12/18/2019 03:47:30</t>
  </si>
  <si>
    <t>12/18/2019 03:49:41</t>
  </si>
  <si>
    <t>12/18/2019 03:54:25</t>
  </si>
  <si>
    <t>12/18/2019 03:52:41</t>
  </si>
  <si>
    <t>12/18/2019 03:55:25</t>
  </si>
  <si>
    <t>12/18/2019 03:53:28</t>
  </si>
  <si>
    <t>12/18/2019 03:57:26</t>
  </si>
  <si>
    <t>12/18/2019 03:57:35</t>
  </si>
  <si>
    <t>12/18/2019 03:59:26</t>
  </si>
  <si>
    <t>12/18/2019 03:58:41</t>
  </si>
  <si>
    <t>12/18/2019 04:01:13</t>
  </si>
  <si>
    <t>12/18/2019 04:02:25</t>
  </si>
  <si>
    <t>12/18/2019 04:04:42</t>
  </si>
  <si>
    <t>12/18/2019 04:09:25</t>
  </si>
  <si>
    <t>12/18/2019 04:05:08</t>
  </si>
  <si>
    <t>12/18/2019 04:07:42</t>
  </si>
  <si>
    <t>12/18/2019 04:12:25</t>
  </si>
  <si>
    <t>12/18/2019 04:10:42</t>
  </si>
  <si>
    <t>12/18/2019 04:14:25</t>
  </si>
  <si>
    <t>12/18/2019 04:13:01</t>
  </si>
  <si>
    <t>12/18/2019 04:11:46</t>
  </si>
  <si>
    <t>12/18/2019 04:15:24</t>
  </si>
  <si>
    <t>12/18/2019 04:13:25</t>
  </si>
  <si>
    <t>12/18/2019 04:18:25</t>
  </si>
  <si>
    <t>12/18/2019 04:16:42</t>
  </si>
  <si>
    <t>12/18/2019 04:19:25</t>
  </si>
  <si>
    <t>12/18/2019 04:16:52</t>
  </si>
  <si>
    <t>12/18/2019 04:20:25</t>
  </si>
  <si>
    <t>12/18/2019 04:19:35</t>
  </si>
  <si>
    <t>12/18/2019 04:19:44</t>
  </si>
  <si>
    <t>12/18/2019 04:21:25</t>
  </si>
  <si>
    <t>12/18/2019 04:20:42</t>
  </si>
  <si>
    <t>12/18/2019 04:24:25</t>
  </si>
  <si>
    <t>12/18/2019 04:22:42</t>
  </si>
  <si>
    <t>12/18/2019 04:28:29</t>
  </si>
  <si>
    <t>12/18/2019 04:29:26</t>
  </si>
  <si>
    <t>12/18/2019 04:28:42</t>
  </si>
  <si>
    <t>12/18/2019 04:27:05</t>
  </si>
  <si>
    <t>12/18/2019 04:32:25</t>
  </si>
  <si>
    <t>12/18/2019 04:32:41</t>
  </si>
  <si>
    <t>12/18/2019 04:34:26</t>
  </si>
  <si>
    <t>12/18/2019 04:34:42</t>
  </si>
  <si>
    <t>12/18/2019 04:39:26</t>
  </si>
  <si>
    <t>12/18/2019 04:35:20</t>
  </si>
  <si>
    <t>12/18/2019 04:35:21</t>
  </si>
  <si>
    <t>12/18/2019 04:36:37</t>
  </si>
  <si>
    <t>12/18/2019 04:40:42</t>
  </si>
  <si>
    <t>12/18/2019 04:44:25</t>
  </si>
  <si>
    <t>12/18/2019 04:44:10</t>
  </si>
  <si>
    <t>12/18/2019 04:47:27</t>
  </si>
  <si>
    <t>12/18/2019 04:46:26</t>
  </si>
  <si>
    <t>12/18/2019 04:44:41</t>
  </si>
  <si>
    <t>12/18/2019 04:49:26</t>
  </si>
  <si>
    <t>12/18/2019 04:46:42</t>
  </si>
  <si>
    <t>12/18/2019 04:52:31</t>
  </si>
  <si>
    <t>12/18/2019 04:54:26</t>
  </si>
  <si>
    <t>12/18/2019 04:52:42</t>
  </si>
  <si>
    <t>12/18/2019 04:58:42</t>
  </si>
  <si>
    <t>12/18/2019 04:59:26</t>
  </si>
  <si>
    <t>12/18/2019 05:00:03</t>
  </si>
  <si>
    <t>12/18/2019 05:04:26</t>
  </si>
  <si>
    <t>12/18/2019 05:00:22</t>
  </si>
  <si>
    <t>12/18/2019 05:05:25</t>
  </si>
  <si>
    <t>12/18/2019 05:04:42</t>
  </si>
  <si>
    <t>12/18/2019 05:09:25</t>
  </si>
  <si>
    <t>12/18/2019 05:07:49</t>
  </si>
  <si>
    <t>12/18/2019 05:10:42</t>
  </si>
  <si>
    <t>12/18/2019 05:14:25</t>
  </si>
  <si>
    <t>12/18/2019 05:13:36</t>
  </si>
  <si>
    <t>12/18/2019 05:15:25</t>
  </si>
  <si>
    <t>12/18/2019 05:15:19</t>
  </si>
  <si>
    <t>12/18/2019 05:19:25</t>
  </si>
  <si>
    <t>12/18/2019 05:16:42</t>
  </si>
  <si>
    <t>12/18/2019 05:22:42</t>
  </si>
  <si>
    <t>12/18/2019 05:24:25</t>
  </si>
  <si>
    <t>12/18/2019 05:23:10</t>
  </si>
  <si>
    <t>12/18/2019 05:25:11</t>
  </si>
  <si>
    <t>12/18/2019 05:26:25</t>
  </si>
  <si>
    <t>12/18/2019 05:23:50</t>
  </si>
  <si>
    <t>12/18/2019 05:28:25</t>
  </si>
  <si>
    <t>12/18/2019 05:28:42</t>
  </si>
  <si>
    <t>12/18/2019 05:29:25</t>
  </si>
  <si>
    <t>12/18/2019 05:30:53</t>
  </si>
  <si>
    <t>12/18/2019 05:34:25</t>
  </si>
  <si>
    <t>12/18/2019 05:34:42</t>
  </si>
  <si>
    <t>12/18/2019 05:39:25</t>
  </si>
  <si>
    <t>12/18/2019 05:38:43</t>
  </si>
  <si>
    <t>12/18/2019 05:40:42</t>
  </si>
  <si>
    <t>12/18/2019 05:44:25</t>
  </si>
  <si>
    <t>12/18/2019 05:46:30</t>
  </si>
  <si>
    <t>12/18/2019 05:49:25</t>
  </si>
  <si>
    <t>12/18/2019 05:46:42</t>
  </si>
  <si>
    <t>12/18/2019 05:52:42</t>
  </si>
  <si>
    <t>12/18/2019 05:54:26</t>
  </si>
  <si>
    <t>12/18/2019 05:54:01</t>
  </si>
  <si>
    <t>12/18/2019 05:59:26</t>
  </si>
  <si>
    <t>12/18/2019 05:58:42</t>
  </si>
  <si>
    <t>12/18/2019 06:01:49</t>
  </si>
  <si>
    <t>12/18/2019 06:04:25</t>
  </si>
  <si>
    <t>12/18/2019 06:04:36</t>
  </si>
  <si>
    <t>12/18/2019 06:05:26</t>
  </si>
  <si>
    <t>12/18/2019 06:04:42</t>
  </si>
  <si>
    <t>12/18/2019 06:09:25</t>
  </si>
  <si>
    <t>12/18/2019 06:09:38</t>
  </si>
  <si>
    <t>12/18/2019 06:14:24</t>
  </si>
  <si>
    <t>12/18/2019 06:10:42</t>
  </si>
  <si>
    <t>12/18/2019 06:14:14</t>
  </si>
  <si>
    <t>12/18/2019 06:17:24</t>
  </si>
  <si>
    <t>12/18/2019 06:16:42</t>
  </si>
  <si>
    <t>12/18/2019 06:19:25</t>
  </si>
  <si>
    <t>12/18/2019 06:17:09</t>
  </si>
  <si>
    <t>12/18/2019 06:18:08</t>
  </si>
  <si>
    <t>12/18/2019 06:22:25</t>
  </si>
  <si>
    <t>12/18/2019 06:22:42</t>
  </si>
  <si>
    <t>12/18/2019 06:24:25</t>
  </si>
  <si>
    <t>12/18/2019 06:24:51</t>
  </si>
  <si>
    <t>12/18/2019 06:26:25</t>
  </si>
  <si>
    <t>12/18/2019 06:24:55</t>
  </si>
  <si>
    <t>12/18/2019 06:29:26</t>
  </si>
  <si>
    <t>12/18/2019 06:28:42</t>
  </si>
  <si>
    <t>12/18/2019 06:28:14</t>
  </si>
  <si>
    <t>12/18/2019 06:30:25</t>
  </si>
  <si>
    <t>12/18/2019 06:27:31</t>
  </si>
  <si>
    <t>12/18/2019 06:31:26</t>
  </si>
  <si>
    <t>12/18/2019 06:32:43</t>
  </si>
  <si>
    <t>12/18/2019 06:34:26</t>
  </si>
  <si>
    <t>12/18/2019 06:34:42</t>
  </si>
  <si>
    <t>12/18/2019 06:39:26</t>
  </si>
  <si>
    <t>12/18/2019 06:38:21</t>
  </si>
  <si>
    <t>12/18/2019 06:42:26</t>
  </si>
  <si>
    <t>12/18/2019 06:40:32</t>
  </si>
  <si>
    <t>12/18/2019 06:44:26</t>
  </si>
  <si>
    <t>12/18/2019 06:40:42</t>
  </si>
  <si>
    <t>12/18/2019 06:46:42</t>
  </si>
  <si>
    <t>12/18/2019 06:49:26</t>
  </si>
  <si>
    <t>12/18/2019 06:48:03</t>
  </si>
  <si>
    <t>12/18/2019 06:52:42</t>
  </si>
  <si>
    <t>12/18/2019 06:54:26</t>
  </si>
  <si>
    <t>12/18/2019 06:54:10</t>
  </si>
  <si>
    <t>12/18/2019 06:55:27</t>
  </si>
  <si>
    <t>12/18/2019 06:50:37</t>
  </si>
  <si>
    <t>12/18/2019 06:56:26</t>
  </si>
  <si>
    <t>7834dcd5-fea2-476c-a7b8-2571f78148ba.tmp</t>
  </si>
  <si>
    <t>\\acsfs\profiles$\nathaliadf\Downloads\7834dcd5-fea2-476c-a7b8-2571f78148ba.tmp</t>
  </si>
  <si>
    <t>12/18/2019 06:51:36</t>
  </si>
  <si>
    <t>851ff81f-f546-4ffc-8438-12f4127dd54d.tmp</t>
  </si>
  <si>
    <t>\\acsfs\profiles$\nathaliadf\Downloads\851ff81f-f546-4ffc-8438-12f4127dd54d.tmp</t>
  </si>
  <si>
    <t>12/18/2019 06:52:04</t>
  </si>
  <si>
    <t>14b7ea46-2277-47a4-8bf9-507366bc222e.tmp</t>
  </si>
  <si>
    <t>\\acsfs\profiles$\nathaliadf\Downloads\14b7ea46-2277-47a4-8bf9-507366bc222e.tmp</t>
  </si>
  <si>
    <t>12/18/2019 06:52:18</t>
  </si>
  <si>
    <t>594d2fb2-f192-4f88-8ee6-c3831c34f8eb.tmp</t>
  </si>
  <si>
    <t>\\acsfs\profiles$\nathaliadf\Downloads\594d2fb2-f192-4f88-8ee6-c3831c34f8eb.tmp</t>
  </si>
  <si>
    <t>12/18/2019 06:54:23</t>
  </si>
  <si>
    <t>Citrix Receiver.url:favicon</t>
  </si>
  <si>
    <t>\\acsfs\profiles$\brendavdoa\Favorites\Citrix Receiver.url:favicon</t>
  </si>
  <si>
    <t>12/18/2019 06:53:32</t>
  </si>
  <si>
    <t>12/18/2019 06:57:27</t>
  </si>
  <si>
    <t>12/18/2019 06:55:48</t>
  </si>
  <si>
    <t>12/18/2019 06:59:27</t>
  </si>
  <si>
    <t>12/18/2019 06:58:42</t>
  </si>
  <si>
    <t>12/18/2019 06:59:49</t>
  </si>
  <si>
    <t>12/18/2019 07:01:26</t>
  </si>
  <si>
    <t>Welcome - 1 total view.url:favicon</t>
  </si>
  <si>
    <t>\\acsfs\profiles$\brendavdoa\Favorites\Welcome - 1 total view.url:favicon</t>
  </si>
  <si>
    <t>12/18/2019 07:03:38</t>
  </si>
  <si>
    <t>12/18/2019 07:04:27</t>
  </si>
  <si>
    <t>12/18/2019 07:04:42</t>
  </si>
  <si>
    <t>12/18/2019 07:09:26</t>
  </si>
  <si>
    <t>12/18/2019 07:09:43</t>
  </si>
  <si>
    <t>12/18/2019 07:10:27</t>
  </si>
  <si>
    <t>12/18/2019 07:10:42</t>
  </si>
  <si>
    <t>12/18/2019 07:14:25</t>
  </si>
  <si>
    <t>12/18/2019 07:13:29</t>
  </si>
  <si>
    <t>12/18/2019 07:15:26</t>
  </si>
  <si>
    <t>10.200.66.134</t>
  </si>
  <si>
    <t>74-86-7A-FB-14-32</t>
  </si>
  <si>
    <t>VOTORANT-ABB005</t>
  </si>
  <si>
    <t>vivianealda</t>
  </si>
  <si>
    <t>\\acsfs\profiles$\vivianealda\Downloads\</t>
  </si>
  <si>
    <t>956fea21-b82a-4533-ad94-fb9e2d0dae5c.tmp</t>
  </si>
  <si>
    <t>\\acsfs\profiles$\vivianealda\Downloads\956fea21-b82a-4533-ad94-fb9e2d0dae5c.tmp</t>
  </si>
  <si>
    <t>12/18/2019 07:12:29</t>
  </si>
  <si>
    <t>12/18/2019 07:17:27</t>
  </si>
  <si>
    <t>12/18/2019 07:12:30</t>
  </si>
  <si>
    <t>12/18/2019 07:12:46</t>
  </si>
  <si>
    <t>12/18/2019 07:16:43</t>
  </si>
  <si>
    <t>12/18/2019 07:19:26</t>
  </si>
  <si>
    <t>12/18/2019 07:18:55</t>
  </si>
  <si>
    <t>12/18/2019 07:20:17</t>
  </si>
  <si>
    <t>12/18/2019 07:21:27</t>
  </si>
  <si>
    <t>marianadjc</t>
  </si>
  <si>
    <t>https://outlook.office365.com/mapi/emsmdb/?mailboxid=48ad403d-3510-47b8-8f76-3ad496ea7c8c@algartech.com</t>
  </si>
  <si>
    <t>12/18/2019 07:20:18</t>
  </si>
  <si>
    <t>12/18/2019 07:20:19</t>
  </si>
  <si>
    <t>12/18/2019 07:20:22</t>
  </si>
  <si>
    <t>12/18/2019 07:20:27</t>
  </si>
  <si>
    <t>12/18/2019 07:20:31</t>
  </si>
  <si>
    <t>12/18/2019 07:20:35</t>
  </si>
  <si>
    <t>12/18/2019 07:20:39</t>
  </si>
  <si>
    <t>12/18/2019 07:20:43</t>
  </si>
  <si>
    <t>12/18/2019 07:20:47</t>
  </si>
  <si>
    <t>12/18/2019 07:20:51</t>
  </si>
  <si>
    <t>12/18/2019 07:20:55</t>
  </si>
  <si>
    <t>12/18/2019 07:21:00</t>
  </si>
  <si>
    <t>12/18/2019 07:21:04</t>
  </si>
  <si>
    <t>12/18/2019 07:21:08</t>
  </si>
  <si>
    <t>12/18/2019 07:21:12</t>
  </si>
  <si>
    <t>12/18/2019 07:18:01</t>
  </si>
  <si>
    <t>12/18/2019 07:22:26</t>
  </si>
  <si>
    <t>6f61ade9-be00-4c78-9fb4-4307e5b4dfee.tmp</t>
  </si>
  <si>
    <t>\\acsfs\profiles$\deboraaa\Downloads\6f61ade9-be00-4c78-9fb4-4307e5b4dfee.tmp</t>
  </si>
  <si>
    <t>12/18/2019 07:19:43</t>
  </si>
  <si>
    <t>930dcc7b-f4d3-4d19-91f3-3a50b0b5be71.tmp</t>
  </si>
  <si>
    <t>\\acsfs\profiles$\deboraaa\Downloads\930dcc7b-f4d3-4d19-91f3-3a50b0b5be71.tmp</t>
  </si>
  <si>
    <t>12/18/2019 07:21:42</t>
  </si>
  <si>
    <t>a6dd7076-ade6-45d7-a486-77070e5264e8.tmp</t>
  </si>
  <si>
    <t>\\acsfs\profiles$\deboraaa\Downloads\a6dd7076-ade6-45d7-a486-77070e5264e8.tmp</t>
  </si>
  <si>
    <t>12/18/2019 07:22:43</t>
  </si>
  <si>
    <t>12/18/2019 07:24:26</t>
  </si>
  <si>
    <t>12/18/2019 07:25:26</t>
  </si>
  <si>
    <t>390a1275-b321-4129-b8b6-2810b8df57c6.tmp</t>
  </si>
  <si>
    <t>\\acsfs\profiles$\vivianealda\Downloads\390a1275-b321-4129-b8b6-2810b8df57c6.tmp</t>
  </si>
  <si>
    <t>12/18/2019 07:22:07</t>
  </si>
  <si>
    <t>fa60566b-8fa8-418a-8652-3b93b93938e4.tmp</t>
  </si>
  <si>
    <t>\\acsfs\profiles$\vivianealda\Downloads\fa60566b-8fa8-418a-8652-3b93b93938e4.tmp</t>
  </si>
  <si>
    <t>12/18/2019 07:22:59</t>
  </si>
  <si>
    <t>12/18/2019 07:21:16</t>
  </si>
  <si>
    <t>12/18/2019 07:26:26</t>
  </si>
  <si>
    <t>12/18/2019 07:21:20</t>
  </si>
  <si>
    <t>12/18/2019 07:21:24</t>
  </si>
  <si>
    <t>12/18/2019 07:21:28</t>
  </si>
  <si>
    <t>12/18/2019 07:21:33</t>
  </si>
  <si>
    <t>12/18/2019 07:21:37</t>
  </si>
  <si>
    <t>12/18/2019 07:21:41</t>
  </si>
  <si>
    <t>12/18/2019 07:21:45</t>
  </si>
  <si>
    <t>12/18/2019 07:21:49</t>
  </si>
  <si>
    <t>12/18/2019 07:21:54</t>
  </si>
  <si>
    <t>12/18/2019 07:21:58</t>
  </si>
  <si>
    <t>12/18/2019 07:22:04</t>
  </si>
  <si>
    <t>12/18/2019 07:22:08</t>
  </si>
  <si>
    <t>12/18/2019 07:22:12</t>
  </si>
  <si>
    <t>12/18/2019 07:22:16</t>
  </si>
  <si>
    <t>12/18/2019 07:22:20</t>
  </si>
  <si>
    <t>12/18/2019 07:22:25</t>
  </si>
  <si>
    <t>12/18/2019 07:22:29</t>
  </si>
  <si>
    <t>12/18/2019 07:22:33</t>
  </si>
  <si>
    <t>12/18/2019 07:22:37</t>
  </si>
  <si>
    <t>12/18/2019 07:22:40</t>
  </si>
  <si>
    <t>12/18/2019 07:22:44</t>
  </si>
  <si>
    <t>12/18/2019 07:22:48</t>
  </si>
  <si>
    <t>12/18/2019 07:22:53</t>
  </si>
  <si>
    <t>12/18/2019 07:22:57</t>
  </si>
  <si>
    <t>12/18/2019 07:23:01</t>
  </si>
  <si>
    <t>12/18/2019 07:23:05</t>
  </si>
  <si>
    <t>12/18/2019 07:23:10</t>
  </si>
  <si>
    <t>12/18/2019 07:23:14</t>
  </si>
  <si>
    <t>12/18/2019 07:23:19</t>
  </si>
  <si>
    <t>12/18/2019 07:23:28</t>
  </si>
  <si>
    <t>12/18/2019 07:23:37</t>
  </si>
  <si>
    <t>12/18/2019 07:23:45</t>
  </si>
  <si>
    <t>12/18/2019 07:23:54</t>
  </si>
  <si>
    <t>12/18/2019 07:24:04</t>
  </si>
  <si>
    <t>12/18/2019 07:24:14</t>
  </si>
  <si>
    <t>12/18/2019 07:24:23</t>
  </si>
  <si>
    <t>12/18/2019 07:24:34</t>
  </si>
  <si>
    <t>12/18/2019 07:24:43</t>
  </si>
  <si>
    <t>12/18/2019 07:24:52</t>
  </si>
  <si>
    <t>12/18/2019 07:25:00</t>
  </si>
  <si>
    <t>12/18/2019 07:25:08</t>
  </si>
  <si>
    <t>12/18/2019 07:25:17</t>
  </si>
  <si>
    <t>12/18/2019 07:25:34</t>
  </si>
  <si>
    <t>12/18/2019 07:25:35</t>
  </si>
  <si>
    <t>12/18/2019 07:25:44</t>
  </si>
  <si>
    <t>12/18/2019 07:25:53</t>
  </si>
  <si>
    <t>12/18/2019 07:26:02</t>
  </si>
  <si>
    <t>12/18/2019 07:26:11</t>
  </si>
  <si>
    <t>12/18/2019 07:26:20</t>
  </si>
  <si>
    <t>12/18/2019 07:26:42</t>
  </si>
  <si>
    <t>12/18/2019 07:29:26</t>
  </si>
  <si>
    <t>12/18/2019 07:28:43</t>
  </si>
  <si>
    <t>12/18/2019 07:28:50</t>
  </si>
  <si>
    <t>12/18/2019 07:30:26</t>
  </si>
  <si>
    <t>12/18/2019 07:25:48</t>
  </si>
  <si>
    <t>12/18/2019 07:27:52</t>
  </si>
  <si>
    <t>4821a1dd-1458-4c1e-acd6-fa5c71cd8e74.tmp</t>
  </si>
  <si>
    <t>\\acsfs\profiles$\alicecpbc\Downloads\4821a1dd-1458-4c1e-acd6-fa5c71cd8e74.tmp</t>
  </si>
  <si>
    <t>12/18/2019 07:28:11</t>
  </si>
  <si>
    <t>7a12c674-c50e-412f-bc00-04a42dc7f1f5.tmp</t>
  </si>
  <si>
    <t>\\acsfs\profiles$\alicecpbc\Downloads\7a12c674-c50e-412f-bc00-04a42dc7f1f5.tmp</t>
  </si>
  <si>
    <t>12/18/2019 07:29:19</t>
  </si>
  <si>
    <t>a7078926-15ef-4b46-8b3c-ea08cc91f981.tmp</t>
  </si>
  <si>
    <t>\\acsfs\profiles$\alicecpbc\Downloads\a7078926-15ef-4b46-8b3c-ea08cc91f981.tmp</t>
  </si>
  <si>
    <t>12/17/2019 22:31:07</t>
  </si>
  <si>
    <t>12/18/2019 07:28:07</t>
  </si>
  <si>
    <t>5d83bec0-7fa5-4862-a7da-284411eec421.tmp</t>
  </si>
  <si>
    <t>\\acsfs\profiles$\ERICALSR\Downloads\5d83bec0-7fa5-4862-a7da-284411eec421.tmp</t>
  </si>
  <si>
    <t>12/18/2019 07:28:54</t>
  </si>
  <si>
    <t>12/18/2019 07:29:09</t>
  </si>
  <si>
    <t>43e292cf-e942-462f-905a-0b1ed25663c7.tmp</t>
  </si>
  <si>
    <t>\\acsfs\profiles$\ERICALSR\Downloads\43e292cf-e942-462f-905a-0b1ed25663c7.tmp</t>
  </si>
  <si>
    <t>12/18/2019 07:26:28</t>
  </si>
  <si>
    <t>12/18/2019 07:31:26</t>
  </si>
  <si>
    <t>12/18/2019 07:26:38</t>
  </si>
  <si>
    <t>12/18/2019 07:26:47</t>
  </si>
  <si>
    <t>12/18/2019 07:26:58</t>
  </si>
  <si>
    <t>12/18/2019 07:27:07</t>
  </si>
  <si>
    <t>12/18/2019 07:32:26</t>
  </si>
  <si>
    <t>12/18/2019 07:27:16</t>
  </si>
  <si>
    <t>12/18/2019 07:27:25</t>
  </si>
  <si>
    <t>12/18/2019 07:27:34</t>
  </si>
  <si>
    <t>12/18/2019 07:27:46</t>
  </si>
  <si>
    <t>12/18/2019 07:27:56</t>
  </si>
  <si>
    <t>12/18/2019 07:28:03</t>
  </si>
  <si>
    <t>12/18/2019 07:28:12</t>
  </si>
  <si>
    <t>12/18/2019 07:28:16</t>
  </si>
  <si>
    <t>12/18/2019 07:28:20</t>
  </si>
  <si>
    <t>12/18/2019 07:28:24</t>
  </si>
  <si>
    <t>12/18/2019 07:28:29</t>
  </si>
  <si>
    <t>12/18/2019 07:28:36</t>
  </si>
  <si>
    <t>12/18/2019 07:28:46</t>
  </si>
  <si>
    <t>12/18/2019 07:28:52</t>
  </si>
  <si>
    <t>12/18/2019 07:28:56</t>
  </si>
  <si>
    <t>12/18/2019 07:28:59</t>
  </si>
  <si>
    <t>12/18/2019 07:29:03</t>
  </si>
  <si>
    <t>12/18/2019 07:29:07</t>
  </si>
  <si>
    <t>12/18/2019 07:29:12</t>
  </si>
  <si>
    <t>12/18/2019 07:29:16</t>
  </si>
  <si>
    <t>12/18/2019 07:29:20</t>
  </si>
  <si>
    <t>12/18/2019 07:29:25</t>
  </si>
  <si>
    <t>12/18/2019 07:29:36</t>
  </si>
  <si>
    <t>12/18/2019 07:29:45</t>
  </si>
  <si>
    <t>12/18/2019 07:29:54</t>
  </si>
  <si>
    <t>12/18/2019 07:30:00</t>
  </si>
  <si>
    <t>12/18/2019 07:30:04</t>
  </si>
  <si>
    <t>12/18/2019 07:30:08</t>
  </si>
  <si>
    <t>12/18/2019 07:30:13</t>
  </si>
  <si>
    <t>12/18/2019 07:30:23</t>
  </si>
  <si>
    <t>12/18/2019 07:30:29</t>
  </si>
  <si>
    <t>12/18/2019 07:30:35</t>
  </si>
  <si>
    <t>12/18/2019 07:30:38</t>
  </si>
  <si>
    <t>12/18/2019 07:30:40</t>
  </si>
  <si>
    <t>12/18/2019 07:30:44</t>
  </si>
  <si>
    <t>12/18/2019 07:30:48</t>
  </si>
  <si>
    <t>12/18/2019 07:30:52</t>
  </si>
  <si>
    <t>12/18/2019 07:30:56</t>
  </si>
  <si>
    <t>12/18/2019 07:31:00</t>
  </si>
  <si>
    <t>12/18/2019 07:31:04</t>
  </si>
  <si>
    <t>12/18/2019 07:31:08</t>
  </si>
  <si>
    <t>12/18/2019 07:31:13</t>
  </si>
  <si>
    <t>12/18/2019 07:31:17</t>
  </si>
  <si>
    <t>12/18/2019 07:31:21</t>
  </si>
  <si>
    <t>12/18/2019 07:31:01</t>
  </si>
  <si>
    <t>XLOG_matheushds_18122019_073054.log</t>
  </si>
  <si>
    <t>\\acsfs\profiles$\matheushds\My Documents\xworkcenter\logs\XLOG_matheushds_18122019_073054.log</t>
  </si>
  <si>
    <t>12/18/2019 07:31:06</t>
  </si>
  <si>
    <t>a83c3ba6-8c52-44ed-9706-c298beb3c643.tmp</t>
  </si>
  <si>
    <t>\\acsfs\profiles$\deboraaa\Downloads\a83c3ba6-8c52-44ed-9706-c298beb3c643.tmp</t>
  </si>
  <si>
    <t>12/18/2019 07:33:26</t>
  </si>
  <si>
    <t>12/18/2019 07:31:25</t>
  </si>
  <si>
    <t>12/18/2019 07:37:26</t>
  </si>
  <si>
    <t>12/18/2019 07:31:29</t>
  </si>
  <si>
    <t>12/18/2019 07:31:33</t>
  </si>
  <si>
    <t>12/18/2019 07:31:34</t>
  </si>
  <si>
    <t>12/18/2019 07:31:37</t>
  </si>
  <si>
    <t>12/18/2019 07:31:41</t>
  </si>
  <si>
    <t>12/18/2019 07:31:45</t>
  </si>
  <si>
    <t>12/18/2019 07:31:50</t>
  </si>
  <si>
    <t>12/18/2019 07:31:54</t>
  </si>
  <si>
    <t>12/18/2019 07:31:58</t>
  </si>
  <si>
    <t>12/18/2019 07:32:02</t>
  </si>
  <si>
    <t>12/18/2019 07:32:06</t>
  </si>
  <si>
    <t>12/18/2019 07:32:10</t>
  </si>
  <si>
    <t>12/18/2019 07:32:15</t>
  </si>
  <si>
    <t>12/18/2019 07:32:19</t>
  </si>
  <si>
    <t>12/18/2019 07:32:23</t>
  </si>
  <si>
    <t>12/18/2019 07:32:27</t>
  </si>
  <si>
    <t>12/18/2019 07:32:31</t>
  </si>
  <si>
    <t>12/18/2019 07:32:36</t>
  </si>
  <si>
    <t>12/18/2019 07:32:40</t>
  </si>
  <si>
    <t>12/18/2019 07:32:44</t>
  </si>
  <si>
    <t>12/18/2019 07:32:51</t>
  </si>
  <si>
    <t>12/18/2019 07:32:55</t>
  </si>
  <si>
    <t>12/18/2019 07:32:59</t>
  </si>
  <si>
    <t>12/18/2019 07:33:03</t>
  </si>
  <si>
    <t>12/18/2019 07:33:07</t>
  </si>
  <si>
    <t>12/18/2019 07:33:12</t>
  </si>
  <si>
    <t>12/18/2019 07:33:16</t>
  </si>
  <si>
    <t>12/18/2019 07:33:20</t>
  </si>
  <si>
    <t>12/18/2019 07:33:24</t>
  </si>
  <si>
    <t>12/18/2019 07:33:28</t>
  </si>
  <si>
    <t>12/18/2019 07:33:32</t>
  </si>
  <si>
    <t>12/18/2019 07:33:36</t>
  </si>
  <si>
    <t>12/18/2019 07:33:41</t>
  </si>
  <si>
    <t>12/18/2019 07:33:48</t>
  </si>
  <si>
    <t>12/18/2019 07:33:57</t>
  </si>
  <si>
    <t>12/18/2019 07:34:06</t>
  </si>
  <si>
    <t>12/18/2019 07:34:13</t>
  </si>
  <si>
    <t>12/18/2019 07:34:18</t>
  </si>
  <si>
    <t>12/18/2019 07:34:22</t>
  </si>
  <si>
    <t>12/18/2019 07:34:26</t>
  </si>
  <si>
    <t>12/18/2019 07:34:30</t>
  </si>
  <si>
    <t>12/18/2019 07:34:34</t>
  </si>
  <si>
    <t>12/18/2019 07:34:38</t>
  </si>
  <si>
    <t>12/18/2019 07:34:42</t>
  </si>
  <si>
    <t>12/18/2019 07:34:47</t>
  </si>
  <si>
    <t>12/18/2019 07:34:51</t>
  </si>
  <si>
    <t>12/18/2019 07:34:56</t>
  </si>
  <si>
    <t>12/18/2019 07:35:01</t>
  </si>
  <si>
    <t>12/18/2019 07:35:06</t>
  </si>
  <si>
    <t>12/18/2019 07:35:10</t>
  </si>
  <si>
    <t>12/18/2019 07:35:14</t>
  </si>
  <si>
    <t>12/18/2019 07:35:20</t>
  </si>
  <si>
    <t>12/18/2019 07:35:23</t>
  </si>
  <si>
    <t>12/18/2019 07:35:27</t>
  </si>
  <si>
    <t>12/18/2019 07:35:32</t>
  </si>
  <si>
    <t>12/18/2019 07:35:36</t>
  </si>
  <si>
    <t>12/18/2019 07:35:40</t>
  </si>
  <si>
    <t>12/18/2019 07:35:44</t>
  </si>
  <si>
    <t>12/18/2019 07:35:48</t>
  </si>
  <si>
    <t>12/18/2019 07:35:52</t>
  </si>
  <si>
    <t>12/18/2019 07:32:34</t>
  </si>
  <si>
    <t>12/18/2019 07:35:56</t>
  </si>
  <si>
    <t>12/18/2019 07:36:00</t>
  </si>
  <si>
    <t>12/18/2019 07:36:05</t>
  </si>
  <si>
    <t>12/18/2019 07:36:09</t>
  </si>
  <si>
    <t>12/18/2019 07:36:13</t>
  </si>
  <si>
    <t>12/18/2019 07:36:17</t>
  </si>
  <si>
    <t>12/18/2019 07:36:21</t>
  </si>
  <si>
    <t>12/18/2019 07:36:25</t>
  </si>
  <si>
    <t>12/18/2019 07:36:29</t>
  </si>
  <si>
    <t>12/18/2019 07:33:04</t>
  </si>
  <si>
    <t>12/18/2019 07:38:26</t>
  </si>
  <si>
    <t>12/18/2019 07:33:38</t>
  </si>
  <si>
    <t>12/18/2019 07:39:26</t>
  </si>
  <si>
    <t>12/18/2019 07:34:32</t>
  </si>
  <si>
    <t>12/18/2019 07:34:43</t>
  </si>
  <si>
    <t>12/18/2019 07:39:04</t>
  </si>
  <si>
    <t>12/18/2019 07:40:26</t>
  </si>
  <si>
    <t>12/18/2019 07:36:33</t>
  </si>
  <si>
    <t>12/18/2019 07:42:25</t>
  </si>
  <si>
    <t>12/18/2019 07:36:37</t>
  </si>
  <si>
    <t>12/18/2019 07:36:42</t>
  </si>
  <si>
    <t>12/18/2019 07:36:44</t>
  </si>
  <si>
    <t>12/18/2019 07:36:48</t>
  </si>
  <si>
    <t>12/18/2019 07:36:53</t>
  </si>
  <si>
    <t>12/18/2019 07:36:56</t>
  </si>
  <si>
    <t>12/18/2019 07:37:01</t>
  </si>
  <si>
    <t>12/18/2019 07:37:06</t>
  </si>
  <si>
    <t>12/18/2019 07:37:09</t>
  </si>
  <si>
    <t>12/18/2019 07:37:13</t>
  </si>
  <si>
    <t>12/18/2019 07:37:18</t>
  </si>
  <si>
    <t>12/18/2019 07:37:22</t>
  </si>
  <si>
    <t>12/18/2019 07:37:30</t>
  </si>
  <si>
    <t>12/18/2019 07:37:34</t>
  </si>
  <si>
    <t>12/18/2019 07:37:39</t>
  </si>
  <si>
    <t>12/18/2019 07:37:43</t>
  </si>
  <si>
    <t>12/18/2019 07:37:47</t>
  </si>
  <si>
    <t>12/18/2019 07:37:51</t>
  </si>
  <si>
    <t>12/18/2019 07:37:55</t>
  </si>
  <si>
    <t>12/18/2019 07:37:59</t>
  </si>
  <si>
    <t>12/18/2019 07:38:03</t>
  </si>
  <si>
    <t>12/18/2019 07:38:07</t>
  </si>
  <si>
    <t>12/18/2019 07:38:11</t>
  </si>
  <si>
    <t>12/18/2019 07:38:15</t>
  </si>
  <si>
    <t>12/18/2019 07:38:20</t>
  </si>
  <si>
    <t>12/18/2019 07:38:24</t>
  </si>
  <si>
    <t>12/18/2019 07:38:28</t>
  </si>
  <si>
    <t>12/18/2019 07:38:32</t>
  </si>
  <si>
    <t>12/18/2019 07:38:36</t>
  </si>
  <si>
    <t>12/18/2019 07:38:40</t>
  </si>
  <si>
    <t>12/18/2019 07:38:44</t>
  </si>
  <si>
    <t>12/18/2019 07:38:48</t>
  </si>
  <si>
    <t>12/18/2019 07:38:53</t>
  </si>
  <si>
    <t>12/18/2019 07:38:58</t>
  </si>
  <si>
    <t>12/18/2019 07:39:02</t>
  </si>
  <si>
    <t>12/18/2019 07:39:06</t>
  </si>
  <si>
    <t>12/18/2019 07:39:11</t>
  </si>
  <si>
    <t>12/18/2019 07:39:15</t>
  </si>
  <si>
    <t>12/18/2019 07:39:19</t>
  </si>
  <si>
    <t>12/18/2019 07:39:23</t>
  </si>
  <si>
    <t>12/18/2019 07:39:27</t>
  </si>
  <si>
    <t>12/18/2019 07:39:32</t>
  </si>
  <si>
    <t>12/18/2019 07:39:36</t>
  </si>
  <si>
    <t>12/18/2019 07:39:40</t>
  </si>
  <si>
    <t>12/18/2019 07:39:44</t>
  </si>
  <si>
    <t>12/18/2019 07:39:48</t>
  </si>
  <si>
    <t>12/18/2019 07:39:52</t>
  </si>
  <si>
    <t>12/18/2019 07:39:56</t>
  </si>
  <si>
    <t>12/18/2019 07:40:00</t>
  </si>
  <si>
    <t>12/18/2019 07:40:05</t>
  </si>
  <si>
    <t>12/18/2019 07:40:09</t>
  </si>
  <si>
    <t>12/18/2019 07:40:13</t>
  </si>
  <si>
    <t>12/18/2019 07:40:17</t>
  </si>
  <si>
    <t>12/18/2019 07:40:21</t>
  </si>
  <si>
    <t>12/18/2019 07:40:25</t>
  </si>
  <si>
    <t>12/18/2019 07:40:30</t>
  </si>
  <si>
    <t>12/18/2019 07:40:34</t>
  </si>
  <si>
    <t>12/18/2019 07:40:38</t>
  </si>
  <si>
    <t>12/18/2019 07:40:42</t>
  </si>
  <si>
    <t>12/18/2019 07:40:47</t>
  </si>
  <si>
    <t>12/18/2019 07:40:52</t>
  </si>
  <si>
    <t>12/18/2019 07:40:56</t>
  </si>
  <si>
    <t>12/18/2019 07:41:00</t>
  </si>
  <si>
    <t>12/18/2019 07:41:04</t>
  </si>
  <si>
    <t>12/18/2019 07:41:08</t>
  </si>
  <si>
    <t>12/18/2019 07:41:12</t>
  </si>
  <si>
    <t>12/18/2019 07:41:17</t>
  </si>
  <si>
    <t>12/18/2019 07:41:21</t>
  </si>
  <si>
    <t>12/18/2019 07:41:25</t>
  </si>
  <si>
    <t>12/18/2019 07:41:29</t>
  </si>
  <si>
    <t>12/18/2019 07:41:33</t>
  </si>
  <si>
    <t>12/18/2019 07:41:37</t>
  </si>
  <si>
    <t>12/18/2019 07:44:26</t>
  </si>
  <si>
    <t>12/18/2019 07:41:30</t>
  </si>
  <si>
    <t>websondsa</t>
  </si>
  <si>
    <t>\\acsfs\profiles$\websondsa\Downloads\</t>
  </si>
  <si>
    <t>f22c3ac4-4355-4ab8-8617-783df9fdc97a.tmp</t>
  </si>
  <si>
    <t>\\acsfs\profiles$\websondsa\Downloads\f22c3ac4-4355-4ab8-8617-783df9fdc97a.tmp</t>
  </si>
  <si>
    <t>12/18/2019 07:40:43</t>
  </si>
  <si>
    <t>12/18/2019 07:42:03</t>
  </si>
  <si>
    <t>12/18/2019 07:40:12</t>
  </si>
  <si>
    <t>12/18/2019 07:45:26</t>
  </si>
  <si>
    <t>b23c3cd1-f23c-401e-a7a1-e832ed4da93f.tmp</t>
  </si>
  <si>
    <t>\\acsfs\profiles$\alicecpbc\Downloads\b23c3cd1-f23c-401e-a7a1-e832ed4da93f.tmp</t>
  </si>
  <si>
    <t>12/18/2019 07:41:46</t>
  </si>
  <si>
    <t>12/18/2019 07:41:41</t>
  </si>
  <si>
    <t>12/18/2019 07:47:26</t>
  </si>
  <si>
    <t>12/18/2019 07:41:50</t>
  </si>
  <si>
    <t>12/18/2019 07:41:54</t>
  </si>
  <si>
    <t>12/18/2019 07:41:58</t>
  </si>
  <si>
    <t>12/18/2019 07:42:07</t>
  </si>
  <si>
    <t>12/18/2019 07:42:11</t>
  </si>
  <si>
    <t>12/18/2019 07:42:16</t>
  </si>
  <si>
    <t>12/18/2019 07:42:20</t>
  </si>
  <si>
    <t>12/18/2019 07:42:24</t>
  </si>
  <si>
    <t>12/18/2019 07:42:29</t>
  </si>
  <si>
    <t>12/18/2019 07:42:37</t>
  </si>
  <si>
    <t>12/18/2019 07:42:41</t>
  </si>
  <si>
    <t>12/18/2019 07:42:45</t>
  </si>
  <si>
    <t>12/18/2019 07:42:49</t>
  </si>
  <si>
    <t>12/18/2019 07:42:53</t>
  </si>
  <si>
    <t>12/18/2019 07:42:57</t>
  </si>
  <si>
    <t>12/18/2019 07:43:01</t>
  </si>
  <si>
    <t>12/18/2019 07:43:05</t>
  </si>
  <si>
    <t>12/18/2019 07:43:10</t>
  </si>
  <si>
    <t>12/18/2019 07:43:15</t>
  </si>
  <si>
    <t>12/18/2019 07:43:20</t>
  </si>
  <si>
    <t>12/18/2019 07:43:24</t>
  </si>
  <si>
    <t>12/18/2019 07:43:28</t>
  </si>
  <si>
    <t>12/18/2019 07:43:32</t>
  </si>
  <si>
    <t>12/18/2019 07:43:34</t>
  </si>
  <si>
    <t>12/18/2019 07:43:36</t>
  </si>
  <si>
    <t>12/18/2019 07:43:40</t>
  </si>
  <si>
    <t>12/18/2019 07:43:45</t>
  </si>
  <si>
    <t>12/18/2019 07:43:49</t>
  </si>
  <si>
    <t>12/18/2019 07:43:53</t>
  </si>
  <si>
    <t>12/18/2019 07:43:57</t>
  </si>
  <si>
    <t>12/18/2019 07:44:01</t>
  </si>
  <si>
    <t>12/18/2019 07:44:06</t>
  </si>
  <si>
    <t>12/18/2019 07:44:08</t>
  </si>
  <si>
    <t>12/18/2019 07:44:12</t>
  </si>
  <si>
    <t>12/18/2019 07:44:16</t>
  </si>
  <si>
    <t>12/18/2019 07:44:21</t>
  </si>
  <si>
    <t>12/18/2019 07:44:25</t>
  </si>
  <si>
    <t>12/18/2019 07:44:29</t>
  </si>
  <si>
    <t>12/18/2019 07:44:33</t>
  </si>
  <si>
    <t>12/18/2019 07:44:38</t>
  </si>
  <si>
    <t>12/18/2019 07:44:42</t>
  </si>
  <si>
    <t>12/18/2019 07:44:46</t>
  </si>
  <si>
    <t>12/18/2019 07:44:50</t>
  </si>
  <si>
    <t>12/18/2019 07:44:54</t>
  </si>
  <si>
    <t>12/18/2019 07:44:59</t>
  </si>
  <si>
    <t>12/18/2019 07:45:03</t>
  </si>
  <si>
    <t>12/18/2019 07:45:08</t>
  </si>
  <si>
    <t>12/18/2019 07:45:12</t>
  </si>
  <si>
    <t>12/18/2019 07:45:17</t>
  </si>
  <si>
    <t>12/18/2019 07:45:22</t>
  </si>
  <si>
    <t>12/18/2019 07:45:30</t>
  </si>
  <si>
    <t>12/18/2019 07:45:35</t>
  </si>
  <si>
    <t>12/18/2019 07:45:39</t>
  </si>
  <si>
    <t>12/18/2019 07:45:43</t>
  </si>
  <si>
    <t>12/18/2019 07:45:47</t>
  </si>
  <si>
    <t>12/18/2019 07:45:52</t>
  </si>
  <si>
    <t>12/18/2019 07:45:56</t>
  </si>
  <si>
    <t>12/18/2019 07:46:00</t>
  </si>
  <si>
    <t>12/18/2019 07:46:04</t>
  </si>
  <si>
    <t>12/18/2019 07:46:09</t>
  </si>
  <si>
    <t>12/18/2019 07:46:13</t>
  </si>
  <si>
    <t>12/18/2019 07:46:17</t>
  </si>
  <si>
    <t>12/18/2019 07:46:22</t>
  </si>
  <si>
    <t>12/18/2019 07:46:26</t>
  </si>
  <si>
    <t>12/18/2019 07:46:31</t>
  </si>
  <si>
    <t>12/18/2019 07:46:35</t>
  </si>
  <si>
    <t>12/18/2019 07:46:39</t>
  </si>
  <si>
    <t>12/18/2019 07:49:26</t>
  </si>
  <si>
    <t>af22dab7-b90e-405f-939f-5db388bd922a.tmp</t>
  </si>
  <si>
    <t>\\acsfs\profiles$\websondsa\Downloads\af22dab7-b90e-405f-939f-5db388bd922a.tmp</t>
  </si>
  <si>
    <t>12/18/2019 07:47:36</t>
  </si>
  <si>
    <t>1d87c6ab-e678-45a7-b0c6-e5289d9d225b.tmp</t>
  </si>
  <si>
    <t>\\acsfs\profiles$\websondsa\Downloads\1d87c6ab-e678-45a7-b0c6-e5289d9d225b.tmp</t>
  </si>
  <si>
    <t>12/18/2019 07:46:43</t>
  </si>
  <si>
    <t>12/18/2019 07:45:53</t>
  </si>
  <si>
    <t>12/18/2019 07:50:26</t>
  </si>
  <si>
    <t>12/18/2019 07:48:44</t>
  </si>
  <si>
    <t>https://udpwfmniceap02/web/guest/home?p_auth=mri3fvdv&amp;p_p_id=58&amp;p_p_lifecycle=1&amp;p_p_state=maximized&amp;p_p_mode=view&amp;savelastpath=0&amp;_58_struts_action=/login/forgot_password</t>
  </si>
  <si>
    <t>12/18/2019 07:48:04</t>
  </si>
  <si>
    <t>12/18/2019 07:49:13</t>
  </si>
  <si>
    <t>12/18/2019 07:51:26</t>
  </si>
  <si>
    <t>12/18/2019 07:49:06</t>
  </si>
  <si>
    <t>83ee351a-60fe-4028-8561-6a9b8cd92d8a.tmp</t>
  </si>
  <si>
    <t>\\acsfs\profiles$\valeriasda\Downloads\83ee351a-60fe-4028-8561-6a9b8cd92d8a.tmp</t>
  </si>
  <si>
    <t>12/18/2019 07:49:08</t>
  </si>
  <si>
    <t>8cc33461-cfa6-4651-b115-a9a44bdb379b.tmp</t>
  </si>
  <si>
    <t>\\acsfs\profiles$\valeriasda\Downloads\8cc33461-cfa6-4651-b115-a9a44bdb379b.tmp</t>
  </si>
  <si>
    <t>12/18/2019 07:49:32</t>
  </si>
  <si>
    <t>b02b313e-6090-4b04-8ec4-ee8db8f386fb.tmp</t>
  </si>
  <si>
    <t>\\acsfs\profiles$\valeriasda\Downloads\b02b313e-6090-4b04-8ec4-ee8db8f386fb.tmp</t>
  </si>
  <si>
    <t>12/18/2019 07:46:44</t>
  </si>
  <si>
    <t>12/18/2019 07:52:26</t>
  </si>
  <si>
    <t>12/18/2019 07:46:49</t>
  </si>
  <si>
    <t>12/18/2019 07:46:53</t>
  </si>
  <si>
    <t>12/18/2019 07:46:58</t>
  </si>
  <si>
    <t>12/18/2019 07:47:02</t>
  </si>
  <si>
    <t>12/18/2019 07:47:07</t>
  </si>
  <si>
    <t>12/18/2019 07:47:12</t>
  </si>
  <si>
    <t>12/18/2019 07:47:17</t>
  </si>
  <si>
    <t>12/18/2019 07:47:22</t>
  </si>
  <si>
    <t>12/18/2019 07:47:27</t>
  </si>
  <si>
    <t>12/18/2019 07:47:31</t>
  </si>
  <si>
    <t>12/18/2019 07:47:40</t>
  </si>
  <si>
    <t>12/18/2019 07:47:44</t>
  </si>
  <si>
    <t>12/18/2019 07:47:49</t>
  </si>
  <si>
    <t>12/18/2019 07:47:53</t>
  </si>
  <si>
    <t>12/18/2019 07:47:57</t>
  </si>
  <si>
    <t>12/18/2019 07:48:02</t>
  </si>
  <si>
    <t>12/18/2019 07:48:06</t>
  </si>
  <si>
    <t>12/18/2019 07:48:11</t>
  </si>
  <si>
    <t>12/18/2019 07:48:16</t>
  </si>
  <si>
    <t>12/18/2019 07:48:18</t>
  </si>
  <si>
    <t>12/18/2019 07:48:20</t>
  </si>
  <si>
    <t>12/18/2019 07:48:25</t>
  </si>
  <si>
    <t>12/18/2019 07:48:30</t>
  </si>
  <si>
    <t>12/18/2019 07:48:34</t>
  </si>
  <si>
    <t>12/18/2019 07:48:39</t>
  </si>
  <si>
    <t>12/18/2019 07:48:43</t>
  </si>
  <si>
    <t>12/18/2019 07:48:47</t>
  </si>
  <si>
    <t>12/18/2019 07:48:52</t>
  </si>
  <si>
    <t>12/18/2019 07:48:56</t>
  </si>
  <si>
    <t>12/18/2019 07:49:00</t>
  </si>
  <si>
    <t>12/18/2019 07:49:04</t>
  </si>
  <si>
    <t>12/18/2019 07:49:09</t>
  </si>
  <si>
    <t>12/18/2019 07:49:17</t>
  </si>
  <si>
    <t>12/18/2019 07:49:21</t>
  </si>
  <si>
    <t>12/18/2019 07:49:23</t>
  </si>
  <si>
    <t>12/18/2019 07:49:28</t>
  </si>
  <si>
    <t>12/18/2019 07:49:34</t>
  </si>
  <si>
    <t>12/18/2019 07:49:37</t>
  </si>
  <si>
    <t>12/18/2019 07:49:41</t>
  </si>
  <si>
    <t>12/18/2019 07:49:45</t>
  </si>
  <si>
    <t>12/18/2019 07:49:50</t>
  </si>
  <si>
    <t>12/18/2019 07:49:54</t>
  </si>
  <si>
    <t>12/18/2019 07:49:58</t>
  </si>
  <si>
    <t>12/18/2019 07:50:02</t>
  </si>
  <si>
    <t>12/18/2019 07:50:06</t>
  </si>
  <si>
    <t>12/18/2019 07:50:11</t>
  </si>
  <si>
    <t>12/18/2019 07:50:15</t>
  </si>
  <si>
    <t>12/18/2019 07:50:19</t>
  </si>
  <si>
    <t>12/18/2019 07:50:23</t>
  </si>
  <si>
    <t>12/18/2019 07:50:27</t>
  </si>
  <si>
    <t>12/18/2019 07:50:31</t>
  </si>
  <si>
    <t>12/18/2019 07:50:35</t>
  </si>
  <si>
    <t>12/18/2019 07:50:40</t>
  </si>
  <si>
    <t>12/18/2019 07:50:44</t>
  </si>
  <si>
    <t>12/18/2019 07:50:48</t>
  </si>
  <si>
    <t>12/18/2019 07:50:52</t>
  </si>
  <si>
    <t>12/18/2019 07:50:56</t>
  </si>
  <si>
    <t>12/18/2019 07:51:00</t>
  </si>
  <si>
    <t>12/18/2019 07:51:05</t>
  </si>
  <si>
    <t>12/18/2019 07:51:09</t>
  </si>
  <si>
    <t>12/18/2019 07:51:13</t>
  </si>
  <si>
    <t>12/18/2019 07:51:17</t>
  </si>
  <si>
    <t>12/18/2019 07:51:22</t>
  </si>
  <si>
    <t>12/18/2019 07:51:31</t>
  </si>
  <si>
    <t>12/18/2019 07:51:35</t>
  </si>
  <si>
    <t>12/18/2019 07:51:39</t>
  </si>
  <si>
    <t>12/18/2019 07:51:43</t>
  </si>
  <si>
    <t>12/18/2019 07:51:48</t>
  </si>
  <si>
    <t>12/18/2019 07:49:49</t>
  </si>
  <si>
    <t>12/18/2019 07:50:25</t>
  </si>
  <si>
    <t>266fa52e-c060-4047-a2c3-22a14e6f9ea3.tmp</t>
  </si>
  <si>
    <t>\\acsfs\profiles$\marcellewdl\Downloads\266fa52e-c060-4047-a2c3-22a14e6f9ea3.tmp</t>
  </si>
  <si>
    <t>12/18/2019 07:49:57</t>
  </si>
  <si>
    <t>12/18/2019 07:54:27</t>
  </si>
  <si>
    <t>abdf2b47-bd6f-4ba4-bbe0-4bd9fda3ccef.tmp</t>
  </si>
  <si>
    <t>\\acsfs\profiles$\websondsa\Downloads\abdf2b47-bd6f-4ba4-bbe0-4bd9fda3ccef.tmp</t>
  </si>
  <si>
    <t>12/18/2019 07:50:50</t>
  </si>
  <si>
    <t>1fc780a6-2501-4049-b6ec-834cb0c28bdb.tmp</t>
  </si>
  <si>
    <t>\\acsfs\profiles$\websondsa\Downloads\1fc780a6-2501-4049-b6ec-834cb0c28bdb.tmp</t>
  </si>
  <si>
    <t>12/18/2019 07:50:55</t>
  </si>
  <si>
    <t>55d28d7b-2815-45bc-b26f-5b95a1046150.tmp</t>
  </si>
  <si>
    <t>\\acsfs\profiles$\websondsa\Downloads\55d28d7b-2815-45bc-b26f-5b95a1046150.tmp</t>
  </si>
  <si>
    <t>12/18/2019 07:53:18</t>
  </si>
  <si>
    <t>c59fac08-601b-4002-934e-ee4d119df2b3.tmp</t>
  </si>
  <si>
    <t>\\acsfs\profiles$\websondsa\Downloads\c59fac08-601b-4002-934e-ee4d119df2b3.tmp</t>
  </si>
  <si>
    <t>12/18/2019 07:52:43</t>
  </si>
  <si>
    <t>12/18/2019 07:52:33</t>
  </si>
  <si>
    <t>12/18/2019 07:55:26</t>
  </si>
  <si>
    <t>C:\Users\andersonrm\Desktop\Rafaela Marques Souza Valim 3\</t>
  </si>
  <si>
    <t>Caso Rafaela - Print Nice.png</t>
  </si>
  <si>
    <t>\\acsfs\DEPTOS\Operacao\Banco_Votorantim\Qualidade\Anderson\Jose\Rafaela Marques Souza Valim 3\Caso Rafaela - Print Nice.png</t>
  </si>
  <si>
    <t>12/18/2019 07:52:34</t>
  </si>
  <si>
    <t>Caso Rafaela - Print Payware 2.png</t>
  </si>
  <si>
    <t>\\acsfs\DEPTOS\Operacao\Banco_Votorantim\Qualidade\Anderson\Jose\Rafaela Marques Souza Valim 3\Caso Rafaela - Print Payware 2.png</t>
  </si>
  <si>
    <t>Caso Rafaela - Print Payware 3.PNG</t>
  </si>
  <si>
    <t>\\acsfs\DEPTOS\Operacao\Banco_Votorantim\Qualidade\Anderson\Jose\Rafaela Marques Souza Valim 3\Caso Rafaela - Print Payware 3.PNG</t>
  </si>
  <si>
    <t>Caso Rafaela - Print Payware.png</t>
  </si>
  <si>
    <t>\\acsfs\DEPTOS\Operacao\Banco_Votorantim\Qualidade\Anderson\Jose\Rafaela Marques Souza Valim 3\Caso Rafaela - Print Payware.png</t>
  </si>
  <si>
    <t>\\acsfs\DEPTOS\Operacao\Banco_Votorantim\Qualidade\Anderson\Jose\Rafaela Marques Souza Valim 3\Novo Documento de Texto.txt</t>
  </si>
  <si>
    <t>12/18/2019 07:53:51</t>
  </si>
  <si>
    <t>\\acsfs\DEPTOS\Operacao\Banco_Votorantim\Qualidade\Anderson\Jose\Rafaela Marques Souza Valim 3\</t>
  </si>
  <si>
    <t>\\acsfs\DEPTOS\Operacao\Banco_Votorantim\Qualidade\Anderson\Jose\Rafaela Marques Souza Valim 3\Thumbs.db</t>
  </si>
  <si>
    <t>4b14d963-af2b-42ee-bf15-9ef3807a05d9.tmp</t>
  </si>
  <si>
    <t>\\acsfs\profiles$\alicecpbc\Downloads\4b14d963-af2b-42ee-bf15-9ef3807a05d9.tmp</t>
  </si>
  <si>
    <t>12/18/2019 07:50:28</t>
  </si>
  <si>
    <t>fcc9da13-bc98-4ce0-bb0a-df352449ca36.tmp</t>
  </si>
  <si>
    <t>\\acsfs\profiles$\ERICALSR\Downloads\fcc9da13-bc98-4ce0-bb0a-df352449ca36.tmp</t>
  </si>
  <si>
    <t>12/18/2019 07:54:40</t>
  </si>
  <si>
    <t>12/18/2019 07:56:26</t>
  </si>
  <si>
    <t>c356d582-ae94-41ae-a1e9-ac3e25b48c20.tmp</t>
  </si>
  <si>
    <t>\\acsfs\profiles$\gabrielarb\Downloads\c356d582-ae94-41ae-a1e9-ac3e25b48c20.tmp</t>
  </si>
  <si>
    <t>12/18/2019 07:55:05</t>
  </si>
  <si>
    <t>16b62c04-223b-473f-bb90-7e87d8a3c536.tmp</t>
  </si>
  <si>
    <t>\\acsfs\profiles$\gabrielarb\Downloads\16b62c04-223b-473f-bb90-7e87d8a3c536.tmp</t>
  </si>
  <si>
    <t>12/18/2019 07:51:10</t>
  </si>
  <si>
    <t>956cd277-8910-47af-99d6-720eb797f535.tmp</t>
  </si>
  <si>
    <t>\\acsfs\profiles$\valeriasda\Downloads\956cd277-8910-47af-99d6-720eb797f535.tmp</t>
  </si>
  <si>
    <t>12/18/2019 07:51:16</t>
  </si>
  <si>
    <t>7df80b1b-5091-4185-b07f-5b4e74a16df3.tmp</t>
  </si>
  <si>
    <t>\\acsfs\profiles$\valeriasda\Downloads\7df80b1b-5091-4185-b07f-5b4e74a16df3.tmp</t>
  </si>
  <si>
    <t>12/18/2019 07:51:54</t>
  </si>
  <si>
    <t>12/18/2019 07:57:26</t>
  </si>
  <si>
    <t>8681e215-37d7-4e7b-9b64-0b3e468d729b.tmp</t>
  </si>
  <si>
    <t>\\acsfs\profiles$\adrielyas\Downloads\8681e215-37d7-4e7b-9b64-0b3e468d729b.tmp</t>
  </si>
  <si>
    <t>12/18/2019 07:53:24</t>
  </si>
  <si>
    <t>861dca21-7bae-4f54-9c1b-9272c9297ab8.tmp</t>
  </si>
  <si>
    <t>\\acsfs\profiles$\adrielyas\Downloads\861dca21-7bae-4f54-9c1b-9272c9297ab8.tmp</t>
  </si>
  <si>
    <t>12/18/2019 07:51:52</t>
  </si>
  <si>
    <t>12/18/2019 07:51:56</t>
  </si>
  <si>
    <t>12/18/2019 07:52:00</t>
  </si>
  <si>
    <t>12/18/2019 07:52:05</t>
  </si>
  <si>
    <t>12/18/2019 07:52:09</t>
  </si>
  <si>
    <t>12/18/2019 07:52:11</t>
  </si>
  <si>
    <t>12/18/2019 07:52:16</t>
  </si>
  <si>
    <t>12/18/2019 07:52:20</t>
  </si>
  <si>
    <t>12/18/2019 07:52:31</t>
  </si>
  <si>
    <t>12/18/2019 07:52:36</t>
  </si>
  <si>
    <t>12/18/2019 07:52:40</t>
  </si>
  <si>
    <t>12/18/2019 07:52:44</t>
  </si>
  <si>
    <t>12/18/2019 07:52:48</t>
  </si>
  <si>
    <t>12/18/2019 07:52:52</t>
  </si>
  <si>
    <t>12/18/2019 07:52:56</t>
  </si>
  <si>
    <t>12/18/2019 07:53:01</t>
  </si>
  <si>
    <t>12/18/2019 07:53:05</t>
  </si>
  <si>
    <t>12/18/2019 07:53:09</t>
  </si>
  <si>
    <t>12/18/2019 07:53:14</t>
  </si>
  <si>
    <t>12/18/2019 07:53:22</t>
  </si>
  <si>
    <t>12/18/2019 07:53:26</t>
  </si>
  <si>
    <t>12/18/2019 07:53:31</t>
  </si>
  <si>
    <t>12/18/2019 07:53:35</t>
  </si>
  <si>
    <t>12/18/2019 07:53:39</t>
  </si>
  <si>
    <t>12/18/2019 07:53:43</t>
  </si>
  <si>
    <t>12/18/2019 07:53:48</t>
  </si>
  <si>
    <t>12/18/2019 07:53:52</t>
  </si>
  <si>
    <t>12/18/2019 07:53:57</t>
  </si>
  <si>
    <t>12/18/2019 07:52:03</t>
  </si>
  <si>
    <t>d41e70e1-094a-4880-8816-00c25d26e8fa.tmp</t>
  </si>
  <si>
    <t>\\acsfs\profiles$\marcellewdl\Downloads\d41e70e1-094a-4880-8816-00c25d26e8fa.tmp</t>
  </si>
  <si>
    <t>12/18/2019 07:54:02</t>
  </si>
  <si>
    <t>12/18/2019 07:54:07</t>
  </si>
  <si>
    <t>12/18/2019 07:54:11</t>
  </si>
  <si>
    <t>12/18/2019 07:54:16</t>
  </si>
  <si>
    <t>12/18/2019 07:54:21</t>
  </si>
  <si>
    <t>12/18/2019 07:54:25</t>
  </si>
  <si>
    <t>12/18/2019 07:54:29</t>
  </si>
  <si>
    <t>12/18/2019 07:54:34</t>
  </si>
  <si>
    <t>12/18/2019 07:54:38</t>
  </si>
  <si>
    <t>12/18/2019 07:54:42</t>
  </si>
  <si>
    <t>12/18/2019 07:54:47</t>
  </si>
  <si>
    <t>12/18/2019 07:54:51</t>
  </si>
  <si>
    <t>12/18/2019 07:54:56</t>
  </si>
  <si>
    <t>12/18/2019 07:55:00</t>
  </si>
  <si>
    <t>12/18/2019 07:55:10</t>
  </si>
  <si>
    <t>12/18/2019 07:55:14</t>
  </si>
  <si>
    <t>12/18/2019 07:55:18</t>
  </si>
  <si>
    <t>12/18/2019 07:55:22</t>
  </si>
  <si>
    <t>12/18/2019 07:55:27</t>
  </si>
  <si>
    <t>12/18/2019 07:55:31</t>
  </si>
  <si>
    <t>12/18/2019 07:55:34</t>
  </si>
  <si>
    <t>12/18/2019 07:55:35</t>
  </si>
  <si>
    <t>12/18/2019 07:55:39</t>
  </si>
  <si>
    <t>12/18/2019 07:55:44</t>
  </si>
  <si>
    <t>12/18/2019 07:55:48</t>
  </si>
  <si>
    <t>12/18/2019 07:55:56</t>
  </si>
  <si>
    <t>12/18/2019 07:56:01</t>
  </si>
  <si>
    <t>12/18/2019 07:56:06</t>
  </si>
  <si>
    <t>12/18/2019 07:56:10</t>
  </si>
  <si>
    <t>12/18/2019 07:56:15</t>
  </si>
  <si>
    <t>12/18/2019 07:56:19</t>
  </si>
  <si>
    <t>12/18/2019 07:56:24</t>
  </si>
  <si>
    <t>12/18/2019 07:56:29</t>
  </si>
  <si>
    <t>12/18/2019 07:56:32</t>
  </si>
  <si>
    <t>12/18/2019 07:56:37</t>
  </si>
  <si>
    <t>12/18/2019 07:56:40</t>
  </si>
  <si>
    <t>12/18/2019 07:56:45</t>
  </si>
  <si>
    <t>12/18/2019 07:56:49</t>
  </si>
  <si>
    <t>12/18/2019 07:56:53</t>
  </si>
  <si>
    <t>12/18/2019 07:57:19</t>
  </si>
  <si>
    <t>12/18/2019 07:58:27</t>
  </si>
  <si>
    <t>12/18/2019 07:57:20</t>
  </si>
  <si>
    <t>12/18/2019 07:57:21</t>
  </si>
  <si>
    <t>12/18/2019 07:57:22</t>
  </si>
  <si>
    <t>12/18/2019 07:57:23</t>
  </si>
  <si>
    <t>12/18/2019 07:57:24</t>
  </si>
  <si>
    <t>12/18/2019 07:57:25</t>
  </si>
  <si>
    <t>12/18/2019 07:57:27</t>
  </si>
  <si>
    <t>12/18/2019 07:57:28</t>
  </si>
  <si>
    <t>12/18/2019 07:57:29</t>
  </si>
  <si>
    <t>12/18/2019 07:57:30</t>
  </si>
  <si>
    <t>12/18/2019 07:57:31</t>
  </si>
  <si>
    <t>12/18/2019 07:57:32</t>
  </si>
  <si>
    <t>12/18/2019 07:57:33</t>
  </si>
  <si>
    <t>12/18/2019 07:57:34</t>
  </si>
  <si>
    <t>12/18/2019 07:57:35</t>
  </si>
  <si>
    <t>12/18/2019 07:57:36</t>
  </si>
  <si>
    <t>12/18/2019 07:54:44</t>
  </si>
  <si>
    <t>12/18/2019 07:59:26</t>
  </si>
  <si>
    <t>56099439-4f1d-4a4c-b5a3-2d508d1a4109.tmp</t>
  </si>
  <si>
    <t>\\acsfs\profiles$\websondsa\Downloads\56099439-4f1d-4a4c-b5a3-2d508d1a4109.tmp</t>
  </si>
  <si>
    <t>12/18/2019 07:57:37</t>
  </si>
  <si>
    <t>12/18/2019 07:58:43</t>
  </si>
  <si>
    <t>12/18/2019 07:58:38</t>
  </si>
  <si>
    <t>12/18/2019 08:00:26</t>
  </si>
  <si>
    <t>12/18/2019 08:01:26</t>
  </si>
  <si>
    <t>19e770e3-4a4b-43c0-9886-8dfa4e85b27a.tmp</t>
  </si>
  <si>
    <t>\\acsfs\profiles$\gabrielarb\Downloads\19e770e3-4a4b-43c0-9886-8dfa4e85b27a.tmp</t>
  </si>
  <si>
    <t>12/18/2019 08:00:47</t>
  </si>
  <si>
    <t>f307887a-d38c-4194-986e-ba423c7d2c5f.tmp</t>
  </si>
  <si>
    <t>\\acsfs\profiles$\deborahsi\Downloads\f307887a-d38c-4194-986e-ba423c7d2c5f.tmp</t>
  </si>
  <si>
    <t>12/18/2019 07:58:29</t>
  </si>
  <si>
    <t>b0d3a690-8737-4b83-8757-0943ce6e5402.tmp</t>
  </si>
  <si>
    <t>\\acsfs\profiles$\deborahsi\Downloads\b0d3a690-8737-4b83-8757-0943ce6e5402.tmp</t>
  </si>
  <si>
    <t>\\acsfs\profiles$\tiagosno\Favorites\Citrix Receiver.url:favicon</t>
  </si>
  <si>
    <t>12/18/2019 07:58:03</t>
  </si>
  <si>
    <t>Welcome - 1.url:favicon</t>
  </si>
  <si>
    <t>\\acsfs\profiles$\tiagosno\Favorites\Welcome - 1.url:favicon</t>
  </si>
  <si>
    <t>12/17/2019 20:18:17</t>
  </si>
  <si>
    <t>12/18/2019 08:02:26</t>
  </si>
  <si>
    <t>12/17/2019 20:18:19</t>
  </si>
  <si>
    <t>12/17/2019 20:18:20</t>
  </si>
  <si>
    <t>12/17/2019 20:18:23</t>
  </si>
  <si>
    <t>12/17/2019 20:18:25</t>
  </si>
  <si>
    <t>12/17/2019 20:18:26</t>
  </si>
  <si>
    <t>12/17/2019 20:18:27</t>
  </si>
  <si>
    <t>12/17/2019 20:18:30</t>
  </si>
  <si>
    <t>12/17/2019 20:18:31</t>
  </si>
  <si>
    <t>12/17/2019 20:18:33</t>
  </si>
  <si>
    <t>\\acsfs\profiles$\karenjss\My Documents\</t>
  </si>
  <si>
    <t>12/17/2019 20:18:34</t>
  </si>
  <si>
    <t>12/17/2019 20:18:36</t>
  </si>
  <si>
    <t>12/17/2019 20:18:38</t>
  </si>
  <si>
    <t>12/17/2019 20:18:39</t>
  </si>
  <si>
    <t>12/17/2019 20:18:40</t>
  </si>
  <si>
    <t>12/17/2019 20:18:41</t>
  </si>
  <si>
    <t>12/17/2019 20:18:43</t>
  </si>
  <si>
    <t>12/17/2019 20:18:44</t>
  </si>
  <si>
    <t>12/17/2019 20:18:45</t>
  </si>
  <si>
    <t>12/17/2019 20:18:47</t>
  </si>
  <si>
    <t>12/17/2019 20:18:49</t>
  </si>
  <si>
    <t>12/17/2019 20:18:50</t>
  </si>
  <si>
    <t>12/17/2019 20:18:51</t>
  </si>
  <si>
    <t>12/17/2019 20:18:53</t>
  </si>
  <si>
    <t>12/17/2019 20:18:54</t>
  </si>
  <si>
    <t>12/17/2019 20:18:55</t>
  </si>
  <si>
    <t>12/17/2019 20:18:58</t>
  </si>
  <si>
    <t>12/17/2019 20:18:59</t>
  </si>
  <si>
    <t>\\acsfs\profiles$\karenjss\Favorites\</t>
  </si>
  <si>
    <t>12/17/2019 20:19:01</t>
  </si>
  <si>
    <t>12/17/2019 20:19:02</t>
  </si>
  <si>
    <t>12/17/2019 20:19:03</t>
  </si>
  <si>
    <t>12/17/2019 20:19:05</t>
  </si>
  <si>
    <t>12/17/2019 20:19:06</t>
  </si>
  <si>
    <t>12/17/2019 20:19:08</t>
  </si>
  <si>
    <t>\\acsfs\profiles$\karenjss\Downloads\</t>
  </si>
  <si>
    <t>12/17/2019 20:19:09</t>
  </si>
  <si>
    <t>12/17/2019 20:19:29</t>
  </si>
  <si>
    <t>winrt--{S-1-5-21-602162358-764733703-839522115-322459}-.searchconnector-ms</t>
  </si>
  <si>
    <t>\\acsfs\profiles$\KARENJSS\Searches\winrt--{S-1-5-21-602162358-764733703-839522115-322459}-.searchconnector-ms</t>
  </si>
  <si>
    <t>12/18/2019 07:59:56</t>
  </si>
  <si>
    <t>12/18/2019 08:00:25</t>
  </si>
  <si>
    <t>bbf082b2-45fe-4f3a-bb5b-61c2d436db4b.tmp</t>
  </si>
  <si>
    <t>\\acsfs\profiles$\paulovadc\Downloads\bbf082b2-45fe-4f3a-bb5b-61c2d436db4b.tmp</t>
  </si>
  <si>
    <t>12/18/2019 08:01:47</t>
  </si>
  <si>
    <t>9374b727-e587-40eb-a903-1c98a9097a73.tmp</t>
  </si>
  <si>
    <t>\\acsfs\profiles$\paulovadc\Downloads\9374b727-e587-40eb-a903-1c98a9097a73.tmp</t>
  </si>
  <si>
    <t>12/18/2019 07:56:58</t>
  </si>
  <si>
    <t>12/18/2019 07:57:03</t>
  </si>
  <si>
    <t>12/18/2019 07:57:06</t>
  </si>
  <si>
    <t>MARIANA DE JESUS CONCEICAO</t>
  </si>
  <si>
    <t>/o=exchangelabs/ou=exchange administrative group (fydibohf23spdlt)/cn=recipients/cn=066f391e261e41d38723bb6e42c3a6b3-josias cava;/o=exchangelabs/ou=exchange administrative group (fydibohf23spdlt)/cn=recipients/cn=0b12aab521944ecb8b32eb8c0929be5c-rafael gonz;/o=exchangelabs/ou=exchange administrative group (fydibohf23spdlt)/cn=recipients/cn=5af2cae509964078b2026f7f550380b0-andre luis;/o=exchangelabs/ou=exchange administrative group (fydibohf23spdlt)/cn=recipients/cn=a19b321d5b334e5aadd5d63abdb84bd8-karine fern;/o=exchangelabs/ou=exchange administrative group (fydibohf23spdlt)/cn=recipients/cn=eae1d23908f040f9bf7661e0ceec4c8f-paula crist;</t>
  </si>
  <si>
    <t>Ausência FABRICIO JOSE CASTRO MARTINS</t>
  </si>
  <si>
    <t>/o=exchangelabs/ou=exchange administrative group (fydibohf23spdlt)/cn=recipients/cn=066f391e261e41d38723bb6e42c3a6b3-josias cava,/o=exchangelabs/ou=exchange administrative group (fydibohf23spdlt)/cn=recipients/cn=0b12aab521944ecb8b32eb8c0929be5c-rafael gonz,/o=exchangelabs/ou=exchange administrative group (fydibohf23spdlt)/cn=recipients/cn=5af2cae509964078b2026f7f550380b0-andre luis,/o=exchangelabs/ou=exchange administrative group (fydibohf23spdlt)/cn=recipients/cn=a19b321d5b334e5aadd5d63abdb84bd8-karine fern,/o=exchangelabs/ou=exchange administrative group (fydibohf23spdlt)/cn=recipients/cn=eae1d23908f040f9bf7661e0ceec4c8f-paula crist</t>
  </si>
  <si>
    <t>12/18/2019 07:57:10</t>
  </si>
  <si>
    <t>12/18/2019 07:57:13</t>
  </si>
  <si>
    <t>12/18/2019 07:57:14</t>
  </si>
  <si>
    <t>12/18/2019 07:57:18</t>
  </si>
  <si>
    <t>12/18/2019 07:57:40</t>
  </si>
  <si>
    <t>12/18/2019 07:57:44</t>
  </si>
  <si>
    <t>12/18/2019 07:57:49</t>
  </si>
  <si>
    <t>12/18/2019 07:57:53</t>
  </si>
  <si>
    <t>12/18/2019 07:57:57</t>
  </si>
  <si>
    <t>12/18/2019 07:58:02</t>
  </si>
  <si>
    <t>12/18/2019 07:58:06</t>
  </si>
  <si>
    <t>12/18/2019 07:58:10</t>
  </si>
  <si>
    <t>12/18/2019 07:58:14</t>
  </si>
  <si>
    <t>12/18/2019 07:58:18</t>
  </si>
  <si>
    <t>12/18/2019 07:58:22</t>
  </si>
  <si>
    <t>12/18/2019 07:58:26</t>
  </si>
  <si>
    <t>12/18/2019 07:58:30</t>
  </si>
  <si>
    <t>12/18/2019 07:58:34</t>
  </si>
  <si>
    <t>12/18/2019 07:58:39</t>
  </si>
  <si>
    <t>12/18/2019 07:58:47</t>
  </si>
  <si>
    <t>12/18/2019 07:58:51</t>
  </si>
  <si>
    <t>12/18/2019 07:58:55</t>
  </si>
  <si>
    <t>12/18/2019 07:58:59</t>
  </si>
  <si>
    <t>12/18/2019 07:59:03</t>
  </si>
  <si>
    <t>12/18/2019 07:59:07</t>
  </si>
  <si>
    <t>12/18/2019 07:59:12</t>
  </si>
  <si>
    <t>12/18/2019 07:59:16</t>
  </si>
  <si>
    <t>12/18/2019 07:59:20</t>
  </si>
  <si>
    <t>12/18/2019 07:59:24</t>
  </si>
  <si>
    <t>12/18/2019 07:59:29</t>
  </si>
  <si>
    <t>12/18/2019 07:59:33</t>
  </si>
  <si>
    <t>12/18/2019 07:59:37</t>
  </si>
  <si>
    <t>12/18/2019 07:59:41</t>
  </si>
  <si>
    <t>12/18/2019 07:59:45</t>
  </si>
  <si>
    <t>12/18/2019 07:59:49</t>
  </si>
  <si>
    <t>12/18/2019 07:59:53</t>
  </si>
  <si>
    <t>12/18/2019 07:59:57</t>
  </si>
  <si>
    <t>12/18/2019 08:00:02</t>
  </si>
  <si>
    <t>12/18/2019 08:00:08</t>
  </si>
  <si>
    <t>12/18/2019 08:00:12</t>
  </si>
  <si>
    <t>12/18/2019 08:00:16</t>
  </si>
  <si>
    <t>12/18/2019 08:00:20</t>
  </si>
  <si>
    <t>12/18/2019 08:00:24</t>
  </si>
  <si>
    <t>12/18/2019 08:00:28</t>
  </si>
  <si>
    <t>12/18/2019 08:00:32</t>
  </si>
  <si>
    <t>12/18/2019 08:00:36</t>
  </si>
  <si>
    <t>12/18/2019 08:00:40</t>
  </si>
  <si>
    <t>12/18/2019 08:00:44</t>
  </si>
  <si>
    <t>12/18/2019 08:00:48</t>
  </si>
  <si>
    <t>12/18/2019 08:00:53</t>
  </si>
  <si>
    <t>12/18/2019 08:00:58</t>
  </si>
  <si>
    <t>12/18/2019 08:01:03</t>
  </si>
  <si>
    <t>12/18/2019 08:01:09</t>
  </si>
  <si>
    <t>12/18/2019 08:01:13</t>
  </si>
  <si>
    <t>12/18/2019 08:01:17</t>
  </si>
  <si>
    <t>12/18/2019 08:01:21</t>
  </si>
  <si>
    <t>12/18/2019 08:01:25</t>
  </si>
  <si>
    <t>12/18/2019 08:01:29</t>
  </si>
  <si>
    <t>12/18/2019 08:01:33</t>
  </si>
  <si>
    <t>12/18/2019 08:01:34</t>
  </si>
  <si>
    <t>12/18/2019 08:01:38</t>
  </si>
  <si>
    <t>12/18/2019 08:01:42</t>
  </si>
  <si>
    <t>12/18/2019 08:01:46</t>
  </si>
  <si>
    <t>12/18/2019 08:01:50</t>
  </si>
  <si>
    <t>12/18/2019 08:01:54</t>
  </si>
  <si>
    <t>12/18/2019 08:01:58</t>
  </si>
  <si>
    <t>12/18/2019 08:02:02</t>
  </si>
  <si>
    <t>12/18/2019 08:02:06</t>
  </si>
  <si>
    <t>12/18/2019 08:04:26</t>
  </si>
  <si>
    <t>12/18/2019 08:02:37</t>
  </si>
  <si>
    <t>mail.google.com/_/upload?authuser=0&amp;dcp=asu-n&amp;upload_id=AEnB2UoHRe9FYBV82dHtrTw81aiYRPhaBBRX6RIb-Sy5MQDhUpS3p1grEfsmPpsJYmyfAIa2kEMP3I_wpwCjZj9VGWRR5r6CYQe9IvuJ8ZUQts11zK1ShQM&amp;upload_protocol=resumable</t>
  </si>
  <si>
    <t>C:\A2\PAULAO\SOBREAVISO\JANEIRO 2020\</t>
  </si>
  <si>
    <t>SOBRE AVISO 2020.xlsx</t>
  </si>
  <si>
    <t>12/18/2019 08:02:47</t>
  </si>
  <si>
    <t>12/18/2019 08:05:26</t>
  </si>
  <si>
    <t>\\acsfs\DEPTOS\Operacao\Banco_Votorantim\Qualidade\Anderson\Auditoria de Vendas\Thumbs.db</t>
  </si>
  <si>
    <t>12/18/2019 08:04:01</t>
  </si>
  <si>
    <t>\\acsfs\DEPTOS\Operacao\Banco_Votorantim\Qualidade\Anderson\Auditoria de Vendas\Laudo\BV Cartoes\Novembro\Regiz - PP\</t>
  </si>
  <si>
    <t>\\acsfs\DEPTOS\Operacao\Banco_Votorantim\Qualidade\Anderson\Auditoria de Vendas\Laudo\BV Cartoes\Novembro\Regiz - PP\Thumbs.db</t>
  </si>
  <si>
    <t>434453f5-39b9-4f15-80a5-089be5f3e560.tmp</t>
  </si>
  <si>
    <t>\\acsfs\profiles$\luanarda\Downloads\434453f5-39b9-4f15-80a5-089be5f3e560.tmp</t>
  </si>
  <si>
    <t>12/18/2019 08:03:35</t>
  </si>
  <si>
    <t>7bd0efb4-2520-409c-8286-263e20f88809.tmp</t>
  </si>
  <si>
    <t>\\acsfs\profiles$\luanarda\Downloads\7bd0efb4-2520-409c-8286-263e20f88809.tmp</t>
  </si>
  <si>
    <t>12/18/2019 08:02:17</t>
  </si>
  <si>
    <t>12/18/2019 08:03:11</t>
  </si>
  <si>
    <t>fa511946-d2bd-4760-873b-b12eec5ef486.tmp</t>
  </si>
  <si>
    <t>\\acsfs\profiles$\jonatanls\Downloads\fa511946-d2bd-4760-873b-b12eec5ef486.tmp</t>
  </si>
  <si>
    <t>12/18/2019 08:04:03</t>
  </si>
  <si>
    <t>12/18/2019 08:06:26</t>
  </si>
  <si>
    <t>765fa4b9-c1c2-40ad-a7f0-3b8bb024b413.tmp</t>
  </si>
  <si>
    <t>\\acsfs\profiles$\gabrielarb\Downloads\765fa4b9-c1c2-40ad-a7f0-3b8bb024b413.tmp</t>
  </si>
  <si>
    <t>12/18/2019 08:03:37</t>
  </si>
  <si>
    <t>419c65fc-91c9-4f03-bdf5-a24755404aa4.tmp</t>
  </si>
  <si>
    <t>\\acsfs\profiles$\dhiulliananads\Downloads\419c65fc-91c9-4f03-bdf5-a24755404aa4.tmp</t>
  </si>
  <si>
    <t>12/18/2019 08:04:04</t>
  </si>
  <si>
    <t>6b3fe328-25b1-4e0f-b264-4be683cd5ae8.tmp</t>
  </si>
  <si>
    <t>\\acsfs\profiles$\dhiulliananads\Downloads\6b3fe328-25b1-4e0f-b264-4be683cd5ae8.tmp</t>
  </si>
  <si>
    <t>12/18/2019 08:05:09</t>
  </si>
  <si>
    <t>12/18/2019 08:07:26</t>
  </si>
  <si>
    <t>25475fe2-726a-4bfc-9328-c2ca9364bc86.tmp</t>
  </si>
  <si>
    <t>\\acsfs\profiles$\raicabog\Downloads\25475fe2-726a-4bfc-9328-c2ca9364bc86.tmp</t>
  </si>
  <si>
    <t>12/18/2019 08:05:59</t>
  </si>
  <si>
    <t>4a013406-6c2f-4299-9f41-91588f50f57f.tmp</t>
  </si>
  <si>
    <t>\\acsfs\profiles$\raicabog\Downloads\4a013406-6c2f-4299-9f41-91588f50f57f.tmp</t>
  </si>
  <si>
    <t>12/18/2019 08:04:16</t>
  </si>
  <si>
    <t>12/18/2019 08:02:40</t>
  </si>
  <si>
    <t>12/18/2019 08:02:11</t>
  </si>
  <si>
    <t>12/18/2019 08:02:15</t>
  </si>
  <si>
    <t>12/18/2019 08:02:19</t>
  </si>
  <si>
    <t>12/18/2019 08:02:23</t>
  </si>
  <si>
    <t>12/18/2019 08:02:28</t>
  </si>
  <si>
    <t>12/18/2019 08:02:32</t>
  </si>
  <si>
    <t>12/18/2019 08:02:36</t>
  </si>
  <si>
    <t>12/18/2019 08:02:41</t>
  </si>
  <si>
    <t>12/18/2019 08:02:45</t>
  </si>
  <si>
    <t>12/18/2019 08:02:49</t>
  </si>
  <si>
    <t>12/18/2019 08:02:53</t>
  </si>
  <si>
    <t>12/18/2019 08:02:57</t>
  </si>
  <si>
    <t>12/18/2019 08:03:01</t>
  </si>
  <si>
    <t>12/18/2019 08:03:05</t>
  </si>
  <si>
    <t>12/18/2019 08:03:09</t>
  </si>
  <si>
    <t>12/18/2019 08:03:13</t>
  </si>
  <si>
    <t>12/18/2019 08:03:17</t>
  </si>
  <si>
    <t>12/18/2019 08:03:22</t>
  </si>
  <si>
    <t>12/18/2019 08:03:26</t>
  </si>
  <si>
    <t>12/18/2019 08:03:30</t>
  </si>
  <si>
    <t>12/18/2019 08:03:34</t>
  </si>
  <si>
    <t>12/18/2019 08:03:38</t>
  </si>
  <si>
    <t>12/18/2019 08:03:42</t>
  </si>
  <si>
    <t>12/18/2019 08:03:46</t>
  </si>
  <si>
    <t>12/18/2019 08:03:50</t>
  </si>
  <si>
    <t>12/18/2019 08:03:54</t>
  </si>
  <si>
    <t>12/18/2019 08:03:58</t>
  </si>
  <si>
    <t>12/18/2019 08:04:07</t>
  </si>
  <si>
    <t>12/18/2019 08:04:11</t>
  </si>
  <si>
    <t>12/18/2019 08:04:15</t>
  </si>
  <si>
    <t>12/18/2019 08:04:19</t>
  </si>
  <si>
    <t>12/18/2019 08:04:23</t>
  </si>
  <si>
    <t>12/18/2019 08:04:27</t>
  </si>
  <si>
    <t>12/18/2019 08:04:31</t>
  </si>
  <si>
    <t>12/18/2019 08:04:35</t>
  </si>
  <si>
    <t>12/18/2019 08:04:40</t>
  </si>
  <si>
    <t>12/18/2019 08:04:44</t>
  </si>
  <si>
    <t>12/18/2019 08:04:48</t>
  </si>
  <si>
    <t>12/18/2019 08:04:52</t>
  </si>
  <si>
    <t>12/18/2019 08:04:56</t>
  </si>
  <si>
    <t>12/18/2019 08:05:00</t>
  </si>
  <si>
    <t>12/18/2019 08:05:05</t>
  </si>
  <si>
    <t>12/18/2019 08:05:13</t>
  </si>
  <si>
    <t>12/18/2019 08:05:17</t>
  </si>
  <si>
    <t>12/18/2019 08:05:21</t>
  </si>
  <si>
    <t>12/18/2019 08:05:25</t>
  </si>
  <si>
    <t>12/18/2019 08:05:29</t>
  </si>
  <si>
    <t>12/18/2019 08:05:33</t>
  </si>
  <si>
    <t>12/18/2019 08:05:38</t>
  </si>
  <si>
    <t>12/18/2019 08:05:42</t>
  </si>
  <si>
    <t>12/18/2019 08:05:46</t>
  </si>
  <si>
    <t>12/18/2019 08:05:50</t>
  </si>
  <si>
    <t>12/18/2019 08:05:54</t>
  </si>
  <si>
    <t>12/18/2019 08:06:04</t>
  </si>
  <si>
    <t>12/18/2019 08:06:09</t>
  </si>
  <si>
    <t>12/18/2019 08:06:13</t>
  </si>
  <si>
    <t>12/18/2019 08:06:17</t>
  </si>
  <si>
    <t>12/18/2019 08:06:21</t>
  </si>
  <si>
    <t>12/18/2019 08:06:25</t>
  </si>
  <si>
    <t>12/18/2019 08:06:30</t>
  </si>
  <si>
    <t>12/18/2019 08:06:34</t>
  </si>
  <si>
    <t>12/18/2019 08:06:38</t>
  </si>
  <si>
    <t>12/18/2019 08:06:42</t>
  </si>
  <si>
    <t>12/18/2019 08:06:46</t>
  </si>
  <si>
    <t>12/18/2019 08:06:50</t>
  </si>
  <si>
    <t>12/18/2019 08:06:54</t>
  </si>
  <si>
    <t>12/18/2019 08:06:59</t>
  </si>
  <si>
    <t>12/18/2019 08:07:03</t>
  </si>
  <si>
    <t>12/18/2019 08:07:07</t>
  </si>
  <si>
    <t>12/18/2019 08:07:11</t>
  </si>
  <si>
    <t>12/18/2019 08:07:15</t>
  </si>
  <si>
    <t>12/18/2019 08:08:26</t>
  </si>
  <si>
    <t>12/18/2019 08:07:01</t>
  </si>
  <si>
    <t>080bbc40-81ff-46b2-8fa7-666866559d16.tmp</t>
  </si>
  <si>
    <t>\\acsfs\profiles$\vivianalds\Downloads\080bbc40-81ff-46b2-8fa7-666866559d16.tmp</t>
  </si>
  <si>
    <t>12/18/2019 08:05:47</t>
  </si>
  <si>
    <t>12/18/2019 08:06:18</t>
  </si>
  <si>
    <t>c9e06359-3b46-440c-96a5-f501786c3c9c.tmp</t>
  </si>
  <si>
    <t>\\acsfs\profiles$\felipetds\Downloads\c9e06359-3b46-440c-96a5-f501786c3c9c.tmp</t>
  </si>
  <si>
    <t>12/18/2019 08:07:25</t>
  </si>
  <si>
    <t>ecf7f24d-ef81-44eb-90c9-c8c0845ea0d9.tmp</t>
  </si>
  <si>
    <t>\\acsfs\profiles$\felipetds\Downloads\ecf7f24d-ef81-44eb-90c9-c8c0845ea0d9.tmp</t>
  </si>
  <si>
    <t>12/18/2019 08:09:26</t>
  </si>
  <si>
    <t>12/18/2019 08:05:10</t>
  </si>
  <si>
    <t>12/18/2019 08:07:28</t>
  </si>
  <si>
    <t>e07a9511-dafd-4b5d-891c-92402c770b2e.tmp</t>
  </si>
  <si>
    <t>\\acsfs\profiles$\milenaas\Downloads\e07a9511-dafd-4b5d-891c-92402c770b2e.tmp</t>
  </si>
  <si>
    <t>12/18/2019 08:08:53</t>
  </si>
  <si>
    <t>d1f05567-4e60-4550-8cf8-e561d6499eac.tmp</t>
  </si>
  <si>
    <t>\\acsfs\profiles$\milenaas\Downloads\d1f05567-4e60-4550-8cf8-e561d6499eac.tmp</t>
  </si>
  <si>
    <t>12/18/2019 08:10:26</t>
  </si>
  <si>
    <t>03aa5df3-779b-4a5f-8927-e1d1843e586f.tmp</t>
  </si>
  <si>
    <t>\\acsfs\profiles$\luanarda\Downloads\03aa5df3-779b-4a5f-8927-e1d1843e586f.tmp</t>
  </si>
  <si>
    <t>12/18/2019 08:10:05</t>
  </si>
  <si>
    <t>12/18/2019 08:11:26</t>
  </si>
  <si>
    <t>0a36c8a4-f553-4866-b2de-388e37e5dbde.tmp</t>
  </si>
  <si>
    <t>\\acsfs\profiles$\gabrielarb\Downloads\0a36c8a4-f553-4866-b2de-388e37e5dbde.tmp</t>
  </si>
  <si>
    <t>12/18/2019 08:06:33</t>
  </si>
  <si>
    <t>12/18/2019 08:11:10</t>
  </si>
  <si>
    <t>12/18/2019 08:12:26</t>
  </si>
  <si>
    <t>ed1873ab-d752-40a0-b173-9a4ad405382a.tmp</t>
  </si>
  <si>
    <t>\\acsfs\profiles$\raicabog\Downloads\ed1873ab-d752-40a0-b173-9a4ad405382a.tmp</t>
  </si>
  <si>
    <t>12/18/2019 08:10:31</t>
  </si>
  <si>
    <t>518668c6-d822-47aa-8382-d479fbd64b2b.tmp</t>
  </si>
  <si>
    <t>\\acsfs\profiles$\adrielyas\Downloads\518668c6-d822-47aa-8382-d479fbd64b2b.tmp</t>
  </si>
  <si>
    <t>12/18/2019 08:07:04</t>
  </si>
  <si>
    <t>80ebaeda-79a6-4492-a008-11c0de972c78.tmp</t>
  </si>
  <si>
    <t>\\acsfs\profiles$\paulovadc\Downloads\80ebaeda-79a6-4492-a008-11c0de972c78.tmp</t>
  </si>
  <si>
    <t>12/18/2019 08:07:19</t>
  </si>
  <si>
    <t>12/18/2019 08:07:24</t>
  </si>
  <si>
    <t>12/18/2019 08:07:32</t>
  </si>
  <si>
    <t>12/18/2019 08:07:34</t>
  </si>
  <si>
    <t>12/18/2019 08:07:36</t>
  </si>
  <si>
    <t>12/18/2019 08:07:40</t>
  </si>
  <si>
    <t>12/18/2019 08:07:44</t>
  </si>
  <si>
    <t>12/18/2019 08:07:48</t>
  </si>
  <si>
    <t>12/18/2019 08:07:52</t>
  </si>
  <si>
    <t>12/18/2019 08:07:56</t>
  </si>
  <si>
    <t>12/18/2019 08:08:01</t>
  </si>
  <si>
    <t>12/18/2019 08:08:05</t>
  </si>
  <si>
    <t>12/18/2019 08:08:09</t>
  </si>
  <si>
    <t>12/18/2019 08:08:13</t>
  </si>
  <si>
    <t>12/18/2019 08:13:26</t>
  </si>
  <si>
    <t>12/18/2019 08:08:17</t>
  </si>
  <si>
    <t>12/18/2019 08:08:21</t>
  </si>
  <si>
    <t>12/18/2019 08:08:25</t>
  </si>
  <si>
    <t>12/18/2019 08:08:29</t>
  </si>
  <si>
    <t>12/18/2019 08:08:33</t>
  </si>
  <si>
    <t>12/18/2019 08:08:38</t>
  </si>
  <si>
    <t>12/18/2019 08:08:42</t>
  </si>
  <si>
    <t>12/18/2019 08:08:46</t>
  </si>
  <si>
    <t>12/18/2019 08:08:50</t>
  </si>
  <si>
    <t>12/18/2019 08:08:54</t>
  </si>
  <si>
    <t>12/18/2019 08:08:58</t>
  </si>
  <si>
    <t>12/18/2019 08:09:02</t>
  </si>
  <si>
    <t>12/18/2019 08:09:06</t>
  </si>
  <si>
    <t>12/18/2019 08:09:10</t>
  </si>
  <si>
    <t>12/18/2019 08:09:14</t>
  </si>
  <si>
    <t>12/18/2019 08:09:19</t>
  </si>
  <si>
    <t>12/18/2019 08:09:23</t>
  </si>
  <si>
    <t>12/18/2019 08:09:27</t>
  </si>
  <si>
    <t>12/18/2019 08:09:31</t>
  </si>
  <si>
    <t>12/18/2019 08:09:35</t>
  </si>
  <si>
    <t>12/18/2019 08:09:39</t>
  </si>
  <si>
    <t>12/18/2019 08:09:43</t>
  </si>
  <si>
    <t>12/18/2019 08:09:47</t>
  </si>
  <si>
    <t>12/18/2019 08:09:51</t>
  </si>
  <si>
    <t>12/18/2019 08:09:56</t>
  </si>
  <si>
    <t>12/18/2019 08:10:00</t>
  </si>
  <si>
    <t>12/18/2019 08:10:08</t>
  </si>
  <si>
    <t>12/18/2019 08:10:12</t>
  </si>
  <si>
    <t>12/18/2019 08:10:16</t>
  </si>
  <si>
    <t>12/18/2019 08:10:20</t>
  </si>
  <si>
    <t>12/18/2019 08:10:24</t>
  </si>
  <si>
    <t>12/18/2019 08:10:28</t>
  </si>
  <si>
    <t>12/18/2019 08:10:32</t>
  </si>
  <si>
    <t>12/18/2019 08:10:36</t>
  </si>
  <si>
    <t>12/18/2019 08:10:41</t>
  </si>
  <si>
    <t>12/18/2019 08:10:45</t>
  </si>
  <si>
    <t>12/18/2019 08:10:49</t>
  </si>
  <si>
    <t>12/18/2019 08:10:53</t>
  </si>
  <si>
    <t>12/18/2019 08:10:57</t>
  </si>
  <si>
    <t>12/18/2019 08:11:01</t>
  </si>
  <si>
    <t>12/18/2019 08:11:06</t>
  </si>
  <si>
    <t>12/18/2019 08:11:12</t>
  </si>
  <si>
    <t>12/18/2019 08:11:17</t>
  </si>
  <si>
    <t>12/18/2019 08:11:21</t>
  </si>
  <si>
    <t>12/18/2019 08:11:25</t>
  </si>
  <si>
    <t>12/18/2019 08:11:29</t>
  </si>
  <si>
    <t>12/18/2019 08:11:33</t>
  </si>
  <si>
    <t>12/18/2019 08:11:37</t>
  </si>
  <si>
    <t>12/18/2019 08:11:42</t>
  </si>
  <si>
    <t>12/18/2019 08:11:46</t>
  </si>
  <si>
    <t>12/18/2019 08:11:50</t>
  </si>
  <si>
    <t>12/18/2019 08:11:54</t>
  </si>
  <si>
    <t>12/18/2019 08:11:58</t>
  </si>
  <si>
    <t>12/18/2019 08:12:02</t>
  </si>
  <si>
    <t>12/18/2019 08:12:06</t>
  </si>
  <si>
    <t>12/18/2019 08:12:10</t>
  </si>
  <si>
    <t>12/18/2019 08:12:15</t>
  </si>
  <si>
    <t>12/18/2019 08:12:19</t>
  </si>
  <si>
    <t>12/18/2019 08:12:55</t>
  </si>
  <si>
    <t>https://udpmailboxap01.acs.com.br:8443/h/search?si=0&amp;so=0&amp;sc=47156&amp;st=conversation&amp;action=compose&amp;paction=paneview</t>
  </si>
  <si>
    <t>41a99bac-2c02-42b3-8b3d-284c05a22d70.tmp</t>
  </si>
  <si>
    <t>\\acsfs\profiles$\vivianalds\Downloads\41a99bac-2c02-42b3-8b3d-284c05a22d70.tmp</t>
  </si>
  <si>
    <t>12/18/2019 08:10:38</t>
  </si>
  <si>
    <t>12/18/2019 08:14:26</t>
  </si>
  <si>
    <t>12/18/2019 08:10:43</t>
  </si>
  <si>
    <t>12/18/2019 08:12:54</t>
  </si>
  <si>
    <t>12/18/2019 08:09:18</t>
  </si>
  <si>
    <t>b4324f6b-deb8-4311-ab4c-de90e23e3166.tmp</t>
  </si>
  <si>
    <t>\\acsfs\profiles$\milenaas\Downloads\b4324f6b-deb8-4311-ab4c-de90e23e3166.tmp</t>
  </si>
  <si>
    <t>5617513c-f97a-480b-9ced-e8a33f835e31.tmp</t>
  </si>
  <si>
    <t>\\acsfs\profiles$\milenaas\Downloads\5617513c-f97a-480b-9ced-e8a33f835e31.tmp</t>
  </si>
  <si>
    <t>12/18/2019 08:13:28</t>
  </si>
  <si>
    <t>12/18/2019 08:15:25</t>
  </si>
  <si>
    <t>12/18/2019 08:14:21</t>
  </si>
  <si>
    <t>12/18/2019 08:16:26</t>
  </si>
  <si>
    <t>12/18/2019 08:16:19</t>
  </si>
  <si>
    <t>12/18/2019 08:17:25</t>
  </si>
  <si>
    <t>12/18/2019 08:16:20</t>
  </si>
  <si>
    <t>12/18/2019 08:16:21</t>
  </si>
  <si>
    <t>12/18/2019 08:16:22</t>
  </si>
  <si>
    <t>12/18/2019 08:16:23</t>
  </si>
  <si>
    <t>12/18/2019 08:16:24</t>
  </si>
  <si>
    <t>12/18/2019 08:16:25</t>
  </si>
  <si>
    <t>12/18/2019 08:16:27</t>
  </si>
  <si>
    <t>12/18/2019 08:16:28</t>
  </si>
  <si>
    <t>12/18/2019 08:16:29</t>
  </si>
  <si>
    <t>12/18/2019 08:12:18</t>
  </si>
  <si>
    <t>12/18/2019 08:12:45</t>
  </si>
  <si>
    <t>12/18/2019 08:12:23</t>
  </si>
  <si>
    <t>12/18/2019 08:18:26</t>
  </si>
  <si>
    <t>12/18/2019 08:12:27</t>
  </si>
  <si>
    <t>12/18/2019 08:12:31</t>
  </si>
  <si>
    <t>12/18/2019 08:12:35</t>
  </si>
  <si>
    <t>12/18/2019 08:12:39</t>
  </si>
  <si>
    <t>12/18/2019 08:12:43</t>
  </si>
  <si>
    <t>12/18/2019 08:12:48</t>
  </si>
  <si>
    <t>12/18/2019 08:12:52</t>
  </si>
  <si>
    <t>12/18/2019 08:12:56</t>
  </si>
  <si>
    <t>12/18/2019 08:13:00</t>
  </si>
  <si>
    <t>12/18/2019 08:13:04</t>
  </si>
  <si>
    <t>12/18/2019 08:13:08</t>
  </si>
  <si>
    <t>12/18/2019 08:13:12</t>
  </si>
  <si>
    <t>12/18/2019 08:13:16</t>
  </si>
  <si>
    <t>12/18/2019 08:13:21</t>
  </si>
  <si>
    <t>12/18/2019 08:13:25</t>
  </si>
  <si>
    <t>12/18/2019 08:13:29</t>
  </si>
  <si>
    <t>12/18/2019 08:13:33</t>
  </si>
  <si>
    <t>12/18/2019 08:13:34</t>
  </si>
  <si>
    <t>12/18/2019 08:13:37</t>
  </si>
  <si>
    <t>12/18/2019 08:13:41</t>
  </si>
  <si>
    <t>12/18/2019 08:13:45</t>
  </si>
  <si>
    <t>12/18/2019 08:13:49</t>
  </si>
  <si>
    <t>12/18/2019 08:13:53</t>
  </si>
  <si>
    <t>12/18/2019 08:13:57</t>
  </si>
  <si>
    <t>12/18/2019 08:14:02</t>
  </si>
  <si>
    <t>12/18/2019 08:14:06</t>
  </si>
  <si>
    <t>12/18/2019 08:14:10</t>
  </si>
  <si>
    <t>12/18/2019 08:14:14</t>
  </si>
  <si>
    <t>12/18/2019 08:14:18</t>
  </si>
  <si>
    <t>12/18/2019 08:14:22</t>
  </si>
  <si>
    <t>12/18/2019 08:14:30</t>
  </si>
  <si>
    <t>12/18/2019 08:14:34</t>
  </si>
  <si>
    <t>12/18/2019 08:14:39</t>
  </si>
  <si>
    <t>12/18/2019 08:14:43</t>
  </si>
  <si>
    <t>12/18/2019 08:14:47</t>
  </si>
  <si>
    <t>12/18/2019 08:14:51</t>
  </si>
  <si>
    <t>12/18/2019 08:14:55</t>
  </si>
  <si>
    <t>12/18/2019 08:14:59</t>
  </si>
  <si>
    <t>12/18/2019 08:15:04</t>
  </si>
  <si>
    <t>12/18/2019 08:15:08</t>
  </si>
  <si>
    <t>12/18/2019 08:15:13</t>
  </si>
  <si>
    <t>12/18/2019 08:15:17</t>
  </si>
  <si>
    <t>12/18/2019 08:15:21</t>
  </si>
  <si>
    <t>12/18/2019 08:15:29</t>
  </si>
  <si>
    <t>12/18/2019 08:15:33</t>
  </si>
  <si>
    <t>12/18/2019 08:15:37</t>
  </si>
  <si>
    <t>12/18/2019 08:15:41</t>
  </si>
  <si>
    <t>12/18/2019 08:15:45</t>
  </si>
  <si>
    <t>12/18/2019 08:15:49</t>
  </si>
  <si>
    <t>12/18/2019 08:15:54</t>
  </si>
  <si>
    <t>12/18/2019 08:15:58</t>
  </si>
  <si>
    <t>12/18/2019 08:16:02</t>
  </si>
  <si>
    <t>12/18/2019 08:16:06</t>
  </si>
  <si>
    <t>12/18/2019 08:16:10</t>
  </si>
  <si>
    <t>12/18/2019 08:16:15</t>
  </si>
  <si>
    <t>12/18/2019 08:16:33</t>
  </si>
  <si>
    <t>12/18/2019 08:16:38</t>
  </si>
  <si>
    <t>12/18/2019 08:16:42</t>
  </si>
  <si>
    <t>12/18/2019 08:16:46</t>
  </si>
  <si>
    <t>12/18/2019 08:16:50</t>
  </si>
  <si>
    <t>12/18/2019 08:16:54</t>
  </si>
  <si>
    <t>12/18/2019 08:16:58</t>
  </si>
  <si>
    <t>12/18/2019 08:17:03</t>
  </si>
  <si>
    <t>12/18/2019 08:17:08</t>
  </si>
  <si>
    <t>12/18/2019 08:17:12</t>
  </si>
  <si>
    <t>12/18/2019 08:17:16</t>
  </si>
  <si>
    <t>12/18/2019 08:17:20</t>
  </si>
  <si>
    <t>12/18/2019 08:17:24</t>
  </si>
  <si>
    <t>12/18/2019 08:17:29</t>
  </si>
  <si>
    <t>12/18/2019 08:14:25</t>
  </si>
  <si>
    <t>12/18/2019 08:15:10</t>
  </si>
  <si>
    <t>d1450fd1-cbe8-40bc-ae92-2343f136d2ca.tmp</t>
  </si>
  <si>
    <t>\\acsfs\profiles$\geovannasm\Downloads\d1450fd1-cbe8-40bc-ae92-2343f136d2ca.tmp</t>
  </si>
  <si>
    <t>3a858978-a204-4c5c-868d-c66cc6c9c774.tmp</t>
  </si>
  <si>
    <t>\\acsfs\profiles$\geovannasm\Downloads\3a858978-a204-4c5c-868d-c66cc6c9c774.tmp</t>
  </si>
  <si>
    <t>12/18/2019 08:15:32</t>
  </si>
  <si>
    <t>b57a57de-0dd1-479c-a535-34766ebfa8c3.tmp</t>
  </si>
  <si>
    <t>\\acsfs\profiles$\geovannasm\Downloads\b57a57de-0dd1-479c-a535-34766ebfa8c3.tmp</t>
  </si>
  <si>
    <t>12/18/2019 08:17:02</t>
  </si>
  <si>
    <t>36b33e86-c038-4d35-b650-c83c8fe7cac1.tmp</t>
  </si>
  <si>
    <t>\\acsfs\profiles$\geovannasm\Downloads\36b33e86-c038-4d35-b650-c83c8fe7cac1.tmp</t>
  </si>
  <si>
    <t>12/18/2019 08:17:35</t>
  </si>
  <si>
    <t>3d70bd89-8314-4594-a998-dc7e768cdaf6.tmp</t>
  </si>
  <si>
    <t>\\acsfs\profiles$\geovannasm\Downloads\3d70bd89-8314-4594-a998-dc7e768cdaf6.tmp</t>
  </si>
  <si>
    <t>12/18/2019 08:19:26</t>
  </si>
  <si>
    <t>12/18/2019 08:15:00</t>
  </si>
  <si>
    <t>mail.google.com/sync/u/0/i/s?hl=pt-BR&amp;c=783</t>
  </si>
  <si>
    <t>12/18/2019 08:15:26</t>
  </si>
  <si>
    <t>mail.google.com/sync/u/0/i/s?hl=pt-BR&amp;c=785</t>
  </si>
  <si>
    <t>12/18/2019 08:15:31</t>
  </si>
  <si>
    <t>mail.google.com/sync/u/0/i/s?hl=pt-BR&amp;c=787</t>
  </si>
  <si>
    <t>12/18/2019 08:15:47</t>
  </si>
  <si>
    <t>mail.google.com/sync/u/0/i/s?hl=pt-BR&amp;c=791</t>
  </si>
  <si>
    <t>12/18/2019 08:15:55</t>
  </si>
  <si>
    <t>mail.google.com/sync/u/0/i/s?hl=pt-BR&amp;c=793</t>
  </si>
  <si>
    <t>mail.google.com/sync/u/0/i/s?hl=pt-BR&amp;c=795</t>
  </si>
  <si>
    <t>mail.google.com/sync/u/0/i/s?hl=pt-BR&amp;c=797</t>
  </si>
  <si>
    <t>12/18/2019 08:16:35</t>
  </si>
  <si>
    <t>mail.google.com/sync/u/0/i/s?hl=pt-BR&amp;c=799</t>
  </si>
  <si>
    <t>12/18/2019 08:16:43</t>
  </si>
  <si>
    <t>12/18/2019 08:16:53</t>
  </si>
  <si>
    <t>mail.google.com/sync/u/0/i/s?hl=pt-BR&amp;c=802</t>
  </si>
  <si>
    <t>12/18/2019 08:20:48</t>
  </si>
  <si>
    <t>12/18/2019 08:21:26</t>
  </si>
  <si>
    <t>1889f260-125a-4a8f-b5cc-aee728727668.tmp</t>
  </si>
  <si>
    <t>\\acsfs\profiles$\deborahsi\Downloads\1889f260-125a-4a8f-b5cc-aee728727668.tmp</t>
  </si>
  <si>
    <t>12/18/2019 08:20:14</t>
  </si>
  <si>
    <t>12/18/2019 08:20:15</t>
  </si>
  <si>
    <t>12/18/2019 08:20:16</t>
  </si>
  <si>
    <t>12/18/2019 08:20:17</t>
  </si>
  <si>
    <t>12/18/2019 08:20:18</t>
  </si>
  <si>
    <t>12/18/2019 08:20:19</t>
  </si>
  <si>
    <t>12/18/2019 08:20:20</t>
  </si>
  <si>
    <t>12/18/2019 08:20:21</t>
  </si>
  <si>
    <t>12/18/2019 08:20:22</t>
  </si>
  <si>
    <t>12/18/2019 08:20:23</t>
  </si>
  <si>
    <t>12/18/2019 08:20:24</t>
  </si>
  <si>
    <t>12/18/2019 08:20:25</t>
  </si>
  <si>
    <t>12/18/2019 08:20:26</t>
  </si>
  <si>
    <t>12/18/2019 08:20:27</t>
  </si>
  <si>
    <t>12/18/2019 08:20:28</t>
  </si>
  <si>
    <t>12/18/2019 08:20:29</t>
  </si>
  <si>
    <t>12/18/2019 08:20:30</t>
  </si>
  <si>
    <t>12/18/2019 08:20:31</t>
  </si>
  <si>
    <t>12/18/2019 08:20:32</t>
  </si>
  <si>
    <t>12/18/2019 08:20:33</t>
  </si>
  <si>
    <t>12/18/2019 08:20:34</t>
  </si>
  <si>
    <t>12/18/2019 08:20:35</t>
  </si>
  <si>
    <t>12/18/2019 08:20:36</t>
  </si>
  <si>
    <t>12/18/2019 08:19:46</t>
  </si>
  <si>
    <t>12/18/2019 08:22:26</t>
  </si>
  <si>
    <t>75dd8a49-62c6-41c4-940b-cbb0574297fe.tmp</t>
  </si>
  <si>
    <t>\\acsfs\profiles$\larissaad\Downloads\75dd8a49-62c6-41c4-940b-cbb0574297fe.tmp</t>
  </si>
  <si>
    <t>12/18/2019 08:19:51</t>
  </si>
  <si>
    <t>d94596c1-8c66-46f9-9577-ff0378e9456a.tmp</t>
  </si>
  <si>
    <t>\\acsfs\profiles$\larissaad\Downloads\d94596c1-8c66-46f9-9577-ff0378e9456a.tmp</t>
  </si>
  <si>
    <t>12/18/2019 08:21:23</t>
  </si>
  <si>
    <t>d5667c47-84f4-4527-af36-9d73615d2822.tmp</t>
  </si>
  <si>
    <t>\\acsfs\profiles$\larissaad\Downloads\d5667c47-84f4-4527-af36-9d73615d2822.tmp</t>
  </si>
  <si>
    <t>12/18/2019 08:16:30</t>
  </si>
  <si>
    <t>12/18/2019 08:16:31</t>
  </si>
  <si>
    <t>12/18/2019 08:16:32</t>
  </si>
  <si>
    <t>12/18/2019 08:16:34</t>
  </si>
  <si>
    <t>12/18/2019 08:16:36</t>
  </si>
  <si>
    <t>12/18/2019 08:16:37</t>
  </si>
  <si>
    <t>12/18/2019 08:16:39</t>
  </si>
  <si>
    <t>12/18/2019 08:16:40</t>
  </si>
  <si>
    <t>12/18/2019 08:16:41</t>
  </si>
  <si>
    <t>12/18/2019 08:16:44</t>
  </si>
  <si>
    <t>12/18/2019 08:16:45</t>
  </si>
  <si>
    <t>12/17/2019 11:39:17</t>
  </si>
  <si>
    <t>10.16.72.53</t>
  </si>
  <si>
    <t>paulocruz@algartech.com</t>
  </si>
  <si>
    <t>C:\Users\pauloscr\Downloads\RAO 12-2019 v2 (1).pptx\</t>
  </si>
  <si>
    <t>12/17/2019 11:39:18</t>
  </si>
  <si>
    <t>12/17/2019 11:39:26</t>
  </si>
  <si>
    <t>mail.google.com/_/upload?authuser=0&amp;dcp=asu-n&amp;upload_id=AEnB2UqbZJpnuWLohRurrn5azV4JGmrC94NrvhKJVIe5vt_6W0jkXfNqE-k2-wMtkGqFiwQJB9gan8Hul9SpY6_f7xlBwp04Z7qol3Uv2nOHvLZt6yaV6uQ&amp;upload_protocol=resumable</t>
  </si>
  <si>
    <t>12/17/2019 11:39:27</t>
  </si>
  <si>
    <t>12/18/2019 08:17:33</t>
  </si>
  <si>
    <t>12/18/2019 08:23:26</t>
  </si>
  <si>
    <t>12/18/2019 08:17:37</t>
  </si>
  <si>
    <t>12/18/2019 08:17:41</t>
  </si>
  <si>
    <t>12/18/2019 08:17:46</t>
  </si>
  <si>
    <t>12/18/2019 08:17:50</t>
  </si>
  <si>
    <t>12/18/2019 08:17:54</t>
  </si>
  <si>
    <t>12/18/2019 08:17:58</t>
  </si>
  <si>
    <t>12/18/2019 08:18:03</t>
  </si>
  <si>
    <t>12/18/2019 08:18:07</t>
  </si>
  <si>
    <t>12/18/2019 08:18:11</t>
  </si>
  <si>
    <t>12/18/2019 08:18:15</t>
  </si>
  <si>
    <t>12/18/2019 08:18:19</t>
  </si>
  <si>
    <t>12/18/2019 08:18:23</t>
  </si>
  <si>
    <t>12/18/2019 08:18:28</t>
  </si>
  <si>
    <t>12/18/2019 08:18:32</t>
  </si>
  <si>
    <t>12/18/2019 08:18:36</t>
  </si>
  <si>
    <t>12/18/2019 08:18:40</t>
  </si>
  <si>
    <t>12/18/2019 08:18:45</t>
  </si>
  <si>
    <t>12/18/2019 08:18:49</t>
  </si>
  <si>
    <t>12/18/2019 08:18:53</t>
  </si>
  <si>
    <t>12/18/2019 08:18:57</t>
  </si>
  <si>
    <t>12/18/2019 08:19:01</t>
  </si>
  <si>
    <t>12/18/2019 08:19:05</t>
  </si>
  <si>
    <t>12/18/2019 08:19:09</t>
  </si>
  <si>
    <t>12/18/2019 08:19:13</t>
  </si>
  <si>
    <t>12/18/2019 08:19:20</t>
  </si>
  <si>
    <t>12/18/2019 08:19:23</t>
  </si>
  <si>
    <t>12/18/2019 08:19:27</t>
  </si>
  <si>
    <t>12/18/2019 08:19:31</t>
  </si>
  <si>
    <t>12/18/2019 08:19:35</t>
  </si>
  <si>
    <t>12/18/2019 08:19:39</t>
  </si>
  <si>
    <t>12/18/2019 08:19:43</t>
  </si>
  <si>
    <t>12/18/2019 08:19:48</t>
  </si>
  <si>
    <t>12/18/2019 08:19:52</t>
  </si>
  <si>
    <t>12/18/2019 08:19:56</t>
  </si>
  <si>
    <t>12/18/2019 08:20:00</t>
  </si>
  <si>
    <t>12/18/2019 08:20:04</t>
  </si>
  <si>
    <t>12/18/2019 08:20:08</t>
  </si>
  <si>
    <t>12/18/2019 08:20:12</t>
  </si>
  <si>
    <t>12/18/2019 08:20:37</t>
  </si>
  <si>
    <t>12/18/2019 08:20:41</t>
  </si>
  <si>
    <t>12/18/2019 08:20:45</t>
  </si>
  <si>
    <t>12/18/2019 08:20:49</t>
  </si>
  <si>
    <t>12/18/2019 08:20:53</t>
  </si>
  <si>
    <t>12/18/2019 08:20:58</t>
  </si>
  <si>
    <t>12/18/2019 08:21:02</t>
  </si>
  <si>
    <t>12/18/2019 08:21:06</t>
  </si>
  <si>
    <t>12/18/2019 08:21:10</t>
  </si>
  <si>
    <t>12/18/2019 08:21:15</t>
  </si>
  <si>
    <t>12/18/2019 08:21:19</t>
  </si>
  <si>
    <t>12/18/2019 08:21:25</t>
  </si>
  <si>
    <t>12/18/2019 08:21:30</t>
  </si>
  <si>
    <t>12/18/2019 08:21:34</t>
  </si>
  <si>
    <t>12/18/2019 08:21:38</t>
  </si>
  <si>
    <t>12/18/2019 08:21:42</t>
  </si>
  <si>
    <t>12/18/2019 08:21:46</t>
  </si>
  <si>
    <t>12/18/2019 08:21:50</t>
  </si>
  <si>
    <t>12/18/2019 08:21:54</t>
  </si>
  <si>
    <t>12/18/2019 08:21:59</t>
  </si>
  <si>
    <t>12/18/2019 08:22:03</t>
  </si>
  <si>
    <t>12/18/2019 08:22:07</t>
  </si>
  <si>
    <t>12/18/2019 08:22:11</t>
  </si>
  <si>
    <t>12/18/2019 08:22:15</t>
  </si>
  <si>
    <t>12/18/2019 08:22:19</t>
  </si>
  <si>
    <t>12/18/2019 08:22:23</t>
  </si>
  <si>
    <t>12/18/2019 08:22:27</t>
  </si>
  <si>
    <t>12/18/2019 08:22:33</t>
  </si>
  <si>
    <t>12/18/2019 08:19:25</t>
  </si>
  <si>
    <t>12/18/2019 08:19:55</t>
  </si>
  <si>
    <t>12/18/2019 08:20:55</t>
  </si>
  <si>
    <t>12/18/2019 08:19:29</t>
  </si>
  <si>
    <t>12/18/2019 08:18:31</t>
  </si>
  <si>
    <t>62da9560-869e-4b88-ba9c-c60261419f0c.tmp</t>
  </si>
  <si>
    <t>\\acsfs\profiles$\geovannasm\Downloads\62da9560-869e-4b88-ba9c-c60261419f0c.tmp</t>
  </si>
  <si>
    <t>12/18/2019 08:18:35</t>
  </si>
  <si>
    <t>12/18/2019 08:24:26</t>
  </si>
  <si>
    <t>lu224762itwt3.tmp</t>
  </si>
  <si>
    <t>\\acsfs\profiles$\kamillacr\My Documents\lu224762itwt3.tmp</t>
  </si>
  <si>
    <t>\\acsfs\profiles$\kamillacr\My Documents\lu224762itwt3.tmp\</t>
  </si>
  <si>
    <t>\\acsfs\profiles$\kamillacr\My Documents\lu224762itwt3.tmp\META-INF\</t>
  </si>
  <si>
    <t>\\acsfs\profiles$\kamillacr\My Documents\lu224762itwt3.tmp\Thumbnails\</t>
  </si>
  <si>
    <t>12/18/2019 08:20:47</t>
  </si>
  <si>
    <t>12/18/2019 08:22:43</t>
  </si>
  <si>
    <t>12/18/2019 08:24:20</t>
  </si>
  <si>
    <t>12/18/2019 08:25:25</t>
  </si>
  <si>
    <t>lu3196446gz8h.tmp</t>
  </si>
  <si>
    <t>\\acsfs\profiles$\jonatanls\My Documents\lu3196446gz8h.tmp</t>
  </si>
  <si>
    <t>12/18/2019 08:24:39</t>
  </si>
  <si>
    <t>8249bf22-47a9-44c0-a753-a603cae323a0.tmp</t>
  </si>
  <si>
    <t>\\acsfs\profiles$\ayalabfi\Downloads\8249bf22-47a9-44c0-a753-a603cae323a0.tmp</t>
  </si>
  <si>
    <t>12/18/2019 08:22:08</t>
  </si>
  <si>
    <t>e88e10be-2d17-4671-ba74-94eabafb44a1.tmp</t>
  </si>
  <si>
    <t>\\acsfs\profiles$\ayalabfi\Downloads\e88e10be-2d17-4671-ba74-94eabafb44a1.tmp</t>
  </si>
  <si>
    <t>12/18/2019 08:22:09</t>
  </si>
  <si>
    <t>24973f39-bca4-4e92-a47d-06ba61e7af5e.tmp</t>
  </si>
  <si>
    <t>\\acsfs\profiles$\ayalabfi\Downloads\24973f39-bca4-4e92-a47d-06ba61e7af5e.tmp</t>
  </si>
  <si>
    <t>12/18/2019 08:24:55</t>
  </si>
  <si>
    <t>12/18/2019 08:26:26</t>
  </si>
  <si>
    <t>12/18/2019 08:21:58</t>
  </si>
  <si>
    <t>mail.google.com/_/upload?authuser=0&amp;dcp=asu-n&amp;upload_id=AEnB2UqhgX9TNRQ3Rufdpvdwc0iO4V0IVF_ir1v6Dqw_XIkuiu4OM8-3rCzRdFHKLMbBhO3AMkyJpobZ4hJMn7kjZBjYynSt2gesSokSVHlweZb4zeMxiP4&amp;upload_protocol=resumable</t>
  </si>
  <si>
    <t>12/17/2019 07:57:03</t>
  </si>
  <si>
    <t>10.200.67.13</t>
  </si>
  <si>
    <t>74-86-7A-FB-17-23</t>
  </si>
  <si>
    <t>VOTORANT-OB007</t>
  </si>
  <si>
    <t>laianear</t>
  </si>
  <si>
    <t>\\acsfs\profiles$\laianear\Contacts\</t>
  </si>
  <si>
    <t>LAIANE ANGELINA RIBEIRO (38).contact</t>
  </si>
  <si>
    <t>\\acsfs\profiles$\laianear\Contacts\LAIANE ANGELINA RIBEIRO (38).contact</t>
  </si>
  <si>
    <t>12/18/2019 08:25:42</t>
  </si>
  <si>
    <t>12/18/2019 08:27:26</t>
  </si>
  <si>
    <t>609d9942-52d5-4bb6-b492-13080114122e.tmp</t>
  </si>
  <si>
    <t>\\acsfs\profiles$\cintiadcf\Downloads\609d9942-52d5-4bb6-b492-13080114122e.tmp</t>
  </si>
  <si>
    <t>12/18/2019 08:26:06</t>
  </si>
  <si>
    <t>c730b6d9-0125-4d06-a849-955e3b75746f.tmp</t>
  </si>
  <si>
    <t>\\acsfs\profiles$\cintiadcf\Downloads\c730b6d9-0125-4d06-a849-955e3b75746f.tmp</t>
  </si>
  <si>
    <t>12/18/2019 08:26:07</t>
  </si>
  <si>
    <t>12/18/2019 08:26:23</t>
  </si>
  <si>
    <t>12/18/2019 08:22:37</t>
  </si>
  <si>
    <t>12/18/2019 08:28:26</t>
  </si>
  <si>
    <t>12/18/2019 08:22:57</t>
  </si>
  <si>
    <t>12/18/2019 08:23:01</t>
  </si>
  <si>
    <t>12/18/2019 08:23:07</t>
  </si>
  <si>
    <t>12/18/2019 08:23:12</t>
  </si>
  <si>
    <t>12/18/2019 08:23:16</t>
  </si>
  <si>
    <t>12/18/2019 08:23:20</t>
  </si>
  <si>
    <t>12/18/2019 08:23:23</t>
  </si>
  <si>
    <t>12/18/2019 08:23:25</t>
  </si>
  <si>
    <t>12/18/2019 08:23:29</t>
  </si>
  <si>
    <t>12/18/2019 08:23:33</t>
  </si>
  <si>
    <t>12/18/2019 08:23:37</t>
  </si>
  <si>
    <t>12/18/2019 08:23:41</t>
  </si>
  <si>
    <t>12/18/2019 08:23:45</t>
  </si>
  <si>
    <t>12/18/2019 08:23:49</t>
  </si>
  <si>
    <t>12/18/2019 08:23:54</t>
  </si>
  <si>
    <t>12/18/2019 08:23:58</t>
  </si>
  <si>
    <t>12/18/2019 08:24:02</t>
  </si>
  <si>
    <t>12/18/2019 08:24:04</t>
  </si>
  <si>
    <t>12/18/2019 08:24:05</t>
  </si>
  <si>
    <t>12/18/2019 08:24:06</t>
  </si>
  <si>
    <t>12/18/2019 08:24:10</t>
  </si>
  <si>
    <t>12/18/2019 08:24:11</t>
  </si>
  <si>
    <t>12/18/2019 08:24:12</t>
  </si>
  <si>
    <t>12/18/2019 08:24:13</t>
  </si>
  <si>
    <t>12/18/2019 08:25:35</t>
  </si>
  <si>
    <t>12/18/2019 08:25:54</t>
  </si>
  <si>
    <t>12/18/2019 08:24:25</t>
  </si>
  <si>
    <t>12/18/2019 08:27:55</t>
  </si>
  <si>
    <t>12/18/2019 08:29:26</t>
  </si>
  <si>
    <t>12/18/2019 08:28:32</t>
  </si>
  <si>
    <t>12/18/2019 08:28:43</t>
  </si>
  <si>
    <t>12/18/2019 08:25:05</t>
  </si>
  <si>
    <t>12/18/2019 08:30:26</t>
  </si>
  <si>
    <t>12/18/2019 08:29:45</t>
  </si>
  <si>
    <t>20b43aea-7c01-4585-95e6-bd2bbc9298cc.tmp</t>
  </si>
  <si>
    <t>\\acsfs\profiles$\LUCASNS\Downloads\20b43aea-7c01-4585-95e6-bd2bbc9298cc.tmp</t>
  </si>
  <si>
    <t>12/18/2019 08:26:13</t>
  </si>
  <si>
    <t>12/18/2019 08:26:18</t>
  </si>
  <si>
    <t>12/18/2019 08:26:38</t>
  </si>
  <si>
    <t>12/18/2019 08:31:26</t>
  </si>
  <si>
    <t>\\acsfs\profiles$\sabrinasc\My Documents\</t>
  </si>
  <si>
    <t>\\acsfs\profiles$\sabrinasc\My Documents\Download.pdf</t>
  </si>
  <si>
    <t>12/18/2019 08:30:13</t>
  </si>
  <si>
    <t>12/18/2019 08:30:27</t>
  </si>
  <si>
    <t>12/18/2019 08:30:30</t>
  </si>
  <si>
    <t>12/18/2019 08:26:49</t>
  </si>
  <si>
    <t>Script.txt</t>
  </si>
  <si>
    <t>\\acsfs\profiles$\brendavdoa\My Documents\Script.txt</t>
  </si>
  <si>
    <t>12/18/2019 08:31:12</t>
  </si>
  <si>
    <t>12/18/2019 08:32:26</t>
  </si>
  <si>
    <t>bb475563-aa54-4488-a285-61ab70e599e4.tmp</t>
  </si>
  <si>
    <t>\\acsfs\profiles$\PEDROHAB\Downloads\bb475563-aa54-4488-a285-61ab70e599e4.tmp</t>
  </si>
  <si>
    <t>12/18/2019 08:31:14</t>
  </si>
  <si>
    <t>a58520a2-1f34-46a9-81fb-f0ddc7a0191d.tmp</t>
  </si>
  <si>
    <t>\\acsfs\profiles$\PEDROHAB\Downloads\a58520a2-1f34-46a9-81fb-f0ddc7a0191d.tmp</t>
  </si>
  <si>
    <t>12/18/2019 08:29:35</t>
  </si>
  <si>
    <t>12/18/2019 08:33:26</t>
  </si>
  <si>
    <t>12/18/2019 08:30:00</t>
  </si>
  <si>
    <t>12/18/2019 08:30:16</t>
  </si>
  <si>
    <t>12/18/2019 08:30:32</t>
  </si>
  <si>
    <t>12/18/2019 08:30:33</t>
  </si>
  <si>
    <t>12/18/2019 08:31:35</t>
  </si>
  <si>
    <t>12/18/2019 08:31:50</t>
  </si>
  <si>
    <t>12/18/2019 08:28:25</t>
  </si>
  <si>
    <t>12/18/2019 08:34:26</t>
  </si>
  <si>
    <t>12/18/2019 08:29:55</t>
  </si>
  <si>
    <t>12/18/2019 08:35:26</t>
  </si>
  <si>
    <t>1ab35a4d-b03e-4778-82ed-69823302f8fb.tmp</t>
  </si>
  <si>
    <t>\\acsfs\profiles$\LUCASNS\Downloads\1ab35a4d-b03e-4778-82ed-69823302f8fb.tmp</t>
  </si>
  <si>
    <t>12/18/2019 08:31:09</t>
  </si>
  <si>
    <t>12/18/2019 08:33:34</t>
  </si>
  <si>
    <t>ae63824f-af2c-4019-9f39-282d1e54e8a7.tmp</t>
  </si>
  <si>
    <t>\\acsfs\profiles$\LUCASNS\Downloads\ae63824f-af2c-4019-9f39-282d1e54e8a7.tmp</t>
  </si>
  <si>
    <t>12/18/2019 08:32:39</t>
  </si>
  <si>
    <t>12/18/2019 08:33:17</t>
  </si>
  <si>
    <t>ae0cbbcb-df69-472d-a009-a552460fdf86.tmp</t>
  </si>
  <si>
    <t>\\acsfs\profiles$\alicecpbc\Downloads\ae0cbbcb-df69-472d-a009-a552460fdf86.tmp</t>
  </si>
  <si>
    <t>12/18/2019 08:33:43</t>
  </si>
  <si>
    <t>55d31621-12c8-4e39-851f-81a2940813af.tmp</t>
  </si>
  <si>
    <t>\\acsfs\profiles$\ayalabfi\Downloads\55d31621-12c8-4e39-851f-81a2940813af.tmp</t>
  </si>
  <si>
    <t>\\acsfs\profiles$\pedrohab\My Documents\My Pictures\</t>
  </si>
  <si>
    <t>12/18/2019 08:34:28</t>
  </si>
  <si>
    <t>12/18/2019 08:34:29</t>
  </si>
  <si>
    <t>12/18/2019 08:34:30</t>
  </si>
  <si>
    <t>12/18/2019 08:34:31</t>
  </si>
  <si>
    <t>\\acsfs\profiles$\pedrohab\My Documents\My Music\</t>
  </si>
  <si>
    <t>12/18/2019 08:34:33</t>
  </si>
  <si>
    <t>\\acsfs\profiles$\pedrohab\My Documents\My Videos\</t>
  </si>
  <si>
    <t>12/18/2019 08:34:34</t>
  </si>
  <si>
    <t>12/18/2019 08:34:36</t>
  </si>
  <si>
    <t>12/18/2019 08:34:37</t>
  </si>
  <si>
    <t>12/18/2019 08:34:38</t>
  </si>
  <si>
    <t>12/18/2019 08:34:39</t>
  </si>
  <si>
    <t>12/18/2019 08:34:41</t>
  </si>
  <si>
    <t>12/18/2019 08:34:42</t>
  </si>
  <si>
    <t>\\acsfs\profiles$\pedrohab\My Documents\</t>
  </si>
  <si>
    <t>12/18/2019 08:34:43</t>
  </si>
  <si>
    <t>12/18/2019 08:34:44</t>
  </si>
  <si>
    <t>12/18/2019 08:34:46</t>
  </si>
  <si>
    <t>12/18/2019 08:34:48</t>
  </si>
  <si>
    <t>12/18/2019 08:35:09</t>
  </si>
  <si>
    <t>12/18/2019 08:35:10</t>
  </si>
  <si>
    <t>12/18/2019 08:35:11</t>
  </si>
  <si>
    <t>12/18/2019 08:35:13</t>
  </si>
  <si>
    <t>12/18/2019 08:35:14</t>
  </si>
  <si>
    <t>12/18/2019 08:35:17</t>
  </si>
  <si>
    <t>12/18/2019 08:30:50</t>
  </si>
  <si>
    <t>12/18/2019 08:36:26</t>
  </si>
  <si>
    <t>12/18/2019 08:31:01</t>
  </si>
  <si>
    <t>12/18/2019 08:31:13</t>
  </si>
  <si>
    <t>mail.google.com/sync/u/0/i/s?hl=pt-BR&amp;c=574</t>
  </si>
  <si>
    <t>12/18/2019 08:31:18</t>
  </si>
  <si>
    <t>mail.google.com/sync/u/0/i/s?hl=pt-BR&amp;c=579</t>
  </si>
  <si>
    <t>12/18/2019 08:31:24</t>
  </si>
  <si>
    <t>mail.google.com/sync/u/0/i/s?hl=pt-BR&amp;c=585</t>
  </si>
  <si>
    <t>12/18/2019 08:31:54</t>
  </si>
  <si>
    <t>12/18/2019 08:31:58</t>
  </si>
  <si>
    <t>mail.google.com/sync/u/0/i/s?hl=pt-BR&amp;c=596</t>
  </si>
  <si>
    <t>12/18/2019 08:32:02</t>
  </si>
  <si>
    <t>12/18/2019 08:32:37</t>
  </si>
  <si>
    <t>mail.google.com/sync/u/0/i/s?hl=pt-BR&amp;c=606</t>
  </si>
  <si>
    <t>12/18/2019 08:32:41</t>
  </si>
  <si>
    <t>mail.google.com/sync/u/0/i/s?hl=pt-BR&amp;c=611</t>
  </si>
  <si>
    <t>12/18/2019 08:32:47</t>
  </si>
  <si>
    <t>mail.google.com/sync/u/0/i/s?hl=pt-BR&amp;c=616</t>
  </si>
  <si>
    <t>12/18/2019 08:33:04</t>
  </si>
  <si>
    <t>mail.google.com/sync/u/0/i/s?hl=pt-BR&amp;c=622</t>
  </si>
  <si>
    <t>12/18/2019 08:33:28</t>
  </si>
  <si>
    <t>mail.google.com/sync/u/0/i/s?hl=pt-BR&amp;c=628</t>
  </si>
  <si>
    <t>mail.google.com/sync/u/0/i/s?hl=pt-BR&amp;c=633</t>
  </si>
  <si>
    <t>12/18/2019 08:34:00</t>
  </si>
  <si>
    <t>mail.google.com/sync/u/0/i/s?hl=pt-BR&amp;c=639</t>
  </si>
  <si>
    <t>12/18/2019 08:34:13</t>
  </si>
  <si>
    <t>12/18/2019 08:34:40</t>
  </si>
  <si>
    <t>mail.google.com/sync/u/0/i/s?hl=pt-BR&amp;c=649</t>
  </si>
  <si>
    <t>12/18/2019 08:34:51</t>
  </si>
  <si>
    <t>mail.google.com/sync/u/0/i/s?hl=pt-BR&amp;c=654</t>
  </si>
  <si>
    <t>12/18/2019 08:34:57</t>
  </si>
  <si>
    <t>12/18/2019 08:35:16</t>
  </si>
  <si>
    <t>mail.google.com/sync/u/0/i/s?hl=pt-BR&amp;c=665</t>
  </si>
  <si>
    <t>12/18/2019 08:35:22</t>
  </si>
  <si>
    <t>12/18/2019 08:35:24</t>
  </si>
  <si>
    <t>12/18/2019 08:32:31</t>
  </si>
  <si>
    <t>f9fe11e3-9315-4207-841e-0e38dfbc2d3f.tmp</t>
  </si>
  <si>
    <t>\\acsfs\profiles$\wenderbnm\Downloads\f9fe11e3-9315-4207-841e-0e38dfbc2d3f.tmp</t>
  </si>
  <si>
    <t>c51fb054-2197-469c-9492-2a1044022102.tmp</t>
  </si>
  <si>
    <t>\\acsfs\profiles$\wenderbnm\Downloads\c51fb054-2197-469c-9492-2a1044022102.tmp</t>
  </si>
  <si>
    <t>12/17/2019 16:48:55</t>
  </si>
  <si>
    <t>ADEQUAÇÃO SEDE 8ª ETAPA X FMC - 39 PAS IPO.xlsx</t>
  </si>
  <si>
    <t>12/17/2019 17:00:49</t>
  </si>
  <si>
    <t>base redes 19-20.xlsx</t>
  </si>
  <si>
    <t>12/18/2019 08:34:53</t>
  </si>
  <si>
    <t>d108db26-d584-46a5-ae8e-80a9928b8021.tmp</t>
  </si>
  <si>
    <t>\\acsfs\profiles$\deborahsi\Downloads\d108db26-d584-46a5-ae8e-80a9928b8021.tmp</t>
  </si>
  <si>
    <t>12/18/2019 08:32:18</t>
  </si>
  <si>
    <t>CURVA NORMAL - 17/12/2019</t>
  </si>
  <si>
    <t>10.200.67.143</t>
  </si>
  <si>
    <t>12/18/2019 08:34:11</t>
  </si>
  <si>
    <t>\\acsfs\profiles$\laianear\Downloads\</t>
  </si>
  <si>
    <t>bee1234f-179d-47b1-b28a-87751a37c856.tmp</t>
  </si>
  <si>
    <t>\\acsfs\profiles$\laianear\Downloads\bee1234f-179d-47b1-b28a-87751a37c856.tmp</t>
  </si>
  <si>
    <t>12/18/2019 08:34:16</t>
  </si>
  <si>
    <t>3866d734-addb-4c08-bf30-2c69d94a8c16.tmp</t>
  </si>
  <si>
    <t>\\acsfs\profiles$\laianear\Downloads\3866d734-addb-4c08-bf30-2c69d94a8c16.tmp</t>
  </si>
  <si>
    <t>e7a35e12-525d-453d-8b08-b7a3dcd98601.tmp</t>
  </si>
  <si>
    <t>\\acsfs\profiles$\laianear\Downloads\e7a35e12-525d-453d-8b08-b7a3dcd98601.tmp</t>
  </si>
  <si>
    <t>12/18/2019 08:35:46</t>
  </si>
  <si>
    <t>728f9669-6801-43b0-a618-305abe694231.tmp</t>
  </si>
  <si>
    <t>\\acsfs\profiles$\laianear\Downloads\728f9669-6801-43b0-a618-305abe694231.tmp</t>
  </si>
  <si>
    <t>12/18/2019 08:31:47</t>
  </si>
  <si>
    <t>12/18/2019 08:37:26</t>
  </si>
  <si>
    <t>39c84c6c-031e-4915-b0e4-42c253c4ef1e.tmp</t>
  </si>
  <si>
    <t>\\acsfs\profiles$\larissaad\Downloads\39c84c6c-031e-4915-b0e4-42c253c4ef1e.tmp</t>
  </si>
  <si>
    <t>12/18/2019 08:36:01</t>
  </si>
  <si>
    <t>12/18/2019 08:34:10</t>
  </si>
  <si>
    <t>12/18/2019 08:34:12</t>
  </si>
  <si>
    <t>12/18/2019 08:34:14</t>
  </si>
  <si>
    <t>12/18/2019 08:34:15</t>
  </si>
  <si>
    <t>12/18/2019 08:34:17</t>
  </si>
  <si>
    <t>12/18/2019 08:34:18</t>
  </si>
  <si>
    <t>12/18/2019 08:34:19</t>
  </si>
  <si>
    <t>12/18/2019 08:34:20</t>
  </si>
  <si>
    <t>12/18/2019 08:34:21</t>
  </si>
  <si>
    <t>12/18/2019 08:34:22</t>
  </si>
  <si>
    <t>12/18/2019 08:34:23</t>
  </si>
  <si>
    <t>12/18/2019 08:34:24</t>
  </si>
  <si>
    <t>12/18/2019 08:34:25</t>
  </si>
  <si>
    <t>12/18/2019 08:34:27</t>
  </si>
  <si>
    <t>12/18/2019 08:34:49</t>
  </si>
  <si>
    <t>12/18/2019 08:38:26</t>
  </si>
  <si>
    <t>12/18/2019 08:35:43</t>
  </si>
  <si>
    <t>12/18/2019 08:35:44</t>
  </si>
  <si>
    <t>12/18/2019 08:37:35</t>
  </si>
  <si>
    <t>12/18/2019 08:35:25</t>
  </si>
  <si>
    <t>12/18/2019 08:36:25</t>
  </si>
  <si>
    <t>12/18/2019 08:37:25</t>
  </si>
  <si>
    <t>12/18/2019 08:37:55</t>
  </si>
  <si>
    <t>12/18/2019 08:37:41</t>
  </si>
  <si>
    <t>12/18/2019 08:37:45</t>
  </si>
  <si>
    <t>12/18/2019 08:36:31</t>
  </si>
  <si>
    <t>12/18/2019 08:39:26</t>
  </si>
  <si>
    <t>12/18/2019 08:36:03</t>
  </si>
  <si>
    <t>12/18/2019 08:35:47</t>
  </si>
  <si>
    <t>12/18/2019 08:40:26</t>
  </si>
  <si>
    <t>12/18/2019 08:36:37</t>
  </si>
  <si>
    <t>73ac0a82-4023-4459-8d64-e0bab21f2ef1.tmp</t>
  </si>
  <si>
    <t>\\acsfs\profiles$\YASMINSC\Downloads\73ac0a82-4023-4459-8d64-e0bab21f2ef1.tmp</t>
  </si>
  <si>
    <t>12/18/2019 08:37:43</t>
  </si>
  <si>
    <t>da87f0ad-734b-40f4-8020-fd9ea8eada3f.tmp</t>
  </si>
  <si>
    <t>\\acsfs\profiles$\YASMINSC\Downloads\da87f0ad-734b-40f4-8020-fd9ea8eada3f.tmp</t>
  </si>
  <si>
    <t>12/18/2019 08:37:59</t>
  </si>
  <si>
    <t>10.200.67.131</t>
  </si>
  <si>
    <t>12/18/2019 08:38:00</t>
  </si>
  <si>
    <t>12/18/2019 08:38:01</t>
  </si>
  <si>
    <t>12/18/2019 08:38:02</t>
  </si>
  <si>
    <t>12/18/2019 08:38:03</t>
  </si>
  <si>
    <t>12/18/2019 08:38:04</t>
  </si>
  <si>
    <t>12/18/2019 08:38:05</t>
  </si>
  <si>
    <t>12/18/2019 08:38:06</t>
  </si>
  <si>
    <t>12/18/2019 08:38:07</t>
  </si>
  <si>
    <t>12/18/2019 08:38:08</t>
  </si>
  <si>
    <t>12/18/2019 08:38:09</t>
  </si>
  <si>
    <t>12/18/2019 08:38:10</t>
  </si>
  <si>
    <t>12/18/2019 08:38:11</t>
  </si>
  <si>
    <t>12/18/2019 08:38:12</t>
  </si>
  <si>
    <t>12/18/2019 08:38:13</t>
  </si>
  <si>
    <t>12/18/2019 08:38:14</t>
  </si>
  <si>
    <t>12/18/2019 08:38:15</t>
  </si>
  <si>
    <t>12/18/2019 08:38:16</t>
  </si>
  <si>
    <t>12/18/2019 08:38:17</t>
  </si>
  <si>
    <t>12/18/2019 08:38:18</t>
  </si>
  <si>
    <t>12/18/2019 08:38:19</t>
  </si>
  <si>
    <t>12/18/2019 08:38:20</t>
  </si>
  <si>
    <t>12/18/2019 08:38:21</t>
  </si>
  <si>
    <t>12/18/2019 08:35:19</t>
  </si>
  <si>
    <t>12/18/2019 08:35:20</t>
  </si>
  <si>
    <t>12/18/2019 08:35:21</t>
  </si>
  <si>
    <t>12/18/2019 08:35:23</t>
  </si>
  <si>
    <t>\\acsfs\profiles$\pedrohab\Favorites\</t>
  </si>
  <si>
    <t>12/18/2019 08:35:27</t>
  </si>
  <si>
    <t>12/18/2019 08:35:28</t>
  </si>
  <si>
    <t>12/18/2019 08:35:30</t>
  </si>
  <si>
    <t>12/18/2019 08:35:31</t>
  </si>
  <si>
    <t>12/18/2019 08:35:33</t>
  </si>
  <si>
    <t>\\acsfs\profiles$\pedrohab\Downloads\</t>
  </si>
  <si>
    <t>12/18/2019 08:35:34</t>
  </si>
  <si>
    <t>12/18/2019 08:36:19</t>
  </si>
  <si>
    <t>12/18/2019 08:36:51</t>
  </si>
  <si>
    <t>12/18/2019 08:41:27</t>
  </si>
  <si>
    <t>mail.google.com/sync/u/0/i/s?hl=pt-BR&amp;c=678</t>
  </si>
  <si>
    <t>12/18/2019 08:37:04</t>
  </si>
  <si>
    <t>12/18/2019 08:37:12</t>
  </si>
  <si>
    <t>12/18/2019 08:37:27</t>
  </si>
  <si>
    <t>12/18/2019 08:40:12</t>
  </si>
  <si>
    <t>443bfa67-09b3-4b64-acd4-f2d1ba0e57ae.tmp</t>
  </si>
  <si>
    <t>\\acsfs\profiles$\laianear\Downloads\443bfa67-09b3-4b64-acd4-f2d1ba0e57ae.tmp</t>
  </si>
  <si>
    <t>12/18/2019 08:37:06</t>
  </si>
  <si>
    <t>34425b7c-1b2b-4a8b-9ae3-47b72beb1cbd.tmp</t>
  </si>
  <si>
    <t>\\acsfs\profiles$\laianear\Downloads\34425b7c-1b2b-4a8b-9ae3-47b72beb1cbd.tmp</t>
  </si>
  <si>
    <t>12/18/2019 08:42:26</t>
  </si>
  <si>
    <t>joysi.pereira.k2@youse.com.br;joysi.pereira@youse.com.br;tatiana.varela@youse.com.br;wasleylc@algartech.com;</t>
  </si>
  <si>
    <t>Relatório intra diário - 17/12</t>
  </si>
  <si>
    <t>Intradiário-SAC - V2 - 17-de-Dez.xlsm</t>
  </si>
  <si>
    <t>joysi.pereira.k2@youse.com.br,joysi.pereira@youse.com.br,tatiana.varela@youse.com.br,wasleylc@algartech.com</t>
  </si>
  <si>
    <t>12/18/2019 08:37:20</t>
  </si>
  <si>
    <t>5a9544f5-ed32-4f99-818a-13d161ea49dc.tmp</t>
  </si>
  <si>
    <t>\\acsfs\profiles$\larissaad\Downloads\5a9544f5-ed32-4f99-818a-13d161ea49dc.tmp</t>
  </si>
  <si>
    <t>12/18/2019 08:38:30</t>
  </si>
  <si>
    <t>12/18/2019 08:38:59</t>
  </si>
  <si>
    <t>12/17/2019 13:14:53</t>
  </si>
  <si>
    <t>alessandroam@algartech.com;luizccga@algartech.com;</t>
  </si>
  <si>
    <t>Projeto LGPD - Levantamento Dados Estruturados_v01.xlsx</t>
  </si>
  <si>
    <t>alessandroam@algartech.com,luizccga@algartech.com</t>
  </si>
  <si>
    <t>12/17/2019 14:20:24</t>
  </si>
  <si>
    <t>Projeto LGPD - Levantamento Dados Não Estruturados_v01.xlsx</t>
  </si>
  <si>
    <t>12/17/2019 14:33:59</t>
  </si>
  <si>
    <t>Projeto LGPD - Levantamento Sistemas Algar Tech Ambiente Bradesco_v01.xlsx</t>
  </si>
  <si>
    <t>12/17/2019 14:35:51</t>
  </si>
  <si>
    <t>alessandroam@algartech.com;carlos.florencio@algartech.com;luizccga@algartech.com;reginaldort@algartech.com;</t>
  </si>
  <si>
    <t>alessandroam@algartech.com,carlos.florencio@algartech.com,luizccga@algartech.com,reginaldort@algartech.com</t>
  </si>
  <si>
    <t>12/17/2019 15:44:40</t>
  </si>
  <si>
    <t>12/17/2019 15:45:26</t>
  </si>
  <si>
    <t>12/17/2019 15:46:01</t>
  </si>
  <si>
    <t>12/17/2019 15:46:36</t>
  </si>
  <si>
    <t>12/17/2019 15:47:37</t>
  </si>
  <si>
    <t>12/17/2019 15:50:13</t>
  </si>
  <si>
    <t>12/17/2019 15:50:49</t>
  </si>
  <si>
    <t>12/17/2019 15:51:29</t>
  </si>
  <si>
    <t>12/17/2019 15:52:37</t>
  </si>
  <si>
    <t>12/17/2019 15:53:45</t>
  </si>
  <si>
    <t>12/17/2019 15:54:55</t>
  </si>
  <si>
    <t>12/17/2019 15:56:04</t>
  </si>
  <si>
    <t>12/17/2019 15:56:35</t>
  </si>
  <si>
    <t>12/17/2019 15:57:10</t>
  </si>
  <si>
    <t>12/17/2019 15:57:47</t>
  </si>
  <si>
    <t>12/17/2019 15:58:21</t>
  </si>
  <si>
    <t>12/17/2019 15:59:33</t>
  </si>
  <si>
    <t>12/17/2019 16:00:08</t>
  </si>
  <si>
    <t>12/17/2019 16:02:45</t>
  </si>
  <si>
    <t>12/17/2019 16:03:18</t>
  </si>
  <si>
    <t>12/17/2019 16:03:53</t>
  </si>
  <si>
    <t>12/17/2019 16:04:28</t>
  </si>
  <si>
    <t>12/17/2019 16:08:22</t>
  </si>
  <si>
    <t>12/17/2019 16:08:56</t>
  </si>
  <si>
    <t>12/17/2019 16:10:52</t>
  </si>
  <si>
    <t>12/17/2019 16:11:27</t>
  </si>
  <si>
    <t>12/17/2019 16:12:01</t>
  </si>
  <si>
    <t>12/17/2019 16:12:35</t>
  </si>
  <si>
    <t>12/17/2019 16:13:11</t>
  </si>
  <si>
    <t>12/17/2019 16:17:58</t>
  </si>
  <si>
    <t>12/17/2019 16:18:32</t>
  </si>
  <si>
    <t>12/17/2019 16:19:06</t>
  </si>
  <si>
    <t>12/17/2019 16:19:43</t>
  </si>
  <si>
    <t>12/17/2019 16:21:21</t>
  </si>
  <si>
    <t>12/17/2019 16:22:24</t>
  </si>
  <si>
    <t>12/17/2019 16:22:58</t>
  </si>
  <si>
    <t>12/17/2019 16:23:31</t>
  </si>
  <si>
    <t>12/17/2019 16:48:09</t>
  </si>
  <si>
    <t>12/17/2019 16:48:43</t>
  </si>
  <si>
    <t>12/17/2019 16:49:31</t>
  </si>
  <si>
    <t>12/17/2019 16:50:04</t>
  </si>
  <si>
    <t>12/17/2019 16:50:49</t>
  </si>
  <si>
    <t>12/17/2019 16:52:37</t>
  </si>
  <si>
    <t>12/17/2019 16:53:14</t>
  </si>
  <si>
    <t>12/18/2019 08:42:04</t>
  </si>
  <si>
    <t>12/18/2019 08:41:35</t>
  </si>
  <si>
    <t>12/18/2019 08:43:27</t>
  </si>
  <si>
    <t>12/17/2019 18:16:25</t>
  </si>
  <si>
    <t>Relação de Empresas (6).xlsx</t>
  </si>
  <si>
    <t>12/18/2019 08:38:25</t>
  </si>
  <si>
    <t>12/18/2019 08:41:55</t>
  </si>
  <si>
    <t>12/18/2019 08:42:25</t>
  </si>
  <si>
    <t>12/18/2019 08:44:26</t>
  </si>
  <si>
    <t>12/18/2019 08:40:44</t>
  </si>
  <si>
    <t>12/18/2019 08:43:50</t>
  </si>
  <si>
    <t>12/18/2019 08:42:49</t>
  </si>
  <si>
    <t>12/18/2019 08:45:27</t>
  </si>
  <si>
    <t>12/18/2019 08:45:06</t>
  </si>
  <si>
    <t>96648b98-7912-4f75-b1eb-098b42372223.tmp</t>
  </si>
  <si>
    <t>\\acsfs\profiles$\PEDROHAB\Downloads\96648b98-7912-4f75-b1eb-098b42372223.tmp</t>
  </si>
  <si>
    <t>12/18/2019 08:45:08</t>
  </si>
  <si>
    <t>0ee75f0c-a8b2-4107-9920-ee6f025bad7e.tmp</t>
  </si>
  <si>
    <t>\\acsfs\profiles$\PEDROHAB\Downloads\0ee75f0c-a8b2-4107-9920-ee6f025bad7e.tmp</t>
  </si>
  <si>
    <t>12/18/2019 08:44:15</t>
  </si>
  <si>
    <t>12/18/2019 08:46:26</t>
  </si>
  <si>
    <t>mail.google.com/sync/u/0/i/s?hl=pt-BR&amp;c=704</t>
  </si>
  <si>
    <t>12/18/2019 08:40:52</t>
  </si>
  <si>
    <t>12/18/2019 08:41:48</t>
  </si>
  <si>
    <t>lu10204ro02o.tmp</t>
  </si>
  <si>
    <t>\\acsfs\profiles$\dhiulliananads\My Documents\lu10204ro02o.tmp</t>
  </si>
  <si>
    <t>\\acsfs\profiles$\dhiulliananads\My Documents\lu10204ro02o.tmp\</t>
  </si>
  <si>
    <t>\\acsfs\profiles$\dhiulliananads\My Documents\lu10204ro02o.tmp\META-INF\</t>
  </si>
  <si>
    <t>\\acsfs\profiles$\dhiulliananads\My Documents\lu10204ro02o.tmp\Thumbnails\</t>
  </si>
  <si>
    <t>12/18/2019 08:42:50</t>
  </si>
  <si>
    <t>12/18/2019 08:45:43</t>
  </si>
  <si>
    <t>10.200.66.17</t>
  </si>
  <si>
    <t>C:\Users\Jordanarb\Pictures\</t>
  </si>
  <si>
    <t>image3.jpeg</t>
  </si>
  <si>
    <t>12/18/2019 08:43:25</t>
  </si>
  <si>
    <t>12/18/2019 08:48:27</t>
  </si>
  <si>
    <t>12/18/2019 08:43:26</t>
  </si>
  <si>
    <t>12/18/2019 08:43:28</t>
  </si>
  <si>
    <t>12/18/2019 08:43:35</t>
  </si>
  <si>
    <t>12/18/2019 08:46:23</t>
  </si>
  <si>
    <t>12/18/2019 08:46:24</t>
  </si>
  <si>
    <t>lu2196aivl.tmp</t>
  </si>
  <si>
    <t>\\acsfs\profiles$\VIVIANALDS\My Documents\lu2196aivl.tmp</t>
  </si>
  <si>
    <t>\\acsfs\profiles$\VIVIANALDS\My Documents\lu2196aivl.tmp\</t>
  </si>
  <si>
    <t>\\acsfs\profiles$\VIVIANALDS\My Documents\lu2196aivl.tmp\META-INF\</t>
  </si>
  <si>
    <t>12/18/2019 08:44:46</t>
  </si>
  <si>
    <t>\\acsfs\profiles$\VIVIANALDS\My Documents\lu2196aivl.tmp\Thumbnails\</t>
  </si>
  <si>
    <t>12/18/2019 08:46:29</t>
  </si>
  <si>
    <t>12/18/2019 08:46:30</t>
  </si>
  <si>
    <t>lu2196aivp.tmp</t>
  </si>
  <si>
    <t>\\acsfs\profiles$\VIVIANALDS\My Documents\lu2196aivp.tmp</t>
  </si>
  <si>
    <t>\\acsfs\profiles$\VIVIANALDS\My Documents\lu2196aivp.tmp\</t>
  </si>
  <si>
    <t>\\acsfs\profiles$\VIVIANALDS\My Documents\lu2196aivp.tmp\META-INF\</t>
  </si>
  <si>
    <t>\\acsfs\profiles$\VIVIANALDS\My Documents\lu2196aivp.tmp\Thumbnails\</t>
  </si>
  <si>
    <t>12/18/2019 08:47:47</t>
  </si>
  <si>
    <t>4b43d0e1-d63b-4a3f-a161-4a2093a6b1b4.tmp</t>
  </si>
  <si>
    <t>\\acsfs\profiles$\geovannasm\Downloads\4b43d0e1-d63b-4a3f-a161-4a2093a6b1b4.tmp</t>
  </si>
  <si>
    <t>12/18/2019 08:49:27</t>
  </si>
  <si>
    <t>12/18/2019 08:46:44</t>
  </si>
  <si>
    <t>12/18/2019 08:48:34</t>
  </si>
  <si>
    <t>12/18/2019 08:50:27</t>
  </si>
  <si>
    <t>12/18/2019 08:48:23</t>
  </si>
  <si>
    <t>12/18/2019 08:52:27</t>
  </si>
  <si>
    <t>f5bf3c71-d3e2-40bc-89e8-64a8effd6081.tmp</t>
  </si>
  <si>
    <t>\\acsfs\profiles$\matheushds\Downloads\f5bf3c71-d3e2-40bc-89e8-64a8effd6081.tmp</t>
  </si>
  <si>
    <t>12/18/2019 08:47:05</t>
  </si>
  <si>
    <t>9156a5d9-264c-4789-9ee3-f72c8b18f269.tmp</t>
  </si>
  <si>
    <t>\\acsfs\profiles$\cintiadcf\Downloads\9156a5d9-264c-4789-9ee3-f72c8b18f269.tmp</t>
  </si>
  <si>
    <t>12/18/2019 08:47:07</t>
  </si>
  <si>
    <t>fa5bd0ce-18c7-452b-9807-3c17d0777892.tmp</t>
  </si>
  <si>
    <t>\\acsfs\profiles$\cintiadcf\Downloads\fa5bd0ce-18c7-452b-9807-3c17d0777892.tmp</t>
  </si>
  <si>
    <t>12/18/2019 08:47:58</t>
  </si>
  <si>
    <t>267f21d5-b323-490c-92ea-123082bdf7d0.tmp</t>
  </si>
  <si>
    <t>\\acsfs\profiles$\cintiadcf\Downloads\267f21d5-b323-490c-92ea-123082bdf7d0.tmp</t>
  </si>
  <si>
    <t>12/18/2019 08:48:35</t>
  </si>
  <si>
    <t>12/18/2019 08:53:27</t>
  </si>
  <si>
    <t>12/18/2019 08:49:35</t>
  </si>
  <si>
    <t>12/18/2019 08:48:25</t>
  </si>
  <si>
    <t>12/18/2019 08:48:55</t>
  </si>
  <si>
    <t>12/18/2019 08:49:25</t>
  </si>
  <si>
    <t>12/18/2019 08:49:55</t>
  </si>
  <si>
    <t>12/18/2019 08:50:25</t>
  </si>
  <si>
    <t>12/18/2019 08:50:55</t>
  </si>
  <si>
    <t>12/18/2019 08:51:25</t>
  </si>
  <si>
    <t>12/18/2019 08:51:55</t>
  </si>
  <si>
    <t>12/18/2019 08:52:25</t>
  </si>
  <si>
    <t>12/18/2019 08:54:27</t>
  </si>
  <si>
    <t>12/18/2019 08:49:42</t>
  </si>
  <si>
    <t>eb8b2936-c798-40c9-b9a7-feb9ab07b375.tmp</t>
  </si>
  <si>
    <t>\\acsfs\profiles$\KARENDSR\Downloads\eb8b2936-c798-40c9-b9a7-feb9ab07b375.tmp</t>
  </si>
  <si>
    <t>12/18/2019 08:50:47</t>
  </si>
  <si>
    <t>df101c16-5916-4b0b-8601-08989f6b9849.tmp</t>
  </si>
  <si>
    <t>\\acsfs\profiles$\KARENDSR\Downloads\df101c16-5916-4b0b-8601-08989f6b9849.tmp</t>
  </si>
  <si>
    <t>12/18/2019 08:51:39</t>
  </si>
  <si>
    <t>17040b36-c8a7-414f-99b4-3ff38a3846ef.tmp</t>
  </si>
  <si>
    <t>\\acsfs\profiles$\KARENDSR\Downloads\17040b36-c8a7-414f-99b4-3ff38a3846ef.tmp</t>
  </si>
  <si>
    <t>12/18/2019 08:51:38</t>
  </si>
  <si>
    <t>12/18/2019 08:52:44</t>
  </si>
  <si>
    <t>12/18/2019 08:52:12</t>
  </si>
  <si>
    <t>12/18/2019 08:55:27</t>
  </si>
  <si>
    <t>\\acsfs\DEPTOS\Operacao\Banco_Votorantim\Comum\BVFLIX\</t>
  </si>
  <si>
    <t>\\acsfs\DEPTOS\Operacao\Banco_Votorantim\Comum\BVFLIX\Thumbs.db</t>
  </si>
  <si>
    <t>12/18/2019 08:52:21</t>
  </si>
  <si>
    <t>\\acsfs\DEPTOS\Operacao\Banco_Votorantim\Qualidade\Anderson\Laudo\Joao SPF\</t>
  </si>
  <si>
    <t>\\acsfs\DEPTOS\Operacao\Banco_Votorantim\Qualidade\Anderson\Laudo\Joao SPF\Thumbs.db</t>
  </si>
  <si>
    <t>12/18/2019 08:52:43</t>
  </si>
  <si>
    <t>\\acsfs\DEPTOS\Operacao\Banco_Votorantim\Qualidade\Anderson\Laudo de Vendas\</t>
  </si>
  <si>
    <t>\\acsfs\DEPTOS\Operacao\Banco_Votorantim\Qualidade\Anderson\Laudo de Vendas\Thumbs.db</t>
  </si>
  <si>
    <t>12/18/2019 08:52:46</t>
  </si>
  <si>
    <t>\\acsfs\DEPTOS\Operacao\Banco_Votorantim\Qualidade\Anderson\Auditoria de Vendas\Laudo\BV Cartoes\Dezembro\Isabel dias Soares Teles\</t>
  </si>
  <si>
    <t>\\acsfs\DEPTOS\Operacao\Banco_Votorantim\Qualidade\Anderson\Auditoria de Vendas\Laudo\BV Cartoes\Dezembro\Isabel dias Soares Teles\Thumbs.db</t>
  </si>
  <si>
    <t>\\acsfs\DEPTOS\Operacao\Banco_Votorantim\Qualidade\Anderson\Auditoria de Vendas\Laudo\BV Cartoes\Dezembro\SCARLET\Thumbs.db</t>
  </si>
  <si>
    <t>12/18/2019 08:54:04</t>
  </si>
  <si>
    <t>12/18/2019 08:49:37</t>
  </si>
  <si>
    <t>12/18/2019 08:57:27</t>
  </si>
  <si>
    <t>e4fcf7d5-5345-4f43-a566-fe6f45d9cedf.tmp</t>
  </si>
  <si>
    <t>\\acsfs\profiles$\larissaad\Downloads\e4fcf7d5-5345-4f43-a566-fe6f45d9cedf.tmp</t>
  </si>
  <si>
    <t>12/18/2019 07:31:27</t>
  </si>
  <si>
    <t>C:\Users\yuriifd\Desktop\BV\Base de Dados Set, Out e Nov\</t>
  </si>
  <si>
    <t>FATURAMENTO ALGAR - NOV_2019.xlsb</t>
  </si>
  <si>
    <t>12/18/2019 08:55:29</t>
  </si>
  <si>
    <t>4d922c1f-5634-450a-b221-723459758b58.tmp</t>
  </si>
  <si>
    <t>\\acsfs\profiles$\gabrielhca\Downloads\4d922c1f-5634-450a-b221-723459758b58.tmp</t>
  </si>
  <si>
    <t>12/18/2019 08:53:35</t>
  </si>
  <si>
    <t>12/18/2019 08:57:19</t>
  </si>
  <si>
    <t>FOLGAS NATAL.xlsx</t>
  </si>
  <si>
    <t>12/18/2019 08:54:35</t>
  </si>
  <si>
    <t>12/18/2019 08:58:27</t>
  </si>
  <si>
    <t>12/18/2019 08:55:35</t>
  </si>
  <si>
    <t>https://udpmailboxap01.acs.com.br:8443/h/search?si=2&amp;so=0&amp;sc=47236&amp;st=conversation&amp;action=compose&amp;paction=paneview</t>
  </si>
  <si>
    <t>12/18/2019 08:57:49</t>
  </si>
  <si>
    <t>12/18/2019 08:59:27</t>
  </si>
  <si>
    <t>12/18/2019 08:58:44</t>
  </si>
  <si>
    <t>12/18/2019 08:59:16</t>
  </si>
  <si>
    <t>12/18/2019 08:58:56</t>
  </si>
  <si>
    <t>12/18/2019 09:00:27</t>
  </si>
  <si>
    <t>1a616593-ae6f-4fe7-82cb-d0c6084cb76a.tmp</t>
  </si>
  <si>
    <t>\\acsfs\profiles$\gabrielafs\Downloads\1a616593-ae6f-4fe7-82cb-d0c6084cb76a.tmp</t>
  </si>
  <si>
    <t>12/18/2019 08:58:57</t>
  </si>
  <si>
    <t>09f8ab19-bf78-4ad7-8857-82f8ffe0f797.tmp</t>
  </si>
  <si>
    <t>\\acsfs\profiles$\gabrielafs\Downloads\09f8ab19-bf78-4ad7-8857-82f8ffe0f797.tmp</t>
  </si>
  <si>
    <t>12/18/2019 08:58:58</t>
  </si>
  <si>
    <t>50cef191-ef4a-48ab-a969-56bd9d4670c5.tmp</t>
  </si>
  <si>
    <t>\\acsfs\profiles$\gabrielafs\Downloads\50cef191-ef4a-48ab-a969-56bd9d4670c5.tmp</t>
  </si>
  <si>
    <t>12/18/2019 08:58:59</t>
  </si>
  <si>
    <t>94b96549-ead0-4bfb-aa10-778f6eb65be3.tmp</t>
  </si>
  <si>
    <t>\\acsfs\profiles$\gabrielafs\Downloads\94b96549-ead0-4bfb-aa10-778f6eb65be3.tmp</t>
  </si>
  <si>
    <t>12/18/2019 08:57:20</t>
  </si>
  <si>
    <t>12/18/2019 09:02:28</t>
  </si>
  <si>
    <t>dc572d24-54c0-483f-aae8-1e91a3762805.tmp</t>
  </si>
  <si>
    <t>\\acsfs\profiles$\gabrielhca\Downloads\dc572d24-54c0-483f-aae8-1e91a3762805.tmp</t>
  </si>
  <si>
    <t>12/18/2019 08:57:32</t>
  </si>
  <si>
    <t>425f2bb3-4770-4e1e-9304-ed56441e6944.tmp</t>
  </si>
  <si>
    <t>\\acsfs\profiles$\gabrielhca\Downloads\425f2bb3-4770-4e1e-9304-ed56441e6944.tmp</t>
  </si>
  <si>
    <t>12/18/2019 08:59:49</t>
  </si>
  <si>
    <t>a4a7422d-0681-41b3-bd04-95eeaef69df7.tmp</t>
  </si>
  <si>
    <t>\\acsfs\profiles$\gabrielhca\Downloads\a4a7422d-0681-41b3-bd04-95eeaef69df7.tmp</t>
  </si>
  <si>
    <t>12/18/2019 09:00:35</t>
  </si>
  <si>
    <t>12/18/2019 09:03:27</t>
  </si>
  <si>
    <t>12/18/2019 09:01:35</t>
  </si>
  <si>
    <t>12/18/2019 09:01:46</t>
  </si>
  <si>
    <t>12/18/2019 09:01:47</t>
  </si>
  <si>
    <t>12/18/2019 09:01:48</t>
  </si>
  <si>
    <t>12/18/2019 09:01:50</t>
  </si>
  <si>
    <t>12/18/2019 09:01:52</t>
  </si>
  <si>
    <t>12/18/2019 09:02:45</t>
  </si>
  <si>
    <t>12/18/2019 09:02:46</t>
  </si>
  <si>
    <t>12/18/2019 08:58:19</t>
  </si>
  <si>
    <t>12/18/2019 08:58:49</t>
  </si>
  <si>
    <t>12/18/2019 08:59:19</t>
  </si>
  <si>
    <t>12/18/2019 08:59:32</t>
  </si>
  <si>
    <t>12/18/2019 09:01:25</t>
  </si>
  <si>
    <t>12/18/2019 09:01:55</t>
  </si>
  <si>
    <t>12/18/2019 09:00:11</t>
  </si>
  <si>
    <t>12/18/2019 09:04:28</t>
  </si>
  <si>
    <t>12/18/2019 09:01:27</t>
  </si>
  <si>
    <t>\\acsfs\profiles$\kellzylenneasr\My Documents\My Pictures\</t>
  </si>
  <si>
    <t>\\acsfs\profiles$\kellzylenneasr\My Documents\My Videos\desktop.ini</t>
  </si>
  <si>
    <t>12/18/2019 09:01:29</t>
  </si>
  <si>
    <t>\\acsfs\profiles$\kellzylenneasr\My Documents\My Videos\</t>
  </si>
  <si>
    <t>12/18/2019 09:01:36</t>
  </si>
  <si>
    <t>12/18/2019 09:01:38</t>
  </si>
  <si>
    <t>12/18/2019 09:01:39</t>
  </si>
  <si>
    <t>12/18/2019 09:01:42</t>
  </si>
  <si>
    <t>\\acsfs\profiles$\kellzylenneasr\My Documents\My Music\</t>
  </si>
  <si>
    <t>\\acsfs\profiles$\kellzylenneasr\My Documents\My Pictures\desktop.ini</t>
  </si>
  <si>
    <t>12/18/2019 09:01:43</t>
  </si>
  <si>
    <t>12/18/2019 09:01:45</t>
  </si>
  <si>
    <t>12/18/2019 09:01:49</t>
  </si>
  <si>
    <t>12/18/2019 09:01:54</t>
  </si>
  <si>
    <t>\\acsfs\profiles$\kellzylenneasr\Contacts\</t>
  </si>
  <si>
    <t>\\acsfs\profiles$\kellzylenneasr\Contacts\desktop.ini</t>
  </si>
  <si>
    <t>12/18/2019 09:01:56</t>
  </si>
  <si>
    <t>12/18/2019 09:01:57</t>
  </si>
  <si>
    <t>12/18/2019 09:01:58</t>
  </si>
  <si>
    <t>12/18/2019 09:02:01</t>
  </si>
  <si>
    <t>12/18/2019 09:02:02</t>
  </si>
  <si>
    <t>\\acsfs\profiles$\kellzylenneasr\Favorites\desktop.ini</t>
  </si>
  <si>
    <t>12/18/2019 09:02:05</t>
  </si>
  <si>
    <t>12/18/2019 09:02:08</t>
  </si>
  <si>
    <t>12/18/2019 09:02:10</t>
  </si>
  <si>
    <t>12/18/2019 09:02:12</t>
  </si>
  <si>
    <t>12/18/2019 09:02:14</t>
  </si>
  <si>
    <t>12/18/2019 09:02:16</t>
  </si>
  <si>
    <t>12/18/2019 09:02:19</t>
  </si>
  <si>
    <t>\\acsfs\profiles$\kellzylenneasr\My Documents\My Music\desktop.ini</t>
  </si>
  <si>
    <t>12/18/2019 09:02:20</t>
  </si>
  <si>
    <t>12/18/2019 09:02:22</t>
  </si>
  <si>
    <t>12/18/2019 09:02:24</t>
  </si>
  <si>
    <t>12/18/2019 09:02:26</t>
  </si>
  <si>
    <t>12/18/2019 09:02:29</t>
  </si>
  <si>
    <t>\\acsfs\profiles$\kellzylenneasr\Searches\desktop.ini</t>
  </si>
  <si>
    <t>12/18/2019 09:02:30</t>
  </si>
  <si>
    <t>12/18/2019 09:02:32</t>
  </si>
  <si>
    <t>12/18/2019 09:02:34</t>
  </si>
  <si>
    <t>12/18/2019 09:02:35</t>
  </si>
  <si>
    <t>12/18/2019 09:02:37</t>
  </si>
  <si>
    <t>\\acsfs\profiles$\kellzylenneasr\Downloads\desktop.ini</t>
  </si>
  <si>
    <t>12/18/2019 09:02:38</t>
  </si>
  <si>
    <t>12/18/2019 09:02:42</t>
  </si>
  <si>
    <t>\\acsfs\profiles$\kellzylenneasr\Favorites\</t>
  </si>
  <si>
    <t>\\acsfs\profiles$\kellzylenneasr\My Documents\desktop.ini</t>
  </si>
  <si>
    <t>12/18/2019 09:02:43</t>
  </si>
  <si>
    <t>12/18/2019 09:02:47</t>
  </si>
  <si>
    <t>12/18/2019 09:02:49</t>
  </si>
  <si>
    <t>12/18/2019 09:02:51</t>
  </si>
  <si>
    <t>\\acsfs\profiles$\kellzylenneasr\Saved Games\desktop.ini</t>
  </si>
  <si>
    <t>12/18/2019 09:02:53</t>
  </si>
  <si>
    <t>12/18/2019 09:03:13</t>
  </si>
  <si>
    <t>12/18/2019 09:03:18</t>
  </si>
  <si>
    <t>12/18/2019 08:59:31</t>
  </si>
  <si>
    <t>c79c2f88-2861-460d-ac67-4cd84e04fd88.tmp</t>
  </si>
  <si>
    <t>\\acsfs\profiles$\KARENDSR\Downloads\c79c2f88-2861-460d-ac67-4cd84e04fd88.tmp</t>
  </si>
  <si>
    <t>12/18/2019 00:48:35</t>
  </si>
  <si>
    <t>12/18/2019 09:05:27</t>
  </si>
  <si>
    <t>mail.google.com/_/upload?authuser=0&amp;dcp=asu-n&amp;upload_id=AEnB2UqpHrL2CVI2hvA2Arkdsb7lUnVAIJClYXUW6e1arqM6jzyQmVEdVGSoueEzWpmirUrQNxBY6r3-7BS5UZD8vKm45jda4J4H8ox3_5Xebr4cNJ6VIpI&amp;upload_protocol=resumable</t>
  </si>
  <si>
    <t>Meritocracia DAF_Dez19_V18.12.19.xlsx</t>
  </si>
  <si>
    <t>12/18/2019 00:56:02</t>
  </si>
  <si>
    <t>C:\Users\vilarinho\OneDrive - Grupo Algar\Algar Tech\Orçamento\Orçamento2019\4Reuger_Preclosing e LP\Reunião LATAM 09.12.19 - Gustavo\Revisão_LP_LATAM - ATA.pptx\</t>
  </si>
  <si>
    <t>12/18/2019 09:00:44</t>
  </si>
  <si>
    <t>c1f487ae-fd3e-41b2-978d-0fcacc01e5a9.tmp</t>
  </si>
  <si>
    <t>\\acsfs\profiles$\gabrielafs\Downloads\c1f487ae-fd3e-41b2-978d-0fcacc01e5a9.tmp</t>
  </si>
  <si>
    <t>12/18/2019 09:06:06</t>
  </si>
  <si>
    <t>12/18/2019 09:07:27</t>
  </si>
  <si>
    <t>12/18/2019 09:03:19</t>
  </si>
  <si>
    <t>12/18/2019 09:08:28</t>
  </si>
  <si>
    <t>12/18/2019 09:03:21</t>
  </si>
  <si>
    <t>12/18/2019 09:03:22</t>
  </si>
  <si>
    <t>12/18/2019 09:07:35</t>
  </si>
  <si>
    <t>12/18/2019 09:03:25</t>
  </si>
  <si>
    <t>12/18/2019 09:05:55</t>
  </si>
  <si>
    <t>12/18/2019 09:07:25</t>
  </si>
  <si>
    <t>12/18/2019 09:07:55</t>
  </si>
  <si>
    <t>12/18/2019 09:04:10</t>
  </si>
  <si>
    <t>12/18/2019 09:09:27</t>
  </si>
  <si>
    <t>\\acsfs\profiles$\leydianeamd\Downloads\</t>
  </si>
  <si>
    <t>4d647b0e-3802-4c55-be0c-834893be0ffe.tmp</t>
  </si>
  <si>
    <t>\\acsfs\profiles$\leydianeamd\Downloads\4d647b0e-3802-4c55-be0c-834893be0ffe.tmp</t>
  </si>
  <si>
    <t>12/18/2019 09:04:19</t>
  </si>
  <si>
    <t>Não confirmado 34944.crdownload</t>
  </si>
  <si>
    <t>\\acsfs\profiles$\leydianeamd\Downloads\Não confirmado 34944.crdownload</t>
  </si>
  <si>
    <t>12/18/2019 09:04:43</t>
  </si>
  <si>
    <t>6e484441-469e-471d-98ef-fb8da1f25a23.tmp</t>
  </si>
  <si>
    <t>\\acsfs\profiles$\leydianeamd\Downloads\6e484441-469e-471d-98ef-fb8da1f25a23.tmp</t>
  </si>
  <si>
    <t>12/18/2019 09:06:47</t>
  </si>
  <si>
    <t>c7a0dd12-f3a7-4e12-9001-cc59034cb2d4.tmp</t>
  </si>
  <si>
    <t>\\acsfs\profiles$\kellzylenneasr\Downloads\c7a0dd12-f3a7-4e12-9001-cc59034cb2d4.tmp</t>
  </si>
  <si>
    <t>12/18/2019 09:08:21</t>
  </si>
  <si>
    <t>e2ff9d61-66cc-4bc3-91c5-0f1e23b3db85.tmp</t>
  </si>
  <si>
    <t>\\acsfs\profiles$\kellzylenneasr\Downloads\e2ff9d61-66cc-4bc3-91c5-0f1e23b3db85.tmp</t>
  </si>
  <si>
    <t>12/18/2019 09:04:46</t>
  </si>
  <si>
    <t>12/18/2019 09:06:57</t>
  </si>
  <si>
    <t>12/18/2019 09:05:52</t>
  </si>
  <si>
    <t>12/18/2019 09:10:28</t>
  </si>
  <si>
    <t>12/18/2019 09:07:58</t>
  </si>
  <si>
    <t>12/18/2019 09:11:27</t>
  </si>
  <si>
    <t>12/18/2019 09:07:59</t>
  </si>
  <si>
    <t>lu10204ro02u.tmp</t>
  </si>
  <si>
    <t>\\acsfs\profiles$\dhiulliananads\My Documents\lu10204ro02u.tmp</t>
  </si>
  <si>
    <t>\\acsfs\profiles$\dhiulliananads\My Documents\lu10204ro02u.tmp\</t>
  </si>
  <si>
    <t>\\acsfs\profiles$\dhiulliananads\My Documents\lu10204ro02u.tmp\META-INF\</t>
  </si>
  <si>
    <t>\\acsfs\profiles$\dhiulliananads\My Documents\lu10204ro02u.tmp\Thumbnails\</t>
  </si>
  <si>
    <t>12/18/2019 09:09:48</t>
  </si>
  <si>
    <t>lu10204ro02z.tmp</t>
  </si>
  <si>
    <t>\\acsfs\profiles$\dhiulliananads\My Documents\lu10204ro02z.tmp</t>
  </si>
  <si>
    <t>\\acsfs\profiles$\dhiulliananads\My Documents\lu10204ro02z.tmp\</t>
  </si>
  <si>
    <t>\\acsfs\profiles$\dhiulliananads\My Documents\lu10204ro02z.tmp\META-INF\</t>
  </si>
  <si>
    <t>\\acsfs\profiles$\dhiulliananads\My Documents\lu10204ro02z.tmp\Thumbnails\</t>
  </si>
  <si>
    <t>12/18/2019 09:09:55</t>
  </si>
  <si>
    <t>12/18/2019 09:12:27</t>
  </si>
  <si>
    <t>12/18/2019 09:08:10</t>
  </si>
  <si>
    <t>CompiladoPrecos.xlsx</t>
  </si>
  <si>
    <t>12/18/2019 09:08:15</t>
  </si>
  <si>
    <t>C:\Users\simoneesm\OneDrive - Grupo Algar\Controle\ALGAR\FINANCEIRO\Orçamento Original\2020\1º semestre\PTH\</t>
  </si>
  <si>
    <t>Template Orçamentário Pessoal - 2020_Amanda.xlsx</t>
  </si>
  <si>
    <t>12/18/2019 09:08:24</t>
  </si>
  <si>
    <t>C:\Users\simoneesm\OneDrive - Grupo Algar\Controle\ALGAR\FINANCEIRO\Orçamento Original\2020\1º semestre\PTH\09102019\</t>
  </si>
  <si>
    <t>12/18/2019 09:11:12</t>
  </si>
  <si>
    <t>12/18/2019 09:13:27</t>
  </si>
  <si>
    <t>12/18/2019 09:08:35</t>
  </si>
  <si>
    <t>12/18/2019 09:09:37</t>
  </si>
  <si>
    <t>12/18/2019 09:09:38</t>
  </si>
  <si>
    <t>12/18/2019 09:09:39</t>
  </si>
  <si>
    <t>12/18/2019 09:09:40</t>
  </si>
  <si>
    <t>12/18/2019 09:11:29</t>
  </si>
  <si>
    <t>12/18/2019 09:11:30</t>
  </si>
  <si>
    <t>12/18/2019 09:11:31</t>
  </si>
  <si>
    <t>12/18/2019 09:09:25</t>
  </si>
  <si>
    <t>12/18/2019 09:10:55</t>
  </si>
  <si>
    <t>12/18/2019 09:11:25</t>
  </si>
  <si>
    <t>12/18/2019 09:11:55</t>
  </si>
  <si>
    <t>12/18/2019 09:12:25</t>
  </si>
  <si>
    <t>12/18/2019 09:12:55</t>
  </si>
  <si>
    <t>57d745a2-813c-4c57-a88d-4f77333f5774.tmp</t>
  </si>
  <si>
    <t>\\acsfs\profiles$\felipetds\Downloads\57d745a2-813c-4c57-a88d-4f77333f5774.tmp</t>
  </si>
  <si>
    <t>12/18/2019 09:11:14</t>
  </si>
  <si>
    <t>lu2196aivt.tmp</t>
  </si>
  <si>
    <t>\\acsfs\profiles$\VIVIANALDS\My Documents\lu2196aivt.tmp</t>
  </si>
  <si>
    <t>\\acsfs\profiles$\VIVIANALDS\My Documents\lu2196aivt.tmp\</t>
  </si>
  <si>
    <t>\\acsfs\profiles$\VIVIANALDS\My Documents\lu2196aivt.tmp\META-INF\</t>
  </si>
  <si>
    <t>\\acsfs\profiles$\VIVIANALDS\My Documents\lu2196aivt.tmp\Thumbnails\</t>
  </si>
  <si>
    <t>12/18/2019 09:14:27</t>
  </si>
  <si>
    <t>12/18/2019 09:13:05</t>
  </si>
  <si>
    <t>12/18/2019 09:15:27</t>
  </si>
  <si>
    <t>8909ce76-b0dc-4c87-9718-f70148f2d0f3.tmp</t>
  </si>
  <si>
    <t>\\acsfs\profiles$\PEDROHAB\Downloads\8909ce76-b0dc-4c87-9718-f70148f2d0f3.tmp</t>
  </si>
  <si>
    <t>12/18/2019 09:12:58</t>
  </si>
  <si>
    <t>12/18/2019 09:18:27</t>
  </si>
  <si>
    <t>https://outlook.office365.com/mapi/nspi/?mailboxid=48ad403d-3510-47b8-8f76-3ad496ea7c8c@algartech.com</t>
  </si>
  <si>
    <t>12/18/2019 09:12:59</t>
  </si>
  <si>
    <t>12/18/2019 09:13:35</t>
  </si>
  <si>
    <t>12/18/2019 09:15:15</t>
  </si>
  <si>
    <t>12/18/2019 09:15:32</t>
  </si>
  <si>
    <t>12/18/2019 09:15:34</t>
  </si>
  <si>
    <t>12/18/2019 09:15:35</t>
  </si>
  <si>
    <t>12/18/2019 09:17:09</t>
  </si>
  <si>
    <t>12/18/2019 09:17:11</t>
  </si>
  <si>
    <t>12/18/2019 09:17:12</t>
  </si>
  <si>
    <t>12/18/2019 09:17:51</t>
  </si>
  <si>
    <t>12/18/2019 09:17:53</t>
  </si>
  <si>
    <t>12/18/2019 09:17:54</t>
  </si>
  <si>
    <t>12/18/2019 09:13:25</t>
  </si>
  <si>
    <t>12/18/2019 09:13:55</t>
  </si>
  <si>
    <t>12/18/2019 09:16:08</t>
  </si>
  <si>
    <t>12/18/2019 09:19:27</t>
  </si>
  <si>
    <t>12/18/2019 09:19:31</t>
  </si>
  <si>
    <t>12/18/2019 09:20:27</t>
  </si>
  <si>
    <t>12/18/2019 09:17:48</t>
  </si>
  <si>
    <t>https://outlook.office365.com/owa/qualidadealgarbv@algartech.com/service.svc?action=updateitem&amp;app=mail&amp;n=148</t>
  </si>
  <si>
    <t>12/18/2019 09:18:17</t>
  </si>
  <si>
    <t>https://outlook.office365.com/owa/qualidadealgarbv@algartech.com/service.svc?action=updateitem&amp;app=mail&amp;n=190</t>
  </si>
  <si>
    <t>12/18/2019 09:18:47</t>
  </si>
  <si>
    <t>12/18/2019 09:19:17</t>
  </si>
  <si>
    <t>https://outlook.office365.com/owa/qualidadealgarbv@algartech.com/service.svc?action=updateitem&amp;app=mail&amp;n=235</t>
  </si>
  <si>
    <t>12/18/2019 09:19:26</t>
  </si>
  <si>
    <t>https://outlook.office365.com/owa/qualidadealgarbv@algartech.com/service.svc?action=updateitem&amp;app=mail&amp;n=245</t>
  </si>
  <si>
    <t>12/18/2019 09:18:02</t>
  </si>
  <si>
    <t>2d9e6e84-aa07-4a96-9bc4-bb3163868b6a.tmp</t>
  </si>
  <si>
    <t>\\acsfs\profiles$\JOAOVAL\Downloads\2d9e6e84-aa07-4a96-9bc4-bb3163868b6a.tmp</t>
  </si>
  <si>
    <t>12/18/2019 09:18:04</t>
  </si>
  <si>
    <t>5d6040c9-b0bc-4e52-9155-582a5a483f0c.tmp</t>
  </si>
  <si>
    <t>\\acsfs\profiles$\JOAOVAL\Downloads\5d6040c9-b0bc-4e52-9155-582a5a483f0c.tmp</t>
  </si>
  <si>
    <t>12/18/2019 09:18:20</t>
  </si>
  <si>
    <t>02c38e50-5524-40e9-8ac4-4cedc82269de.tmp</t>
  </si>
  <si>
    <t>\\acsfs\profiles$\JOAOVAL\Downloads\02c38e50-5524-40e9-8ac4-4cedc82269de.tmp</t>
  </si>
  <si>
    <t>12/18/2019 09:18:10</t>
  </si>
  <si>
    <t>12/18/2019 09:21:26</t>
  </si>
  <si>
    <t>12/18/2019 09:18:22</t>
  </si>
  <si>
    <t>12/18/2019 09:18:35</t>
  </si>
  <si>
    <t>12/18/2019 09:18:37</t>
  </si>
  <si>
    <t>12/18/2019 09:18:43</t>
  </si>
  <si>
    <t>12/18/2019 09:18:55</t>
  </si>
  <si>
    <t>12/18/2019 09:19:01</t>
  </si>
  <si>
    <t>12/18/2019 09:19:05</t>
  </si>
  <si>
    <t>12/18/2019 09:19:08</t>
  </si>
  <si>
    <t>12/18/2019 09:19:12</t>
  </si>
  <si>
    <t>12/18/2019 09:19:32</t>
  </si>
  <si>
    <t>12/18/2019 09:19:36</t>
  </si>
  <si>
    <t>12/18/2019 09:19:46</t>
  </si>
  <si>
    <t>12/18/2019 09:19:53</t>
  </si>
  <si>
    <t>fernandaab@algartech.com;mirianppb@algartech.com;thiagord@algartech.com;</t>
  </si>
  <si>
    <t>fernandaab@algartech.com,mirianppb@algartech.com,thiagord@algartech.com</t>
  </si>
  <si>
    <t>12/18/2019 09:19:59</t>
  </si>
  <si>
    <t>12/18/2019 09:20:01</t>
  </si>
  <si>
    <t>fernandaab@algartech.com;marianerdo@algartech.com;mirianppb@algartech.com;thiagord@algartech.com;</t>
  </si>
  <si>
    <t>fernandaab@algartech.com,marianerdo@algartech.com,mirianppb@algartech.com,thiagord@algartech.com</t>
  </si>
  <si>
    <t>12/18/2019 09:20:03</t>
  </si>
  <si>
    <t>12/18/2019 09:22:27</t>
  </si>
  <si>
    <t>8238eac2-ec11-4045-ae38-c8441b2bb525.tmp</t>
  </si>
  <si>
    <t>\\acsfs\profiles$\cintiadcf\Downloads\8238eac2-ec11-4045-ae38-c8441b2bb525.tmp</t>
  </si>
  <si>
    <t>12/17/2019 22:43:02</t>
  </si>
  <si>
    <t>12/18/2019 09:23:26</t>
  </si>
  <si>
    <t>10.201.30.75</t>
  </si>
  <si>
    <t>adrianaafss@algartech.com;alessandrar@algartech.com;luizobfi@algartech.com;patriciaars@algartech.com;rodrigommo@algartech.com;</t>
  </si>
  <si>
    <t>C:\Users\andremg\Desktop\Central de Vendas\Árvore de categorização\</t>
  </si>
  <si>
    <t>ESCOPO-BACKOFFICE SOTREQ.xlsx</t>
  </si>
  <si>
    <t>adrianaafss@algartech.com,alessandrar@algartech.com,luizobfi@algartech.com,patriciaars@algartech.com,rodrigommo@algartech.com</t>
  </si>
  <si>
    <t>12/18/2019 09:18:03</t>
  </si>
  <si>
    <t>12/18/2019 09:18:05</t>
  </si>
  <si>
    <t>12/18/2019 09:18:11</t>
  </si>
  <si>
    <t>12/18/2019 09:18:12</t>
  </si>
  <si>
    <t>12/18/2019 09:19:28</t>
  </si>
  <si>
    <t>12/18/2019 09:19:29</t>
  </si>
  <si>
    <t>12/18/2019 09:19:35</t>
  </si>
  <si>
    <t>12/18/2019 09:20:24</t>
  </si>
  <si>
    <t>12/18/2019 09:20:26</t>
  </si>
  <si>
    <t>12/18/2019 09:20:36</t>
  </si>
  <si>
    <t>12/18/2019 09:21:15</t>
  </si>
  <si>
    <t>12/18/2019 09:22:02</t>
  </si>
  <si>
    <t>12/18/2019 09:22:03</t>
  </si>
  <si>
    <t>12/18/2019 09:22:04</t>
  </si>
  <si>
    <t>12/18/2019 09:20:25</t>
  </si>
  <si>
    <t>12/18/2019 09:20:55</t>
  </si>
  <si>
    <t>12/18/2019 09:22:30</t>
  </si>
  <si>
    <t>12/18/2019 09:24:27</t>
  </si>
  <si>
    <t>12/18/2019 09:22:19</t>
  </si>
  <si>
    <t>12/18/2019 09:25:26</t>
  </si>
  <si>
    <t>12/18/2019 09:20:49</t>
  </si>
  <si>
    <t>7c12cba9-c5f6-475a-a99f-bf4a0743dd3f.tmp</t>
  </si>
  <si>
    <t>\\acsfs\profiles$\JOAOVAL\Downloads\7c12cba9-c5f6-475a-a99f-bf4a0743dd3f.tmp</t>
  </si>
  <si>
    <t>12/18/2019 09:23:36</t>
  </si>
  <si>
    <t>68e7271d-6d44-4e0c-9122-30aebb1ac08c.tmp</t>
  </si>
  <si>
    <t>\\acsfs\profiles$\gabrielafs\Downloads\68e7271d-6d44-4e0c-9122-30aebb1ac08c.tmp</t>
  </si>
  <si>
    <t>12/18/2019 09:20:51</t>
  </si>
  <si>
    <t>12/18/2019 09:26:27</t>
  </si>
  <si>
    <t>12/18/2019 09:21:02</t>
  </si>
  <si>
    <t>mail.google.com/sync/u/0/i/s?hl=pt-BR&amp;c=117</t>
  </si>
  <si>
    <t>12/18/2019 09:24:52</t>
  </si>
  <si>
    <t>6399e788-2883-4d2f-ac12-8acc873c01fd.tmp</t>
  </si>
  <si>
    <t>\\acsfs\profiles$\laianear\Downloads\6399e788-2883-4d2f-ac12-8acc873c01fd.tmp</t>
  </si>
  <si>
    <t>12/18/2019 09:23:19</t>
  </si>
  <si>
    <t>12/18/2019 09:28:27</t>
  </si>
  <si>
    <t>12/18/2019 09:23:20</t>
  </si>
  <si>
    <t>12/18/2019 09:25:35</t>
  </si>
  <si>
    <t>12/18/2019 09:27:15</t>
  </si>
  <si>
    <t>12/18/2019 09:27:21</t>
  </si>
  <si>
    <t>12/18/2019 09:27:22</t>
  </si>
  <si>
    <t>12/18/2019 09:24:25</t>
  </si>
  <si>
    <t>12/18/2019 09:24:55</t>
  </si>
  <si>
    <t>12/18/2019 09:25:25</t>
  </si>
  <si>
    <t>12/18/2019 09:25:55</t>
  </si>
  <si>
    <t>12/18/2019 09:24:13</t>
  </si>
  <si>
    <t>12/18/2019 09:29:27</t>
  </si>
  <si>
    <t>1 CICLO OUTUBRO.txt</t>
  </si>
  <si>
    <t>\\acsfs\DEPTOS\Operacao\Banco_Votorantim\Qualidade\Eliane\Monitoria OUTUBRO\1 CICLO OUTUBRO.txt</t>
  </si>
  <si>
    <t>2° Ciclo Outubro.txt</t>
  </si>
  <si>
    <t>\\acsfs\DEPTOS\Operacao\Banco_Votorantim\Qualidade\Eliane\Monitoria OUTUBRO\2° Ciclo Outubro.txt</t>
  </si>
  <si>
    <t>12/18/2019 09:24:47</t>
  </si>
  <si>
    <t>3° ciclo outubro.txt</t>
  </si>
  <si>
    <t>\\acsfs\DEPTOS\Operacao\Banco_Votorantim\Qualidade\Eliane\Monitoria OUTUBRO\3° ciclo outubro.txt</t>
  </si>
  <si>
    <t>12/18/2019 09:25:04</t>
  </si>
  <si>
    <t>4°Ciclo OUTUBRO.txt</t>
  </si>
  <si>
    <t>\\acsfs\DEPTOS\Operacao\Banco_Votorantim\Qualidade\Eliane\Monitoria OUTUBRO\4°Ciclo OUTUBRO.txt</t>
  </si>
  <si>
    <t>12/18/2019 09:25:42</t>
  </si>
  <si>
    <t>1 ciclo setembro.txt</t>
  </si>
  <si>
    <t>\\acsfs\DEPTOS\Operacao\Banco_Votorantim\Qualidade\Eliane\Monitoria SETEMBRO\1 ciclo setembro.txt</t>
  </si>
  <si>
    <t>12/18/2019 09:26:05</t>
  </si>
  <si>
    <t>2 ciclo setembro.txt</t>
  </si>
  <si>
    <t>\\acsfs\DEPTOS\Operacao\Banco_Votorantim\Qualidade\Eliane\Monitoria SETEMBRO\2 ciclo setembro.txt</t>
  </si>
  <si>
    <t>12/18/2019 09:26:18</t>
  </si>
  <si>
    <t>3° ciclo setembro.txt</t>
  </si>
  <si>
    <t>\\acsfs\DEPTOS\Operacao\Banco_Votorantim\Qualidade\Eliane\Monitoria SETEMBRO\3° ciclo setembro.txt</t>
  </si>
  <si>
    <t>12/18/2019 09:26:58</t>
  </si>
  <si>
    <t>12/18/2019 09:30:26</t>
  </si>
  <si>
    <t>\\acsfs\DEPTOS\EDUCACAO EMPRESARIAL\MATERIAL UNIBRAD\Thumbs.db</t>
  </si>
  <si>
    <t>12/18/2019 09:29:40</t>
  </si>
  <si>
    <t>12/18/2019 09:27:14</t>
  </si>
  <si>
    <t>fad9d0c3-f2bc-45e7-ac2a-551f2c2ce855.tmp</t>
  </si>
  <si>
    <t>\\acsfs\profiles$\gabrielafs\Downloads\fad9d0c3-f2bc-45e7-ac2a-551f2c2ce855.tmp</t>
  </si>
  <si>
    <t>12/18/2019 09:28:37</t>
  </si>
  <si>
    <t>12/18/2019 09:31:27</t>
  </si>
  <si>
    <t>12/17/2019 08:59:18</t>
  </si>
  <si>
    <t>adalbertoms@algartech.com;alexandreapi@algartech.com;camilat@algartech.com;cinthia.guimaraes@algartech.com;danieldom@algartech.com;elisangela.silva@algartech.com;gisele.lopes@algartech.com;hugobsa@algartech.com;jeffersonrdsa@algartech.com;kamiladsv@algartech.com;luiz.m.carvalho@algartech.com;marco.padovani@algartech.com;octavio.vasconcellos@algartech.com;pablomlqu@algartech.com;patriciaf@algartech.com;pedrofs@algartech.com;renata.silva@algartech.com;sgc-th_gat@algartech.com;simoneesm@algartech.com;suenyfo@algartech.com;walter.silva@algartech.com;wesleydal@algartech.com;wilsonaapn@algartech.com;</t>
  </si>
  <si>
    <t>Consolidado HE_028_029_033_01A1612.xlsm</t>
  </si>
  <si>
    <t>adalbertoms@algartech.com,alexandreapi@algartech.com,camilat@algartech.com,cinthia.guimaraes@algartech.com,danieldom@algartech.com,elisangela.silva@algartech.com,gisele.lopes@algartech.com,hugobsa@algartech.com,jeffersonrdsa@algartech.com,kamiladsv@algartech.com,luiz.m.carvalho@algartech.com,marco.padovani@algartech.com,octavio.vasconcellos@algartech.com,pablomlqu@algartech.com,patriciaf@algartech.com,pedrofs@algartech.com,renata.silva@algartech.com,sgc-th_gat@algartech.com,simoneesm@algartech.com,suenyfo@algartech.com,walter.silva@algartech.com,wesleydal@algartech.com,wilsonaapn@algartech.com</t>
  </si>
  <si>
    <t>12/17/2019 15:37:21</t>
  </si>
  <si>
    <t>EQUIPE GAT DEZEMBRO_1612.xlsm</t>
  </si>
  <si>
    <t>12/18/2019 07:55:02</t>
  </si>
  <si>
    <t>mail.google.com/_/upload?authuser=0&amp;dcp=asu-n&amp;upload_id=AEnB2UqALUwTlbY-k9UWZLlj-LNMDZncWhxZK3vaH_PpQASCVNZF1I0qfSQ5Hv90jZQfCJiwerTiDV8N4FhNdRWIvf3OiUNflZQZ-E4-oxuFdNIIK27WWTY&amp;upload_protocol=resumable</t>
  </si>
  <si>
    <t>OCORRENCIAS_028_01A1712.CSV</t>
  </si>
  <si>
    <t>12/18/2019 07:55:03</t>
  </si>
  <si>
    <t>mail.google.com/_/upload?authuser=0&amp;dcp=asu-n&amp;upload_id=AEnB2UpAxfUMedzTQDDZwzz5wdSjuUH6vGa42e9RmGwDKvawhKk35vwXjvkyPUczi61tD4eGpbgxB3VMFJcBqt0rJwOWNC041J0WpsI2oHnd795yKRIqEZE&amp;upload_protocol=resumable</t>
  </si>
  <si>
    <t>OCORRENCIAS_029_01A1712.CSV</t>
  </si>
  <si>
    <t>mail.google.com/_/upload?authuser=0&amp;dcp=asu-n&amp;upload_id=AEnB2UqooKFy2Iv_Gf2PFIYirQquMUlH78h6DHULMOYNX41xDVQRXc5BT442gLIiRs27ZSkYj9SFFSVWMS2fooGkhuhO41y7j5BGAs6kr9qXPdXqkPUsrX4&amp;upload_protocol=resumable</t>
  </si>
  <si>
    <t>OCORRENCIAS_033_01A1712.CSV</t>
  </si>
  <si>
    <t>12/18/2019 09:28:23</t>
  </si>
  <si>
    <t>12/18/2019 09:33:27</t>
  </si>
  <si>
    <t>12/18/2019 09:29:05</t>
  </si>
  <si>
    <t>/o=exchangelabs/ou=exchange administrative group (fydibohf23spdlt)/cn=recipients/cn=a19b321d5b334e5aadd5d63abdb84bd8-karine fern;/o=exchangelabs/ou=exchange administrative group (fydibohf23spdlt)/cn=recipients/cn=be0b59caa4dc43e39afaa089f44ef778-leonardo al;joaopsan@algartech.com;</t>
  </si>
  <si>
    <t>RES: Lançar treinamento</t>
  </si>
  <si>
    <t>/o=exchangelabs/ou=exchange administrative group (fydibohf23spdlt)/cn=recipients/cn=a19b321d5b334e5aadd5d63abdb84bd8-karine fern,/o=exchangelabs/ou=exchange administrative group (fydibohf23spdlt)/cn=recipients/cn=be0b59caa4dc43e39afaa089f44ef778-leonardo al,joaopsan@algartech.com</t>
  </si>
  <si>
    <t>12/18/2019 09:29:07</t>
  </si>
  <si>
    <t>12/18/2019 09:29:08</t>
  </si>
  <si>
    <t>12/18/2019 09:29:10</t>
  </si>
  <si>
    <t>12/18/2019 09:29:11</t>
  </si>
  <si>
    <t>12/18/2019 09:29:12</t>
  </si>
  <si>
    <t>12/18/2019 09:29:25</t>
  </si>
  <si>
    <t>12/18/2019 09:29:28</t>
  </si>
  <si>
    <t>12/18/2019 09:30:00</t>
  </si>
  <si>
    <t>12/18/2019 09:30:01</t>
  </si>
  <si>
    <t>12/18/2019 09:30:06</t>
  </si>
  <si>
    <t>12/18/2019 09:30:08</t>
  </si>
  <si>
    <t>12/18/2019 09:30:09</t>
  </si>
  <si>
    <t>12/18/2019 09:30:11</t>
  </si>
  <si>
    <t>12/18/2019 09:30:37</t>
  </si>
  <si>
    <t>12/18/2019 09:30:39</t>
  </si>
  <si>
    <t>12/18/2019 09:31:35</t>
  </si>
  <si>
    <t>12/18/2019 09:32:21</t>
  </si>
  <si>
    <t>12/18/2019 09:32:22</t>
  </si>
  <si>
    <t>12/18/2019 09:32:28</t>
  </si>
  <si>
    <t>12/18/2019 09:32:30</t>
  </si>
  <si>
    <t>12/18/2019 09:31:56</t>
  </si>
  <si>
    <t>12/18/2019 09:32:26</t>
  </si>
  <si>
    <t>12/18/2019 09:28:48</t>
  </si>
  <si>
    <t>12/18/2019 09:34:26</t>
  </si>
  <si>
    <t>3° ciclo agosto.txt</t>
  </si>
  <si>
    <t>\\acsfs\DEPTOS\Operacao\Banco_Votorantim\Qualidade\Eliane\Monitoria AGOSTO\3° ciclo agosto.txt</t>
  </si>
  <si>
    <t>12/18/2019 09:29:01</t>
  </si>
  <si>
    <t>4° ciclo agosto.txt</t>
  </si>
  <si>
    <t>\\acsfs\DEPTOS\Operacao\Banco_Votorantim\Qualidade\Eliane\Monitoria AGOSTO\4° ciclo agosto.txt</t>
  </si>
  <si>
    <t>12/18/2019 09:33:29</t>
  </si>
  <si>
    <t>12/18/2019 09:35:27</t>
  </si>
  <si>
    <t>Laudo.docx</t>
  </si>
  <si>
    <t>\\acsfs\DEPTOS\Operacao\Banco_Votorantim\Qualidade\Anderson\Jose\Laudo.docx</t>
  </si>
  <si>
    <t>12/18/2019 09:34:24</t>
  </si>
  <si>
    <t>eae3611d-4db0-4a1d-ae26-96e07c53f240.tmp</t>
  </si>
  <si>
    <t>\\acsfs\profiles$\alexandrapp\Downloads\eae3611d-4db0-4a1d-ae26-96e07c53f240.tmp</t>
  </si>
  <si>
    <t>12/18/2019 09:31:17</t>
  </si>
  <si>
    <t>5734c749-b1b3-410d-9a87-d6e35657ed5d.tmp</t>
  </si>
  <si>
    <t>\\acsfs\profiles$\leticiala\Downloads\5734c749-b1b3-410d-9a87-d6e35657ed5d.tmp</t>
  </si>
  <si>
    <t>12/18/2019 09:31:22</t>
  </si>
  <si>
    <t>8b39625a-fd60-4bca-9e05-0c45c51ae79c.tmp</t>
  </si>
  <si>
    <t>\\acsfs\profiles$\leticiala\Downloads\8b39625a-fd60-4bca-9e05-0c45c51ae79c.tmp</t>
  </si>
  <si>
    <t>c6a8e54b-4bb2-4802-a34c-f131706258c2.tmp</t>
  </si>
  <si>
    <t>\\acsfs\profiles$\leticiala\Downloads\c6a8e54b-4bb2-4802-a34c-f131706258c2.tmp</t>
  </si>
  <si>
    <t>12/18/2019 09:34:54</t>
  </si>
  <si>
    <t>9e55e248-7424-4351-a217-8cc654b2d630.tmp</t>
  </si>
  <si>
    <t>\\acsfs\profiles$\leticiala\Downloads\9e55e248-7424-4351-a217-8cc654b2d630.tmp</t>
  </si>
  <si>
    <t>12/18/2019 09:34:11</t>
  </si>
  <si>
    <t>12/18/2019 09:36:26</t>
  </si>
  <si>
    <t>70ac5716-af4f-4207-85c5-b47f68c93874.tmp</t>
  </si>
  <si>
    <t>\\acsfs\profiles$\deborahsi\Downloads\70ac5716-af4f-4207-85c5-b47f68c93874.tmp</t>
  </si>
  <si>
    <t>12/18/2019 09:35:38</t>
  </si>
  <si>
    <t>12/18/2019 09:37:27</t>
  </si>
  <si>
    <t>3950aa9d-067b-466f-9eea-5b6a5bfabd05.tmp</t>
  </si>
  <si>
    <t>\\acsfs\profiles$\KARENDSR\Downloads\3950aa9d-067b-466f-9eea-5b6a5bfabd05.tmp</t>
  </si>
  <si>
    <t>12/18/2019 09:36:48</t>
  </si>
  <si>
    <t>7a33ff0c-bffe-4ec6-80a4-54580d0f180d.tmp</t>
  </si>
  <si>
    <t>\\acsfs\profiles$\KARENDSR\Downloads\7a33ff0c-bffe-4ec6-80a4-54580d0f180d.tmp</t>
  </si>
  <si>
    <t>12/18/2019 09:37:10</t>
  </si>
  <si>
    <t>3e052813-4b87-45f6-a304-71b37fd8cf4c.tmp</t>
  </si>
  <si>
    <t>\\acsfs\profiles$\KARENDSR\Downloads\3e052813-4b87-45f6-a304-71b37fd8cf4c.tmp</t>
  </si>
  <si>
    <t>12/18/2019 09:33:52</t>
  </si>
  <si>
    <t>https://webdir0a.online.lync.com/webticket/webticketservice.svc/oauth</t>
  </si>
  <si>
    <t>12/18/2019 09:34:23</t>
  </si>
  <si>
    <t>12/18/2019 09:34:29</t>
  </si>
  <si>
    <t>12/18/2019 09:35:13</t>
  </si>
  <si>
    <t>12/18/2019 09:35:14</t>
  </si>
  <si>
    <t>12/18/2019 09:35:15</t>
  </si>
  <si>
    <t>12/18/2019 09:35:16</t>
  </si>
  <si>
    <t>12/18/2019 09:35:19</t>
  </si>
  <si>
    <t>12/18/2019 09:35:20</t>
  </si>
  <si>
    <t>12/18/2019 09:35:21</t>
  </si>
  <si>
    <t>12/18/2019 09:35:23</t>
  </si>
  <si>
    <t>12/18/2019 09:35:39</t>
  </si>
  <si>
    <t>12/18/2019 09:35:40</t>
  </si>
  <si>
    <t>12/18/2019 09:35:41</t>
  </si>
  <si>
    <t>12/18/2019 09:35:42</t>
  </si>
  <si>
    <t>12/18/2019 09:35:44</t>
  </si>
  <si>
    <t>12/18/2019 09:33:15</t>
  </si>
  <si>
    <t>12/18/2019 09:38:27</t>
  </si>
  <si>
    <t>12/18/2019 09:33:57</t>
  </si>
  <si>
    <t>12/18/2019 09:33:58</t>
  </si>
  <si>
    <t>12/18/2019 09:34:00</t>
  </si>
  <si>
    <t>12/18/2019 09:35:04</t>
  </si>
  <si>
    <t>12/18/2019 09:35:05</t>
  </si>
  <si>
    <t>12/18/2019 09:35:06</t>
  </si>
  <si>
    <t>12/18/2019 09:35:08</t>
  </si>
  <si>
    <t>12/18/2019 09:36:25</t>
  </si>
  <si>
    <t>12/18/2019 09:36:27</t>
  </si>
  <si>
    <t>12/18/2019 09:36:29</t>
  </si>
  <si>
    <t>12/18/2019 09:36:31</t>
  </si>
  <si>
    <t>12/18/2019 09:36:33</t>
  </si>
  <si>
    <t>12/18/2019 09:36:50</t>
  </si>
  <si>
    <t>12/18/2019 09:36:51</t>
  </si>
  <si>
    <t>12/18/2019 09:37:35</t>
  </si>
  <si>
    <t>12/18/2019 09:33:26</t>
  </si>
  <si>
    <t>12/18/2019 09:33:56</t>
  </si>
  <si>
    <t>12/18/2019 09:34:56</t>
  </si>
  <si>
    <t>12/18/2019 09:36:56</t>
  </si>
  <si>
    <t>12/18/2019 09:37:26</t>
  </si>
  <si>
    <t>12/18/2019 09:37:56</t>
  </si>
  <si>
    <t>12/18/2019 09:36:02</t>
  </si>
  <si>
    <t>12/18/2019 09:39:27</t>
  </si>
  <si>
    <t>74-86-7A-FB-17-67</t>
  </si>
  <si>
    <t>VOTORANT-IB013</t>
  </si>
  <si>
    <t>70c70e71-8f46-4eae-98aa-1d20fa09bb9c.tmp</t>
  </si>
  <si>
    <t>\\acsfs\profiles$\sayharaefs\Downloads\70c70e71-8f46-4eae-98aa-1d20fa09bb9c.tmp</t>
  </si>
  <si>
    <t>12/18/2019 09:36:12</t>
  </si>
  <si>
    <t>28c58409-e735-4237-91ad-430bfca5fde7.tmp</t>
  </si>
  <si>
    <t>\\acsfs\profiles$\sayharaefs\Downloads\28c58409-e735-4237-91ad-430bfca5fde7.tmp</t>
  </si>
  <si>
    <t>12/18/2019 09:33:41</t>
  </si>
  <si>
    <t>12/18/2019 09:36:35</t>
  </si>
  <si>
    <t>Template Tropa - Atalho.lnk</t>
  </si>
  <si>
    <t>\\acsfs\DEPTOS\Operacao\Banco_Votorantim\Qualidade\Eliane\Template Tropa - Atalho.lnk</t>
  </si>
  <si>
    <t>TNC - Reembolso a Cliente por Crédito de Seguradora - Atalho.lnk</t>
  </si>
  <si>
    <t>\\acsfs\DEPTOS\Operacao\Banco_Votorantim\Qualidade\Eliane\TNC - Reembolso a Cliente por Crédito de Seguradora - Atalho.lnk</t>
  </si>
  <si>
    <t>Tô ligado Vertical 2 - Atalho.lnk</t>
  </si>
  <si>
    <t>\\acsfs\DEPTOS\Operacao\Banco_Votorantim\Qualidade\Eliane\Tô ligado Vertical 2 - Atalho.lnk</t>
  </si>
  <si>
    <t>Gravação de saldo 1 - Atalho.lnk</t>
  </si>
  <si>
    <t>\\acsfs\DEPTOS\Operacao\Banco_Votorantim\Qualidade\Eliane\Gravação de saldo 1 - Atalho.lnk</t>
  </si>
  <si>
    <t>Gravação de saldo 1 - Atalho (2).lnk</t>
  </si>
  <si>
    <t>\\acsfs\DEPTOS\Operacao\Banco_Votorantim\Qualidade\Eliane\Gravação de saldo 1 - Atalho (2).lnk</t>
  </si>
  <si>
    <t>12/18/2019 09:36:36</t>
  </si>
  <si>
    <t>Gravação de saldo - Atalho.lnk</t>
  </si>
  <si>
    <t>\\acsfs\DEPTOS\Operacao\Banco_Votorantim\Qualidade\Eliane\Gravação de saldo - Atalho.lnk</t>
  </si>
  <si>
    <t>Histórico reembolso - Atalho.lnk</t>
  </si>
  <si>
    <t>\\acsfs\DEPTOS\Operacao\Banco_Votorantim\Qualidade\Eliane\Histórico reembolso - Atalho.lnk</t>
  </si>
  <si>
    <t>Histórico reembolso - Atalho (2).lnk</t>
  </si>
  <si>
    <t>\\acsfs\DEPTOS\Operacao\Banco_Votorantim\Qualidade\Eliane\Histórico reembolso - Atalho (2).lnk</t>
  </si>
  <si>
    <t>Histórico - Atalho.lnk</t>
  </si>
  <si>
    <t>\\acsfs\DEPTOS\Operacao\Banco_Votorantim\Qualidade\Eliane\Histórico - Atalho.lnk</t>
  </si>
  <si>
    <t>12/18/2019 09:36:37</t>
  </si>
  <si>
    <t>Histórico - Atalho (2).lnk</t>
  </si>
  <si>
    <t>\\acsfs\DEPTOS\Operacao\Banco_Votorantim\Qualidade\Eliane\Histórico - Atalho (2).lnk</t>
  </si>
  <si>
    <t>IMPROCEDÊNCIA MUTANT - Atalho.lnk</t>
  </si>
  <si>
    <t>\\acsfs\DEPTOS\Operacao\Banco_Votorantim\Qualidade\Eliane\IMPROCEDÊNCIA MUTANT - Atalho.lnk</t>
  </si>
  <si>
    <t>Ligação transferida para operadora com dados confirmados - Atalho.lnk</t>
  </si>
  <si>
    <t>\\acsfs\DEPTOS\Operacao\Banco_Votorantim\Qualidade\Eliane\Ligação transferida para operadora com dados confirmados - Atalho.lnk</t>
  </si>
  <si>
    <t>MOLDE Contestação - Atalho.lnk</t>
  </si>
  <si>
    <t>\\acsfs\DEPTOS\Operacao\Banco_Votorantim\Qualidade\Eliane\MOLDE Contestação - Atalho.lnk</t>
  </si>
  <si>
    <t>12/18/2019 09:36:38</t>
  </si>
  <si>
    <t>MOLDE - Atalho.lnk</t>
  </si>
  <si>
    <t>\\acsfs\DEPTOS\Operacao\Banco_Votorantim\Qualidade\Eliane\MOLDE - Atalho.lnk</t>
  </si>
  <si>
    <t>Motivacional-Erros - Atalho.lnk</t>
  </si>
  <si>
    <t>\\acsfs\DEPTOS\Operacao\Banco_Votorantim\Qualidade\Eliane\Motivacional-Erros - Atalho.lnk</t>
  </si>
  <si>
    <t>Parecer erro operacional-SOLANGE ARAUJO DOS SANTOS - Atalho.lnk</t>
  </si>
  <si>
    <t>\\acsfs\DEPTOS\Operacao\Banco_Votorantim\Qualidade\Eliane\Parecer erro operacional-SOLANGE ARAUJO DOS SANTOS - Atalho.lnk</t>
  </si>
  <si>
    <t>Piloto_Soletração - Atalho.lnk</t>
  </si>
  <si>
    <t>\\acsfs\DEPTOS\Operacao\Banco_Votorantim\Qualidade\Eliane\Piloto_Soletração - Atalho.lnk</t>
  </si>
  <si>
    <t>12/18/2019 09:36:39</t>
  </si>
  <si>
    <t>Registro em histórico da operadora PRISCILLA ELLEN DOS SANTOS SOARES - Atalho.lnk</t>
  </si>
  <si>
    <t>\\acsfs\DEPTOS\Operacao\Banco_Votorantim\Qualidade\Eliane\Registro em histórico da operadora PRISCILLA ELLEN DOS SANTOS SOARES - Atalho.lnk</t>
  </si>
  <si>
    <t>Registro em histórico da operadora PRISCILLA ELLEN DOS SANTOS SOARES - Atalho (2).lnk</t>
  </si>
  <si>
    <t>\\acsfs\DEPTOS\Operacao\Banco_Votorantim\Qualidade\Eliane\Registro em histórico da operadora PRISCILLA ELLEN DOS SANTOS SOARES - Atalho (2).lnk</t>
  </si>
  <si>
    <t>Repasse - Atalho.lnk</t>
  </si>
  <si>
    <t>\\acsfs\DEPTOS\Operacao\Banco_Votorantim\Qualidade\Eliane\Repasse - Atalho.lnk</t>
  </si>
  <si>
    <t>Revisão tréplica 3 e 4 ciclo enviado dia 25-10 - Atalho.lnk</t>
  </si>
  <si>
    <t>\\acsfs\DEPTOS\Operacao\Banco_Votorantim\Qualidade\Eliane\Revisão tréplica 3 e 4 ciclo enviado dia 25-10 - Atalho.lnk</t>
  </si>
  <si>
    <t>12/18/2019 09:36:17</t>
  </si>
  <si>
    <t>12/18/2019 09:40:27</t>
  </si>
  <si>
    <t>cb565e7d-ac5b-45dc-a9a3-4bdfbd96ae58.tmp</t>
  </si>
  <si>
    <t>\\acsfs\profiles$\alexandrapp\Downloads\cb565e7d-ac5b-45dc-a9a3-4bdfbd96ae58.tmp</t>
  </si>
  <si>
    <t>12/18/2019 09:37:34</t>
  </si>
  <si>
    <t>12/18/2019 09:41:27</t>
  </si>
  <si>
    <t>a71bb03f-6fcd-4e3c-873e-b5c3d9fc9833.tmp</t>
  </si>
  <si>
    <t>\\acsfs\profiles$\deborahsi\Downloads\a71bb03f-6fcd-4e3c-873e-b5c3d9fc9833.tmp</t>
  </si>
  <si>
    <t>12/18/2019 09:37:39</t>
  </si>
  <si>
    <t>bcc06e01-745b-455b-bb12-98e2a035c5a1.tmp</t>
  </si>
  <si>
    <t>\\acsfs\profiles$\deborahsi\Downloads\bcc06e01-745b-455b-bb12-98e2a035c5a1.tmp</t>
  </si>
  <si>
    <t>12/18/2019 09:39:55</t>
  </si>
  <si>
    <t>c47e9b3d-5518-4c23-bb1f-65ca5e1567da.tmp</t>
  </si>
  <si>
    <t>\\acsfs\profiles$\deborahsi\Downloads\c47e9b3d-5518-4c23-bb1f-65ca5e1567da.tmp</t>
  </si>
  <si>
    <t>12/18/2019 09:40:44</t>
  </si>
  <si>
    <t>12/18/2019 09:42:27</t>
  </si>
  <si>
    <t>12/18/2019 09:41:44</t>
  </si>
  <si>
    <t>12/18/2019 09:42:14</t>
  </si>
  <si>
    <t>12/18/2019 09:39:15</t>
  </si>
  <si>
    <t>12/18/2019 09:43:27</t>
  </si>
  <si>
    <t>12/18/2019 09:39:28</t>
  </si>
  <si>
    <t>12/18/2019 09:40:12</t>
  </si>
  <si>
    <t>12/18/2019 09:40:13</t>
  </si>
  <si>
    <t>12/18/2019 09:42:28</t>
  </si>
  <si>
    <t>12/18/2019 09:39:56</t>
  </si>
  <si>
    <t>12/18/2019 09:40:26</t>
  </si>
  <si>
    <t>12/18/2019 09:38:50</t>
  </si>
  <si>
    <t>12/18/2019 09:44:27</t>
  </si>
  <si>
    <t>Calibração exluida a mando do Fernando-Op Guilhrme Consig.PNG</t>
  </si>
  <si>
    <t>\\acsfs\DEPTOS\Operacao\Banco_Votorantim\Qualidade\Eliane\Evidências PRINT\Calibração exluida a mando do Fernando-Op Guilhrme Consig.PNG</t>
  </si>
  <si>
    <t>12/18/2019 09:38:51</t>
  </si>
  <si>
    <t>12/18/2019 09:39:01</t>
  </si>
  <si>
    <t>Contrato sob gestão dobanco Daycoval.PNG</t>
  </si>
  <si>
    <t>\\acsfs\DEPTOS\Operacao\Banco_Votorantim\Qualidade\Eliane\Evidências PRINT\Contrato sob gestão dobanco Daycoval.PNG</t>
  </si>
  <si>
    <t>12/18/2019 09:39:36</t>
  </si>
  <si>
    <t>\\acsfs\DEPTOS\Operacao\Banco_Votorantim\Qualidade\Eliane\Duvida e atualizações Intra\Atualização Pontuações-MONITORIA.docx</t>
  </si>
  <si>
    <t>\\acsfs\DEPTOS\Operacao\Banco_Votorantim\Qualidade\Eliane\Evidências PRINT\</t>
  </si>
  <si>
    <t>\\acsfs\DEPTOS\Operacao\Banco_Votorantim\Qualidade\Eliane\Evidências PRINT\Thumbs.db</t>
  </si>
  <si>
    <t>12/18/2019 09:42:56</t>
  </si>
  <si>
    <t>12/18/2019 09:45:27</t>
  </si>
  <si>
    <t>401bba98-1635-4abc-8094-08981a09be73.tmp</t>
  </si>
  <si>
    <t>\\acsfs\profiles$\alexandrapp\Downloads\401bba98-1635-4abc-8094-08981a09be73.tmp</t>
  </si>
  <si>
    <t>12/18/2019 09:39:49</t>
  </si>
  <si>
    <t>12/18/2019 09:43:46</t>
  </si>
  <si>
    <t>12/18/2019 09:46:27</t>
  </si>
  <si>
    <t>8eb51598-032b-4f0b-8fe8-d073b43a2870.tmp</t>
  </si>
  <si>
    <t>\\acsfs\profiles$\gabrielarb\Downloads\8eb51598-032b-4f0b-8fe8-d073b43a2870.tmp</t>
  </si>
  <si>
    <t>12/18/2019 09:42:23</t>
  </si>
  <si>
    <t>9ae1aab0-22e4-41a8-9afb-5b5232e5cab6.tmp</t>
  </si>
  <si>
    <t>\\acsfs\profiles$\luanaldsi\Downloads\9ae1aab0-22e4-41a8-9afb-5b5232e5cab6.tmp</t>
  </si>
  <si>
    <t>135e35de-bb9a-409e-bb21-6bb6bf2e750a.tmp</t>
  </si>
  <si>
    <t>\\acsfs\profiles$\luanaldsi\Downloads\135e35de-bb9a-409e-bb21-6bb6bf2e750a.tmp</t>
  </si>
  <si>
    <t>3d63073c-99b2-4b2b-8f94-d7225a311c0a.tmp</t>
  </si>
  <si>
    <t>\\acsfs\profiles$\luanaldsi\Downloads\3d63073c-99b2-4b2b-8f94-d7225a311c0a.tmp</t>
  </si>
  <si>
    <t>12/18/2019 09:46:44</t>
  </si>
  <si>
    <t>12/18/2019 09:47:27</t>
  </si>
  <si>
    <t>12/18/2019 09:43:35</t>
  </si>
  <si>
    <t>12/18/2019 09:48:26</t>
  </si>
  <si>
    <t>12/18/2019 09:44:06</t>
  </si>
  <si>
    <t>12/18/2019 09:45:15</t>
  </si>
  <si>
    <t>12/18/2019 09:45:35</t>
  </si>
  <si>
    <t>12/18/2019 09:45:56</t>
  </si>
  <si>
    <t>12/18/2019 09:46:26</t>
  </si>
  <si>
    <t>12/18/2019 09:49:27</t>
  </si>
  <si>
    <t>12/18/2019 09:49:11</t>
  </si>
  <si>
    <t>12/18/2019 09:47:14</t>
  </si>
  <si>
    <t>12/18/2019 09:50:27</t>
  </si>
  <si>
    <t>484e1f26-4917-4775-9c14-bc5607ee0ffa.tmp</t>
  </si>
  <si>
    <t>\\acsfs\profiles$\LUCASNS\Downloads\484e1f26-4917-4775-9c14-bc5607ee0ffa.tmp</t>
  </si>
  <si>
    <t>12/18/2019 09:45:01</t>
  </si>
  <si>
    <t>YASMIN SOARES COSTA_1_6766635170074277337_1_32.wav</t>
  </si>
  <si>
    <t>\\acsfs\DEPTOS\EDUCACAO EMPRESARIAL\Ligaçoes para MUTANT seg ciclo DEZEMBRO\YASMIN SOARES COSTA_1_6766635170074277337_1_32.wav</t>
  </si>
  <si>
    <t>12/18/2019 09:49:47</t>
  </si>
  <si>
    <t>12/18/2019 09:51:27</t>
  </si>
  <si>
    <t>10.201.28.43</t>
  </si>
  <si>
    <t>c:\users\adrianamac\downloads\</t>
  </si>
  <si>
    <t>entrega panetone.xlsx</t>
  </si>
  <si>
    <t>12/18/2019 09:47:44</t>
  </si>
  <si>
    <t>12/18/2019 09:52:27</t>
  </si>
  <si>
    <t>12/18/2019 09:49:45</t>
  </si>
  <si>
    <t>12/18/2019 09:49:48</t>
  </si>
  <si>
    <t>12/18/2019 09:49:58</t>
  </si>
  <si>
    <t>12/18/2019 09:50:30</t>
  </si>
  <si>
    <t>12/18/2019 09:50:45</t>
  </si>
  <si>
    <t>12/18/2019 09:50:51</t>
  </si>
  <si>
    <t>12/18/2019 09:50:59</t>
  </si>
  <si>
    <t>12/18/2019 09:51:04</t>
  </si>
  <si>
    <t>12/18/2019 09:51:09</t>
  </si>
  <si>
    <t>12/18/2019 09:51:16</t>
  </si>
  <si>
    <t>12/18/2019 09:48:38</t>
  </si>
  <si>
    <t>10.200.58.7</t>
  </si>
  <si>
    <t>12/18/2019 09:49:35</t>
  </si>
  <si>
    <t>12/18/2019 09:53:27</t>
  </si>
  <si>
    <t>12/18/2019 09:50:06</t>
  </si>
  <si>
    <t>12/18/2019 09:50:07</t>
  </si>
  <si>
    <t>12/18/2019 09:50:08</t>
  </si>
  <si>
    <t>12/18/2019 09:50:09</t>
  </si>
  <si>
    <t>12/18/2019 09:51:15</t>
  </si>
  <si>
    <t>12/18/2019 09:51:18</t>
  </si>
  <si>
    <t>12/18/2019 09:51:37</t>
  </si>
  <si>
    <t>12/18/2019 09:49:26</t>
  </si>
  <si>
    <t>12/18/2019 09:49:56</t>
  </si>
  <si>
    <t>12/18/2019 09:50:26</t>
  </si>
  <si>
    <t>12/18/2019 09:50:56</t>
  </si>
  <si>
    <t>12/18/2019 09:54:27</t>
  </si>
  <si>
    <t>12/18/2019 09:54:05</t>
  </si>
  <si>
    <t>12/18/2019 09:55:27</t>
  </si>
  <si>
    <t>3ed851d0-37a6-4a98-b2ab-53e79e6382c6.tmp</t>
  </si>
  <si>
    <t>\\acsfs\profiles$\YASMINSC\Downloads\3ed851d0-37a6-4a98-b2ab-53e79e6382c6.tmp</t>
  </si>
  <si>
    <t>12/18/2019 09:53:46</t>
  </si>
  <si>
    <t>d2246edb-1d02-4c18-bc1d-d4e450c862a3.tmp</t>
  </si>
  <si>
    <t>\\acsfs\profiles$\danielta\Downloads\d2246edb-1d02-4c18-bc1d-d4e450c862a3.tmp</t>
  </si>
  <si>
    <t>12/18/2019 09:54:24</t>
  </si>
  <si>
    <t>12/18/2019 09:56:28</t>
  </si>
  <si>
    <t>dac7fe73-8bb1-4a99-b174-6eaf6e908b95.tmp</t>
  </si>
  <si>
    <t>\\acsfs\profiles$\kamilamrc\Downloads\dac7fe73-8bb1-4a99-b174-6eaf6e908b95.tmp</t>
  </si>
  <si>
    <t>12/18/2019 09:55:02</t>
  </si>
  <si>
    <t>3d37ef0b-c149-4541-b713-f913d7a9bb0a.tmp</t>
  </si>
  <si>
    <t>\\acsfs\profiles$\kamilamrc\Downloads\3d37ef0b-c149-4541-b713-f913d7a9bb0a.tmp</t>
  </si>
  <si>
    <t>12/18/2019 09:53:06</t>
  </si>
  <si>
    <t>12/18/2019 09:51:20</t>
  </si>
  <si>
    <t>equipe graber.xlsx</t>
  </si>
  <si>
    <t>12/18/2019 09:53:50</t>
  </si>
  <si>
    <t>lista de presença oficial - panetones.xls</t>
  </si>
  <si>
    <t>12/18/2019 09:55:13</t>
  </si>
  <si>
    <t>23d377d3-0b40-4bf2-a03b-8f60bdafc911.tmp</t>
  </si>
  <si>
    <t>\\acsfs\profiles$\luanaldsi\Downloads\23d377d3-0b40-4bf2-a03b-8f60bdafc911.tmp</t>
  </si>
  <si>
    <t>12/18/2019 09:53:29</t>
  </si>
  <si>
    <t>12/18/2019 09:57:27</t>
  </si>
  <si>
    <t>12/18/2019 09:52:44</t>
  </si>
  <si>
    <t>12/18/2019 09:53:44</t>
  </si>
  <si>
    <t>12/18/2019 09:55:35</t>
  </si>
  <si>
    <t>12/18/2019 09:58:28</t>
  </si>
  <si>
    <t>12/18/2019 09:56:35</t>
  </si>
  <si>
    <t>12/18/2019 09:57:15</t>
  </si>
  <si>
    <t>12/18/2019 09:53:23</t>
  </si>
  <si>
    <t>12/18/2019 09:54:14</t>
  </si>
  <si>
    <t>12/18/2019 09:59:27</t>
  </si>
  <si>
    <t>\\acsfs\DEPTOS\Operacao\Banco_Votorantim\Qualidade\Eliane\ACESSOS\</t>
  </si>
  <si>
    <t>Acessos e pastas.txt</t>
  </si>
  <si>
    <t>\\acsfs\DEPTOS\Operacao\Banco_Votorantim\Qualidade\Eliane\ACESSOS\Acessos e pastas.txt</t>
  </si>
  <si>
    <t>12/18/2019 09:55:42</t>
  </si>
  <si>
    <t>12/18/2019 09:55:44</t>
  </si>
  <si>
    <t>12/18/2019 09:56:15</t>
  </si>
  <si>
    <t>12/18/2019 10:00:26</t>
  </si>
  <si>
    <t>c3eb62b3-0199-4c34-8fa2-f57eb6208b66.tmp</t>
  </si>
  <si>
    <t>\\acsfs\profiles$\danielta\Downloads\c3eb62b3-0199-4c34-8fa2-f57eb6208b66.tmp</t>
  </si>
  <si>
    <t>12/18/2019 09:58:09</t>
  </si>
  <si>
    <t>12/18/2019 10:01:27</t>
  </si>
  <si>
    <t>e7ff6260-35d3-4d72-9330-9d3d89e09f8a.tmp</t>
  </si>
  <si>
    <t>\\acsfs\profiles$\nathaliadf\Downloads\e7ff6260-35d3-4d72-9330-9d3d89e09f8a.tmp</t>
  </si>
  <si>
    <t>12/18/2019 09:56:02</t>
  </si>
  <si>
    <t>98c1b6ec-2ee5-4133-975e-654725d2a46e.tmp</t>
  </si>
  <si>
    <t>\\acsfs\profiles$\kamilamrc\Downloads\98c1b6ec-2ee5-4133-975e-654725d2a46e.tmp</t>
  </si>
  <si>
    <t>12/18/2019 09:56:06</t>
  </si>
  <si>
    <t>c576f7d4-15be-4305-af83-2f1dcdfd4ab0.tmp</t>
  </si>
  <si>
    <t>\\acsfs\profiles$\kamilamrc\Downloads\c576f7d4-15be-4305-af83-2f1dcdfd4ab0.tmp</t>
  </si>
  <si>
    <t>12/18/2019 09:56:13</t>
  </si>
  <si>
    <t>399e40d9-ae3b-4b13-bfdd-b4de51d71045.tmp</t>
  </si>
  <si>
    <t>\\acsfs\profiles$\kamilamrc\Downloads\399e40d9-ae3b-4b13-bfdd-b4de51d71045.tmp</t>
  </si>
  <si>
    <t>12/18/2019 09:57:18</t>
  </si>
  <si>
    <t>50fbeb95-8e49-4350-b49a-58aeab59d352.tmp</t>
  </si>
  <si>
    <t>\\acsfs\profiles$\kamilamrc\Downloads\50fbeb95-8e49-4350-b49a-58aeab59d352.tmp</t>
  </si>
  <si>
    <t>12/18/2019 09:59:12</t>
  </si>
  <si>
    <t>12/18/2019 10:02:26</t>
  </si>
  <si>
    <t>12/18/2019 09:57:37</t>
  </si>
  <si>
    <t>12/18/2019 09:58:44</t>
  </si>
  <si>
    <t>12/18/2019 09:59:44</t>
  </si>
  <si>
    <t>12/18/2019 10:00:56</t>
  </si>
  <si>
    <t>12/18/2019 10:03:26</t>
  </si>
  <si>
    <t>12/18/2019 09:58:33</t>
  </si>
  <si>
    <t>12/18/2019 09:59:14</t>
  </si>
  <si>
    <t>12/18/2019 09:59:15</t>
  </si>
  <si>
    <t>12/18/2019 09:59:16</t>
  </si>
  <si>
    <t>12/18/2019 10:01:36</t>
  </si>
  <si>
    <t>12/18/2019 10:04:26</t>
  </si>
  <si>
    <t>12/18/2019 10:04:09</t>
  </si>
  <si>
    <t>12/18/2019 10:05:27</t>
  </si>
  <si>
    <t>e9c4dad1-5f8e-414a-a2f5-39ec150cabb4.tmp</t>
  </si>
  <si>
    <t>\\acsfs\profiles$\PEDROHAB\Downloads\e9c4dad1-5f8e-414a-a2f5-39ec150cabb4.tmp</t>
  </si>
  <si>
    <t>12/18/2019 10:05:14</t>
  </si>
  <si>
    <t>12/18/2019 10:06:26</t>
  </si>
  <si>
    <t>61c4ede4-a83f-4d52-8df6-a7657df1397b.tmp</t>
  </si>
  <si>
    <t>\\acsfs\profiles$\leticiala\Downloads\61c4ede4-a83f-4d52-8df6-a7657df1397b.tmp</t>
  </si>
  <si>
    <t>12/18/2019 10:05:23</t>
  </si>
  <si>
    <t>a35ab731-af0b-474a-9068-30d5a08f1bf3.tmp</t>
  </si>
  <si>
    <t>\\acsfs\profiles$\leticiala\Downloads\a35ab731-af0b-474a-9068-30d5a08f1bf3.tmp</t>
  </si>
  <si>
    <t>12/18/2019 10:01:18</t>
  </si>
  <si>
    <t>fernandaab@algartech.com;marianerdo@algartech.com;mirianppb@algartech.com;talmaiardo@algartech.com;thiagord@algartech.com;</t>
  </si>
  <si>
    <t>fernandaab@algartech.com,marianerdo@algartech.com,mirianppb@algartech.com,talmaiardo@algartech.com,thiagord@algartech.com</t>
  </si>
  <si>
    <t>12/18/2019 10:01:32</t>
  </si>
  <si>
    <t>12/18/2019 10:01:55</t>
  </si>
  <si>
    <t>12/18/2019 10:02:06</t>
  </si>
  <si>
    <t>12/18/2019 10:02:21</t>
  </si>
  <si>
    <t>12/18/2019 10:02:40</t>
  </si>
  <si>
    <t>12/18/2019 10:03:00</t>
  </si>
  <si>
    <t>12/18/2019 10:03:27</t>
  </si>
  <si>
    <t>12/18/2019 10:03:46</t>
  </si>
  <si>
    <t>12/18/2019 10:03:50</t>
  </si>
  <si>
    <t>12/18/2019 10:03:54</t>
  </si>
  <si>
    <t>12/18/2019 10:04:03</t>
  </si>
  <si>
    <t>12/18/2019 10:04:33</t>
  </si>
  <si>
    <t>12/18/2019 10:04:38</t>
  </si>
  <si>
    <t>12/18/2019 10:02:30</t>
  </si>
  <si>
    <t>12/18/2019 10:07:26</t>
  </si>
  <si>
    <t>12/18/2019 10:04:44</t>
  </si>
  <si>
    <t>12/18/2019 10:05:44</t>
  </si>
  <si>
    <t>12/18/2019 10:03:15</t>
  </si>
  <si>
    <t>12/18/2019 10:08:26</t>
  </si>
  <si>
    <t>12/18/2019 10:04:36</t>
  </si>
  <si>
    <t>12/18/2019 10:06:14</t>
  </si>
  <si>
    <t>12/18/2019 10:07:36</t>
  </si>
  <si>
    <t>12/18/2019 10:06:57</t>
  </si>
  <si>
    <t>12/18/2019 10:07:27</t>
  </si>
  <si>
    <t>12/18/2019 10:07:57</t>
  </si>
  <si>
    <t>12/18/2019 10:08:03</t>
  </si>
  <si>
    <t>12/18/2019 10:09:26</t>
  </si>
  <si>
    <t>12/18/2019 10:09:06</t>
  </si>
  <si>
    <t>12/18/2019 10:11:25</t>
  </si>
  <si>
    <t>7ee0eb4e-397c-4ae8-8a3c-1aee6b4d1fa6.tmp</t>
  </si>
  <si>
    <t>\\acsfs\profiles$\deborahsi\Downloads\7ee0eb4e-397c-4ae8-8a3c-1aee6b4d1fa6.tmp</t>
  </si>
  <si>
    <t>12/18/2019 10:08:31</t>
  </si>
  <si>
    <t>mail.google.com/sync/u/0/i/s?hl=pt-BR&amp;c=221</t>
  </si>
  <si>
    <t>ccedro@ruedaerueda.com.br;cielo@ruedaerueda.com.br;cobrancajuridica@cielo.com.br;fernandaab@algartech.com;marianerdo@algartech.com;mirianppb@algartech.com;reclamacoescielo@algartech.com;resgatequalidade@atento.com.br;rodrigoasl@algartech.com;ruth.monteiro@atento.com.br;suporteconciliacao@cielo.com.br;suportelogisticaouvidoria@atento.com.br;talmaiardo@algartech.com;thiagord@algartech.com;tratativacielo@callink.com.br;victorvgar@algartech.com;</t>
  </si>
  <si>
    <t>ccedro@ruedaerueda.com.br,cielo@ruedaerueda.com.br,cobrancajuridica@cielo.com.br,fernandaab@algartech.com,marianerdo@algartech.com,mirianppb@algartech.com,reclamacoescielo@algartech.com,resgatequalidade@atento.com.br,rodrigoasl@algartech.com,ruth.monteiro@atento.com.br,suporteconciliacao@cielo.com.br,suportelogisticaouvidoria@atento.com.br,talmaiardo@algartech.com,thiagord@algartech.com,tratativacielo@callink.com.br,victorvgar@algartech.com</t>
  </si>
  <si>
    <t>12/18/2019 10:08:39</t>
  </si>
  <si>
    <t>mail.google.com/sync/u/0/i/s?hl=pt-BR&amp;c=223</t>
  </si>
  <si>
    <t>12/18/2019 10:08:17</t>
  </si>
  <si>
    <t>27fff212-f022-48c8-bca3-d236a8c34f8f.tmp</t>
  </si>
  <si>
    <t>\\acsfs\profiles$\luanaldsi\Downloads\27fff212-f022-48c8-bca3-d236a8c34f8f.tmp</t>
  </si>
  <si>
    <t>12/18/2019 10:10:44</t>
  </si>
  <si>
    <t>12/18/2019 10:12:26</t>
  </si>
  <si>
    <t>12/18/2019 10:11:44</t>
  </si>
  <si>
    <t>12/18/2019 10:10:40</t>
  </si>
  <si>
    <t>12/18/2019 10:13:25</t>
  </si>
  <si>
    <t>12/18/2019 10:08:15</t>
  </si>
  <si>
    <t>12/18/2019 10:09:15</t>
  </si>
  <si>
    <t>12/18/2019 10:10:36</t>
  </si>
  <si>
    <t>12/18/2019 10:10:37</t>
  </si>
  <si>
    <t>12/18/2019 10:10:39</t>
  </si>
  <si>
    <t>12/18/2019 10:10:52</t>
  </si>
  <si>
    <t>12/18/2019 10:10:53</t>
  </si>
  <si>
    <t>12/18/2019 10:11:09</t>
  </si>
  <si>
    <t>12/18/2019 10:11:10</t>
  </si>
  <si>
    <t>12/18/2019 10:08:27</t>
  </si>
  <si>
    <t>12/18/2019 10:08:57</t>
  </si>
  <si>
    <t>12/18/2019 10:10:57</t>
  </si>
  <si>
    <t>12/18/2019 10:11:02</t>
  </si>
  <si>
    <t>feea94ae-2e66-4703-803e-f2e292ca27e2.tmp</t>
  </si>
  <si>
    <t>\\acsfs\profiles$\geovannasm\Downloads\feea94ae-2e66-4703-803e-f2e292ca27e2.tmp</t>
  </si>
  <si>
    <t>12/18/2019 10:14:26</t>
  </si>
  <si>
    <t>12/18/2019 10:10:51</t>
  </si>
  <si>
    <t>12/18/2019 10:15:25</t>
  </si>
  <si>
    <t>mail.google.com/_/upload?authuser=0&amp;dcp=asu-n&amp;upload_id=AEnB2UojHDw-GMGrdM7v_LXU7RhPhiprqiEzbEBs0BSEX0-BZpkenDI-Jm1XCWP63h_UxtFCtqeHUALxqXSjhuGWgjJRf5I3owqfQ00jqCCcJ3mNFxSHBnQ&amp;upload_protocol=resumable</t>
  </si>
  <si>
    <t>12/18/2019 10:11:38</t>
  </si>
  <si>
    <t>646009ee-2a83-4514-87be-41776b57ec1b.tmp</t>
  </si>
  <si>
    <t>\\acsfs\profiles$\danielta\Downloads\646009ee-2a83-4514-87be-41776b57ec1b.tmp</t>
  </si>
  <si>
    <t>12/18/2019 10:14:32</t>
  </si>
  <si>
    <t>12/18/2019 10:16:25</t>
  </si>
  <si>
    <t>eecc3186-cbca-4ec8-9ab0-01ba91ac9c5a.tmp</t>
  </si>
  <si>
    <t>\\acsfs\profiles$\valeriasda\Downloads\eecc3186-cbca-4ec8-9ab0-01ba91ac9c5a.tmp</t>
  </si>
  <si>
    <t>12/18/2019 10:14:36</t>
  </si>
  <si>
    <t>8229104d-3e45-4bd7-b416-391c4a70bf54.tmp</t>
  </si>
  <si>
    <t>\\acsfs\profiles$\valeriasda\Downloads\8229104d-3e45-4bd7-b416-391c4a70bf54.tmp</t>
  </si>
  <si>
    <t>12/18/2019 10:14:46</t>
  </si>
  <si>
    <t>11c19c4d-0c0d-4b23-be27-b3d024e78291.tmp</t>
  </si>
  <si>
    <t>\\acsfs\profiles$\valeriasda\Downloads\11c19c4d-0c0d-4b23-be27-b3d024e78291.tmp</t>
  </si>
  <si>
    <t>12/18/2019 10:14:55</t>
  </si>
  <si>
    <t>b94b2ada-9981-43ca-b312-3e77fd849a73.tmp</t>
  </si>
  <si>
    <t>\\acsfs\profiles$\valeriasda\Downloads\b94b2ada-9981-43ca-b312-3e77fd849a73.tmp</t>
  </si>
  <si>
    <t>12/18/2019 10:14:59</t>
  </si>
  <si>
    <t>ce7b9ea8-29f8-4c22-8b70-34e7dc087c12.tmp</t>
  </si>
  <si>
    <t>\\acsfs\profiles$\valeriasda\Downloads\ce7b9ea8-29f8-4c22-8b70-34e7dc087c12.tmp</t>
  </si>
  <si>
    <t>12/18/2019 10:14:06</t>
  </si>
  <si>
    <t>12/18/2019 10:17:25</t>
  </si>
  <si>
    <t>108f36fe-d8d5-4d16-868f-07a0cb0a9382.tmp</t>
  </si>
  <si>
    <t>\\acsfs\profiles$\larissaad\Downloads\108f36fe-d8d5-4d16-868f-07a0cb0a9382.tmp</t>
  </si>
  <si>
    <t>12/18/2019 10:16:36</t>
  </si>
  <si>
    <t>Planejamento Toyota.xlsx</t>
  </si>
  <si>
    <t>12/18/2019 10:13:07</t>
  </si>
  <si>
    <t>12/18/2019 10:15:58</t>
  </si>
  <si>
    <t>12/18/2019 10:16:44</t>
  </si>
  <si>
    <t>12/18/2019 10:13:36</t>
  </si>
  <si>
    <t>12/18/2019 10:18:25</t>
  </si>
  <si>
    <t>12/18/2019 10:13:45</t>
  </si>
  <si>
    <t>12/18/2019 10:15:15</t>
  </si>
  <si>
    <t>12/18/2019 10:17:02</t>
  </si>
  <si>
    <t>ad82f5fe-10ca-4b4a-bb9f-472b79887191.tmp</t>
  </si>
  <si>
    <t>\\acsfs\profiles$\vivianalds\Downloads\ad82f5fe-10ca-4b4a-bb9f-472b79887191.tmp</t>
  </si>
  <si>
    <t>12/18/2019 10:19:26</t>
  </si>
  <si>
    <t>12/18/2019 10:16:55</t>
  </si>
  <si>
    <t>12/18/2019 10:20:25</t>
  </si>
  <si>
    <t>12/18/2019 10:18:29</t>
  </si>
  <si>
    <t>12/18/2019 10:21:26</t>
  </si>
  <si>
    <t>c29b0feb-eb48-49d7-9522-d0e93ad5e537.tmp</t>
  </si>
  <si>
    <t>\\acsfs\profiles$\gabrielarb\Downloads\c29b0feb-eb48-49d7-9522-d0e93ad5e537.tmp</t>
  </si>
  <si>
    <t>12/18/2019 10:17:24</t>
  </si>
  <si>
    <t>ab642a03-1e51-4f1a-92f3-f6db48e6116f.tmp</t>
  </si>
  <si>
    <t>\\acsfs\profiles$\deborahsi\Downloads\ab642a03-1e51-4f1a-92f3-f6db48e6116f.tmp</t>
  </si>
  <si>
    <t>12/18/2019 10:19:38</t>
  </si>
  <si>
    <t>12/18/2019 10:22:26</t>
  </si>
  <si>
    <t>análise desligamento (2).xlsx</t>
  </si>
  <si>
    <t>12/18/2019 10:17:44</t>
  </si>
  <si>
    <t>12/18/2019 10:18:43</t>
  </si>
  <si>
    <t>12/18/2019 10:23:26</t>
  </si>
  <si>
    <t>12/18/2019 10:18:45</t>
  </si>
  <si>
    <t>12/18/2019 10:18:47</t>
  </si>
  <si>
    <t>12/18/2019 10:18:48</t>
  </si>
  <si>
    <t>12/18/2019 10:18:50</t>
  </si>
  <si>
    <t>12/18/2019 10:18:51</t>
  </si>
  <si>
    <t>12/18/2019 10:18:53</t>
  </si>
  <si>
    <t>12/18/2019 10:19:49</t>
  </si>
  <si>
    <t>12/18/2019 10:19:51</t>
  </si>
  <si>
    <t>12/18/2019 10:20:11</t>
  </si>
  <si>
    <t>12/18/2019 10:20:12</t>
  </si>
  <si>
    <t>12/18/2019 10:20:13</t>
  </si>
  <si>
    <t>12/18/2019 10:20:16</t>
  </si>
  <si>
    <t>12/18/2019 10:20:18</t>
  </si>
  <si>
    <t>12/18/2019 10:21:15</t>
  </si>
  <si>
    <t>12/18/2019 10:24:26</t>
  </si>
  <si>
    <t>10.200.67.50</t>
  </si>
  <si>
    <t>TALITA SANTOS SILVA CASTRO (31935).contact</t>
  </si>
  <si>
    <t>\\acsfs\profiles$\talitassc\Contacts\TALITA SANTOS SILVA CASTRO (31935).contact</t>
  </si>
  <si>
    <t>12/18/2019 10:20:24</t>
  </si>
  <si>
    <t>12/18/2019 10:20:26</t>
  </si>
  <si>
    <t>12/18/2019 10:20:27</t>
  </si>
  <si>
    <t>12/18/2019 10:20:28</t>
  </si>
  <si>
    <t>12/18/2019 10:20:29</t>
  </si>
  <si>
    <t>12/18/2019 10:20:30</t>
  </si>
  <si>
    <t>12/18/2019 10:20:42</t>
  </si>
  <si>
    <t>12/18/2019 10:21:45</t>
  </si>
  <si>
    <t>12/18/2019 10:25:26</t>
  </si>
  <si>
    <t>4d04d25d-abb3-4ef5-8c2e-17b56b75a657.tmp</t>
  </si>
  <si>
    <t>\\acsfs\profiles$\vivianealda\Downloads\4d04d25d-abb3-4ef5-8c2e-17b56b75a657.tmp</t>
  </si>
  <si>
    <t>12/18/2019 10:24:42</t>
  </si>
  <si>
    <t>12/18/2019 10:26:26</t>
  </si>
  <si>
    <t>1d742165-8caf-4d6f-95e6-8939b62f2755.tmp</t>
  </si>
  <si>
    <t>\\acsfs\profiles$\leticiala\Downloads\1d742165-8caf-4d6f-95e6-8939b62f2755.tmp</t>
  </si>
  <si>
    <t>12/18/2019 10:21:53</t>
  </si>
  <si>
    <t>0763ce49-ecb3-4708-b607-b98d3f55cf84.tmp</t>
  </si>
  <si>
    <t>\\acsfs\profiles$\deborahsi\Downloads\0763ce49-ecb3-4708-b607-b98d3f55cf84.tmp</t>
  </si>
  <si>
    <t>12/18/2019 10:22:44</t>
  </si>
  <si>
    <t>12/18/2019 10:27:26</t>
  </si>
  <si>
    <t>12/18/2019 10:23:44</t>
  </si>
  <si>
    <t>12/18/2019 10:25:36</t>
  </si>
  <si>
    <t>12/18/2019 10:28:26</t>
  </si>
  <si>
    <t>12/18/2019 10:27:06</t>
  </si>
  <si>
    <t>12/18/2019 10:27:08</t>
  </si>
  <si>
    <t>12/18/2019 10:27:09</t>
  </si>
  <si>
    <t>12/18/2019 10:27:15</t>
  </si>
  <si>
    <t>12/17/2019 21:58:21</t>
  </si>
  <si>
    <t>mail.google.com/_/upload?authuser=0&amp;dcp=asu-n&amp;upload_id=AEnB2Uq0sv2i0Fzh2OGcHplG9YRXm_SJHM9JwCXpMzXnJZQ7E49z1L9meHXyhpbyMNdF7SYqQbw_t5v9Dv-JK8hd5INn4sdEsjzPgaQ-yc4mcFnv4UMjc38&amp;upload_protocol=resumable</t>
  </si>
  <si>
    <t>C:\Users\lucianabo\Desktop\2019\11 - Novembro\REUNIÃO LUIZ GP WHP 19112019\</t>
  </si>
  <si>
    <t>CONFERÊNCIA PROVISÃO X ESTORNOS - 17-12-2019 SALDO NOV.19.xlsx</t>
  </si>
  <si>
    <t>12/18/2019 10:23:23</t>
  </si>
  <si>
    <t>lu2196aivx.tmp</t>
  </si>
  <si>
    <t>\\acsfs\profiles$\VIVIANALDS\My Documents\lu2196aivx.tmp</t>
  </si>
  <si>
    <t>\\acsfs\profiles$\VIVIANALDS\My Documents\lu2196aivx.tmp\</t>
  </si>
  <si>
    <t>\\acsfs\profiles$\VIVIANALDS\My Documents\lu2196aivx.tmp\META-INF\</t>
  </si>
  <si>
    <t>\\acsfs\profiles$\VIVIANALDS\My Documents\lu2196aivx.tmp\Thumbnails\</t>
  </si>
  <si>
    <t>12/18/2019 10:23:33</t>
  </si>
  <si>
    <t>lu2196aiw1.tmp</t>
  </si>
  <si>
    <t>\\acsfs\profiles$\VIVIANALDS\My Documents\lu2196aiw1.tmp</t>
  </si>
  <si>
    <t>\\acsfs\profiles$\VIVIANALDS\My Documents\lu2196aiw1.tmp\</t>
  </si>
  <si>
    <t>\\acsfs\profiles$\VIVIANALDS\My Documents\lu2196aiw1.tmp\META-INF\</t>
  </si>
  <si>
    <t>\\acsfs\profiles$\VIVIANALDS\My Documents\lu2196aiw1.tmp\Thumbnails\</t>
  </si>
  <si>
    <t>12/18/2019 10:23:36</t>
  </si>
  <si>
    <t>lu2196aiw5.tmp</t>
  </si>
  <si>
    <t>\\acsfs\profiles$\VIVIANALDS\My Documents\lu2196aiw5.tmp</t>
  </si>
  <si>
    <t>\\acsfs\profiles$\VIVIANALDS\My Documents\lu2196aiw5.tmp\</t>
  </si>
  <si>
    <t>\\acsfs\profiles$\VIVIANALDS\My Documents\lu2196aiw5.tmp\META-INF\</t>
  </si>
  <si>
    <t>12/18/2019 10:23:37</t>
  </si>
  <si>
    <t>\\acsfs\profiles$\VIVIANALDS\My Documents\lu2196aiw5.tmp\Thumbnails\</t>
  </si>
  <si>
    <t>12/18/2019 10:29:26</t>
  </si>
  <si>
    <t>12/18/2019 10:27:28</t>
  </si>
  <si>
    <t>12/18/2019 10:30:26</t>
  </si>
  <si>
    <t>08e31cc3-959b-425a-bc48-40877c827ab8.tmp</t>
  </si>
  <si>
    <t>\\acsfs\profiles$\vivianealda\Downloads\08e31cc3-959b-425a-bc48-40877c827ab8.tmp</t>
  </si>
  <si>
    <t>12/18/2019 10:28:02</t>
  </si>
  <si>
    <t>9a69e497-f990-4c9e-977d-ca77f438dce2.tmp</t>
  </si>
  <si>
    <t>\\acsfs\profiles$\vivianealda\Downloads\9a69e497-f990-4c9e-977d-ca77f438dce2.tmp</t>
  </si>
  <si>
    <t>12/18/2019 10:28:41</t>
  </si>
  <si>
    <t>30f1a8b2-07b9-4475-a266-51184b4a81af.tmp</t>
  </si>
  <si>
    <t>\\acsfs\profiles$\vivianealda\Downloads\30f1a8b2-07b9-4475-a266-51184b4a81af.tmp</t>
  </si>
  <si>
    <t>12/18/2019 10:25:20</t>
  </si>
  <si>
    <t>12/18/2019 10:28:47</t>
  </si>
  <si>
    <t>12/18/2019 10:31:26</t>
  </si>
  <si>
    <t>3b9eae1a-c991-4a5a-a403-199327109a32.tmp</t>
  </si>
  <si>
    <t>\\acsfs\profiles$\gabrielarb\Downloads\3b9eae1a-c991-4a5a-a403-199327109a32.tmp</t>
  </si>
  <si>
    <t>12/18/2019 10:28:45</t>
  </si>
  <si>
    <t>12/18/2019 10:32:26</t>
  </si>
  <si>
    <t>12/18/2019 10:29:45</t>
  </si>
  <si>
    <t>12/18/2019 10:28:20</t>
  </si>
  <si>
    <t>12/18/2019 10:33:27</t>
  </si>
  <si>
    <t>12/18/2019 10:28:51</t>
  </si>
  <si>
    <t>12/18/2019 10:31:36</t>
  </si>
  <si>
    <t>12/18/2019 10:32:36</t>
  </si>
  <si>
    <t>12/18/2019 10:28:22</t>
  </si>
  <si>
    <t>12/18/2019 10:28:58</t>
  </si>
  <si>
    <t>12/18/2019 10:29:28</t>
  </si>
  <si>
    <t>12/18/2019 10:29:58</t>
  </si>
  <si>
    <t>12/18/2019 10:32:28</t>
  </si>
  <si>
    <t>12/18/2019 10:29:49</t>
  </si>
  <si>
    <t>12/18/2019 10:30:48</t>
  </si>
  <si>
    <t>Lista Presença 18-12 Imersão Rotinas Lider.xlsx</t>
  </si>
  <si>
    <t>12/18/2019 10:28:49</t>
  </si>
  <si>
    <t>12/18/2019 10:34:26</t>
  </si>
  <si>
    <t>12/18/2019 10:31:52</t>
  </si>
  <si>
    <t>12/18/2019 10:35:27</t>
  </si>
  <si>
    <t>Auditoria operador Evelyn mês 12.xlsx</t>
  </si>
  <si>
    <t>12/18/2019 10:31:53</t>
  </si>
  <si>
    <t>Auditoria Operador GABRIELA RODOVALHO MÊS 12 (1).xlsx</t>
  </si>
  <si>
    <t>12/18/2019 10:30:32</t>
  </si>
  <si>
    <t>4120dc5c-5277-4118-afa9-e1ddbdb905f0.tmp</t>
  </si>
  <si>
    <t>\\acsfs\profiles$\vivianealda\Downloads\4120dc5c-5277-4118-afa9-e1ddbdb905f0.tmp</t>
  </si>
  <si>
    <t>12/18/2019 10:35:34</t>
  </si>
  <si>
    <t>12/18/2019 10:36:26</t>
  </si>
  <si>
    <t>b41cbb9b-3512-46f5-ab85-aafadc688d17.tmp</t>
  </si>
  <si>
    <t>\\acsfs\profiles$\deborahsi\Downloads\b41cbb9b-3512-46f5-ab85-aafadc688d17.tmp</t>
  </si>
  <si>
    <t>12/18/2019 10:34:44</t>
  </si>
  <si>
    <t>12/18/2019 10:38:26</t>
  </si>
  <si>
    <t>12/18/2019 10:35:44</t>
  </si>
  <si>
    <t>12/18/2019 10:37:14</t>
  </si>
  <si>
    <t>12/18/2019 10:33:15</t>
  </si>
  <si>
    <t>12/18/2019 10:33:16</t>
  </si>
  <si>
    <t>12/18/2019 10:33:18</t>
  </si>
  <si>
    <t>12/18/2019 10:35:04</t>
  </si>
  <si>
    <t>12/18/2019 10:35:05</t>
  </si>
  <si>
    <t>12/18/2019 10:35:07</t>
  </si>
  <si>
    <t>12/18/2019 10:36:24</t>
  </si>
  <si>
    <t>12/18/2019 10:37:36</t>
  </si>
  <si>
    <t>12/18/2019 10:33:58</t>
  </si>
  <si>
    <t>12/18/2019 10:34:28</t>
  </si>
  <si>
    <t>12/18/2019 10:35:28</t>
  </si>
  <si>
    <t>12/18/2019 10:39:26</t>
  </si>
  <si>
    <t>12/18/2019 10:35:55</t>
  </si>
  <si>
    <t>12/18/2019 10:40:26</t>
  </si>
  <si>
    <t>JULIANE ARAUJO SILVA_1_6765981080914824911_1_32.wav</t>
  </si>
  <si>
    <t>\\acsfs\DEPTOS\EDUCACAO EMPRESARIAL\Ligaçoes para MUTANT seg ciclo DEZEMBRO\JULIANE ARAUJO SILVA_1_6765981080914824911_1_32.wav</t>
  </si>
  <si>
    <t>12/18/2019 10:38:46</t>
  </si>
  <si>
    <t>12/18/2019 10:41:26</t>
  </si>
  <si>
    <t>12/18/2019 10:38:54</t>
  </si>
  <si>
    <t>12/18/2019 10:39:07</t>
  </si>
  <si>
    <t>mail.google.com/sync/u/0/i/s?hl=pt-BR&amp;c=798</t>
  </si>
  <si>
    <t>12/18/2019 10:36:42</t>
  </si>
  <si>
    <t>d1acc05a-13e1-426f-a926-77e6787ac963.tmp</t>
  </si>
  <si>
    <t>\\acsfs\profiles$\deborahsi\Downloads\d1acc05a-13e1-426f-a926-77e6787ac963.tmp</t>
  </si>
  <si>
    <t>12/18/2019 10:40:44</t>
  </si>
  <si>
    <t>12/18/2019 10:43:25</t>
  </si>
  <si>
    <t>12/18/2019 10:41:45</t>
  </si>
  <si>
    <t>12/18/2019 10:42:18</t>
  </si>
  <si>
    <t>12/18/2019 10:42:19</t>
  </si>
  <si>
    <t>mail.google.com/_/upload?authuser=1&amp;dcp=asu-n&amp;upload_id=AEnB2UowyRSV3vzw_HrlYcD8taICUppBqmqk10ZTQMQRMfZRKmP3QzT-V2M04d5k1MiKuIJ6FaV1Q_jG8bBrBBrvHJnnFjPHWDV4FJuidA2opY022SzBPp8&amp;upload_protocol=resumable</t>
  </si>
  <si>
    <t>12/18/2019 10:39:15</t>
  </si>
  <si>
    <t>12/18/2019 10:40:36</t>
  </si>
  <si>
    <t>12/18/2019 10:39:28</t>
  </si>
  <si>
    <t>12/18/2019 10:39:58</t>
  </si>
  <si>
    <t>12/18/2019 10:40:28</t>
  </si>
  <si>
    <t>12/18/2019 10:45:25</t>
  </si>
  <si>
    <t>12/18/2019 10:44:31</t>
  </si>
  <si>
    <t>Bloco Viviane.txt</t>
  </si>
  <si>
    <t>\\acsfs\profiles$\vivianealda\Downloads\Bloco Viviane.txt</t>
  </si>
  <si>
    <t>12/18/2019 10:42:40</t>
  </si>
  <si>
    <t>Juliane Araujo Silva_1_6765981080914824911_1_32.wav</t>
  </si>
  <si>
    <t>\\acsfs\DEPTOS\EDUCACAO EMPRESARIAL\Ligaçoes para MUTANT seg ciclo DEZEMBRO\Juliane Araujo Silva_1_6765981080914824911_1_32.wav</t>
  </si>
  <si>
    <t>12/18/2019 10:43:21</t>
  </si>
  <si>
    <t>12/18/2019 10:44:05</t>
  </si>
  <si>
    <t>12/18/2019 10:43:40</t>
  </si>
  <si>
    <t>12/18/2019 10:46:26</t>
  </si>
  <si>
    <t>mail.google.com/sync/u/0/i/s?hl=pt-BR&amp;c=339</t>
  </si>
  <si>
    <t>ccedro@ruedaerueda.com.br;cielo@ruedaerueda.com.br;cobrancajuridica@cielo.com.br;reclamacoescielo@algartech.com;resgatequalidade@atento.com.br;rodrigoasl@algartech.com;ruth.monteiro@atento.com.br;suportearv@cielo.com.br;suporteconciliacao@cielo.com.br;suportelogisticaouvidoria@atento.com.br;tratativacielo@callink.com.br;victorvgar@algartech.com;</t>
  </si>
  <si>
    <t>ccedro@ruedaerueda.com.br,cielo@ruedaerueda.com.br,cobrancajuridica@cielo.com.br,reclamacoescielo@algartech.com,resgatequalidade@atento.com.br,rodrigoasl@algartech.com,ruth.monteiro@atento.com.br,suportearv@cielo.com.br,suporteconciliacao@cielo.com.br,suportelogisticaouvidoria@atento.com.br,tratativacielo@callink.com.br,victorvgar@algartech.com</t>
  </si>
  <si>
    <t>12/18/2019 10:43:44</t>
  </si>
  <si>
    <t>12/18/2019 10:46:45</t>
  </si>
  <si>
    <t>12/18/2019 10:48:26</t>
  </si>
  <si>
    <t>12/18/2019 10:43:36</t>
  </si>
  <si>
    <t>12/18/2019 10:45:15</t>
  </si>
  <si>
    <t>12/18/2019 10:46:36</t>
  </si>
  <si>
    <t>12/18/2019 10:47:12</t>
  </si>
  <si>
    <t>12/18/2019 10:49:26</t>
  </si>
  <si>
    <t>C:\Users\t-luciahf\Downloads\Holding - Comissão de Integridade - 18122019.pptx\</t>
  </si>
  <si>
    <t>12/18/2019 10:47:13</t>
  </si>
  <si>
    <t>12/18/2019 10:50:25</t>
  </si>
  <si>
    <t>12/18/2019 10:45:53</t>
  </si>
  <si>
    <t>12/18/2019 10:47:05</t>
  </si>
  <si>
    <t>12/18/2019 10:47:10</t>
  </si>
  <si>
    <t>12/18/2019 10:47:17</t>
  </si>
  <si>
    <t>mail.google.com/_/upload?authuser=0&amp;dcp=asu-n&amp;upload_id=AEnB2Uqm7p6FDX4U-61udB2BOyiZKw6yJf_cN4hLZ0nZqwqBYPZeMZCim_4DX56K90swokRvXHRhzbcYFIm_aQMF533MXZN8jqwjOyZOZcPRD1rUapOFVAs&amp;upload_protocol=resumable</t>
  </si>
  <si>
    <t>12/18/2019 10:47:18</t>
  </si>
  <si>
    <t>12/18/2019 10:47:42</t>
  </si>
  <si>
    <t>mail.google.com/sync/u/0/i/s?hl=pt-BR&amp;c=151</t>
  </si>
  <si>
    <t>12/18/2019 10:49:45</t>
  </si>
  <si>
    <t>12/18/2019 10:51:25</t>
  </si>
  <si>
    <t>camillarl</t>
  </si>
  <si>
    <t>https://outlook.office365.com/mapi/emsmdb/?mailboxid=77162096-c0b3-4a9d-88ca-b9268ce0500f@algartech.com</t>
  </si>
  <si>
    <t>12/18/2019 10:49:46</t>
  </si>
  <si>
    <t>12/18/2019 10:49:47</t>
  </si>
  <si>
    <t>12/18/2019 10:49:48</t>
  </si>
  <si>
    <t>12/18/2019 10:49:49</t>
  </si>
  <si>
    <t>12/18/2019 10:49:50</t>
  </si>
  <si>
    <t>12/18/2019 10:49:51</t>
  </si>
  <si>
    <t>12/18/2019 10:49:52</t>
  </si>
  <si>
    <t>12/18/2019 10:49:53</t>
  </si>
  <si>
    <t>12/18/2019 10:49:54</t>
  </si>
  <si>
    <t>12/18/2019 10:49:55</t>
  </si>
  <si>
    <t>12/18/2019 10:49:57</t>
  </si>
  <si>
    <t>12/18/2019 10:49:58</t>
  </si>
  <si>
    <t>12/18/2019 10:49:59</t>
  </si>
  <si>
    <t>12/18/2019 10:50:00</t>
  </si>
  <si>
    <t>12/18/2019 10:50:01</t>
  </si>
  <si>
    <t>12/18/2019 10:50:02</t>
  </si>
  <si>
    <t>12/18/2019 10:50:03</t>
  </si>
  <si>
    <t>12/18/2019 10:50:04</t>
  </si>
  <si>
    <t>12/18/2019 10:50:05</t>
  </si>
  <si>
    <t>12/18/2019 10:50:06</t>
  </si>
  <si>
    <t>12/18/2019 10:50:07</t>
  </si>
  <si>
    <t>12/18/2019 10:50:08</t>
  </si>
  <si>
    <t>12/18/2019 10:50:09</t>
  </si>
  <si>
    <t>12/18/2019 10:50:10</t>
  </si>
  <si>
    <t>12/18/2019 10:50:11</t>
  </si>
  <si>
    <t>12/18/2019 10:50:12</t>
  </si>
  <si>
    <t>12/18/2019 10:50:13</t>
  </si>
  <si>
    <t>12/18/2019 10:49:38</t>
  </si>
  <si>
    <t>12/18/2019 10:50:14</t>
  </si>
  <si>
    <t>12/18/2019 10:50:15</t>
  </si>
  <si>
    <t>12/18/2019 10:50:16</t>
  </si>
  <si>
    <t>12/18/2019 10:50:17</t>
  </si>
  <si>
    <t>12/18/2019 10:50:18</t>
  </si>
  <si>
    <t>12/18/2019 10:50:19</t>
  </si>
  <si>
    <t>12/18/2019 10:50:20</t>
  </si>
  <si>
    <t>12/18/2019 10:50:21</t>
  </si>
  <si>
    <t>12/18/2019 10:50:22</t>
  </si>
  <si>
    <t>12/18/2019 10:50:23</t>
  </si>
  <si>
    <t>12/18/2019 10:50:24</t>
  </si>
  <si>
    <t>12/18/2019 10:50:26</t>
  </si>
  <si>
    <t>12/18/2019 10:50:27</t>
  </si>
  <si>
    <t>12/18/2019 10:50:28</t>
  </si>
  <si>
    <t>12/18/2019 10:50:29</t>
  </si>
  <si>
    <t>12/18/2019 10:48:50</t>
  </si>
  <si>
    <t>11 - Faturamento Toyota Recall.xlsx</t>
  </si>
  <si>
    <t>12/18/2019 10:48:38</t>
  </si>
  <si>
    <t>12/18/2019 10:52:25</t>
  </si>
  <si>
    <t>C:\Users\yuriifd\Desktop\RPA\RPA.zip\</t>
  </si>
  <si>
    <t>AHT - BOLETO AS IS x TO BE RPA.xlsx</t>
  </si>
  <si>
    <t>Cronoan lise - RPA.xlsx</t>
  </si>
  <si>
    <t>12/18/2019 10:51:41</t>
  </si>
  <si>
    <t>D:\OneDrive\AlgarTech\Pré-Vendas\Cliente\2019\A100\215436 - A100 - SPOF - Option 1\BP A100.eml\</t>
  </si>
  <si>
    <t>Resumo Resultados Financeiros.xlsx</t>
  </si>
  <si>
    <t>12/18/2019 10:48:33</t>
  </si>
  <si>
    <t>mail.google.com/_/upload?authuser=2&amp;dcp=asu-n&amp;upload_id=AEnB2UqIE0GD8JULJuBch5obNWtrbOkLreIxcaJTCoU71wTx55opjueQyfAIUNc8n2dMhjhpzdsrbKxYPL4qvnFdmIXx5TZL1M4HmQzLIfptisEBKwDVVqU&amp;upload_protocol=resumable</t>
  </si>
  <si>
    <t>12/18/2019 10:47:44</t>
  </si>
  <si>
    <t>12/18/2019 10:53:25</t>
  </si>
  <si>
    <t>12/18/2019 10:49:36</t>
  </si>
  <si>
    <t>12/18/2019 10:51:11</t>
  </si>
  <si>
    <t>12/18/2019 10:51:16</t>
  </si>
  <si>
    <t>12/18/2019 10:52:36</t>
  </si>
  <si>
    <t>12/18/2019 10:48:59</t>
  </si>
  <si>
    <t>12/18/2019 10:49:29</t>
  </si>
  <si>
    <t>12/18/2019 10:51:29</t>
  </si>
  <si>
    <t>12/18/2019 10:51:59</t>
  </si>
  <si>
    <t>58271f0e-44a6-4d9b-ad9a-69c350667e81.tmp</t>
  </si>
  <si>
    <t>\\acsfs\profiles$\geovannasm\Downloads\58271f0e-44a6-4d9b-ad9a-69c350667e81.tmp</t>
  </si>
  <si>
    <t>12/18/2019 10:55:25</t>
  </si>
  <si>
    <t>12/18/2019 10:54:20</t>
  </si>
  <si>
    <t>e6c24592-5516-4e48-8fe3-437b0fc1aa08.tmp</t>
  </si>
  <si>
    <t>\\acsfs\profiles$\alicecpbc\Downloads\e6c24592-5516-4e48-8fe3-437b0fc1aa08.tmp</t>
  </si>
  <si>
    <t>12/18/2019 10:50:30</t>
  </si>
  <si>
    <t>12/18/2019 10:56:25</t>
  </si>
  <si>
    <t>12/18/2019 10:50:31</t>
  </si>
  <si>
    <t>12/18/2019 10:50:32</t>
  </si>
  <si>
    <t>12/18/2019 10:50:33</t>
  </si>
  <si>
    <t>12/18/2019 10:50:35</t>
  </si>
  <si>
    <t>12/18/2019 10:50:36</t>
  </si>
  <si>
    <t>12/18/2019 10:50:37</t>
  </si>
  <si>
    <t>12/18/2019 10:50:38</t>
  </si>
  <si>
    <t>12/18/2019 10:50:39</t>
  </si>
  <si>
    <t>12/18/2019 10:50:40</t>
  </si>
  <si>
    <t>12/18/2019 10:50:41</t>
  </si>
  <si>
    <t>12/18/2019 10:50:42</t>
  </si>
  <si>
    <t>12/18/2019 10:50:43</t>
  </si>
  <si>
    <t>12/18/2019 10:50:44</t>
  </si>
  <si>
    <t>12/18/2019 10:50:45</t>
  </si>
  <si>
    <t>12/18/2019 10:50:46</t>
  </si>
  <si>
    <t>12/18/2019 10:50:47</t>
  </si>
  <si>
    <t>12/18/2019 10:50:48</t>
  </si>
  <si>
    <t>12/18/2019 10:50:49</t>
  </si>
  <si>
    <t>12/18/2019 10:50:50</t>
  </si>
  <si>
    <t>12/18/2019 10:50:51</t>
  </si>
  <si>
    <t>12/18/2019 10:50:52</t>
  </si>
  <si>
    <t>12/18/2019 10:50:53</t>
  </si>
  <si>
    <t>12/18/2019 10:50:54</t>
  </si>
  <si>
    <t>12/18/2019 10:50:55</t>
  </si>
  <si>
    <t>12/18/2019 10:50:56</t>
  </si>
  <si>
    <t>12/18/2019 10:50:57</t>
  </si>
  <si>
    <t>12/18/2019 10:50:58</t>
  </si>
  <si>
    <t>12/18/2019 10:50:59</t>
  </si>
  <si>
    <t>12/18/2019 10:51:01</t>
  </si>
  <si>
    <t>12/18/2019 10:51:02</t>
  </si>
  <si>
    <t>12/18/2019 10:51:03</t>
  </si>
  <si>
    <t>12/18/2019 10:51:04</t>
  </si>
  <si>
    <t>12/18/2019 10:51:05</t>
  </si>
  <si>
    <t>12/18/2019 10:51:06</t>
  </si>
  <si>
    <t>12/18/2019 10:51:07</t>
  </si>
  <si>
    <t>12/18/2019 10:51:08</t>
  </si>
  <si>
    <t>12/18/2019 10:51:09</t>
  </si>
  <si>
    <t>12/18/2019 10:51:10</t>
  </si>
  <si>
    <t>12/18/2019 10:51:12</t>
  </si>
  <si>
    <t>12/18/2019 10:51:13</t>
  </si>
  <si>
    <t>12/18/2019 10:51:15</t>
  </si>
  <si>
    <t>12/18/2019 10:51:17</t>
  </si>
  <si>
    <t>12/18/2019 10:51:18</t>
  </si>
  <si>
    <t>12/18/2019 10:51:19</t>
  </si>
  <si>
    <t>12/18/2019 10:51:20</t>
  </si>
  <si>
    <t>12/18/2019 10:51:21</t>
  </si>
  <si>
    <t>12/18/2019 10:51:23</t>
  </si>
  <si>
    <t>12/18/2019 10:51:24</t>
  </si>
  <si>
    <t>12/18/2019 10:51:26</t>
  </si>
  <si>
    <t>12/18/2019 10:51:27</t>
  </si>
  <si>
    <t>12/18/2019 10:51:28</t>
  </si>
  <si>
    <t>12/18/2019 10:51:31</t>
  </si>
  <si>
    <t>12/18/2019 10:51:32</t>
  </si>
  <si>
    <t>12/18/2019 10:51:33</t>
  </si>
  <si>
    <t>12/18/2019 10:51:34</t>
  </si>
  <si>
    <t>12/18/2019 10:51:35</t>
  </si>
  <si>
    <t>12/18/2019 10:51:36</t>
  </si>
  <si>
    <t>12/18/2019 10:51:37</t>
  </si>
  <si>
    <t>12/18/2019 10:51:38</t>
  </si>
  <si>
    <t>12/18/2019 10:51:39</t>
  </si>
  <si>
    <t>12/18/2019 10:51:40</t>
  </si>
  <si>
    <t>12/18/2019 10:51:42</t>
  </si>
  <si>
    <t>12/18/2019 10:51:43</t>
  </si>
  <si>
    <t>12/18/2019 10:51:44</t>
  </si>
  <si>
    <t>12/18/2019 10:51:45</t>
  </si>
  <si>
    <t>12/18/2019 10:51:46</t>
  </si>
  <si>
    <t>12/18/2019 10:51:47</t>
  </si>
  <si>
    <t>12/18/2019 10:51:48</t>
  </si>
  <si>
    <t>12/18/2019 10:51:49</t>
  </si>
  <si>
    <t>12/18/2019 10:51:50</t>
  </si>
  <si>
    <t>12/18/2019 10:51:51</t>
  </si>
  <si>
    <t>12/18/2019 10:51:52</t>
  </si>
  <si>
    <t>12/18/2019 10:51:53</t>
  </si>
  <si>
    <t>12/18/2019 10:51:54</t>
  </si>
  <si>
    <t>12/18/2019 10:51:55</t>
  </si>
  <si>
    <t>12/18/2019 10:51:56</t>
  </si>
  <si>
    <t>12/18/2019 10:51:57</t>
  </si>
  <si>
    <t>12/18/2019 10:51:58</t>
  </si>
  <si>
    <t>12/18/2019 10:52:00</t>
  </si>
  <si>
    <t>12/18/2019 10:52:01</t>
  </si>
  <si>
    <t>12/18/2019 10:52:02</t>
  </si>
  <si>
    <t>12/18/2019 10:52:03</t>
  </si>
  <si>
    <t>12/18/2019 10:52:04</t>
  </si>
  <si>
    <t>12/18/2019 10:52:05</t>
  </si>
  <si>
    <t>12/18/2019 10:52:06</t>
  </si>
  <si>
    <t>12/18/2019 10:52:07</t>
  </si>
  <si>
    <t>12/18/2019 10:52:08</t>
  </si>
  <si>
    <t>12/18/2019 10:52:09</t>
  </si>
  <si>
    <t>12/18/2019 10:52:10</t>
  </si>
  <si>
    <t>12/18/2019 10:52:11</t>
  </si>
  <si>
    <t>12/18/2019 10:52:12</t>
  </si>
  <si>
    <t>12/18/2019 10:52:13</t>
  </si>
  <si>
    <t>12/18/2019 10:52:14</t>
  </si>
  <si>
    <t>12/18/2019 10:52:15</t>
  </si>
  <si>
    <t>12/18/2019 10:52:16</t>
  </si>
  <si>
    <t>12/18/2019 10:52:17</t>
  </si>
  <si>
    <t>12/18/2019 10:52:18</t>
  </si>
  <si>
    <t>12/18/2019 10:52:19</t>
  </si>
  <si>
    <t>12/18/2019 10:52:20</t>
  </si>
  <si>
    <t>12/18/2019 10:52:21</t>
  </si>
  <si>
    <t>12/18/2019 10:52:23</t>
  </si>
  <si>
    <t>12/18/2019 10:52:24</t>
  </si>
  <si>
    <t>12/18/2019 10:52:26</t>
  </si>
  <si>
    <t>12/18/2019 10:52:27</t>
  </si>
  <si>
    <t>12/18/2019 10:52:28</t>
  </si>
  <si>
    <t>12/18/2019 10:52:29</t>
  </si>
  <si>
    <t>12/18/2019 10:52:30</t>
  </si>
  <si>
    <t>12/18/2019 10:52:31</t>
  </si>
  <si>
    <t>12/18/2019 10:52:33</t>
  </si>
  <si>
    <t>12/18/2019 10:52:34</t>
  </si>
  <si>
    <t>12/18/2019 10:52:38</t>
  </si>
  <si>
    <t>12/18/2019 10:52:40</t>
  </si>
  <si>
    <t>12/18/2019 10:52:41</t>
  </si>
  <si>
    <t>12/18/2019 10:52:42</t>
  </si>
  <si>
    <t>12/18/2019 10:52:43</t>
  </si>
  <si>
    <t>12/18/2019 10:52:44</t>
  </si>
  <si>
    <t>12/18/2019 10:52:45</t>
  </si>
  <si>
    <t>12/18/2019 10:52:46</t>
  </si>
  <si>
    <t>12/18/2019 10:52:47</t>
  </si>
  <si>
    <t>12/18/2019 10:52:48</t>
  </si>
  <si>
    <t>12/18/2019 10:52:49</t>
  </si>
  <si>
    <t>12/18/2019 10:52:50</t>
  </si>
  <si>
    <t>12/18/2019 10:52:51</t>
  </si>
  <si>
    <t>12/18/2019 10:52:52</t>
  </si>
  <si>
    <t>12/18/2019 10:52:53</t>
  </si>
  <si>
    <t>12/18/2019 10:52:54</t>
  </si>
  <si>
    <t>12/18/2019 10:52:55</t>
  </si>
  <si>
    <t>12/18/2019 10:52:56</t>
  </si>
  <si>
    <t>12/18/2019 10:52:57</t>
  </si>
  <si>
    <t>12/18/2019 10:52:58</t>
  </si>
  <si>
    <t>12/18/2019 10:52:59</t>
  </si>
  <si>
    <t>12/18/2019 10:53:00</t>
  </si>
  <si>
    <t>12/18/2019 10:53:01</t>
  </si>
  <si>
    <t>12/18/2019 10:53:02</t>
  </si>
  <si>
    <t>12/18/2019 10:53:03</t>
  </si>
  <si>
    <t>12/18/2019 10:53:04</t>
  </si>
  <si>
    <t>12/18/2019 10:53:05</t>
  </si>
  <si>
    <t>12/18/2019 10:53:06</t>
  </si>
  <si>
    <t>12/18/2019 10:53:07</t>
  </si>
  <si>
    <t>12/18/2019 10:53:08</t>
  </si>
  <si>
    <t>12/18/2019 10:53:09</t>
  </si>
  <si>
    <t>12/18/2019 10:53:18</t>
  </si>
  <si>
    <t>12/18/2019 10:53:19</t>
  </si>
  <si>
    <t>12/18/2019 10:53:20</t>
  </si>
  <si>
    <t>12/18/2019 10:53:21</t>
  </si>
  <si>
    <t>12/18/2019 10:53:22</t>
  </si>
  <si>
    <t>12/18/2019 10:53:23</t>
  </si>
  <si>
    <t>12/18/2019 10:53:24</t>
  </si>
  <si>
    <t>12/18/2019 10:53:26</t>
  </si>
  <si>
    <t>12/18/2019 10:53:27</t>
  </si>
  <si>
    <t>12/18/2019 10:53:28</t>
  </si>
  <si>
    <t>12/18/2019 10:53:30</t>
  </si>
  <si>
    <t>12/18/2019 10:53:31</t>
  </si>
  <si>
    <t>12/18/2019 10:53:56</t>
  </si>
  <si>
    <t>12/18/2019 10:53:57</t>
  </si>
  <si>
    <t>12/18/2019 10:53:59</t>
  </si>
  <si>
    <t>12/18/2019 10:54:11</t>
  </si>
  <si>
    <t>12/18/2019 10:54:21</t>
  </si>
  <si>
    <t>12/18/2019 10:54:22</t>
  </si>
  <si>
    <t>12/18/2019 10:54:24</t>
  </si>
  <si>
    <t>12/18/2019 10:55:24</t>
  </si>
  <si>
    <t>12/18/2019 10:53:53</t>
  </si>
  <si>
    <t>12/18/2019 10:57:26</t>
  </si>
  <si>
    <t>12/18/2019 10:58:25</t>
  </si>
  <si>
    <t>12/18/2019 10:53:45</t>
  </si>
  <si>
    <t>12/18/2019 10:55:45</t>
  </si>
  <si>
    <t>mail.google.com/sync/u/0/i/s?hl=pt-BR&amp;c=244</t>
  </si>
  <si>
    <t>12/18/2019 10:55:51</t>
  </si>
  <si>
    <t>12/18/2019 10:55:55</t>
  </si>
  <si>
    <t>12/18/2019 10:55:58</t>
  </si>
  <si>
    <t>12/18/2019 10:56:18</t>
  </si>
  <si>
    <t>12/18/2019 10:56:24</t>
  </si>
  <si>
    <t>12/18/2019 10:56:47</t>
  </si>
  <si>
    <t>12/18/2019 10:56:55</t>
  </si>
  <si>
    <t>12/18/2019 10:57:14</t>
  </si>
  <si>
    <t>12/18/2019 10:57:18</t>
  </si>
  <si>
    <t>mail.google.com/sync/u/0/i/s?hl=pt-BR&amp;c=264</t>
  </si>
  <si>
    <t>12/18/2019 10:55:36</t>
  </si>
  <si>
    <t>12/18/2019 10:56:56</t>
  </si>
  <si>
    <t>12/18/2019 10:56:58</t>
  </si>
  <si>
    <t>12/18/2019 10:56:59</t>
  </si>
  <si>
    <t>12/18/2019 10:57:15</t>
  </si>
  <si>
    <t>12/18/2019 11:00:25</t>
  </si>
  <si>
    <t>12/18/2019 11:01:26</t>
  </si>
  <si>
    <t>12/18/2019 10:57:00</t>
  </si>
  <si>
    <t>12/18/2019 10:57:02</t>
  </si>
  <si>
    <t>12/18/2019 10:57:03</t>
  </si>
  <si>
    <t>12/18/2019 10:57:20</t>
  </si>
  <si>
    <t>12/18/2019 10:57:21</t>
  </si>
  <si>
    <t>12/18/2019 10:57:22</t>
  </si>
  <si>
    <t>12/18/2019 10:58:42</t>
  </si>
  <si>
    <t>https://outlook.office365.com/mapi/nspi/?mailboxid=77162096-c0b3-4a9d-88ca-b9268ce0500f@algartech.com</t>
  </si>
  <si>
    <t>12/18/2019 10:59:48</t>
  </si>
  <si>
    <t>12/18/2019 10:59:49</t>
  </si>
  <si>
    <t>12/18/2019 10:59:50</t>
  </si>
  <si>
    <t>12/18/2019 10:59:52</t>
  </si>
  <si>
    <t>12/18/2019 10:59:53</t>
  </si>
  <si>
    <t>12/18/2019 10:59:55</t>
  </si>
  <si>
    <t>12/18/2019 10:57:56</t>
  </si>
  <si>
    <t>12/18/2019 11:02:25</t>
  </si>
  <si>
    <t>12/18/2019 10:58:12</t>
  </si>
  <si>
    <t>8df16fe6-9019-46a5-9b4d-707a8be7ba05.tmp</t>
  </si>
  <si>
    <t>\\acsfs\profiles$\larissaad\Downloads\8df16fe6-9019-46a5-9b4d-707a8be7ba05.tmp</t>
  </si>
  <si>
    <t>12/18/2019 11:00:28</t>
  </si>
  <si>
    <t>9814c3f4-714c-4d82-a2c3-55546c70ccac.tmp</t>
  </si>
  <si>
    <t>\\acsfs\profiles$\larissaad\Downloads\9814c3f4-714c-4d82-a2c3-55546c70ccac.tmp</t>
  </si>
  <si>
    <t>12/18/2019 11:00:56</t>
  </si>
  <si>
    <t>D:\OneDrive\AlgarTech\Pré-Vendas\Cliente\2019\A100\215436 - A100 - SPOF - Option 1\Precificacao_BPFinanceiro\</t>
  </si>
  <si>
    <t>12/18/2019 10:57:05</t>
  </si>
  <si>
    <t>\\acsfs\profiles$\katiahmdj\Downloads\</t>
  </si>
  <si>
    <t>1f5c0ab0-8682-4b65-9c04-548a54a11d96.tmp</t>
  </si>
  <si>
    <t>\\acsfs\profiles$\katiahmdj\Downloads\1f5c0ab0-8682-4b65-9c04-548a54a11d96.tmp</t>
  </si>
  <si>
    <t>12/18/2019 10:57:52</t>
  </si>
  <si>
    <t>e25d0f43-16ec-44e6-aa02-408bd7d018ca.tmp</t>
  </si>
  <si>
    <t>\\acsfs\profiles$\katiahmdj\Downloads\e25d0f43-16ec-44e6-aa02-408bd7d018ca.tmp</t>
  </si>
  <si>
    <t>12/18/2019 10:58:16</t>
  </si>
  <si>
    <t>b039ffdf-81d8-41f6-8dc2-8c2d4d88d7cd.tmp</t>
  </si>
  <si>
    <t>\\acsfs\profiles$\katiahmdj\Downloads\b039ffdf-81d8-41f6-8dc2-8c2d4d88d7cd.tmp</t>
  </si>
  <si>
    <t>12/18/2019 10:58:23</t>
  </si>
  <si>
    <t>d513376e-1a5d-4cfd-aef0-ba3a3981dea2.tmp</t>
  </si>
  <si>
    <t>\\acsfs\profiles$\katiahmdj\Downloads\d513376e-1a5d-4cfd-aef0-ba3a3981dea2.tmp</t>
  </si>
  <si>
    <t>12/18/2019 10:59:02</t>
  </si>
  <si>
    <t>c71ca49d-6a46-4191-b176-43a6e31eb91e.tmp</t>
  </si>
  <si>
    <t>\\acsfs\profiles$\katiahmdj\Downloads\c71ca49d-6a46-4191-b176-43a6e31eb91e.tmp</t>
  </si>
  <si>
    <t>12/18/2019 11:00:11</t>
  </si>
  <si>
    <t>29d0c2f2-d484-4966-8036-3bf063cbf814.tmp</t>
  </si>
  <si>
    <t>\\acsfs\profiles$\katiahmdj\Downloads\29d0c2f2-d484-4966-8036-3bf063cbf814.tmp</t>
  </si>
  <si>
    <t>12/18/2019 11:00:29</t>
  </si>
  <si>
    <t>c9c6d034-6cae-40af-9573-92c1b19176a0.tmp</t>
  </si>
  <si>
    <t>\\acsfs\profiles$\katiahmdj\Downloads\c9c6d034-6cae-40af-9573-92c1b19176a0.tmp</t>
  </si>
  <si>
    <t>12/18/2019 11:01:05</t>
  </si>
  <si>
    <t>7fa5fae7-6613-447e-b0e3-5c9e5dca53ff.tmp</t>
  </si>
  <si>
    <t>\\acsfs\profiles$\katiahmdj\Downloads\7fa5fae7-6613-447e-b0e3-5c9e5dca53ff.tmp</t>
  </si>
  <si>
    <t>12/18/2019 11:01:44</t>
  </si>
  <si>
    <t>8fd9a81f-ec34-460c-bed2-c5c4a07a734f.tmp</t>
  </si>
  <si>
    <t>\\acsfs\profiles$\katiahmdj\Downloads\8fd9a81f-ec34-460c-bed2-c5c4a07a734f.tmp</t>
  </si>
  <si>
    <t>12/18/2019 11:03:25</t>
  </si>
  <si>
    <t>12/18/2019 10:57:31</t>
  </si>
  <si>
    <t>12/18/2019 10:57:39</t>
  </si>
  <si>
    <t>12/18/2019 10:57:51</t>
  </si>
  <si>
    <t>mail.google.com/sync/u/0/i/s?hl=pt-BR&amp;c=273</t>
  </si>
  <si>
    <t>12/18/2019 10:58:14</t>
  </si>
  <si>
    <t>mail.google.com/sync/u/0/i/s?hl=pt-BR&amp;c=276</t>
  </si>
  <si>
    <t>12/18/2019 10:58:37</t>
  </si>
  <si>
    <t>mail.google.com/sync/u/0/i/s?hl=pt-BR&amp;c=278</t>
  </si>
  <si>
    <t>12/18/2019 10:58:45</t>
  </si>
  <si>
    <t>12/18/2019 10:59:22</t>
  </si>
  <si>
    <t>mail.google.com/sync/u/0/i/s?hl=pt-BR&amp;c=281</t>
  </si>
  <si>
    <t>12/18/2019 10:59:32</t>
  </si>
  <si>
    <t>mail.google.com/sync/u/0/i/s?hl=pt-BR&amp;c=283</t>
  </si>
  <si>
    <t>12/18/2019 10:59:45</t>
  </si>
  <si>
    <t>12/18/2019 11:00:17</t>
  </si>
  <si>
    <t>12/18/2019 11:01:10</t>
  </si>
  <si>
    <t>12/18/2019 11:01:21</t>
  </si>
  <si>
    <t>mail.google.com/sync/u/0/i/s?hl=pt-BR&amp;c=292</t>
  </si>
  <si>
    <t>12/18/2019 11:01:36</t>
  </si>
  <si>
    <t>12/18/2019 11:02:36</t>
  </si>
  <si>
    <t>12/18/2019 10:58:30</t>
  </si>
  <si>
    <t>12/18/2019 10:59:00</t>
  </si>
  <si>
    <t>12/18/2019 10:59:30</t>
  </si>
  <si>
    <t>12/18/2019 11:00:00</t>
  </si>
  <si>
    <t>12/18/2019 11:00:30</t>
  </si>
  <si>
    <t>12/18/2019 11:03:00</t>
  </si>
  <si>
    <t>12/18/2019 11:02:17</t>
  </si>
  <si>
    <t>12/18/2019 11:04:26</t>
  </si>
  <si>
    <t>12/18/2019 11:03:24</t>
  </si>
  <si>
    <t>12/18/2019 11:05:26</t>
  </si>
  <si>
    <t>12/18/2019 11:00:20</t>
  </si>
  <si>
    <t>12/18/2019 11:01:03</t>
  </si>
  <si>
    <t>12/18/2019 11:01:24</t>
  </si>
  <si>
    <t>12/18/2019 11:06:26</t>
  </si>
  <si>
    <t>12/18/2019 11:05:24</t>
  </si>
  <si>
    <t>12/18/2019 11:03:33</t>
  </si>
  <si>
    <t>12/18/2019 11:07:25</t>
  </si>
  <si>
    <t>12/18/2019 11:02:33</t>
  </si>
  <si>
    <t>12/18/2019 11:08:26</t>
  </si>
  <si>
    <t>12/18/2019 11:04:45</t>
  </si>
  <si>
    <t>12/18/2019 11:05:45</t>
  </si>
  <si>
    <t>12/18/2019 11:03:15</t>
  </si>
  <si>
    <t>12/18/2019 11:05:06</t>
  </si>
  <si>
    <t>12/18/2019 11:05:07</t>
  </si>
  <si>
    <t>12/18/2019 11:05:09</t>
  </si>
  <si>
    <t>12/18/2019 11:06:48</t>
  </si>
  <si>
    <t>12/18/2019 11:06:53</t>
  </si>
  <si>
    <t>12/18/2019 11:07:36</t>
  </si>
  <si>
    <t>12/18/2019 11:08:01</t>
  </si>
  <si>
    <t>12/18/2019 11:08:03</t>
  </si>
  <si>
    <t>12/18/2019 11:08:04</t>
  </si>
  <si>
    <t>12/18/2019 11:03:30</t>
  </si>
  <si>
    <t>12/18/2019 11:06:30</t>
  </si>
  <si>
    <t>12/18/2019 11:07:38</t>
  </si>
  <si>
    <t>9dda2edf-2453-4d70-9a61-479b7baf0a9d.tmp</t>
  </si>
  <si>
    <t>\\acsfs\profiles$\geovannasm\Downloads\9dda2edf-2453-4d70-9a61-479b7baf0a9d.tmp</t>
  </si>
  <si>
    <t>12/18/2019 11:10:26</t>
  </si>
  <si>
    <t>12/18/2019 11:07:26</t>
  </si>
  <si>
    <t>mail.google.com/_/upload?authuser=2&amp;dcp=asu-n&amp;upload_id=AEnB2UpXiCxnxVTwuGAo29TY_ycvcW5yOWcrnYpQzVaaQUleuHVs7NeO2jhcH0mzJNh5EzPY8B8uZmBOqeq_qa2b3r1_Q3-uxDLeGmnEWGsOHgGYjykYxMc&amp;upload_protocol=resumable</t>
  </si>
  <si>
    <t>12/18/2019 11:06:35</t>
  </si>
  <si>
    <t>12/18/2019 11:11:26</t>
  </si>
  <si>
    <t>12/18/2019 11:06:36</t>
  </si>
  <si>
    <t>12/18/2019 11:06:55</t>
  </si>
  <si>
    <t>12/18/2019 11:06:56</t>
  </si>
  <si>
    <t>12/18/2019 11:10:42</t>
  </si>
  <si>
    <t>12/18/2019 11:10:43</t>
  </si>
  <si>
    <t>12/18/2019 11:10:45</t>
  </si>
  <si>
    <t>12/18/2019 11:13:26</t>
  </si>
  <si>
    <t>12/18/2019 11:11:45</t>
  </si>
  <si>
    <t>12/18/2019 11:08:35</t>
  </si>
  <si>
    <t>mail.google.com/_/upload?authuser=0&amp;dcp=asu-n&amp;upload_id=AEnB2UqjYDChmcePMPY48Xq2wKWiqDawu_TwmVehnv0ecohnp4gAc1I7in80zvlVdqTDppdvBheULIZCSN7UDDIGg2MllSGTBVyFX9GqxCTiCTtHIxZF8e8&amp;upload_protocol=resumable</t>
  </si>
  <si>
    <t>\\acsfs\deptos\CAS - Coordenação de Arquitetura de Soluções\Negócios\B.O.P.E\OKRs\</t>
  </si>
  <si>
    <t>Lista de Vendas.xlsx</t>
  </si>
  <si>
    <t>12/18/2019 11:11:44</t>
  </si>
  <si>
    <t>12/18/2019 11:11:46</t>
  </si>
  <si>
    <t>12/18/2019 11:11:47</t>
  </si>
  <si>
    <t>12/18/2019 11:11:48</t>
  </si>
  <si>
    <t>12/18/2019 11:11:49</t>
  </si>
  <si>
    <t>12/18/2019 11:11:50</t>
  </si>
  <si>
    <t>12/18/2019 11:11:51</t>
  </si>
  <si>
    <t>12/18/2019 11:11:52</t>
  </si>
  <si>
    <t>12/18/2019 11:11:53</t>
  </si>
  <si>
    <t>12/18/2019 11:11:54</t>
  </si>
  <si>
    <t>12/18/2019 11:11:55</t>
  </si>
  <si>
    <t>12/18/2019 11:11:56</t>
  </si>
  <si>
    <t>12/18/2019 11:11:57</t>
  </si>
  <si>
    <t>12/18/2019 11:11:58</t>
  </si>
  <si>
    <t>12/18/2019 11:11:59</t>
  </si>
  <si>
    <t>12/18/2019 11:09:16</t>
  </si>
  <si>
    <t>12/18/2019 11:10:19</t>
  </si>
  <si>
    <t>12/18/2019 11:10:21</t>
  </si>
  <si>
    <t>12/18/2019 11:10:22</t>
  </si>
  <si>
    <t>12/18/2019 11:10:37</t>
  </si>
  <si>
    <t>12/18/2019 11:10:39</t>
  </si>
  <si>
    <t>12/18/2019 11:11:14</t>
  </si>
  <si>
    <t>12/18/2019 11:11:16</t>
  </si>
  <si>
    <t>12/18/2019 11:11:32</t>
  </si>
  <si>
    <t>12/18/2019 11:11:33</t>
  </si>
  <si>
    <t>12/18/2019 11:12:56</t>
  </si>
  <si>
    <t>12/18/2019 11:12:57</t>
  </si>
  <si>
    <t>12/18/2019 11:12:59</t>
  </si>
  <si>
    <t>12/18/2019 11:13:01</t>
  </si>
  <si>
    <t>12/18/2019 11:09:15</t>
  </si>
  <si>
    <t>lu2196aiw9.tmp</t>
  </si>
  <si>
    <t>\\acsfs\profiles$\VIVIANALDS\My Documents\lu2196aiw9.tmp</t>
  </si>
  <si>
    <t>\\acsfs\profiles$\VIVIANALDS\My Documents\lu2196aiw9.tmp\</t>
  </si>
  <si>
    <t>\\acsfs\profiles$\VIVIANALDS\My Documents\lu2196aiw9.tmp\META-INF\</t>
  </si>
  <si>
    <t>\\acsfs\profiles$\VIVIANALDS\My Documents\lu2196aiw9.tmp\Thumbnails\</t>
  </si>
  <si>
    <t>lu2196aiwd.tmp</t>
  </si>
  <si>
    <t>\\acsfs\profiles$\VIVIANALDS\My Documents\lu2196aiwd.tmp</t>
  </si>
  <si>
    <t>\\acsfs\profiles$\VIVIANALDS\My Documents\lu2196aiwd.tmp\</t>
  </si>
  <si>
    <t>\\acsfs\profiles$\VIVIANALDS\My Documents\lu2196aiwd.tmp\META-INF\</t>
  </si>
  <si>
    <t>\\acsfs\profiles$\VIVIANALDS\My Documents\lu2196aiwd.tmp\Thumbnails\</t>
  </si>
  <si>
    <t>12/18/2019 11:12:18</t>
  </si>
  <si>
    <t>lu2196aiwh.tmp</t>
  </si>
  <si>
    <t>\\acsfs\profiles$\VIVIANALDS\My Documents\lu2196aiwh.tmp</t>
  </si>
  <si>
    <t>\\acsfs\profiles$\VIVIANALDS\My Documents\lu2196aiwh.tmp\</t>
  </si>
  <si>
    <t>\\acsfs\profiles$\VIVIANALDS\My Documents\lu2196aiwh.tmp\META-INF\</t>
  </si>
  <si>
    <t>\\acsfs\profiles$\VIVIANALDS\My Documents\lu2196aiwh.tmp\Thumbnails\</t>
  </si>
  <si>
    <t>12/18/2019 11:15:26</t>
  </si>
  <si>
    <t>12/18/2019 11:14:09</t>
  </si>
  <si>
    <t>mail.google.com/sync/u/0/i/s?hl=pt-BR&amp;c=4</t>
  </si>
  <si>
    <t>12/18/2019 11:14:25</t>
  </si>
  <si>
    <t>12/18/2019 11:14:39</t>
  </si>
  <si>
    <t>12/18/2019 11:14:44</t>
  </si>
  <si>
    <t>mail.google.com/_/upload?authuser=0&amp;dcp=asu-n&amp;upload_id=AEnB2UpUTkPcxMB7lf7d0ZhxXW2CAM6eCQTZpAC7clMWhuTe3m17aOexuUOVPTgyUqZsGgc1z4q6ddCfkUKpfom4aYgvZtPdtgxLcoirM_mxO0EL33YYW3A&amp;upload_protocol=resumable</t>
  </si>
  <si>
    <t>C:\Users\paulotdsf\Desktop\</t>
  </si>
  <si>
    <t>Holerite_112019_2106361 (1).pdf</t>
  </si>
  <si>
    <t>12/18/2019 11:14:45</t>
  </si>
  <si>
    <t>12/18/2019 11:14:47</t>
  </si>
  <si>
    <t>12/18/2019 11:10:24</t>
  </si>
  <si>
    <t>eliamardo@algartech.com.br;flaviamas@algartech.com.br;iarasp@algartech.com.br;jessicapdsi@algartech.com.br;jessicarr@algartech.com.br;pollyanafm@algartech.com.br;</t>
  </si>
  <si>
    <t>ENC: Categorizações Next Ativo - 10/12 a 17/12</t>
  </si>
  <si>
    <t>Categorização Ativo - 10_12 a 17_12.xlsx</t>
  </si>
  <si>
    <t>eliamardo@algartech.com.br,flaviamas@algartech.com.br,iarasp@algartech.com.br,jessicapdsi@algartech.com.br,jessicarr@algartech.com.br,pollyanafm@algartech.com.br</t>
  </si>
  <si>
    <t>12/18/2019 11:12:44</t>
  </si>
  <si>
    <t>12/18/2019 11:13:21</t>
  </si>
  <si>
    <t>12/18/2019 11:15:23</t>
  </si>
  <si>
    <t>12/18/2019 11:16:25</t>
  </si>
  <si>
    <t>71510e27-d474-4326-b4f5-387367aa967e.tmp</t>
  </si>
  <si>
    <t>\\acsfs\profiles$\gabrielarb\Downloads\71510e27-d474-4326-b4f5-387367aa967e.tmp</t>
  </si>
  <si>
    <t>209a4b05-7b60-4b87-b703-f1eda754df57.tmp</t>
  </si>
  <si>
    <t>\\acsfs\profiles$\valeriasda\Downloads\209a4b05-7b60-4b87-b703-f1eda754df57.tmp</t>
  </si>
  <si>
    <t>12/18/2019 11:11:20</t>
  </si>
  <si>
    <t>4a98922c-768a-4bc9-a7bf-75bfdadd6877.tmp</t>
  </si>
  <si>
    <t>\\acsfs\profiles$\valeriasda\Downloads\4a98922c-768a-4bc9-a7bf-75bfdadd6877.tmp</t>
  </si>
  <si>
    <t>12/18/2019 11:12:29</t>
  </si>
  <si>
    <t>12/18/2019 11:12:42</t>
  </si>
  <si>
    <t>12/18/2019 11:12:53</t>
  </si>
  <si>
    <t>mail.google.com/sync/u/0/i/s?hl=pt-BR&amp;c=922</t>
  </si>
  <si>
    <t>12/18/2019 11:13:07</t>
  </si>
  <si>
    <t>mail.google.com/sync/u/0/i/s?hl=pt-BR&amp;c=925</t>
  </si>
  <si>
    <t>12/18/2019 11:13:24</t>
  </si>
  <si>
    <t>mail.google.com/sync/u/0/i/s?hl=pt-BR&amp;c=927</t>
  </si>
  <si>
    <t>12/18/2019 11:13:28</t>
  </si>
  <si>
    <t>mail.google.com/sync/u/0/i/s?hl=pt-BR&amp;c=932</t>
  </si>
  <si>
    <t>12/18/2019 11:13:33</t>
  </si>
  <si>
    <t>mail.google.com/sync/u/0/i/s?hl=pt-BR&amp;c=934</t>
  </si>
  <si>
    <t>12/18/2019 11:13:35</t>
  </si>
  <si>
    <t>mail.google.com/sync/u/0/i/s?hl=pt-BR&amp;c=936</t>
  </si>
  <si>
    <t>12/18/2019 11:14:00</t>
  </si>
  <si>
    <t>12/18/2019 11:14:08</t>
  </si>
  <si>
    <t>12/18/2019 11:14:15</t>
  </si>
  <si>
    <t>mail.google.com/sync/u/0/i/s?hl=pt-BR&amp;c=950</t>
  </si>
  <si>
    <t>12/18/2019 11:15:03</t>
  </si>
  <si>
    <t>mail.google.com/sync/u/0/i/s?hl=pt-BR&amp;c=957</t>
  </si>
  <si>
    <t>12/18/2019 11:15:21</t>
  </si>
  <si>
    <t>mail.google.com/sync/u/0/i/s?hl=pt-BR&amp;c=959</t>
  </si>
  <si>
    <t>12/18/2019 11:15:28</t>
  </si>
  <si>
    <t>mail.google.com/sync/u/0/i/s?hl=pt-BR&amp;c=961</t>
  </si>
  <si>
    <t>12/18/2019 11:12:12</t>
  </si>
  <si>
    <t>12/18/2019 11:12:13</t>
  </si>
  <si>
    <t>12/18/2019 11:12:14</t>
  </si>
  <si>
    <t>12/18/2019 11:12:15</t>
  </si>
  <si>
    <t>12/18/2019 11:12:16</t>
  </si>
  <si>
    <t>12/18/2019 11:12:17</t>
  </si>
  <si>
    <t>12/18/2019 11:12:19</t>
  </si>
  <si>
    <t>12/18/2019 11:13:25</t>
  </si>
  <si>
    <t>12/18/2019 11:14:16</t>
  </si>
  <si>
    <t>12/18/2019 11:13:54</t>
  </si>
  <si>
    <t>12/18/2019 11:17:26</t>
  </si>
  <si>
    <t>d43756be-04a5-47d6-b3a4-69c1a9686e6f.tmp</t>
  </si>
  <si>
    <t>\\acsfs\profiles$\paulovadc\Downloads\d43756be-04a5-47d6-b3a4-69c1a9686e6f.tmp</t>
  </si>
  <si>
    <t>12/18/2019 11:16:21</t>
  </si>
  <si>
    <t>mail.google.com/_/upload?authuser=0&amp;dcp=asu-n&amp;upload_id=AEnB2UqGfEmMlDCPTwy-lPONe2BcavyZTYElWWbBl74J55uJ3vsz0uwYPjXHg13BTumreoetyg2SK60lKtilx1UJJJVSwoptCLxtiB7XmJp8zg0GPP35HnM&amp;upload_protocol=resumable</t>
  </si>
  <si>
    <t>\\acsfs\engeset\FINANCEIRO_ULA\FATURAMENTO\22. Controle TIM\1. Acompanhamento de Faturamento\2019\</t>
  </si>
  <si>
    <t>12_19- Acompanhamento Faturamento.xlsb</t>
  </si>
  <si>
    <t>12/18/2019 11:16:45</t>
  </si>
  <si>
    <t>12/18/2019 11:18:25</t>
  </si>
  <si>
    <t>12/18/2019 11:13:36</t>
  </si>
  <si>
    <t>12/18/2019 11:14:14</t>
  </si>
  <si>
    <t>12/18/2019 11:14:20</t>
  </si>
  <si>
    <t>12/18/2019 11:15:16</t>
  </si>
  <si>
    <t>12/18/2019 11:16:32</t>
  </si>
  <si>
    <t>12/18/2019 11:17:16</t>
  </si>
  <si>
    <t>12/18/2019 11:15:01</t>
  </si>
  <si>
    <t>12/18/2019 11:15:31</t>
  </si>
  <si>
    <t>12/18/2019 11:16:01</t>
  </si>
  <si>
    <t>12/18/2019 11:16:31</t>
  </si>
  <si>
    <t>12/18/2019 11:20:26</t>
  </si>
  <si>
    <t>12/18/2019 11:18:38</t>
  </si>
  <si>
    <t>NAYARA NERY ARAUJO OLIVEIRA_1_6766669319359250178_1_32.wav</t>
  </si>
  <si>
    <t>\\acsfs\DEPTOS\EDUCACAO EMPRESARIAL\ligação mutant primeiro ciclo MUTANT\NAYARA NERY ARAUJO OLIVEIRA_1_6766669319359250178_1_32.wav</t>
  </si>
  <si>
    <t>12/18/2019 11:15:46</t>
  </si>
  <si>
    <t>12/18/2019 11:21:26</t>
  </si>
  <si>
    <t>mail.google.com/sync/u/0/i/s?hl=pt-BR&amp;c=963</t>
  </si>
  <si>
    <t>12/18/2019 11:16:03</t>
  </si>
  <si>
    <t>mail.google.com/sync/u/0/i/s?hl=pt-BR&amp;c=970</t>
  </si>
  <si>
    <t>12/18/2019 11:16:19</t>
  </si>
  <si>
    <t>mail.google.com/sync/u/0/i/s?hl=pt-BR&amp;c=972</t>
  </si>
  <si>
    <t>12/18/2019 11:16:38</t>
  </si>
  <si>
    <t>mail.google.com/sync/u/0/i/s?hl=pt-BR&amp;c=974</t>
  </si>
  <si>
    <t>12/18/2019 11:16:40</t>
  </si>
  <si>
    <t>12/18/2019 11:16:48</t>
  </si>
  <si>
    <t>mail.google.com/sync/u/0/i/s?hl=pt-BR&amp;c=982</t>
  </si>
  <si>
    <t>12/18/2019 11:17:01</t>
  </si>
  <si>
    <t>mail.google.com/sync/u/0/i/s?hl=pt-BR&amp;c=984</t>
  </si>
  <si>
    <t>12/18/2019 11:17:04</t>
  </si>
  <si>
    <t>mail.google.com/sync/u/0/i/s?hl=pt-BR&amp;c=987</t>
  </si>
  <si>
    <t>mail.google.com/sync/u/0/i/s?hl=pt-BR&amp;c=989</t>
  </si>
  <si>
    <t>12/18/2019 11:17:24</t>
  </si>
  <si>
    <t>mail.google.com/sync/u/0/i/s?hl=pt-BR&amp;c=991</t>
  </si>
  <si>
    <t>12/18/2019 11:17:46</t>
  </si>
  <si>
    <t>mail.google.com/sync/u/0/i/s?hl=pt-BR&amp;c=997</t>
  </si>
  <si>
    <t>12/18/2019 11:17:51</t>
  </si>
  <si>
    <t>12/18/2019 11:17:58</t>
  </si>
  <si>
    <t>mail.google.com/sync/u/0/i/s?hl=pt-BR&amp;c=1002</t>
  </si>
  <si>
    <t>12/18/2019 11:18:14</t>
  </si>
  <si>
    <t>mail.google.com/sync/u/0/i/s?hl=pt-BR&amp;c=1004</t>
  </si>
  <si>
    <t>12/18/2019 11:18:34</t>
  </si>
  <si>
    <t>mail.google.com/sync/u/0/i/s?hl=pt-BR&amp;c=1010</t>
  </si>
  <si>
    <t>12/18/2019 11:18:39</t>
  </si>
  <si>
    <t>mail.google.com/sync/u/0/i/s?hl=pt-BR&amp;c=1012</t>
  </si>
  <si>
    <t>12/18/2019 11:18:52</t>
  </si>
  <si>
    <t>12/18/2019 11:19:16</t>
  </si>
  <si>
    <t>mail.google.com/sync/u/0/i/s?hl=pt-BR&amp;c=1018</t>
  </si>
  <si>
    <t>12/18/2019 11:19:33</t>
  </si>
  <si>
    <t>mail.google.com/sync/u/0/i/s?hl=pt-BR&amp;c=1023</t>
  </si>
  <si>
    <t>12/18/2019 11:19:45</t>
  </si>
  <si>
    <t>mail.google.com/sync/u/0/i/s?hl=pt-BR&amp;c=1025</t>
  </si>
  <si>
    <t>12/18/2019 11:20:05</t>
  </si>
  <si>
    <t>mail.google.com/sync/u/0/i/s?hl=pt-BR&amp;c=1028</t>
  </si>
  <si>
    <t>12/18/2019 11:20:12</t>
  </si>
  <si>
    <t>mail.google.com/sync/u/0/i/s?hl=pt-BR&amp;c=1036</t>
  </si>
  <si>
    <t>12/18/2019 11:20:31</t>
  </si>
  <si>
    <t>mail.google.com/sync/u/0/i/s?hl=pt-BR&amp;c=1038</t>
  </si>
  <si>
    <t>12/18/2019 11:20:34</t>
  </si>
  <si>
    <t>mail.google.com/sync/u/0/i/s?hl=pt-BR&amp;c=1040</t>
  </si>
  <si>
    <t>12/18/2019 11:20:39</t>
  </si>
  <si>
    <t>mail.google.com/sync/u/0/i/s?hl=pt-BR&amp;c=1042</t>
  </si>
  <si>
    <t>12/18/2019 11:17:25</t>
  </si>
  <si>
    <t>12/18/2019 11:19:25</t>
  </si>
  <si>
    <t>12/18/2019 11:19:54</t>
  </si>
  <si>
    <t>mail.google.com/_/upload?authuser=0&amp;dcp=asu-n&amp;upload_id=AEnB2UoSxMaSqX7apSb0Pjd1S4KCy9adrmDkb3W3nnRLGhoi0fzG4MvCfTX89Kx4NWwyLIpey2bmISMsO6ZZMciIsmDteB7AGjIuOqntitc2XGPHAVcMDro&amp;upload_protocol=resumable</t>
  </si>
  <si>
    <t>eunice.pimenta@algartech.com;gustavodopt@algartech.com;karinars@algartech.com;rodrigombu@algartech.com;viniciussg@algartech.com;</t>
  </si>
  <si>
    <t>Estrutura Prevista_Janeiro 2020 2.xlsx</t>
  </si>
  <si>
    <t>eunice.pimenta@algartech.com,gustavodopt@algartech.com,karinars@algartech.com,rodrigombu@algartech.com,viniciussg@algartech.com</t>
  </si>
  <si>
    <t>12/18/2019 11:18:55</t>
  </si>
  <si>
    <t>12/18/2019 11:22:25</t>
  </si>
  <si>
    <t>inacioaf@algartech.com.br;</t>
  </si>
  <si>
    <t>intradiário youse</t>
  </si>
  <si>
    <t>Intradiário-SAC - V2 - 18-de-Dez.xlsm</t>
  </si>
  <si>
    <t>inacioaf@algartech.com.br</t>
  </si>
  <si>
    <t>12/18/2019 11:22:12</t>
  </si>
  <si>
    <t>ENC: RES: RES: Clonagem ocorrida em Mar/2019 || Luana Rebizzi || Company 058995 CRM:000230003669</t>
  </si>
  <si>
    <t>wo iqvia.xlsx</t>
  </si>
  <si>
    <t>12/18/2019 11:17:45</t>
  </si>
  <si>
    <t>12/18/2019 11:23:26</t>
  </si>
  <si>
    <t>12/18/2019 11:19:36</t>
  </si>
  <si>
    <t>12/18/2019 11:20:10</t>
  </si>
  <si>
    <t>12/18/2019 11:20:11</t>
  </si>
  <si>
    <t>12/18/2019 11:20:14</t>
  </si>
  <si>
    <t>12/18/2019 11:20:15</t>
  </si>
  <si>
    <t>12/18/2019 11:21:16</t>
  </si>
  <si>
    <t>12/18/2019 11:22:34</t>
  </si>
  <si>
    <t>12/18/2019 11:20:02</t>
  </si>
  <si>
    <t>12/18/2019 11:25:26</t>
  </si>
  <si>
    <t>12/18/2019 11:20:51</t>
  </si>
  <si>
    <t>12/18/2019 11:26:27</t>
  </si>
  <si>
    <t>mail.google.com/sync/u/0/i/s?hl=pt-BR&amp;c=1045</t>
  </si>
  <si>
    <t>12/18/2019 11:21:32</t>
  </si>
  <si>
    <t>mail.google.com/sync/u/0/i/s?hl=pt-BR&amp;c=1054</t>
  </si>
  <si>
    <t>12/18/2019 11:21:40</t>
  </si>
  <si>
    <t>mail.google.com/sync/u/0/i/s?hl=pt-BR&amp;c=1056</t>
  </si>
  <si>
    <t>12/18/2019 11:21:57</t>
  </si>
  <si>
    <t>mail.google.com/sync/u/0/i/s?hl=pt-BR&amp;c=1065</t>
  </si>
  <si>
    <t>12/18/2019 11:22:02</t>
  </si>
  <si>
    <t>mail.google.com/sync/u/0/i/s?hl=pt-BR&amp;c=1067</t>
  </si>
  <si>
    <t>12/18/2019 11:22:23</t>
  </si>
  <si>
    <t>mail.google.com/sync/u/0/i/s?hl=pt-BR&amp;c=1069</t>
  </si>
  <si>
    <t>12/18/2019 11:22:28</t>
  </si>
  <si>
    <t>mail.google.com/sync/u/0/i/s?hl=pt-BR&amp;c=1071</t>
  </si>
  <si>
    <t>12/18/2019 11:21:55</t>
  </si>
  <si>
    <t>12/18/2019 11:27:12</t>
  </si>
  <si>
    <t>12/18/2019 11:27:26</t>
  </si>
  <si>
    <t>mail.google.com/_/upload?authuser=0&amp;dcp=asu-n&amp;upload_id=AEnB2UqSQn40-itopS5n2Mh-8mdTO2k_YVB6IhC_6T23u-skRJRwkYesrWJucZ3VJ_iZLr3bANIrQhuke5CLW-RiU2X5qYLHUber3Ky6vvdzYuQKX8gdcFo&amp;upload_protocol=resumable</t>
  </si>
  <si>
    <t>\\acsfs\DEPTOS\TH\05. Cargos e Remuneração\02.Remuneração Fixa\Executivos\</t>
  </si>
  <si>
    <t>Proposta Ajuste + Meritocracia Diretores - dez19.xlsx</t>
  </si>
  <si>
    <t>12/18/2019 11:26:26</t>
  </si>
  <si>
    <t>10.200.66.152</t>
  </si>
  <si>
    <t>KAREN DE SOUZA RODRIGUES (17).contact</t>
  </si>
  <si>
    <t>\\acsfs\profiles$\KARENDSR\Contacts\KAREN DE SOUZA RODRIGUES (17).contact</t>
  </si>
  <si>
    <t>12/18/2019 11:26:38</t>
  </si>
  <si>
    <t>12/18/2019 11:26:39</t>
  </si>
  <si>
    <t>12/18/2019 11:26:40</t>
  </si>
  <si>
    <t>12/18/2019 11:26:41</t>
  </si>
  <si>
    <t>12/18/2019 11:26:42</t>
  </si>
  <si>
    <t>12/18/2019 11:26:43</t>
  </si>
  <si>
    <t>12/18/2019 11:26:44</t>
  </si>
  <si>
    <t>12/18/2019 11:26:45</t>
  </si>
  <si>
    <t>12/18/2019 11:28:27</t>
  </si>
  <si>
    <t>12/18/2019 11:26:46</t>
  </si>
  <si>
    <t>12/18/2019 11:26:57</t>
  </si>
  <si>
    <t>12/18/2019 11:26:58</t>
  </si>
  <si>
    <t>12/18/2019 11:22:45</t>
  </si>
  <si>
    <t>12/18/2019 11:23:45</t>
  </si>
  <si>
    <t>12/18/2019 11:25:36</t>
  </si>
  <si>
    <t>12/18/2019 11:26:19</t>
  </si>
  <si>
    <t>12/18/2019 11:27:16</t>
  </si>
  <si>
    <t>12/18/2019 11:28:11</t>
  </si>
  <si>
    <t>12/18/2019 11:28:13</t>
  </si>
  <si>
    <t>12/18/2019 11:28:14</t>
  </si>
  <si>
    <t>12/18/2019 11:25:03</t>
  </si>
  <si>
    <t>12/18/2019 11:25:33</t>
  </si>
  <si>
    <t>12/18/2019 11:26:03</t>
  </si>
  <si>
    <t>12/18/2019 11:26:33</t>
  </si>
  <si>
    <t>12/18/2019 11:27:03</t>
  </si>
  <si>
    <t>12/18/2019 11:27:33</t>
  </si>
  <si>
    <t>12/18/2019 11:24:21</t>
  </si>
  <si>
    <t>12/18/2019 11:24:22</t>
  </si>
  <si>
    <t>lu2196aiwl.tmp</t>
  </si>
  <si>
    <t>\\acsfs\profiles$\VIVIANALDS\My Documents\lu2196aiwl.tmp</t>
  </si>
  <si>
    <t>\\acsfs\profiles$\VIVIANALDS\My Documents\lu2196aiwl.tmp\</t>
  </si>
  <si>
    <t>\\acsfs\profiles$\VIVIANALDS\My Documents\lu2196aiwl.tmp\META-INF\</t>
  </si>
  <si>
    <t>\\acsfs\profiles$\VIVIANALDS\My Documents\lu2196aiwl.tmp\Thumbnails\</t>
  </si>
  <si>
    <t>12/18/2019 11:24:26</t>
  </si>
  <si>
    <t>lu2196aiwp.tmp</t>
  </si>
  <si>
    <t>\\acsfs\profiles$\VIVIANALDS\My Documents\lu2196aiwp.tmp</t>
  </si>
  <si>
    <t>\\acsfs\profiles$\VIVIANALDS\My Documents\lu2196aiwp.tmp\</t>
  </si>
  <si>
    <t>\\acsfs\profiles$\VIVIANALDS\My Documents\lu2196aiwp.tmp\META-INF\</t>
  </si>
  <si>
    <t>\\acsfs\profiles$\VIVIANALDS\My Documents\lu2196aiwp.tmp\Thumbnails\</t>
  </si>
  <si>
    <t>12/18/2019 11:27:09</t>
  </si>
  <si>
    <t>lu2196aiwt.tmp</t>
  </si>
  <si>
    <t>\\acsfs\profiles$\VIVIANALDS\My Documents\lu2196aiwt.tmp</t>
  </si>
  <si>
    <t>\\acsfs\profiles$\VIVIANALDS\My Documents\lu2196aiwt.tmp\</t>
  </si>
  <si>
    <t>\\acsfs\profiles$\VIVIANALDS\My Documents\lu2196aiwt.tmp\META-INF\</t>
  </si>
  <si>
    <t>\\acsfs\profiles$\VIVIANALDS\My Documents\lu2196aiwt.tmp\Thumbnails\</t>
  </si>
  <si>
    <t>12/18/2019 11:27:46</t>
  </si>
  <si>
    <t>12/18/2019 11:29:26</t>
  </si>
  <si>
    <t>12/18/2019 11:30:27</t>
  </si>
  <si>
    <t>12/18/2019 11:27:31</t>
  </si>
  <si>
    <t>281b2a7b-d612-4ec1-8b44-6362f379007b.tmp</t>
  </si>
  <si>
    <t>\\acsfs\profiles$\PEDROHAB\Downloads\281b2a7b-d612-4ec1-8b44-6362f379007b.tmp</t>
  </si>
  <si>
    <t>12/18/2019 11:25:51</t>
  </si>
  <si>
    <t>ef934d2b-2fd4-418d-8132-e62e9479046c.tmp</t>
  </si>
  <si>
    <t>\\acsfs\profiles$\gabrielafs\Downloads\ef934d2b-2fd4-418d-8132-e62e9479046c.tmp</t>
  </si>
  <si>
    <t>12/18/2019 11:28:07</t>
  </si>
  <si>
    <t>12/18/2019 11:31:26</t>
  </si>
  <si>
    <t>12/18/2019 11:28:43</t>
  </si>
  <si>
    <t>tatiane.rodrigues@algartech.com;</t>
  </si>
  <si>
    <t>C:\Users\rosanapccb\Desktop\TATI\</t>
  </si>
  <si>
    <t>18.12 Cópia de Tatiane - Ferias.xlsx</t>
  </si>
  <si>
    <t>12/18/2019 11:27:08</t>
  </si>
  <si>
    <t>12/18/2019 11:27:10</t>
  </si>
  <si>
    <t>12/18/2019 11:28:17</t>
  </si>
  <si>
    <t>12/18/2019 11:28:18</t>
  </si>
  <si>
    <t>12/18/2019 11:28:32</t>
  </si>
  <si>
    <t>12/18/2019 11:28:33</t>
  </si>
  <si>
    <t>12/18/2019 11:29:28</t>
  </si>
  <si>
    <t>12/18/2019 11:29:29</t>
  </si>
  <si>
    <t>12/18/2019 11:30:13</t>
  </si>
  <si>
    <t>12/18/2019 11:30:14</t>
  </si>
  <si>
    <t>12/18/2019 11:31:34</t>
  </si>
  <si>
    <t>12/18/2019 11:32:27</t>
  </si>
  <si>
    <t>12/18/2019 11:31:49</t>
  </si>
  <si>
    <t>12/18/2019 11:27:55</t>
  </si>
  <si>
    <t>12/18/2019 11:33:27</t>
  </si>
  <si>
    <t>c434608c-5212-487b-aa92-146f6cf9c221.tmp</t>
  </si>
  <si>
    <t>\\acsfs\profiles$\KARENDSR\Downloads\c434608c-5212-487b-aa92-146f6cf9c221.tmp</t>
  </si>
  <si>
    <t>12/18/2019 11:28:44</t>
  </si>
  <si>
    <t>bebda15a-f92b-40b6-b989-06061e6e2cfb.tmp</t>
  </si>
  <si>
    <t>\\acsfs\profiles$\KARENDSR\Downloads\bebda15a-f92b-40b6-b989-06061e6e2cfb.tmp</t>
  </si>
  <si>
    <t>12/18/2019 11:28:53</t>
  </si>
  <si>
    <t>5f30158f-1e93-42aa-9c1b-2f3c99f5d91f.tmp</t>
  </si>
  <si>
    <t>\\acsfs\profiles$\KARENDSR\Downloads\5f30158f-1e93-42aa-9c1b-2f3c99f5d91f.tmp</t>
  </si>
  <si>
    <t>12/18/2019 11:28:19</t>
  </si>
  <si>
    <t>12/18/2019 11:28:45</t>
  </si>
  <si>
    <t>12/18/2019 11:29:45</t>
  </si>
  <si>
    <t>12/18/2019 11:32:39</t>
  </si>
  <si>
    <t>mail.google.com/_/upload?authuser=1&amp;dcp=asu-n&amp;upload_id=AEnB2UrhcS_idj9rWN726-N8sqWtYnC-5cm9We3yG81aX62ux7jtGt6H-sihmsu45VAl0ir6CrxW9afhaDcGVBpH8re4bamVCoubTP2wpNK2YVVx0uHm2Nk&amp;upload_protocol=resumable</t>
  </si>
  <si>
    <t>Lista Office - Manter.xlsx</t>
  </si>
  <si>
    <t>12/18/2019 11:28:26</t>
  </si>
  <si>
    <t>12/18/2019 11:28:28</t>
  </si>
  <si>
    <t>12/18/2019 11:28:50</t>
  </si>
  <si>
    <t>12/18/2019 11:30:32</t>
  </si>
  <si>
    <t>12/18/2019 11:30:33</t>
  </si>
  <si>
    <t>12/18/2019 11:31:37</t>
  </si>
  <si>
    <t>12/18/2019 11:33:16</t>
  </si>
  <si>
    <t>12/18/2019 11:35:27</t>
  </si>
  <si>
    <t>12/18/2019 11:32:54</t>
  </si>
  <si>
    <t>REGIS EZAIAS DA SILVA JUNIOR_1_6766285748714936878_1_32.wav</t>
  </si>
  <si>
    <t>\\acsfs\DEPTOS\EDUCACAO EMPRESARIAL\ligação mutant primeiro ciclo MUTANT\REGIS EZAIAS DA SILVA JUNIOR_1_6766285748714936878_1_32.wav</t>
  </si>
  <si>
    <t>12/18/2019 11:30:10</t>
  </si>
  <si>
    <t>12/18/2019 11:31:04</t>
  </si>
  <si>
    <t>12/18/2019 11:36:28</t>
  </si>
  <si>
    <t>12/18/2019 11:31:05</t>
  </si>
  <si>
    <t>12/18/2019 11:31:25</t>
  </si>
  <si>
    <t>12/18/2019 11:35:58</t>
  </si>
  <si>
    <t>12/18/2019 11:37:27</t>
  </si>
  <si>
    <t>12/18/2019 11:34:45</t>
  </si>
  <si>
    <t>12/18/2019 11:38:28</t>
  </si>
  <si>
    <t>12/18/2019 11:35:45</t>
  </si>
  <si>
    <t>12/18/2019 11:33:42</t>
  </si>
  <si>
    <t>12/18/2019 11:33:43</t>
  </si>
  <si>
    <t>12/18/2019 11:33:44</t>
  </si>
  <si>
    <t>12/18/2019 11:34:52</t>
  </si>
  <si>
    <t>12/18/2019 11:35:06</t>
  </si>
  <si>
    <t>12/18/2019 11:35:07</t>
  </si>
  <si>
    <t>12/18/2019 11:35:09</t>
  </si>
  <si>
    <t>12/18/2019 11:36:15</t>
  </si>
  <si>
    <t>12/18/2019 11:37:36</t>
  </si>
  <si>
    <t>12/18/2019 11:34:34</t>
  </si>
  <si>
    <t>12/18/2019 11:35:04</t>
  </si>
  <si>
    <t>12/18/2019 11:35:34</t>
  </si>
  <si>
    <t>12/18/2019 11:36:04</t>
  </si>
  <si>
    <t>12/18/2019 11:36:34</t>
  </si>
  <si>
    <t>12/18/2019 11:37:04</t>
  </si>
  <si>
    <t>12/18/2019 11:37:34</t>
  </si>
  <si>
    <t>12/18/2019 11:40:28</t>
  </si>
  <si>
    <t>12/18/2019 11:35:21</t>
  </si>
  <si>
    <t>9d43826d-55b9-40c4-b4c2-5b51f7192f4a.tmp</t>
  </si>
  <si>
    <t>\\acsfs\profiles$\alicecpbc\Downloads\9d43826d-55b9-40c4-b4c2-5b51f7192f4a.tmp</t>
  </si>
  <si>
    <t>12/18/2019 11:35:19</t>
  </si>
  <si>
    <t>12/18/2019 11:37:55</t>
  </si>
  <si>
    <t>12/18/2019 11:41:27</t>
  </si>
  <si>
    <t>mail.google.com/_/upload?authuser=0&amp;dcp=asu-n&amp;upload_id=AEnB2Up83ZKsiGWKQut2CxFvneaJMHGGWMpJLb3bAUkWgrLewd6CPBm6pzKe14xQtDuKYxflg6Uy4UsJF0aBIsbCifatGIHiP1Pde_I5LKoqm4zJqXOuGDw&amp;upload_protocol=resumable</t>
  </si>
  <si>
    <t>Manter office - time Fabi.xlsx</t>
  </si>
  <si>
    <t>12/18/2019 11:39:27</t>
  </si>
  <si>
    <t>74314717-d55b-4047-a749-99be7e4f4511.tmp</t>
  </si>
  <si>
    <t>\\acsfs\profiles$\valeriasda\Downloads\74314717-d55b-4047-a749-99be7e4f4511.tmp</t>
  </si>
  <si>
    <t>12/18/2019 11:36:26</t>
  </si>
  <si>
    <t>12/18/2019 11:37:25</t>
  </si>
  <si>
    <t>12/18/2019 11:37:26</t>
  </si>
  <si>
    <t>12/18/2019 11:40:43</t>
  </si>
  <si>
    <t>alessandroam@algartech.com;carlos.florencio@algartech.com;josycoa@algartech.com;luizccga@algartech.com;rafaelmachado@kpmg.com.br;reginaldort@algartech.com;</t>
  </si>
  <si>
    <t>Projeto LGPD - Sistemas Ambientes Corporativo e Bradesco_v01.xlsx</t>
  </si>
  <si>
    <t>alessandroam@algartech.com,carlos.florencio@algartech.com,josycoa@algartech.com,luizccga@algartech.com,rafaelmachado@kpmg.com.br,reginaldort@algartech.com</t>
  </si>
  <si>
    <t>12/18/2019 11:42:28</t>
  </si>
  <si>
    <t>C:\Users\lucianapdre\Downloads\</t>
  </si>
  <si>
    <t>Relatório de Login_Projeto Nimbus_18-12-2019.xlsx</t>
  </si>
  <si>
    <t>12/18/2019 11:40:45</t>
  </si>
  <si>
    <t>12/18/2019 11:43:28</t>
  </si>
  <si>
    <t>12/18/2019 11:41:45</t>
  </si>
  <si>
    <t>12/18/2019 11:38:19</t>
  </si>
  <si>
    <t>12/18/2019 11:39:16</t>
  </si>
  <si>
    <t>12/18/2019 11:39:18</t>
  </si>
  <si>
    <t>12/18/2019 11:39:20</t>
  </si>
  <si>
    <t>12/18/2019 11:45:28</t>
  </si>
  <si>
    <t>12/18/2019 11:41:34</t>
  </si>
  <si>
    <t>12/18/2019 11:46:27</t>
  </si>
  <si>
    <t>mail.google.com/sync/u/0/i/s?hl=pt-BR&amp;c=503</t>
  </si>
  <si>
    <t>12/18/2019 11:42:12</t>
  </si>
  <si>
    <t>12/18/2019 11:42:13</t>
  </si>
  <si>
    <t>12/18/2019 11:42:15</t>
  </si>
  <si>
    <t>12/18/2019 11:42:17</t>
  </si>
  <si>
    <t>12/18/2019 11:43:25</t>
  </si>
  <si>
    <t>12/18/2019 11:43:56</t>
  </si>
  <si>
    <t>12/18/2019 11:41:04</t>
  </si>
  <si>
    <t>12/18/2019 11:43:20</t>
  </si>
  <si>
    <t>12/18/2019 11:47:28</t>
  </si>
  <si>
    <t>12/18/2019 11:43:33</t>
  </si>
  <si>
    <t>10.206.11.9</t>
  </si>
  <si>
    <t>diegorbo@algartech.com;fabiolaaca@algartech.com;fernandaap@algartech.com;jeancds@algartech.com;lauanedjs@algartech.com;nilsiosc@algartech.com;victorgar@algartech.com;</t>
  </si>
  <si>
    <t>diegorbo@algartech.com,fabiolaaca@algartech.com,fernandaap@algartech.com,jeancds@algartech.com,lauanedjs@algartech.com,nilsiosc@algartech.com,victorgar@algartech.com</t>
  </si>
  <si>
    <t>12/18/2019 11:42:48</t>
  </si>
  <si>
    <t>12/18/2019 11:44:26</t>
  </si>
  <si>
    <t>12/18/2019 11:43:10</t>
  </si>
  <si>
    <t>12/18/2019 11:48:27</t>
  </si>
  <si>
    <t>2458ed92-93b7-44de-a924-1d5644bc7d38.tmp</t>
  </si>
  <si>
    <t>\\acsfs\profiles$\KARENDSR\Downloads\2458ed92-93b7-44de-a924-1d5644bc7d38.tmp</t>
  </si>
  <si>
    <t>12/18/2019 11:45:47</t>
  </si>
  <si>
    <t>Holerite_112019_2106541-1.pdf</t>
  </si>
  <si>
    <t>12/18/2019 11:46:45</t>
  </si>
  <si>
    <t>12/18/2019 11:41:26</t>
  </si>
  <si>
    <t>mail.google.com/sync/u/0/i/s?hl=pt-BR&amp;c=1233</t>
  </si>
  <si>
    <t>12/18/2019 11:43:37</t>
  </si>
  <si>
    <t>12/18/2019 11:43:46</t>
  </si>
  <si>
    <t>12/18/2019 11:44:37</t>
  </si>
  <si>
    <t>12/18/2019 11:45:16</t>
  </si>
  <si>
    <t>12/18/2019 11:43:35</t>
  </si>
  <si>
    <t>12/18/2019 11:44:05</t>
  </si>
  <si>
    <t>12/18/2019 11:45:35</t>
  </si>
  <si>
    <t>12/18/2019 11:46:05</t>
  </si>
  <si>
    <t>12/18/2019 11:47:58</t>
  </si>
  <si>
    <t>12/18/2019 11:49:28</t>
  </si>
  <si>
    <t>lu224762itwt7.tmp</t>
  </si>
  <si>
    <t>\\acsfs\profiles$\kamillacr\My Documents\lu224762itwt7.tmp</t>
  </si>
  <si>
    <t>\\acsfs\profiles$\kamillacr\My Documents\lu224762itwt7.tmp\</t>
  </si>
  <si>
    <t>\\acsfs\profiles$\kamillacr\My Documents\lu224762itwt7.tmp\META-INF\</t>
  </si>
  <si>
    <t>\\acsfs\profiles$\kamillacr\My Documents\lu224762itwt7.tmp\Thumbnails\</t>
  </si>
  <si>
    <t>12/18/2019 11:45:58</t>
  </si>
  <si>
    <t>mail.google.com/sync/u/0/i/s?hl=pt-BR&amp;c=208</t>
  </si>
  <si>
    <t>12/18/2019 11:46:17</t>
  </si>
  <si>
    <t>mail.google.com/_/upload?authuser=0&amp;dcp=asu-n&amp;upload_id=AEnB2Upd6OcbKX8-iY32ckDrvkehgzH_eVBy1KCveRq-lteRdPu6PxGb-Dp-TaATwPZLFaxZQzxv5hoooHU8TnHPFpFAWfo5aagxYrR-G9GRCCfOE7kiGkQ&amp;upload_protocol=resumable</t>
  </si>
  <si>
    <t>Checklist Brunna.docx</t>
  </si>
  <si>
    <t>12/18/2019 11:46:39</t>
  </si>
  <si>
    <t>12/18/2019 11:47:10</t>
  </si>
  <si>
    <t>12/18/2019 11:47:12</t>
  </si>
  <si>
    <t>12/18/2019 11:47:20</t>
  </si>
  <si>
    <t>12/18/2019 11:47:39</t>
  </si>
  <si>
    <t>mail.google.com/sync/u/0/i/s?hl=pt-BR&amp;c=222</t>
  </si>
  <si>
    <t>12/18/2019 11:47:53</t>
  </si>
  <si>
    <t>12/18/2019 11:48:01</t>
  </si>
  <si>
    <t>12/18/2019 11:48:08</t>
  </si>
  <si>
    <t>mail.google.com/sync/u/0/i/s?hl=pt-BR&amp;c=229</t>
  </si>
  <si>
    <t>12/18/2019 11:48:51</t>
  </si>
  <si>
    <t>12/18/2019 11:49:08</t>
  </si>
  <si>
    <t>mail.google.com/sync/u/0/i/s?hl=pt-BR&amp;c=242</t>
  </si>
  <si>
    <t>00:00:01;</t>
  </si>
  <si>
    <t>12/18/2019 11:50:27</t>
  </si>
  <si>
    <t>12/18/2019 11:49:40</t>
  </si>
  <si>
    <t>12/18/2019 11:51:28</t>
  </si>
  <si>
    <t>12/18/2019 11:46:59</t>
  </si>
  <si>
    <t>12/18/2019 11:47:25</t>
  </si>
  <si>
    <t>12/18/2019 11:49:27</t>
  </si>
  <si>
    <t>12/18/2019 11:47:23</t>
  </si>
  <si>
    <t>12/18/2019 11:52:27</t>
  </si>
  <si>
    <t>12/18/2019 11:50:04</t>
  </si>
  <si>
    <t>C:\Users\brunocs\Desktop\Estrutura\</t>
  </si>
  <si>
    <t>Gsuite.xlsx</t>
  </si>
  <si>
    <t>12/18/2019 11:47:45</t>
  </si>
  <si>
    <t>12/18/2019 11:53:28</t>
  </si>
  <si>
    <t>12/18/2019 11:49:37</t>
  </si>
  <si>
    <t>12/18/2019 11:50:01</t>
  </si>
  <si>
    <t>12/18/2019 11:50:03</t>
  </si>
  <si>
    <t>12/18/2019 11:50:09</t>
  </si>
  <si>
    <t>12/18/2019 11:50:10</t>
  </si>
  <si>
    <t>12/18/2019 11:51:16</t>
  </si>
  <si>
    <t>12/18/2019 11:50:06</t>
  </si>
  <si>
    <t>12/18/2019 11:50:36</t>
  </si>
  <si>
    <t>12/18/2019 11:51:06</t>
  </si>
  <si>
    <t>12/18/2019 11:51:36</t>
  </si>
  <si>
    <t>12/18/2019 11:52:06</t>
  </si>
  <si>
    <t>12/18/2019 11:51:34</t>
  </si>
  <si>
    <t>12/18/2019 11:55:27</t>
  </si>
  <si>
    <t>mail.google.com/_/upload?authuser=0&amp;dcp=asu-n&amp;upload_id=AEnB2UrvyojxU-ix04F027A7rs7TbemhZz8JozbXo0_6wpr7Wud7MAV12rk231W_7mjpbZNwi2q6TI4ED7lVkT8W1xHcVGgXsOamP7FRaFc5nEImivkIMHE&amp;upload_protocol=resumable</t>
  </si>
  <si>
    <t>Checklist Brunna2.docx</t>
  </si>
  <si>
    <t>12/18/2019 11:51:35</t>
  </si>
  <si>
    <t>12/18/2019 11:51:37</t>
  </si>
  <si>
    <t>12/18/2019 11:51:45</t>
  </si>
  <si>
    <t>12/18/2019 11:51:47</t>
  </si>
  <si>
    <t>12/18/2019 11:51:30</t>
  </si>
  <si>
    <t>12/18/2019 11:56:28</t>
  </si>
  <si>
    <t>cee5381c-b9e6-46da-a595-ff108cad2546.tmp</t>
  </si>
  <si>
    <t>\\acsfs\profiles$\leticiala\Downloads\cee5381c-b9e6-46da-a595-ff108cad2546.tmp</t>
  </si>
  <si>
    <t>12/18/2019 11:54:10</t>
  </si>
  <si>
    <t>\\acsfs\profiles$\yasminsc\My Documents\My Pictures\</t>
  </si>
  <si>
    <t>\\acsfs\profiles$\YASMINSC\My Documents\My Videos\desktop.ini</t>
  </si>
  <si>
    <t>12/18/2019 11:54:12</t>
  </si>
  <si>
    <t>\\acsfs\profiles$\YASMINSC\My Documents\My Videos\</t>
  </si>
  <si>
    <t>12/18/2019 11:54:16</t>
  </si>
  <si>
    <t>12/18/2019 11:54:17</t>
  </si>
  <si>
    <t>12/18/2019 11:54:20</t>
  </si>
  <si>
    <t>12/18/2019 11:54:22</t>
  </si>
  <si>
    <t>\\acsfs\profiles$\yasminsc\My Documents\My Music\</t>
  </si>
  <si>
    <t>\\acsfs\profiles$\YASMINSC\My Documents\My Pictures\desktop.ini</t>
  </si>
  <si>
    <t>12/18/2019 11:54:24</t>
  </si>
  <si>
    <t>\\acsfs\profiles$\yasminsc\My Documents\My Videos\</t>
  </si>
  <si>
    <t>12/18/2019 11:54:25</t>
  </si>
  <si>
    <t>12/18/2019 11:54:27</t>
  </si>
  <si>
    <t>12/18/2019 11:54:28</t>
  </si>
  <si>
    <t>12/18/2019 11:54:31</t>
  </si>
  <si>
    <t>\\acsfs\profiles$\YASMINSC\Contacts\</t>
  </si>
  <si>
    <t>\\acsfs\profiles$\YASMINSC\Contacts\desktop.ini</t>
  </si>
  <si>
    <t>12/18/2019 11:54:39</t>
  </si>
  <si>
    <t>12/18/2019 11:54:43</t>
  </si>
  <si>
    <t>12/18/2019 11:54:44</t>
  </si>
  <si>
    <t>12/18/2019 11:54:46</t>
  </si>
  <si>
    <t>12/18/2019 11:54:48</t>
  </si>
  <si>
    <t>12/18/2019 11:54:50</t>
  </si>
  <si>
    <t>\\acsfs\profiles$\yasminsc\My Documents\</t>
  </si>
  <si>
    <t>\\acsfs\profiles$\YASMINSC\Favorites\desktop.ini</t>
  </si>
  <si>
    <t>12/18/2019 11:54:51</t>
  </si>
  <si>
    <t>12/18/2019 11:54:52</t>
  </si>
  <si>
    <t>12/18/2019 11:54:55</t>
  </si>
  <si>
    <t>12/18/2019 11:54:57</t>
  </si>
  <si>
    <t>12/18/2019 11:54:58</t>
  </si>
  <si>
    <t>12/18/2019 11:55:00</t>
  </si>
  <si>
    <t>12/18/2019 11:55:01</t>
  </si>
  <si>
    <t>\\acsfs\profiles$\YASMINSC\My Documents\My Music\desktop.ini</t>
  </si>
  <si>
    <t>12/18/2019 11:55:04</t>
  </si>
  <si>
    <t>\\acsfs\profiles$\YASMINSC\My Documents\My Music\</t>
  </si>
  <si>
    <t>12/18/2019 11:55:05</t>
  </si>
  <si>
    <t>12/18/2019 11:55:07</t>
  </si>
  <si>
    <t>12/18/2019 11:55:10</t>
  </si>
  <si>
    <t>12/18/2019 11:55:13</t>
  </si>
  <si>
    <t>\\acsfs\profiles$\YASMINSC\Searches\desktop.ini</t>
  </si>
  <si>
    <t>12/18/2019 11:55:15</t>
  </si>
  <si>
    <t>12/18/2019 11:55:17</t>
  </si>
  <si>
    <t>12/18/2019 11:55:19</t>
  </si>
  <si>
    <t>12/18/2019 11:55:20</t>
  </si>
  <si>
    <t>12/18/2019 11:55:29</t>
  </si>
  <si>
    <t>\\acsfs\profiles$\YASMINSC\Downloads\desktop.ini</t>
  </si>
  <si>
    <t>12/18/2019 11:55:31</t>
  </si>
  <si>
    <t>12/18/2019 11:55:33</t>
  </si>
  <si>
    <t>\\acsfs\profiles$\YASMINSC\My Documents\desktop.ini</t>
  </si>
  <si>
    <t>12/18/2019 11:55:35</t>
  </si>
  <si>
    <t>\\acsfs\profiles$\YASMINSC\My Documents\</t>
  </si>
  <si>
    <t>12/18/2019 11:51:27</t>
  </si>
  <si>
    <t>12/18/2019 11:53:25</t>
  </si>
  <si>
    <t>12/18/2019 11:55:25</t>
  </si>
  <si>
    <t>12/18/2019 11:52:45</t>
  </si>
  <si>
    <t>12/18/2019 11:57:27</t>
  </si>
  <si>
    <t>12/18/2019 11:58:28</t>
  </si>
  <si>
    <t>12/18/2019 11:53:45</t>
  </si>
  <si>
    <t>12/18/2019 11:55:37</t>
  </si>
  <si>
    <t>12/18/2019 11:57:16</t>
  </si>
  <si>
    <t>12/18/2019 12:00:27</t>
  </si>
  <si>
    <t>12/18/2019 11:55:16</t>
  </si>
  <si>
    <t>12/18/2019 11:55:55</t>
  </si>
  <si>
    <t>12/18/2019 11:56:16</t>
  </si>
  <si>
    <t>12/18/2019 11:56:29</t>
  </si>
  <si>
    <t>12/18/2019 11:57:01</t>
  </si>
  <si>
    <t>12/18/2019 11:55:40</t>
  </si>
  <si>
    <t>12/18/2019 12:01:27</t>
  </si>
  <si>
    <t>12/18/2019 11:55:41</t>
  </si>
  <si>
    <t>12/18/2019 11:55:44</t>
  </si>
  <si>
    <t>12/18/2019 11:55:45</t>
  </si>
  <si>
    <t>\\acsfs\profiles$\yasminsc\Favorites\</t>
  </si>
  <si>
    <t>12/18/2019 11:55:49</t>
  </si>
  <si>
    <t>\\acsfs\profiles$\yasminsc\Downloads\</t>
  </si>
  <si>
    <t>\\acsfs\profiles$\YASMINSC\Saved Games\desktop.ini</t>
  </si>
  <si>
    <t>12/18/2019 11:55:52</t>
  </si>
  <si>
    <t>12/18/2019 11:56:17</t>
  </si>
  <si>
    <t>12/18/2019 11:58:44</t>
  </si>
  <si>
    <t>95d26193-8e90-4f58-b695-e9b2d1fac9c8.tmp</t>
  </si>
  <si>
    <t>\\acsfs\profiles$\YASMINSC\Downloads\95d26193-8e90-4f58-b695-e9b2d1fac9c8.tmp</t>
  </si>
  <si>
    <t>12/18/2019 12:00:15</t>
  </si>
  <si>
    <t>8fbf875e-57ad-43ab-be14-e979da57d893.tmp</t>
  </si>
  <si>
    <t>\\acsfs\profiles$\YASMINSC\Downloads\8fbf875e-57ad-43ab-be14-e979da57d893.tmp</t>
  </si>
  <si>
    <t>12/18/2019 11:57:02</t>
  </si>
  <si>
    <t>12/18/2019 11:57:03</t>
  </si>
  <si>
    <t>12/18/2019 11:57:04</t>
  </si>
  <si>
    <t>12/18/2019 11:57:05</t>
  </si>
  <si>
    <t>12/18/2019 11:57:06</t>
  </si>
  <si>
    <t>12/18/2019 11:57:07</t>
  </si>
  <si>
    <t>12/18/2019 11:57:08</t>
  </si>
  <si>
    <t>12/18/2019 11:57:10</t>
  </si>
  <si>
    <t>12/18/2019 11:57:11</t>
  </si>
  <si>
    <t>12/18/2019 11:57:13</t>
  </si>
  <si>
    <t>12/18/2019 11:57:14</t>
  </si>
  <si>
    <t>12/18/2019 11:57:15</t>
  </si>
  <si>
    <t>12/18/2019 11:57:17</t>
  </si>
  <si>
    <t>12/18/2019 11:57:18</t>
  </si>
  <si>
    <t>12/18/2019 11:57:19</t>
  </si>
  <si>
    <t>12/18/2019 11:59:07</t>
  </si>
  <si>
    <t>12/18/2019 11:59:06</t>
  </si>
  <si>
    <t>46bbb673-3165-4310-b5ad-11ff577ffe39.tmp</t>
  </si>
  <si>
    <t>\\acsfs\profiles$\luanaldsi\Downloads\46bbb673-3165-4310-b5ad-11ff577ffe39.tmp</t>
  </si>
  <si>
    <t>12/18/2019 12:01:42</t>
  </si>
  <si>
    <t>12/18/2019 12:02:27</t>
  </si>
  <si>
    <t>12/18/2019 11:58:42</t>
  </si>
  <si>
    <t>12/18/2019 11:58:45</t>
  </si>
  <si>
    <t>12/18/2019 12:03:27</t>
  </si>
  <si>
    <t>12/18/2019 11:59:45</t>
  </si>
  <si>
    <t>12/18/2019 11:58:21</t>
  </si>
  <si>
    <t>12/18/2019 11:59:28</t>
  </si>
  <si>
    <t>12/18/2019 11:59:33</t>
  </si>
  <si>
    <t>12/18/2019 11:59:34</t>
  </si>
  <si>
    <t>12/18/2019 11:59:50</t>
  </si>
  <si>
    <t>12/18/2019 11:59:52</t>
  </si>
  <si>
    <t>12/18/2019 12:00:06</t>
  </si>
  <si>
    <t>12/18/2019 12:00:07</t>
  </si>
  <si>
    <t>12/18/2019 12:00:09</t>
  </si>
  <si>
    <t>12/18/2019 12:00:30</t>
  </si>
  <si>
    <t>12/18/2019 12:00:31</t>
  </si>
  <si>
    <t>12/18/2019 12:00:33</t>
  </si>
  <si>
    <t>12/18/2019 12:00:34</t>
  </si>
  <si>
    <t>12/18/2019 12:00:36</t>
  </si>
  <si>
    <t>12/18/2019 12:00:54</t>
  </si>
  <si>
    <t>12/18/2019 12:00:55</t>
  </si>
  <si>
    <t>12/18/2019 12:01:37</t>
  </si>
  <si>
    <t>12/18/2019 12:03:16</t>
  </si>
  <si>
    <t>12/18/2019 11:59:47</t>
  </si>
  <si>
    <t>12/18/2019 12:05:26</t>
  </si>
  <si>
    <t>12/18/2019 12:00:24</t>
  </si>
  <si>
    <t>12/18/2019 12:00:25</t>
  </si>
  <si>
    <t>12/18/2019 12:00:50</t>
  </si>
  <si>
    <t>12/18/2019 12:00:56</t>
  </si>
  <si>
    <t>12/18/2019 12:01:00</t>
  </si>
  <si>
    <t>12/18/2019 12:01:05</t>
  </si>
  <si>
    <t>12/18/2019 12:01:11</t>
  </si>
  <si>
    <t>12/18/2019 12:01:23</t>
  </si>
  <si>
    <t>12/18/2019 12:01:32</t>
  </si>
  <si>
    <t>12/18/2019 12:01:36</t>
  </si>
  <si>
    <t>12/18/2019 12:01:41</t>
  </si>
  <si>
    <t>12/18/2019 12:03:22</t>
  </si>
  <si>
    <t>12/18/2019 12:06:27</t>
  </si>
  <si>
    <t>12/18/2019 12:01:44</t>
  </si>
  <si>
    <t>12/18/2019 12:01:52</t>
  </si>
  <si>
    <t>fernandaab@algartech.com;mirianppb@algartech.com;</t>
  </si>
  <si>
    <t>fernandaab@algartech.com,mirianppb@algartech.com</t>
  </si>
  <si>
    <t>12/18/2019 12:02:20</t>
  </si>
  <si>
    <t>12/18/2019 12:02:31</t>
  </si>
  <si>
    <t>12/18/2019 12:02:32</t>
  </si>
  <si>
    <t>12/18/2019 12:02:55</t>
  </si>
  <si>
    <t>12/18/2019 12:03:17</t>
  </si>
  <si>
    <t>12/18/2019 12:03:18</t>
  </si>
  <si>
    <t>12/18/2019 12:03:23</t>
  </si>
  <si>
    <t>12/18/2019 12:03:54</t>
  </si>
  <si>
    <t>12/18/2019 12:04:04</t>
  </si>
  <si>
    <t>12/18/2019 12:01:26</t>
  </si>
  <si>
    <t>12/18/2019 12:02:26</t>
  </si>
  <si>
    <t>12/18/2019 12:02:42</t>
  </si>
  <si>
    <t>12/18/2019 12:07:26</t>
  </si>
  <si>
    <t>919eff2c-0f83-4db4-8fe9-faa947c5dd79.tmp</t>
  </si>
  <si>
    <t>\\acsfs\profiles$\leydianeamd\Downloads\919eff2c-0f83-4db4-8fe9-faa947c5dd79.tmp</t>
  </si>
  <si>
    <t>12/18/2019 12:02:49</t>
  </si>
  <si>
    <t>Não confirmado 275683.crdownload</t>
  </si>
  <si>
    <t>\\acsfs\profiles$\leydianeamd\Downloads\Não confirmado 275683.crdownload</t>
  </si>
  <si>
    <t>0058a34e-8d2b-41e2-b7a9-5055fe8954ba.tmp</t>
  </si>
  <si>
    <t>\\acsfs\profiles$\leydianeamd\Downloads\0058a34e-8d2b-41e2-b7a9-5055fe8954ba.tmp</t>
  </si>
  <si>
    <t>ba9991f5-6719-4252-aa05-7475f56569c6.tmp</t>
  </si>
  <si>
    <t>\\acsfs\profiles$\leydianeamd\Downloads\ba9991f5-6719-4252-aa05-7475f56569c6.tmp</t>
  </si>
  <si>
    <t>12/18/2019 12:05:09</t>
  </si>
  <si>
    <t>7c992a2d-993f-43b5-b34a-df0772c418f0.tmp</t>
  </si>
  <si>
    <t>\\acsfs\profiles$\leydianeamd\Downloads\7c992a2d-993f-43b5-b34a-df0772c418f0.tmp</t>
  </si>
  <si>
    <t>12/18/2019 12:04:43</t>
  </si>
  <si>
    <t>372977a3-5324-40d0-a04b-0250b773204a.tmp</t>
  </si>
  <si>
    <t>\\acsfs\profiles$\paulovadc\Downloads\372977a3-5324-40d0-a04b-0250b773204a.tmp</t>
  </si>
  <si>
    <t>12/18/2019 12:04:46</t>
  </si>
  <si>
    <t>12/18/2019 12:08:26</t>
  </si>
  <si>
    <t>12/18/2019 12:05:45</t>
  </si>
  <si>
    <t>12/18/2019 12:05:18</t>
  </si>
  <si>
    <t>12/18/2019 12:05:11</t>
  </si>
  <si>
    <t>12/18/2019 12:05:12</t>
  </si>
  <si>
    <t>12/18/2019 12:05:13</t>
  </si>
  <si>
    <t>12/18/2019 12:06:59</t>
  </si>
  <si>
    <t>12/18/2019 12:07:37</t>
  </si>
  <si>
    <t>12/18/2019 12:07:53</t>
  </si>
  <si>
    <t>12/18/2019 12:06:28</t>
  </si>
  <si>
    <t>12/18/2019 12:09:27</t>
  </si>
  <si>
    <t>12/18/2019 12:06:36</t>
  </si>
  <si>
    <t>12/18/2019 12:09:39</t>
  </si>
  <si>
    <t>12/18/2019 12:10:26</t>
  </si>
  <si>
    <t>12/18/2019 12:06:02</t>
  </si>
  <si>
    <t>12/18/2019 12:06:25</t>
  </si>
  <si>
    <t>4fb93938-d7cb-46b6-8b54-ae999eb5f34a.tmp</t>
  </si>
  <si>
    <t>\\acsfs\profiles$\alicecpbc\Downloads\4fb93938-d7cb-46b6-8b54-ae999eb5f34a.tmp</t>
  </si>
  <si>
    <t>12/18/2019 12:08:24</t>
  </si>
  <si>
    <t>12/18/2019 12:11:27</t>
  </si>
  <si>
    <t>12/18/2019 12:10:15</t>
  </si>
  <si>
    <t>db15646d-ac06-44d2-a5eb-005a48bff685.tmp</t>
  </si>
  <si>
    <t>\\acsfs\profiles$\YASMINSC\Downloads\db15646d-ac06-44d2-a5eb-005a48bff685.tmp</t>
  </si>
  <si>
    <t>12/18/2019 12:06:38</t>
  </si>
  <si>
    <t>12/18/2019 12:07:21</t>
  </si>
  <si>
    <t>12/18/2019 12:12:26</t>
  </si>
  <si>
    <t>lu224762itwtb.tmp</t>
  </si>
  <si>
    <t>\\acsfs\profiles$\kamillacr\My Documents\lu224762itwtb.tmp</t>
  </si>
  <si>
    <t>\\acsfs\profiles$\kamillacr\My Documents\lu224762itwtb.tmp\</t>
  </si>
  <si>
    <t>\\acsfs\profiles$\kamillacr\My Documents\lu224762itwtb.tmp\META-INF\</t>
  </si>
  <si>
    <t>\\acsfs\profiles$\kamillacr\My Documents\lu224762itwtb.tmp\Thumbnails\</t>
  </si>
  <si>
    <t>12/18/2019 12:08:07</t>
  </si>
  <si>
    <t>12/18/2019 12:07:45</t>
  </si>
  <si>
    <t>12/18/2019 12:12:03</t>
  </si>
  <si>
    <t>12/18/2019 12:13:26</t>
  </si>
  <si>
    <t>apoiocentralbv@dxc.com;bvcartes-supervisores@algarnet.onmicrosoft.com;bvs-centralcartoes@bv.com.br;callcenterbv@dxc.com;</t>
  </si>
  <si>
    <t>apoiocentralbv@dxc.com,bvcartes-supervisores@algarnet.onmicrosoft.com,bvs-centralcartoes@bv.com.br,callcenterbv@dxc.com</t>
  </si>
  <si>
    <t>12/18/2019 12:12:18</t>
  </si>
  <si>
    <t>12/18/2019 12:12:35</t>
  </si>
  <si>
    <t>12/18/2019 12:10:46</t>
  </si>
  <si>
    <t>12/18/2019 12:11:45</t>
  </si>
  <si>
    <t>12/18/2019 12:09:16</t>
  </si>
  <si>
    <t>12/18/2019 12:10:37</t>
  </si>
  <si>
    <t>12/18/2019 12:11:03</t>
  </si>
  <si>
    <t>12/18/2019 12:12:34</t>
  </si>
  <si>
    <t>\\acsfs\DEPTOS\Operacao\PCP\5 - Comum\PLANEJAMENTO BV\</t>
  </si>
  <si>
    <t>\\acsfs\DEPTOS\Operacao\PCP\5 - Comum\JAMILY EMANUELLY\Thumbs.db</t>
  </si>
  <si>
    <t>12/18/2019 12:08:56</t>
  </si>
  <si>
    <t>12/18/2019 12:14:26</t>
  </si>
  <si>
    <t>10.200.66.13</t>
  </si>
  <si>
    <t>78-2B-CB-C1-06-CA</t>
  </si>
  <si>
    <t>VOTORANT-ABB006</t>
  </si>
  <si>
    <t>railsondsm</t>
  </si>
  <si>
    <t>https://udpmailboxap01.acs.com.br:8443/h/search?si=0&amp;so=0&amp;sc=47521&amp;st=conversation&amp;action=compose</t>
  </si>
  <si>
    <t>C:\Users\railsondsm\Downloads\</t>
  </si>
  <si>
    <t>Certificado.pdf</t>
  </si>
  <si>
    <t>Certificado (1).pdf</t>
  </si>
  <si>
    <t>Certificado (2).pdf</t>
  </si>
  <si>
    <t>Certificado (3).pdf</t>
  </si>
  <si>
    <t>Certificado (4).pdf</t>
  </si>
  <si>
    <t>12/18/2019 12:09:17</t>
  </si>
  <si>
    <t>railsondsm@bv.algartech.com</t>
  </si>
  <si>
    <t>railsondasilva@live.com;</t>
  </si>
  <si>
    <t>https://railsondasilva@live.com</t>
  </si>
  <si>
    <t>12/18/2019 12:11:59</t>
  </si>
  <si>
    <t>12/18/2019 12:15:26</t>
  </si>
  <si>
    <t>mail.google.com/_/upload?authuser=0&amp;dcp=asu-n&amp;upload_id=AEnB2UpJ62L8uU5cEsX1luBHn8OfisifSseM8TKR29kkc6uXOH12fi1H1V05R7LR1pC4aM12Chorryx-aCgyUFJIt_u_PHiqGpmeZNhtsRbdAd9pGUiH-xg&amp;upload_protocol=resumable</t>
  </si>
  <si>
    <t>Contatos_Bradesco_Leandro.xlsx</t>
  </si>
  <si>
    <t>12/18/2019 12:13:51</t>
  </si>
  <si>
    <t>12/18/2019 12:12:55</t>
  </si>
  <si>
    <t>12/18/2019 12:16:26</t>
  </si>
  <si>
    <t>29e76a42-746a-4107-85f6-293113c4fe14.tmp</t>
  </si>
  <si>
    <t>\\acsfs\profiles$\leticiala\Downloads\29e76a42-746a-4107-85f6-293113c4fe14.tmp</t>
  </si>
  <si>
    <t>12/18/2019 12:15:02</t>
  </si>
  <si>
    <t>12/18/2019 12:14:12</t>
  </si>
  <si>
    <t>12/18/2019 12:11:44</t>
  </si>
  <si>
    <t>12/18/2019 12:17:26</t>
  </si>
  <si>
    <t>12/18/2019 12:13:36</t>
  </si>
  <si>
    <t>\\acsfs\profiles$\ericalsr\My Documents\My Pictures\</t>
  </si>
  <si>
    <t>\\acsfs\profiles$\ERICALSR\My Documents\My Videos\desktop.ini</t>
  </si>
  <si>
    <t>12/18/2019 12:13:38</t>
  </si>
  <si>
    <t>\\acsfs\profiles$\ERICALSR\My Documents\My Videos\</t>
  </si>
  <si>
    <t>12/18/2019 12:13:52</t>
  </si>
  <si>
    <t>12/18/2019 12:13:54</t>
  </si>
  <si>
    <t>12/18/2019 12:13:56</t>
  </si>
  <si>
    <t>12/18/2019 12:14:00</t>
  </si>
  <si>
    <t>\\acsfs\profiles$\ericalsr\My Documents\My Music\</t>
  </si>
  <si>
    <t>\\acsfs\profiles$\ERICALSR\My Documents\My Pictures\desktop.ini</t>
  </si>
  <si>
    <t>12/18/2019 12:14:02</t>
  </si>
  <si>
    <t>\\acsfs\profiles$\ericalsr\My Documents\My Videos\</t>
  </si>
  <si>
    <t>12/18/2019 12:14:05</t>
  </si>
  <si>
    <t>12/18/2019 12:14:06</t>
  </si>
  <si>
    <t>12/18/2019 12:14:08</t>
  </si>
  <si>
    <t>12/18/2019 12:14:11</t>
  </si>
  <si>
    <t>\\acsfs\profiles$\ERICALSR\Contacts\</t>
  </si>
  <si>
    <t>\\acsfs\profiles$\ERICALSR\Contacts\desktop.ini</t>
  </si>
  <si>
    <t>12/18/2019 12:14:13</t>
  </si>
  <si>
    <t>12/18/2019 12:14:40</t>
  </si>
  <si>
    <t>12/18/2019 12:14:42</t>
  </si>
  <si>
    <t>12/18/2019 12:14:45</t>
  </si>
  <si>
    <t>12/18/2019 12:14:46</t>
  </si>
  <si>
    <t>12/18/2019 12:14:48</t>
  </si>
  <si>
    <t>\\acsfs\profiles$\ericalsr\My Documents\</t>
  </si>
  <si>
    <t>\\acsfs\profiles$\ERICALSR\Favorites\desktop.ini</t>
  </si>
  <si>
    <t>12/18/2019 12:14:50</t>
  </si>
  <si>
    <t>12/18/2019 12:14:52</t>
  </si>
  <si>
    <t>12/18/2019 12:14:54</t>
  </si>
  <si>
    <t>12/18/2019 12:14:58</t>
  </si>
  <si>
    <t>12/18/2019 12:15:01</t>
  </si>
  <si>
    <t>12/18/2019 12:15:05</t>
  </si>
  <si>
    <t>\\acsfs\profiles$\ERICALSR\My Documents\My Music\desktop.ini</t>
  </si>
  <si>
    <t>12/18/2019 12:15:08</t>
  </si>
  <si>
    <t>\\acsfs\profiles$\ERICALSR\My Documents\My Music\</t>
  </si>
  <si>
    <t>12/18/2019 12:15:10</t>
  </si>
  <si>
    <t>12/18/2019 12:15:12</t>
  </si>
  <si>
    <t>12/18/2019 12:15:14</t>
  </si>
  <si>
    <t>12/18/2019 12:15:16</t>
  </si>
  <si>
    <t>\\acsfs\profiles$\ERICALSR\Searches\desktop.ini</t>
  </si>
  <si>
    <t>12/18/2019 12:15:19</t>
  </si>
  <si>
    <t>12/18/2019 12:15:21</t>
  </si>
  <si>
    <t>12/18/2019 12:15:24</t>
  </si>
  <si>
    <t>12/18/2019 12:12:47</t>
  </si>
  <si>
    <t>Resumo Resultados Financeiros(2).xlsx</t>
  </si>
  <si>
    <t>12/18/2019 12:15:29</t>
  </si>
  <si>
    <t>\\acsfs\profiles$\ERICALSR\Downloads\desktop.ini</t>
  </si>
  <si>
    <t>12/18/2019 12:15:32</t>
  </si>
  <si>
    <t>12/18/2019 12:15:35</t>
  </si>
  <si>
    <t>\\acsfs\profiles$\ericalsr\Favorites\</t>
  </si>
  <si>
    <t>\\acsfs\profiles$\ERICALSR\My Documents\desktop.ini</t>
  </si>
  <si>
    <t>12/18/2019 12:15:40</t>
  </si>
  <si>
    <t>12/18/2019 12:15:42</t>
  </si>
  <si>
    <t>12/18/2019 12:15:44</t>
  </si>
  <si>
    <t>12/18/2019 12:15:47</t>
  </si>
  <si>
    <t>12/18/2019 12:15:49</t>
  </si>
  <si>
    <t>12/18/2019 12:15:53</t>
  </si>
  <si>
    <t>\\acsfs\profiles$\ericalsr\Downloads\</t>
  </si>
  <si>
    <t>\\acsfs\profiles$\ERICALSR\Saved Games\desktop.ini</t>
  </si>
  <si>
    <t>12/18/2019 12:15:58</t>
  </si>
  <si>
    <t>12/18/2019 12:16:28</t>
  </si>
  <si>
    <t>12/18/2019 12:16:29</t>
  </si>
  <si>
    <t>12/18/2019 12:14:57</t>
  </si>
  <si>
    <t>12/18/2019 12:18:26</t>
  </si>
  <si>
    <t>12/18/2019 12:12:38</t>
  </si>
  <si>
    <t>12/18/2019 12:12:44</t>
  </si>
  <si>
    <t>12/18/2019 12:12:48</t>
  </si>
  <si>
    <t>12/18/2019 12:13:00</t>
  </si>
  <si>
    <t>12/18/2019 12:14:29</t>
  </si>
  <si>
    <t>12/18/2019 12:14:51</t>
  </si>
  <si>
    <t>12/18/2019 12:14:56</t>
  </si>
  <si>
    <t>12/18/2019 12:15:15</t>
  </si>
  <si>
    <t>12/18/2019 12:15:18</t>
  </si>
  <si>
    <t>12/18/2019 12:15:23</t>
  </si>
  <si>
    <t>12/18/2019 12:15:25</t>
  </si>
  <si>
    <t>mail.google.com/sync/u/0/i/s?hl=pt-BR&amp;c=120</t>
  </si>
  <si>
    <t>12/18/2019 12:15:33</t>
  </si>
  <si>
    <t>12/18/2019 12:15:38</t>
  </si>
  <si>
    <t>12/18/2019 12:16:01</t>
  </si>
  <si>
    <t>12/18/2019 12:16:10</t>
  </si>
  <si>
    <t>12/18/2019 12:16:16</t>
  </si>
  <si>
    <t>7;flaviacno@algartech.com;</t>
  </si>
  <si>
    <t>7,flaviacno@algartech.com</t>
  </si>
  <si>
    <t>12/18/2019 12:16:33</t>
  </si>
  <si>
    <t>12/18/2019 12:16:45</t>
  </si>
  <si>
    <t>12/18/2019 12:13:37</t>
  </si>
  <si>
    <t>12/18/2019 12:14:04</t>
  </si>
  <si>
    <t>12/18/2019 12:16:37</t>
  </si>
  <si>
    <t>12/18/2019 12:16:56</t>
  </si>
  <si>
    <t>12/18/2019 12:20:27</t>
  </si>
  <si>
    <t>THAYNARA CAMILA SANTOS LOPES_1_6765949268092060108_1_32.wav</t>
  </si>
  <si>
    <t>\\acsfs\DEPTOS\EDUCACAO EMPRESARIAL\ligação mutant primeiro ciclo MUTANT\THAYNARA CAMILA SANTOS LOPES_1_6765949268092060108_1_32.wav</t>
  </si>
  <si>
    <t>12/18/2019 12:19:25</t>
  </si>
  <si>
    <t>12/18/2019 12:21:27</t>
  </si>
  <si>
    <t>12/18/2019 12:20:25</t>
  </si>
  <si>
    <t>12/18/2019 12:19:49</t>
  </si>
  <si>
    <t>46cda317-598f-4a44-8d2e-99be6700b49c.tmp</t>
  </si>
  <si>
    <t>\\acsfs\profiles$\luanaldsi\Downloads\46cda317-598f-4a44-8d2e-99be6700b49c.tmp</t>
  </si>
  <si>
    <t>12/18/2019 12:20:32</t>
  </si>
  <si>
    <t>6793e0d9-bcab-41f8-8c31-dd39eaf11cc7.tmp</t>
  </si>
  <si>
    <t>\\acsfs\profiles$\luanaldsi\Downloads\6793e0d9-bcab-41f8-8c31-dd39eaf11cc7.tmp</t>
  </si>
  <si>
    <t>12/18/2019 12:19:00</t>
  </si>
  <si>
    <t>12/18/2019 12:22:27</t>
  </si>
  <si>
    <t>4d031847-081a-4211-b03c-064cb7c11b6d.tmp</t>
  </si>
  <si>
    <t>\\acsfs\profiles$\ERICALSR\Downloads\4d031847-081a-4211-b03c-064cb7c11b6d.tmp</t>
  </si>
  <si>
    <t>12/18/2019 12:20:26</t>
  </si>
  <si>
    <t>6e8d72ad-d6ee-43ad-b989-d4c2a26f1d5a.tmp</t>
  </si>
  <si>
    <t>\\acsfs\profiles$\ERICALSR\Downloads\6e8d72ad-d6ee-43ad-b989-d4c2a26f1d5a.tmp</t>
  </si>
  <si>
    <t>12/18/2019 12:20:43</t>
  </si>
  <si>
    <t>12/18/2019 12:17:45</t>
  </si>
  <si>
    <t>12/18/2019 12:23:27</t>
  </si>
  <si>
    <t>12/18/2019 12:19:07</t>
  </si>
  <si>
    <t>12/18/2019 12:19:14</t>
  </si>
  <si>
    <t>12/18/2019 12:19:34</t>
  </si>
  <si>
    <t>12/18/2019 12:19:58</t>
  </si>
  <si>
    <t>mail.google.com/sync/u/0/i/s?hl=pt-BR&amp;c=390</t>
  </si>
  <si>
    <t>12/18/2019 12:20:11</t>
  </si>
  <si>
    <t>12/18/2019 12:20:15</t>
  </si>
  <si>
    <t>12/18/2019 12:20:33</t>
  </si>
  <si>
    <t>12/18/2019 12:22:18</t>
  </si>
  <si>
    <t>mail.google.com/sync/u/0/i/s?hl=pt-BR&amp;c=400</t>
  </si>
  <si>
    <t>12/18/2019 12:22:21</t>
  </si>
  <si>
    <t>12/18/2019 12:22:25</t>
  </si>
  <si>
    <t>mail.google.com/sync/u/0/i/s?hl=pt-BR&amp;c=406</t>
  </si>
  <si>
    <t>12/18/2019 12:22:28</t>
  </si>
  <si>
    <t>12/18/2019 12:19:37</t>
  </si>
  <si>
    <t>12/18/2019 12:21:17</t>
  </si>
  <si>
    <t>12/18/2019 12:21:48</t>
  </si>
  <si>
    <t>12/18/2019 12:21:49</t>
  </si>
  <si>
    <t>12/18/2019 12:21:50</t>
  </si>
  <si>
    <t>12/18/2019 12:21:51</t>
  </si>
  <si>
    <t>12/18/2019 12:26:27</t>
  </si>
  <si>
    <t>12/18/2019 12:20:58</t>
  </si>
  <si>
    <t>94a2d962-ef5d-4851-a289-db2b34aabba8.tmp</t>
  </si>
  <si>
    <t>\\acsfs\profiles$\YASMINSC\Downloads\94a2d962-ef5d-4851-a289-db2b34aabba8.tmp</t>
  </si>
  <si>
    <t>12/18/2019 12:25:04</t>
  </si>
  <si>
    <t>12/18/2019 12:22:13</t>
  </si>
  <si>
    <t>12/18/2019 12:25:25</t>
  </si>
  <si>
    <t>12/18/2019 12:24:07</t>
  </si>
  <si>
    <t>12/18/2019 12:27:28</t>
  </si>
  <si>
    <t>12/18/2019 12:22:45</t>
  </si>
  <si>
    <t>12/18/2019 12:28:27</t>
  </si>
  <si>
    <t>12/18/2019 12:23:18</t>
  </si>
  <si>
    <t>12/18/2019 12:23:23</t>
  </si>
  <si>
    <t>mail.google.com/sync/u/0/i/s?hl=pt-BR&amp;c=412</t>
  </si>
  <si>
    <t>mail.google.com/sync/u/0/i/s?hl=pt-BR&amp;c=415</t>
  </si>
  <si>
    <t>12/18/2019 12:23:45</t>
  </si>
  <si>
    <t>12/18/2019 12:27:10</t>
  </si>
  <si>
    <t>12/18/2019 12:27:14</t>
  </si>
  <si>
    <t>mail.google.com/sync/u/0/i/s?hl=pt-BR&amp;c=420</t>
  </si>
  <si>
    <t>12/18/2019 12:25:37</t>
  </si>
  <si>
    <t>12/18/2019 12:27:16</t>
  </si>
  <si>
    <t>12/18/2019 12:27:37</t>
  </si>
  <si>
    <t>12/18/2019 12:25:47</t>
  </si>
  <si>
    <t>12/18/2019 12:30:27</t>
  </si>
  <si>
    <t>12/18/2019 12:31:27</t>
  </si>
  <si>
    <t>12/18/2019 12:26:26</t>
  </si>
  <si>
    <t>12/18/2019 12:28:57</t>
  </si>
  <si>
    <t>12/18/2019 12:28:36</t>
  </si>
  <si>
    <t>12/18/2019 12:27:53</t>
  </si>
  <si>
    <t>12/18/2019 12:28:38</t>
  </si>
  <si>
    <t>caso cs.txt</t>
  </si>
  <si>
    <t>\\acsfs\profiles$\brendavdoa\My Documents\caso cs.txt</t>
  </si>
  <si>
    <t>12/18/2019 12:32:28</t>
  </si>
  <si>
    <t>untitled.png</t>
  </si>
  <si>
    <t>\\acsfs\profiles$\sabrinasc\My Documents\untitled.png</t>
  </si>
  <si>
    <t>12/18/2019 12:28:33</t>
  </si>
  <si>
    <t>12/18/2019 12:33:27</t>
  </si>
  <si>
    <t>mail.google.com/sync/u/0/i/s?hl=pt-BR&amp;c=423</t>
  </si>
  <si>
    <t>12/18/2019 12:28:42</t>
  </si>
  <si>
    <t>12/18/2019 12:28:44</t>
  </si>
  <si>
    <t>12/18/2019 12:28:45</t>
  </si>
  <si>
    <t>12/18/2019 12:28:51</t>
  </si>
  <si>
    <t>12/18/2019 12:29:03</t>
  </si>
  <si>
    <t>12/18/2019 12:29:05</t>
  </si>
  <si>
    <t>12/18/2019 12:29:11</t>
  </si>
  <si>
    <t>mail.google.com/sync/u/0/i/s?hl=pt-BR&amp;c=435</t>
  </si>
  <si>
    <t>12/18/2019 12:29:30</t>
  </si>
  <si>
    <t>12/18/2019 12:29:43</t>
  </si>
  <si>
    <t>12/18/2019 12:29:45</t>
  </si>
  <si>
    <t>12/18/2019 12:29:46</t>
  </si>
  <si>
    <t>mail.google.com/sync/u/0/i/s?hl=pt-BR&amp;c=442</t>
  </si>
  <si>
    <t>12/18/2019 12:29:47</t>
  </si>
  <si>
    <t>12/18/2019 12:30:23</t>
  </si>
  <si>
    <t>12/18/2019 12:30:28</t>
  </si>
  <si>
    <t>12/18/2019 12:30:34</t>
  </si>
  <si>
    <t>mail.google.com/sync/u/0/i/s?hl=pt-BR&amp;c=451</t>
  </si>
  <si>
    <t>12/18/2019 12:30:41</t>
  </si>
  <si>
    <t>mail.google.com/sync/u/0/i/s?hl=pt-BR&amp;c=453</t>
  </si>
  <si>
    <t>12/18/2019 12:30:46</t>
  </si>
  <si>
    <t>mail.google.com/sync/u/0/i/s?hl=pt-BR&amp;c=455</t>
  </si>
  <si>
    <t>12/18/2019 12:29:19</t>
  </si>
  <si>
    <t>12/18/2019 12:31:37</t>
  </si>
  <si>
    <t>12/18/2019 12:33:16</t>
  </si>
  <si>
    <t>12/18/2019 12:31:49</t>
  </si>
  <si>
    <t>12/18/2019 12:35:27</t>
  </si>
  <si>
    <t>12/18/2019 12:32:40</t>
  </si>
  <si>
    <t>12/18/2019 12:30:12</t>
  </si>
  <si>
    <t>19f73e18-ae45-44ea-ae1e-c682f5800217.tmp</t>
  </si>
  <si>
    <t>\\acsfs\profiles$\alicecpbc\Downloads\19f73e18-ae45-44ea-ae1e-c682f5800217.tmp</t>
  </si>
  <si>
    <t>12/18/2019 12:36:27</t>
  </si>
  <si>
    <t>12/18/2019 12:31:25</t>
  </si>
  <si>
    <t>12/18/2019 12:32:25</t>
  </si>
  <si>
    <t>12/18/2019 12:33:00</t>
  </si>
  <si>
    <t>ded883f7-7d1c-4e31-9a00-c08b3bd57ce8.tmp</t>
  </si>
  <si>
    <t>\\acsfs\profiles$\luanaldsi\Downloads\ded883f7-7d1c-4e31-9a00-c08b3bd57ce8.tmp</t>
  </si>
  <si>
    <t>12/18/2019 12:35:37</t>
  </si>
  <si>
    <t>12/18/2019 12:37:27</t>
  </si>
  <si>
    <t>12/18/2019 12:33:37</t>
  </si>
  <si>
    <t>12/18/2019 12:38:27</t>
  </si>
  <si>
    <t>12/18/2019 12:37:25</t>
  </si>
  <si>
    <t>12/18/2019 12:37:37</t>
  </si>
  <si>
    <t>12/18/2019 12:39:32</t>
  </si>
  <si>
    <t>12/18/2019 12:40:26</t>
  </si>
  <si>
    <t>c0d1744f-8433-42ce-abc1-1e775bed726f.tmp</t>
  </si>
  <si>
    <t>\\acsfs\profiles$\alexandrapp\Downloads\c0d1744f-8433-42ce-abc1-1e775bed726f.tmp</t>
  </si>
  <si>
    <t>12/18/2019 12:39:34</t>
  </si>
  <si>
    <t>12/18/2019 12:36:24</t>
  </si>
  <si>
    <t>/o=exchangelabs/ou=exchange administrative group (fydibohf23spdlt)/cn=recipients/cn=21e19f678add4fcfafd18869720fe392-mariana sar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884456cac2d4447a84a34c3949c19653-rayanneba_a;/o=exchangelabs/ou=exchange administrative group (fydibohf23spdlt)/cn=recipients/cn=9bb376e8b4c74d45963b1165e99fb0ea-fernando ro;/o=exchangelabs/ou=exchange administrative group (fydibohf23spdlt)/cn=recipients/cn=fd4a47c4d251414eb48a57376a49e773-marco tulio;arturrs@algartech.com.br;dayarag@algartech.com.br;douglasrso@algartech.com.br;emanuelfal@algartech.com.br;joycemco@algartech.com.br;laianepda@algartech.com.br;maradfma@algartech.com.br;marianasar@algartech.com.br;mariltonmsj@algartech.com.br;nayanepm</t>
  </si>
  <si>
    <t>Processo seletivo - Monitor de Qualidade next</t>
  </si>
  <si>
    <t>Canditados_redação.xlsx</t>
  </si>
  <si>
    <t>/o=exchangelabs/ou=exchange administrative group (fydibohf23spdlt)/cn=recipients/cn=21e19f678add4fcfafd18869720fe392-mariana sar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884456cac2d4447a84a34c3949c19653-rayanneba_a,/o=exchangelabs/ou=exchange administrative group (fydibohf23spdlt)/cn=recipients/cn=9bb376e8b4c74d45963b1165e99fb0ea-fernando ro,/o=exchangelabs/ou=exchange administrative group (fydibohf23spdlt)/cn=recipients/cn=fd4a47c4d251414eb48a57376a49e773-marco tulio,arturrs@algartech.com.br,dayarag@algartech.com.br,douglasrso@algartech.com.br,emanuelfal@algartech.com.br,joycemco@algartech.com.br,laianepda@algartech.com.br,maradfma@algartech.com.br,marianasar@algartech.com.br,mariltonmsj@algartech.com.br,nayanepm</t>
  </si>
  <si>
    <t>12/18/2019 12:37:01</t>
  </si>
  <si>
    <t>12/18/2019 12:41:26</t>
  </si>
  <si>
    <t>984de0f8-4e75-4f79-a289-48222f498a75.tmp</t>
  </si>
  <si>
    <t>\\acsfs\profiles$\gabrielarb\Downloads\984de0f8-4e75-4f79-a289-48222f498a75.tmp</t>
  </si>
  <si>
    <t>12/18/2019 12:36:28</t>
  </si>
  <si>
    <t>12/18/2019 12:38:25</t>
  </si>
  <si>
    <t>12/18/2019 12:37:13</t>
  </si>
  <si>
    <t>mail.google.com/_/upload?authuser=0&amp;dcp=asu-n&amp;upload_id=AEnB2UpCjHVBYBcLYd0HIkXraG3TZKHuwWXKjN88UNNSwDLm5PcklnG2wbvpy3nAMHuEG46cNsUmHXX-dQ9XLJXVLmXa_K6jjmWlNgHTwak_Bx5-eoAztIA&amp;upload_protocol=resumable</t>
  </si>
  <si>
    <t>Incumbent - Weighted Results.xlsx</t>
  </si>
  <si>
    <t>12/18/2019 12:40:28</t>
  </si>
  <si>
    <t>12/18/2019 12:42:26</t>
  </si>
  <si>
    <t>12/18/2019 12:41:12</t>
  </si>
  <si>
    <t>12/18/2019 12:39:16</t>
  </si>
  <si>
    <t>12/18/2019 12:43:26</t>
  </si>
  <si>
    <t>12/18/2019 12:39:37</t>
  </si>
  <si>
    <t>12/18/2019 12:42:37</t>
  </si>
  <si>
    <t>12/18/2019 12:42:39</t>
  </si>
  <si>
    <t>12/18/2019 12:42:40</t>
  </si>
  <si>
    <t>12/18/2019 12:40:04</t>
  </si>
  <si>
    <t>12/18/2019 12:45:26</t>
  </si>
  <si>
    <t>7b9fb62d-a3a8-47d8-a2dc-0f479c9d2bff.tmp</t>
  </si>
  <si>
    <t>\\acsfs\profiles$\alexandrapp\Downloads\7b9fb62d-a3a8-47d8-a2dc-0f479c9d2bff.tmp</t>
  </si>
  <si>
    <t>12/18/2019 12:41:42</t>
  </si>
  <si>
    <t>3737efdb-3abb-4a3b-8c30-662ca8c7eb88.tmp</t>
  </si>
  <si>
    <t>\\acsfs\profiles$\PEDROHAB\Downloads\3737efdb-3abb-4a3b-8c30-662ca8c7eb88.tmp</t>
  </si>
  <si>
    <t>12/18/2019 12:43:21</t>
  </si>
  <si>
    <t>cbe425fd-bd8f-4039-b617-582c49616b22.tmp</t>
  </si>
  <si>
    <t>\\acsfs\profiles$\gabrielafs\Downloads\cbe425fd-bd8f-4039-b617-582c49616b22.tmp</t>
  </si>
  <si>
    <t>12/18/2019 12:43:59</t>
  </si>
  <si>
    <t>12/18/2019 12:46:26</t>
  </si>
  <si>
    <t>12/18/2019 12:44:01</t>
  </si>
  <si>
    <t>lu10204ro034.tmp</t>
  </si>
  <si>
    <t>\\acsfs\profiles$\dhiulliananads\My Documents\lu10204ro034.tmp</t>
  </si>
  <si>
    <t>\\acsfs\profiles$\dhiulliananads\My Documents\lu10204ro034.tmp\</t>
  </si>
  <si>
    <t>\\acsfs\profiles$\dhiulliananads\My Documents\lu10204ro034.tmp\META-INF\</t>
  </si>
  <si>
    <t>\\acsfs\profiles$\dhiulliananads\My Documents\lu10204ro034.tmp\Thumbnails\</t>
  </si>
  <si>
    <t>12/18/2019 12:43:25</t>
  </si>
  <si>
    <t>12/18/2019 12:44:25</t>
  </si>
  <si>
    <t>12/18/2019 12:47:26</t>
  </si>
  <si>
    <t>bd09a57d-c880-45e4-ac81-a2a77795798d.tmp</t>
  </si>
  <si>
    <t>\\acsfs\profiles$\larissaad\Downloads\bd09a57d-c880-45e4-ac81-a2a77795798d.tmp</t>
  </si>
  <si>
    <t>12/18/2019 12:46:00</t>
  </si>
  <si>
    <t>12/18/2019 12:48:25</t>
  </si>
  <si>
    <t>cb92a681-834e-4c26-bb2e-226f8676dc28.tmp</t>
  </si>
  <si>
    <t>\\acsfs\profiles$\geovannasm\Downloads\cb92a681-834e-4c26-bb2e-226f8676dc28.tmp</t>
  </si>
  <si>
    <t>12/18/2019 12:46:15</t>
  </si>
  <si>
    <t>3b2c7216-bd76-4e3b-b1a1-8f188fbc4a3f.tmp</t>
  </si>
  <si>
    <t>\\acsfs\profiles$\geovannasm\Downloads\3b2c7216-bd76-4e3b-b1a1-8f188fbc4a3f.tmp</t>
  </si>
  <si>
    <t>12/18/2019 12:46:21</t>
  </si>
  <si>
    <t>bf263a71-ca2a-49fa-b46a-22440d691e57.tmp</t>
  </si>
  <si>
    <t>\\acsfs\profiles$\geovannasm\Downloads\bf263a71-ca2a-49fa-b46a-22440d691e57.tmp</t>
  </si>
  <si>
    <t>12/18/2019 12:43:37</t>
  </si>
  <si>
    <t>12/18/2019 12:49:26</t>
  </si>
  <si>
    <t>12/18/2019 12:45:05</t>
  </si>
  <si>
    <t>12/18/2019 12:45:16</t>
  </si>
  <si>
    <t>12/18/2019 12:49:27</t>
  </si>
  <si>
    <t>12/18/2019 12:50:26</t>
  </si>
  <si>
    <t>\\oficina\d$\Programas\revo\RevoPortable\</t>
  </si>
  <si>
    <t>settings.ini</t>
  </si>
  <si>
    <t>\\oficina\d$\Programas\revo\RevoPortable\settings.ini</t>
  </si>
  <si>
    <t>12/18/2019 12:51:26</t>
  </si>
  <si>
    <t>12/18/2019 12:50:25</t>
  </si>
  <si>
    <t>12/18/2019 12:52:25</t>
  </si>
  <si>
    <t>12/18/2019 12:52:43</t>
  </si>
  <si>
    <t>12/18/2019 12:53:26</t>
  </si>
  <si>
    <t>mail.google.com/_/upload?authuser=0&amp;dcp=asu-n&amp;upload_id=AEnB2UpT_4ef4uy9J_ZAVIxsjhsyvxT-ZtDF_rnDGZvG_qsGxUBwUISUBBgrWkXyC8oMmGkhMfjLLnNWl5RpwhSr8eRVPJZAXH92Vt5LL1yBugKf9nKDtlI&amp;upload_protocol=resumable</t>
  </si>
  <si>
    <t>C:\Users\lucianabo\Desktop\2019\11 - Novembro\FECHAMENTO CONTÁBIL\RAO SLIDE CAIXA + YOUSE\112019_RAO_GRC - Cintia.pptx\</t>
  </si>
  <si>
    <t>12/18/2019 12:52:44</t>
  </si>
  <si>
    <t>12/18/2019 12:48:37</t>
  </si>
  <si>
    <t>12/18/2019 12:54:25</t>
  </si>
  <si>
    <t>12/18/2019 12:49:37</t>
  </si>
  <si>
    <t>12/18/2019 12:51:07</t>
  </si>
  <si>
    <t>12/18/2019 12:51:08</t>
  </si>
  <si>
    <t>12/18/2019 12:51:09</t>
  </si>
  <si>
    <t>12/18/2019 12:51:16</t>
  </si>
  <si>
    <t>12/18/2019 12:51:28</t>
  </si>
  <si>
    <t>12/18/2019 12:51:30</t>
  </si>
  <si>
    <t>12/18/2019 12:51:31</t>
  </si>
  <si>
    <t>12/18/2019 12:51:32</t>
  </si>
  <si>
    <t>12/18/2019 12:51:55</t>
  </si>
  <si>
    <t>12/18/2019 12:52:36</t>
  </si>
  <si>
    <t>12/18/2019 12:49:29</t>
  </si>
  <si>
    <t>12/18/2019 12:55:25</t>
  </si>
  <si>
    <t>12/18/2019 12:49:33</t>
  </si>
  <si>
    <t>\\oficina\d$\Programas\revo\RevoPortable\x64\</t>
  </si>
  <si>
    <t>button.bmp</t>
  </si>
  <si>
    <t>\\oficina\d$\Programas\revo\RevoPortable\x64\button.bmp</t>
  </si>
  <si>
    <t>12/18/2019 12:49:35</t>
  </si>
  <si>
    <t>12/18/2019 12:49:40</t>
  </si>
  <si>
    <t>12/18/2019 12:53:34</t>
  </si>
  <si>
    <t>12/18/2019 12:56:25</t>
  </si>
  <si>
    <t>12/18/2019 12:51:50</t>
  </si>
  <si>
    <t>12/18/2019 12:57:25</t>
  </si>
  <si>
    <t>43ad9736-c333-4b87-8928-6e1c8e4e92ff.tmp</t>
  </si>
  <si>
    <t>\\acsfs\profiles$\ERICALSR\Downloads\43ad9736-c333-4b87-8928-6e1c8e4e92ff.tmp</t>
  </si>
  <si>
    <t>12/18/2019 12:54:19</t>
  </si>
  <si>
    <t>12/18/2019 12:58:25</t>
  </si>
  <si>
    <t>12/18/2019 12:54:49</t>
  </si>
  <si>
    <t>12/18/2019 12:56:20</t>
  </si>
  <si>
    <t>12/18/2019 12:58:20</t>
  </si>
  <si>
    <t>12/18/2019 12:55:37</t>
  </si>
  <si>
    <t>12/18/2019 12:59:26</t>
  </si>
  <si>
    <t>12/18/2019 12:56:37</t>
  </si>
  <si>
    <t>12/18/2019 12:57:16</t>
  </si>
  <si>
    <t>12/18/2019 12:59:00</t>
  </si>
  <si>
    <t>12/18/2019 13:00:25</t>
  </si>
  <si>
    <t>12/18/2019 12:59:06</t>
  </si>
  <si>
    <t>12/18/2019 12:59:23</t>
  </si>
  <si>
    <t>un_report.dat</t>
  </si>
  <si>
    <t>\\oficina\d$\Programas\revo\RevoPortable\un_report.dat</t>
  </si>
  <si>
    <t>ctrlbars.dat</t>
  </si>
  <si>
    <t>\\oficina\d$\Programas\revo\RevoPortable\ctrlbars.dat</t>
  </si>
  <si>
    <t>12/18/2019 12:56:49</t>
  </si>
  <si>
    <t>12/18/2019 13:01:26</t>
  </si>
  <si>
    <t>12/18/2019 12:56:54</t>
  </si>
  <si>
    <t>bd47f93a-b84d-4092-9e87-e1c8ac496c7a.tmp</t>
  </si>
  <si>
    <t>\\acsfs\profiles$\sarahbal\Downloads\bd47f93a-b84d-4092-9e87-e1c8ac496c7a.tmp</t>
  </si>
  <si>
    <t>12/18/2019 12:58:04</t>
  </si>
  <si>
    <t>7362df83-ecba-4aae-9e28-f4fb72d50fd3.tmp</t>
  </si>
  <si>
    <t>\\acsfs\profiles$\sarahbal\Downloads\7362df83-ecba-4aae-9e28-f4fb72d50fd3.tmp</t>
  </si>
  <si>
    <t>12/18/2019 12:59:24</t>
  </si>
  <si>
    <t>25916181-6c91-4ec7-a7d4-57ea041cf44f.tmp</t>
  </si>
  <si>
    <t>\\acsfs\profiles$\sarahbal\Downloads\25916181-6c91-4ec7-a7d4-57ea041cf44f.tmp</t>
  </si>
  <si>
    <t>12/18/2019 12:59:50</t>
  </si>
  <si>
    <t>12/18/2019 13:00:08</t>
  </si>
  <si>
    <t>12/18/2019 13:02:26</t>
  </si>
  <si>
    <t>12/18/2019 12:58:50</t>
  </si>
  <si>
    <t>12/18/2019 13:03:26</t>
  </si>
  <si>
    <t>12/18/2019 12:59:18</t>
  </si>
  <si>
    <t>12/18/2019 13:04:26</t>
  </si>
  <si>
    <t>12/18/2019 13:01:37</t>
  </si>
  <si>
    <t>12/18/2019 13:02:37</t>
  </si>
  <si>
    <t>12/18/2019 13:03:16</t>
  </si>
  <si>
    <t>12/18/2019 13:05:54</t>
  </si>
  <si>
    <t>12/18/2019 13:06:26</t>
  </si>
  <si>
    <t>12/18/2019 13:05:55</t>
  </si>
  <si>
    <t>lu10204ro038.tmp</t>
  </si>
  <si>
    <t>\\acsfs\profiles$\dhiulliananads\My Documents\lu10204ro038.tmp</t>
  </si>
  <si>
    <t>\\acsfs\profiles$\dhiulliananads\My Documents\lu10204ro038.tmp\</t>
  </si>
  <si>
    <t>\\acsfs\profiles$\dhiulliananads\My Documents\lu10204ro038.tmp\META-INF\</t>
  </si>
  <si>
    <t>\\acsfs\profiles$\dhiulliananads\My Documents\lu10204ro038.tmp\Thumbnails\</t>
  </si>
  <si>
    <t>12/18/2019 13:01:25</t>
  </si>
  <si>
    <t>12/18/2019 13:02:25</t>
  </si>
  <si>
    <t>12/18/2019 13:02:47</t>
  </si>
  <si>
    <t>12/18/2019 13:06:42</t>
  </si>
  <si>
    <t>12/18/2019 13:07:25</t>
  </si>
  <si>
    <t>12/18/2019 13:02:39</t>
  </si>
  <si>
    <t>12/18/2019 13:02:40</t>
  </si>
  <si>
    <t>12/18/2019 13:02:41</t>
  </si>
  <si>
    <t>12/18/2019 13:02:42</t>
  </si>
  <si>
    <t>12/18/2019 13:02:43</t>
  </si>
  <si>
    <t>12/18/2019 13:02:44</t>
  </si>
  <si>
    <t>12/18/2019 13:02:45</t>
  </si>
  <si>
    <t>12/18/2019 13:02:46</t>
  </si>
  <si>
    <t>12/18/2019 13:02:48</t>
  </si>
  <si>
    <t>12/18/2019 13:02:49</t>
  </si>
  <si>
    <t>12/18/2019 13:02:50</t>
  </si>
  <si>
    <t>12/18/2019 13:02:51</t>
  </si>
  <si>
    <t>12/18/2019 13:02:52</t>
  </si>
  <si>
    <t>12/18/2019 13:02:53</t>
  </si>
  <si>
    <t>12/18/2019 13:02:54</t>
  </si>
  <si>
    <t>12/18/2019 13:02:55</t>
  </si>
  <si>
    <t>12/18/2019 13:02:56</t>
  </si>
  <si>
    <t>12/18/2019 13:02:34</t>
  </si>
  <si>
    <t>12/18/2019 13:02:35</t>
  </si>
  <si>
    <t>12/18/2019 13:02:36</t>
  </si>
  <si>
    <t>12/18/2019 13:02:38</t>
  </si>
  <si>
    <t>12/18/2019 13:08:26</t>
  </si>
  <si>
    <t>12/18/2019 13:02:58</t>
  </si>
  <si>
    <t>12/18/2019 13:06:49</t>
  </si>
  <si>
    <t>12/18/2019 13:09:25</t>
  </si>
  <si>
    <t>12/18/2019 13:07:37</t>
  </si>
  <si>
    <t>12/18/2019 13:07:43</t>
  </si>
  <si>
    <t>12/18/2019 13:10:26</t>
  </si>
  <si>
    <t>cbb881a7-b6eb-4738-b656-6264e1b66fb8.tmp</t>
  </si>
  <si>
    <t>\\acsfs\profiles$\luanarda\Downloads\cbb881a7-b6eb-4738-b656-6264e1b66fb8.tmp</t>
  </si>
  <si>
    <t>12/18/2019 13:09:05</t>
  </si>
  <si>
    <t>12/18/2019 13:05:51</t>
  </si>
  <si>
    <t>12/18/2019 13:07:26</t>
  </si>
  <si>
    <t>12/18/2019 13:11:25</t>
  </si>
  <si>
    <t>12/18/2019 13:09:23</t>
  </si>
  <si>
    <t>12/18/2019 13:12:26</t>
  </si>
  <si>
    <t>12/18/2019 13:09:16</t>
  </si>
  <si>
    <t>c:\a2\paulao\departamental\abril2019\</t>
  </si>
  <si>
    <t>cópia de marcos_departamental.xlsx</t>
  </si>
  <si>
    <t>12/18/2019 13:07:46</t>
  </si>
  <si>
    <t>12/18/2019 13:13:26</t>
  </si>
  <si>
    <t>12/18/2019 13:08:46</t>
  </si>
  <si>
    <t>12/18/2019 13:08:37</t>
  </si>
  <si>
    <t>12/18/2019 13:14:26</t>
  </si>
  <si>
    <t>12/18/2019 13:09:20</t>
  </si>
  <si>
    <t>8d59f40f-d631-4542-924d-8a869481c813.tmp</t>
  </si>
  <si>
    <t>\\acsfs\profiles$\kellzylenneasr\Downloads\8d59f40f-d631-4542-924d-8a869481c813.tmp</t>
  </si>
  <si>
    <t>12/18/2019 13:11:57</t>
  </si>
  <si>
    <t>2c6b2621-b4ab-4463-9cec-1c102641040e.tmp</t>
  </si>
  <si>
    <t>\\acsfs\profiles$\milenaas\Downloads\2c6b2621-b4ab-4463-9cec-1c102641040e.tmp</t>
  </si>
  <si>
    <t>12/18/2019 13:12:43</t>
  </si>
  <si>
    <t>c4f38753-51d1-4823-a5e6-d2f98628f53e.tmp</t>
  </si>
  <si>
    <t>\\acsfs\profiles$\milenaas\Downloads\c4f38753-51d1-4823-a5e6-d2f98628f53e.tmp</t>
  </si>
  <si>
    <t>12/18/2019 13:14:29</t>
  </si>
  <si>
    <t>12/18/2019 13:15:25</t>
  </si>
  <si>
    <t>e48040cb-3562-4d9c-a585-607c445687c8.tmp</t>
  </si>
  <si>
    <t>\\acsfs\profiles$\jonatanls\Downloads\e48040cb-3562-4d9c-a585-607c445687c8.tmp</t>
  </si>
  <si>
    <t>12/18/2019 13:13:28</t>
  </si>
  <si>
    <t>12/18/2019 13:13:07</t>
  </si>
  <si>
    <t>12/18/2019 13:16:25</t>
  </si>
  <si>
    <t>6dfcb2cd-0eb6-47c4-be11-a6fc4c2e2465.tmp</t>
  </si>
  <si>
    <t>\\acsfs\profiles$\gabrielarb\Downloads\6dfcb2cd-0eb6-47c4-be11-a6fc4c2e2465.tmp</t>
  </si>
  <si>
    <t>12/18/2019 13:13:14</t>
  </si>
  <si>
    <t>4bd620e9-f2aa-46f2-b456-0b630a51e0f1.tmp</t>
  </si>
  <si>
    <t>\\acsfs\profiles$\sarahbal\Downloads\4bd620e9-f2aa-46f2-b456-0b630a51e0f1.tmp</t>
  </si>
  <si>
    <t>12/18/2019 13:12:07</t>
  </si>
  <si>
    <t>12/18/2019 13:12:08</t>
  </si>
  <si>
    <t>12/18/2019 13:12:09</t>
  </si>
  <si>
    <t>12/18/2019 13:13:59</t>
  </si>
  <si>
    <t>12/18/2019 13:15:30</t>
  </si>
  <si>
    <t>12/18/2019 13:15:31</t>
  </si>
  <si>
    <t>12/18/2019 13:15:44</t>
  </si>
  <si>
    <t>12/18/2019 13:15:45</t>
  </si>
  <si>
    <t>12/18/2019 13:15:46</t>
  </si>
  <si>
    <t>12/18/2019 13:15:01</t>
  </si>
  <si>
    <t>12/18/2019 13:17:26</t>
  </si>
  <si>
    <t>12/18/2019 13:12:23</t>
  </si>
  <si>
    <t>12/18/2019 13:13:46</t>
  </si>
  <si>
    <t>12/18/2019 13:18:25</t>
  </si>
  <si>
    <t>12/18/2019 13:14:07</t>
  </si>
  <si>
    <t>mail.google.com/mail/u/0/jserror?script=https://mail.google.com/mail/u/0/#inbox/fmfcgxwgcqwvhrqqglzxsksrwbngxgzk&amp;error=yo&amp;line=not available&amp;txz=p</t>
  </si>
  <si>
    <t>12/18/2019 13:14:46</t>
  </si>
  <si>
    <t>12/18/2019 13:16:09</t>
  </si>
  <si>
    <t>12/18/2019 13:16:10</t>
  </si>
  <si>
    <t>mail.google.com/mail/u/0/jserror?script=https://mail.google.com/mail/u/0/#inbox/fmfcgxwgcqwvhswqchnrrrkzmcsdprxv&amp;error=yo&amp;line=not available&amp;txz=p</t>
  </si>
  <si>
    <t>12/18/2019 13:17:16</t>
  </si>
  <si>
    <t>12/18/2019 13:17:13</t>
  </si>
  <si>
    <t>luis_f_reis_algar@whirpool.com;</t>
  </si>
  <si>
    <t>Dados Turma Tarde 18.12.xlsx</t>
  </si>
  <si>
    <t>luis_f_reis_algar@whirpool.com</t>
  </si>
  <si>
    <t>12/18/2019 13:15:39</t>
  </si>
  <si>
    <t>12/18/2019 13:13:24</t>
  </si>
  <si>
    <t>12/18/2019 13:13:54</t>
  </si>
  <si>
    <t>12/18/2019 13:14:54</t>
  </si>
  <si>
    <t>12/18/2019 13:13:37</t>
  </si>
  <si>
    <t>12/18/2019 13:19:26</t>
  </si>
  <si>
    <t>12/18/2019 13:14:37</t>
  </si>
  <si>
    <t>12/18/2019 13:15:16</t>
  </si>
  <si>
    <t>12/18/2019 13:16:38</t>
  </si>
  <si>
    <t>12/18/2019 13:16:39</t>
  </si>
  <si>
    <t>12/18/2019 13:16:15</t>
  </si>
  <si>
    <t>12/18/2019 13:20:25</t>
  </si>
  <si>
    <t>c0975a0b-e1c4-49c9-8dae-77ab0c101133.tmp</t>
  </si>
  <si>
    <t>\\acsfs\profiles$\jonatanls\Downloads\c0975a0b-e1c4-49c9-8dae-77ab0c101133.tmp</t>
  </si>
  <si>
    <t>12/18/2019 13:16:51</t>
  </si>
  <si>
    <t>12/18/2019 13:17:30</t>
  </si>
  <si>
    <t>12/18/2019 13:21:26</t>
  </si>
  <si>
    <t>3b1d85de-b8ab-49c7-bc4a-04b29b7f52da.tmp</t>
  </si>
  <si>
    <t>\\acsfs\profiles$\sarahbal\Downloads\3b1d85de-b8ab-49c7-bc4a-04b29b7f52da.tmp</t>
  </si>
  <si>
    <t>12/18/2019 13:19:27</t>
  </si>
  <si>
    <t>12/18/2019 13:17:51</t>
  </si>
  <si>
    <t>12/18/2019 13:23:25</t>
  </si>
  <si>
    <t>mail.google.com/mail/u/0/jserror?script=https://mail.google.com/mail/u/0/#drafts&amp;error=yo&amp;line=not available&amp;txz=p</t>
  </si>
  <si>
    <t>12/18/2019 13:18:10</t>
  </si>
  <si>
    <t>mail.google.com/sync/u/0/i/s?hl=pt-br&amp;c=37</t>
  </si>
  <si>
    <t>12/18/2019 13:18:39</t>
  </si>
  <si>
    <t>mail.google.com/mail/u/0/jserror?script=https://mail.google.com/mail/u/0/#inbox?compose=dmwnwrrnxmpmdkhkjnjvhzbwfqcnlvndxxjvgfzbdvnnvgkzkghbvddmndwrwrqpvcvcsrlrcqwl&amp;error=yo&amp;line=not available&amp;txz=p</t>
  </si>
  <si>
    <t>12/18/2019 13:18:42</t>
  </si>
  <si>
    <t>mail.google.com/mail/u/0/jserror?script=https://mail.google.com/mail/u/0/#inbox/fmfcgxwgcqwvhpbcjlhlhtfdbtqmnrxk?compose=dmwnwrrnxmpmdkhkjnjvhzbwfqcnlvndxxjvgfzbdvnnvgkzkghbvddmndwrwrqpvcvcsrlrcqwl&amp;error=yo&amp;line=not available&amp;txz=p</t>
  </si>
  <si>
    <t>12/18/2019 13:19:29</t>
  </si>
  <si>
    <t>mail.google.com/sync/u/0/i/s?hl=pt-br&amp;c=41</t>
  </si>
  <si>
    <t>12/18/2019 13:19:41</t>
  </si>
  <si>
    <t>mail.google.com/sync/u/0/i/s?hl=pt-br&amp;c=43</t>
  </si>
  <si>
    <t>12/18/2019 13:19:46</t>
  </si>
  <si>
    <t>12/18/2019 13:20:46</t>
  </si>
  <si>
    <t>12/18/2019 13:18:33</t>
  </si>
  <si>
    <t>2132a33e-3420-4b04-94b0-e5d50d35c864.tmp</t>
  </si>
  <si>
    <t>\\acsfs\profiles$\geovannasm\Downloads\2132a33e-3420-4b04-94b0-e5d50d35c864.tmp</t>
  </si>
  <si>
    <t>12/18/2019 13:19:37</t>
  </si>
  <si>
    <t>12/18/2019 13:24:25</t>
  </si>
  <si>
    <t>12/18/2019 13:20:11</t>
  </si>
  <si>
    <t>12/18/2019 13:20:12</t>
  </si>
  <si>
    <t>12/18/2019 13:20:13</t>
  </si>
  <si>
    <t>12/18/2019 13:21:17</t>
  </si>
  <si>
    <t>12/18/2019 13:21:19</t>
  </si>
  <si>
    <t>d69412a6-144e-4e37-939e-185ce8fa6520;</t>
  </si>
  <si>
    <t>https://udpwfmniceap02/web/guest/home?p_auth=i9bmso95&amp;p_p_id=58&amp;p_p_lifecycle=1&amp;p_p_state=maximized&amp;p_p_mode=view&amp;savelastpath=0&amp;_58_struts_action=/login/forgot_password</t>
  </si>
  <si>
    <t>12/18/2019 13:21:25</t>
  </si>
  <si>
    <t>12/18/2019 13:24:05</t>
  </si>
  <si>
    <t>12/18/2019 13:26:26</t>
  </si>
  <si>
    <t>343e9bc7-fbb2-4f45-806d-5d2aa00aa5bb.tmp</t>
  </si>
  <si>
    <t>\\acsfs\profiles$\gabrielarb\Downloads\343e9bc7-fbb2-4f45-806d-5d2aa00aa5bb.tmp</t>
  </si>
  <si>
    <t>12/18/2019 13:23:29</t>
  </si>
  <si>
    <t>12/18/2019 13:21:27</t>
  </si>
  <si>
    <t>12/18/2019 13:21:57</t>
  </si>
  <si>
    <t>12/18/2019 13:25:27</t>
  </si>
  <si>
    <t>12/18/2019 13:23:00</t>
  </si>
  <si>
    <t>12/18/2019 13:28:26</t>
  </si>
  <si>
    <t>12/18/2019 13:23:34</t>
  </si>
  <si>
    <t>12/18/2019 13:23:46</t>
  </si>
  <si>
    <t>mail.google.com/sync/u/0/i/s?hl=pt-br&amp;c=52</t>
  </si>
  <si>
    <t>12/18/2019 13:22:52</t>
  </si>
  <si>
    <t>12/18/2019 13:26:01</t>
  </si>
  <si>
    <t>12/18/2019 13:26:37</t>
  </si>
  <si>
    <t>12/18/2019 13:25:53</t>
  </si>
  <si>
    <t>12/18/2019 13:26:10</t>
  </si>
  <si>
    <t>12/18/2019 13:26:17</t>
  </si>
  <si>
    <t>mail.google.com/sync/u/0/i/s?hl=pt-BR&amp;c=333</t>
  </si>
  <si>
    <t>12/18/2019 13:26:38</t>
  </si>
  <si>
    <t>mail.google.com/sync/u/0/i/s?hl=pt-BR&amp;c=335</t>
  </si>
  <si>
    <t>12/18/2019 13:26:48</t>
  </si>
  <si>
    <t>mail.google.com/sync/u/0/i/s?hl=pt-BR&amp;c=337</t>
  </si>
  <si>
    <t>12/18/2019 13:26:54</t>
  </si>
  <si>
    <t>12/18/2019 13:27:01</t>
  </si>
  <si>
    <t>12/18/2019 13:27:16</t>
  </si>
  <si>
    <t>12/18/2019 13:23:57</t>
  </si>
  <si>
    <t>12/18/2019 13:24:57</t>
  </si>
  <si>
    <t>12/18/2019 13:23:35</t>
  </si>
  <si>
    <t>12/18/2019 13:29:26</t>
  </si>
  <si>
    <t>12/18/2019 13:23:36</t>
  </si>
  <si>
    <t>12/18/2019 13:25:37</t>
  </si>
  <si>
    <t>12/18/2019 13:27:47</t>
  </si>
  <si>
    <t>12/18/2019 13:27:54</t>
  </si>
  <si>
    <t>12/18/2019 13:28:18</t>
  </si>
  <si>
    <t>https://udpwfmniceap02/pt_br/web/guest/home?p_auth=i9bmso95&amp;p_p_id=58&amp;p_p_lifecycle=1&amp;p_p_state=maximized&amp;p_p_mode=view&amp;savelastpath=0&amp;_58_struts_action=/login/forgot_password</t>
  </si>
  <si>
    <t>12/18/2019 13:28:31</t>
  </si>
  <si>
    <t>12/18/2019 13:26:28</t>
  </si>
  <si>
    <t>12/18/2019 13:30:26</t>
  </si>
  <si>
    <t>anapscl@algartech.com;bonfim.silva@bradesco.com.br;cristiany.caixeta@bradesco.com.br;greiciele.alves@bradesco.com.br;jussaragp@algartech.com;jussaragp@algartech.com.br;leandra.cardoso@bradesco.com.br;micheless@algartech.com.br;patricia.amaral@temposervicos.com.br;patriciaa.lima@temposervicos.com.br;patriciaroa@algartech.com.br;rosemery.silva@bradesco.com.br;</t>
  </si>
  <si>
    <t>anapscl@algartech.com,bonfim.silva@bradesco.com.br,cristiany.caixeta@bradesco.com.br,greiciele.alves@bradesco.com.br,jussaragp@algartech.com,jussaragp@algartech.com.br,leandra.cardoso@bradesco.com.br,micheless@algartech.com.br,patricia.amaral@temposervicos.com.br,patriciaa.lima@temposervicos.com.br,patriciaroa@algartech.com.br,rosemery.silva@bradesco.com.br</t>
  </si>
  <si>
    <t>12/18/2019 13:31:26</t>
  </si>
  <si>
    <t>e4b8ec0c-708d-4a20-b54a-f8255e0fdf76.tmp</t>
  </si>
  <si>
    <t>\\acsfs\profiles$\deborahsi\Downloads\e4b8ec0c-708d-4a20-b54a-f8255e0fdf76.tmp</t>
  </si>
  <si>
    <t>12/18/2019 13:27:17</t>
  </si>
  <si>
    <t>12/18/2019 13:27:18</t>
  </si>
  <si>
    <t>12/18/2019 13:27:19</t>
  </si>
  <si>
    <t>12/18/2019 13:27:20</t>
  </si>
  <si>
    <t>12/18/2019 13:29:30</t>
  </si>
  <si>
    <t>12/18/2019 13:29:11</t>
  </si>
  <si>
    <t>12/18/2019 13:33:26</t>
  </si>
  <si>
    <t>mail.google.com/sync/u/0/i/s?hl=pt-BR&amp;c=348</t>
  </si>
  <si>
    <t>12/18/2019 13:29:16</t>
  </si>
  <si>
    <t>12/18/2019 13:30:07</t>
  </si>
  <si>
    <t>12/18/2019 13:30:10</t>
  </si>
  <si>
    <t>12/18/2019 13:30:59</t>
  </si>
  <si>
    <t>12/18/2019 13:31:14</t>
  </si>
  <si>
    <t>12/18/2019 13:31:30</t>
  </si>
  <si>
    <t>12/18/2019 13:31:39</t>
  </si>
  <si>
    <t>12/18/2019 13:31:55</t>
  </si>
  <si>
    <t>mail.google.com/sync/u/0/i/s?hl=pt-BR&amp;c=368</t>
  </si>
  <si>
    <t>12/18/2019 13:32:10</t>
  </si>
  <si>
    <t>12/18/2019 13:32:25</t>
  </si>
  <si>
    <t>12/18/2019 13:29:28</t>
  </si>
  <si>
    <t>12/18/2019 13:29:58</t>
  </si>
  <si>
    <t>12/18/2019 13:30:29</t>
  </si>
  <si>
    <t>12/18/2019 13:31:29</t>
  </si>
  <si>
    <t>12/18/2019 13:32:29</t>
  </si>
  <si>
    <t>12/18/2019 13:32:59</t>
  </si>
  <si>
    <t>12/18/2019 13:28:38</t>
  </si>
  <si>
    <t>12/18/2019 13:34:26</t>
  </si>
  <si>
    <t>12/18/2019 13:30:16</t>
  </si>
  <si>
    <t>12/18/2019 13:31:17</t>
  </si>
  <si>
    <t>12/18/2019 13:31:18</t>
  </si>
  <si>
    <t>12/18/2019 13:31:32</t>
  </si>
  <si>
    <t>12/18/2019 13:31:34</t>
  </si>
  <si>
    <t>12/18/2019 13:31:38</t>
  </si>
  <si>
    <t>12/18/2019 13:33:17</t>
  </si>
  <si>
    <t>12/18/2019 13:31:36</t>
  </si>
  <si>
    <t>12/18/2019 13:32:24</t>
  </si>
  <si>
    <t>12/18/2019 13:33:03</t>
  </si>
  <si>
    <t>12/18/2019 13:35:26</t>
  </si>
  <si>
    <t>43dc9a1a-4b05-4260-a632-3bdbb07dcd5c.tmp</t>
  </si>
  <si>
    <t>\\acsfs\profiles$\alexandrapp\Downloads\43dc9a1a-4b05-4260-a632-3bdbb07dcd5c.tmp</t>
  </si>
  <si>
    <t>12/18/2019 13:31:27</t>
  </si>
  <si>
    <t>12/18/2019 13:36:26</t>
  </si>
  <si>
    <t>12/18/2019 13:32:27</t>
  </si>
  <si>
    <t>12/18/2019 13:32:35</t>
  </si>
  <si>
    <t>12/18/2019 13:37:26</t>
  </si>
  <si>
    <t>12/18/2019 13:32:39</t>
  </si>
  <si>
    <t>12/18/2019 13:38:27</t>
  </si>
  <si>
    <t>12/18/2019 13:32:43</t>
  </si>
  <si>
    <t>12/18/2019 13:33:05</t>
  </si>
  <si>
    <t>12/18/2019 13:33:07</t>
  </si>
  <si>
    <t>12/18/2019 13:33:22</t>
  </si>
  <si>
    <t>mail.google.com/sync/u/0/i/s?hl=pt-BR&amp;c=385</t>
  </si>
  <si>
    <t>12/18/2019 13:33:38</t>
  </si>
  <si>
    <t>12/18/2019 13:34:01</t>
  </si>
  <si>
    <t>12/18/2019 13:34:15</t>
  </si>
  <si>
    <t>12/18/2019 13:34:39</t>
  </si>
  <si>
    <t>12/18/2019 13:34:49</t>
  </si>
  <si>
    <t>vitorgmp@algartech.com;</t>
  </si>
  <si>
    <t>vitorgmp@algartech.com</t>
  </si>
  <si>
    <t>12/18/2019 13:34:58</t>
  </si>
  <si>
    <t>12/18/2019 13:35:09</t>
  </si>
  <si>
    <t>12/18/2019 13:35:11</t>
  </si>
  <si>
    <t>mail.google.com/sync/u/0/i/s?hl=pt-BR&amp;c=404</t>
  </si>
  <si>
    <t>12/18/2019 13:34:00</t>
  </si>
  <si>
    <t>12/18/2019 13:35:00</t>
  </si>
  <si>
    <t>12/18/2019 13:37:31</t>
  </si>
  <si>
    <t>12/18/2019 13:35:14</t>
  </si>
  <si>
    <t>12/18/2019 13:39:27</t>
  </si>
  <si>
    <t>12/18/2019 13:35:16</t>
  </si>
  <si>
    <t>12/18/2019 13:35:17</t>
  </si>
  <si>
    <t>12/18/2019 13:35:18</t>
  </si>
  <si>
    <t>12/18/2019 13:36:34</t>
  </si>
  <si>
    <t>12/18/2019 13:37:38</t>
  </si>
  <si>
    <t>12/18/2019 13:37:47</t>
  </si>
  <si>
    <t>12/18/2019 13:37:28</t>
  </si>
  <si>
    <t>12/18/2019 13:40:26</t>
  </si>
  <si>
    <t>eac824ee-e086-4dbf-9e44-ac4297f7f336.tmp</t>
  </si>
  <si>
    <t>\\acsfs\profiles$\laianear\Downloads\eac824ee-e086-4dbf-9e44-ac4297f7f336.tmp</t>
  </si>
  <si>
    <t>12/18/2019 13:37:35</t>
  </si>
  <si>
    <t>12/18/2019 13:36:07</t>
  </si>
  <si>
    <t>12/18/2019 13:41:27</t>
  </si>
  <si>
    <t>5c17b922-be0e-46b2-80e1-65cbba4cd0a7.tmp</t>
  </si>
  <si>
    <t>\\acsfs\profiles$\YASMINSC\Downloads\5c17b922-be0e-46b2-80e1-65cbba4cd0a7.tmp</t>
  </si>
  <si>
    <t>12/18/2019 13:37:55</t>
  </si>
  <si>
    <t>12/18/2019 13:37:03</t>
  </si>
  <si>
    <t>12/18/2019 13:37:27</t>
  </si>
  <si>
    <t>12/18/2019 13:40:45</t>
  </si>
  <si>
    <t>12/18/2019 13:42:27</t>
  </si>
  <si>
    <t>12/18/2019 13:41:23</t>
  </si>
  <si>
    <t>12/18/2019 13:43:26</t>
  </si>
  <si>
    <t>10.200.66.62</t>
  </si>
  <si>
    <t>6c19da4c-ed4d-4ae4-a230-24946a10b0ac.tmp</t>
  </si>
  <si>
    <t>\\acsfs\profiles$\KARENDSR\Downloads\6c19da4c-ed4d-4ae4-a230-24946a10b0ac.tmp</t>
  </si>
  <si>
    <t>12/18/2019 13:42:59</t>
  </si>
  <si>
    <t>457722b0-20fb-4ac3-a9e9-3511fe61b5db.tmp</t>
  </si>
  <si>
    <t>\\acsfs\profiles$\KARENDSR\Downloads\457722b0-20fb-4ac3-a9e9-3511fe61b5db.tmp</t>
  </si>
  <si>
    <t>12/18/2019 13:39:02</t>
  </si>
  <si>
    <t>12/18/2019 13:39:24</t>
  </si>
  <si>
    <t>12/18/2019 13:43:02</t>
  </si>
  <si>
    <t>12/18/2019 13:39:17</t>
  </si>
  <si>
    <t>12/18/2019 13:44:27</t>
  </si>
  <si>
    <t>12/18/2019 13:40:38</t>
  </si>
  <si>
    <t>12/18/2019 13:41:14</t>
  </si>
  <si>
    <t>84c1e5ec-96bc-4651-a516-688477cb66f3.tmp</t>
  </si>
  <si>
    <t>\\acsfs\profiles$\KARENJSS\Downloads\84c1e5ec-96bc-4651-a516-688477cb66f3.tmp</t>
  </si>
  <si>
    <t>12/18/2019 13:42:00</t>
  </si>
  <si>
    <t>c67fa89a-55dd-4ef5-be86-55d9bca5e3ff.tmp</t>
  </si>
  <si>
    <t>\\acsfs\profiles$\KARENJSS\Downloads\c67fa89a-55dd-4ef5-be86-55d9bca5e3ff.tmp</t>
  </si>
  <si>
    <t>12/18/2019 13:42:13</t>
  </si>
  <si>
    <t>12/18/2019 13:40:16</t>
  </si>
  <si>
    <t>12/18/2019 13:45:27</t>
  </si>
  <si>
    <t>12/18/2019 13:40:51</t>
  </si>
  <si>
    <t>12/18/2019 13:40:54</t>
  </si>
  <si>
    <t>12/18/2019 13:40:55</t>
  </si>
  <si>
    <t>12/18/2019 13:43:27</t>
  </si>
  <si>
    <t>12/18/2019 13:46:27</t>
  </si>
  <si>
    <t>12/18/2019 13:44:57</t>
  </si>
  <si>
    <t>12/18/2019 13:47:40</t>
  </si>
  <si>
    <t>12/18/2019 13:48:27</t>
  </si>
  <si>
    <t>1b3cfb08-a14a-480b-a2fd-8f6d541e0d43.tmp</t>
  </si>
  <si>
    <t>\\acsfs\profiles$\regisadsa\Downloads\1b3cfb08-a14a-480b-a2fd-8f6d541e0d43.tmp</t>
  </si>
  <si>
    <t>12/18/2019 13:43:32</t>
  </si>
  <si>
    <t>12/18/2019 13:45:03</t>
  </si>
  <si>
    <t>12/18/2019 13:45:33</t>
  </si>
  <si>
    <t>12/18/2019 13:46:03</t>
  </si>
  <si>
    <t>12/18/2019 13:46:33</t>
  </si>
  <si>
    <t>12/18/2019 13:47:03</t>
  </si>
  <si>
    <t>12/18/2019 13:49:27</t>
  </si>
  <si>
    <t>12/18/2019 13:43:38</t>
  </si>
  <si>
    <t>12/18/2019 13:45:09</t>
  </si>
  <si>
    <t>12/18/2019 13:45:17</t>
  </si>
  <si>
    <t>12/18/2019 13:46:41</t>
  </si>
  <si>
    <t>12/18/2019 13:46:26</t>
  </si>
  <si>
    <t>12/18/2019 13:50:27</t>
  </si>
  <si>
    <t>12/18/2019 13:46:28</t>
  </si>
  <si>
    <t>12/18/2019 13:45:32</t>
  </si>
  <si>
    <t>12/18/2019 13:48:40</t>
  </si>
  <si>
    <t>4b4ab760-4e01-443a-8125-d464c7c15276.tmp</t>
  </si>
  <si>
    <t>\\acsfs\profiles$\ayalabfi\Downloads\4b4ab760-4e01-443a-8125-d464c7c15276.tmp</t>
  </si>
  <si>
    <t>12/18/2019 13:46:22</t>
  </si>
  <si>
    <t>12/18/2019 13:51:27</t>
  </si>
  <si>
    <t>12/18/2019 13:46:23</t>
  </si>
  <si>
    <t>12/18/2019 13:49:28</t>
  </si>
  <si>
    <t>12/18/2019 13:50:05</t>
  </si>
  <si>
    <t>dae29e8a-b6e2-4a40-859d-e0c11d557d43.tmp</t>
  </si>
  <si>
    <t>\\acsfs\profiles$\luanaldsi\Downloads\dae29e8a-b6e2-4a40-859d-e0c11d557d43.tmp</t>
  </si>
  <si>
    <t>12/18/2019 13:46:17</t>
  </si>
  <si>
    <t>12/18/2019 13:52:28</t>
  </si>
  <si>
    <t>12/18/2019 13:51:44</t>
  </si>
  <si>
    <t>caiquedst@algartech.com;diegorbo@algartech.com;fabiolaaca@algartech.com;giseleclss@algartech.com;jeancds@algartech.com;julianarn@algartech.com;leandrojbe@algartech.com;luis_f_reis_algar@whirpool.com;nilsiosc@algartech.com;suelepw@algartech.com;</t>
  </si>
  <si>
    <t>caiquedst@algartech.com,diegorbo@algartech.com,fabiolaaca@algartech.com,giseleclss@algartech.com,jeancds@algartech.com,julianarn@algartech.com,leandrojbe@algartech.com,luis_f_reis_algar@whirpool.com,nilsiosc@algartech.com,suelepw@algartech.com</t>
  </si>
  <si>
    <t>12/18/2019 13:49:11</t>
  </si>
  <si>
    <t>12/18/2019 13:53:27</t>
  </si>
  <si>
    <t>15c83152-c926-400e-ab61-02c3ef4e73d9.tmp</t>
  </si>
  <si>
    <t>\\acsfs\profiles$\regisadsa\Downloads\15c83152-c926-400e-ab61-02c3ef4e73d9.tmp</t>
  </si>
  <si>
    <t>12/18/2019 13:49:51</t>
  </si>
  <si>
    <t>bbb2976f-9e7e-4293-acf7-0b544ca9fdda.tmp</t>
  </si>
  <si>
    <t>\\acsfs\profiles$\regisadsa\Downloads\bbb2976f-9e7e-4293-acf7-0b544ca9fdda.tmp</t>
  </si>
  <si>
    <t>12/18/2019 13:50:10</t>
  </si>
  <si>
    <t>3ee83421-75cf-4f90-b701-cac2f0386d76.tmp</t>
  </si>
  <si>
    <t>\\acsfs\profiles$\regisadsa\Downloads\3ee83421-75cf-4f90-b701-cac2f0386d76.tmp</t>
  </si>
  <si>
    <t>12/18/2019 13:51:06</t>
  </si>
  <si>
    <t>12/18/2019 13:48:49</t>
  </si>
  <si>
    <t>12/18/2019 13:54:27</t>
  </si>
  <si>
    <t>12/18/2019 13:49:38</t>
  </si>
  <si>
    <t>12/18/2019 13:51:17</t>
  </si>
  <si>
    <t>12/18/2019 13:52:38</t>
  </si>
  <si>
    <t>12/18/2019 13:52:49</t>
  </si>
  <si>
    <t>12/18/2019 13:53:24</t>
  </si>
  <si>
    <t>12/18/2019 13:56:28</t>
  </si>
  <si>
    <t>10.200.67.187</t>
  </si>
  <si>
    <t>74-86-7A-FC-CE-A9</t>
  </si>
  <si>
    <t>VOTORANT-GB005</t>
  </si>
  <si>
    <t>diosquellysc</t>
  </si>
  <si>
    <t>\\acsfs\profiles$\diosquellysc\</t>
  </si>
  <si>
    <t>Memo.txt</t>
  </si>
  <si>
    <t>\\acsfs\profiles$\diosquellysc\Memo.txt</t>
  </si>
  <si>
    <t>12/18/2019 13:52:53</t>
  </si>
  <si>
    <t>12/18/2019 13:55:27</t>
  </si>
  <si>
    <t>12/18/2019 13:52:12</t>
  </si>
  <si>
    <t>12/18/2019 13:57:28</t>
  </si>
  <si>
    <t>12/18/2019 13:56:51</t>
  </si>
  <si>
    <t>9313a9cb-e351-4a6b-81e1-a8ea6ad9c32a.tmp</t>
  </si>
  <si>
    <t>\\acsfs\profiles$\paulovadc\Downloads\9313a9cb-e351-4a6b-81e1-a8ea6ad9c32a.tmp</t>
  </si>
  <si>
    <t>12/18/2019 13:55:37</t>
  </si>
  <si>
    <t>12/18/2019 13:58:27</t>
  </si>
  <si>
    <t>12/18/2019 13:56:38</t>
  </si>
  <si>
    <t>12/18/2019 13:57:08</t>
  </si>
  <si>
    <t>12/18/2019 13:57:29</t>
  </si>
  <si>
    <t>12/18/2019 13:59:28</t>
  </si>
  <si>
    <t>49e6398f-c0fb-4a41-9ec7-0ff2712121a1.tmp</t>
  </si>
  <si>
    <t>\\acsfs\profiles$\alinepp\Downloads\49e6398f-c0fb-4a41-9ec7-0ff2712121a1.tmp</t>
  </si>
  <si>
    <t>12/18/2019 13:57:30</t>
  </si>
  <si>
    <t>813f1f43-b591-4669-b0ee-fecf6366819c.tmp</t>
  </si>
  <si>
    <t>\\acsfs\profiles$\alinepp\Downloads\813f1f43-b591-4669-b0ee-fecf6366819c.tmp</t>
  </si>
  <si>
    <t>12/18/2019 13:55:38</t>
  </si>
  <si>
    <t>12/18/2019 13:57:17</t>
  </si>
  <si>
    <t>12/18/2019 13:57:26</t>
  </si>
  <si>
    <t>12/18/2019 13:57:27</t>
  </si>
  <si>
    <t>12/18/2019 13:54:25</t>
  </si>
  <si>
    <t>12/18/2019 13:55:20</t>
  </si>
  <si>
    <t>12/18/2019 13:55:21</t>
  </si>
  <si>
    <t>12/18/2019 13:55:22</t>
  </si>
  <si>
    <t>12/18/2019 13:55:23</t>
  </si>
  <si>
    <t>12/18/2019 13:55:24</t>
  </si>
  <si>
    <t>12/18/2019 13:55:25</t>
  </si>
  <si>
    <t>12/18/2019 13:55:26</t>
  </si>
  <si>
    <t>12/18/2019 13:55:28</t>
  </si>
  <si>
    <t>12/18/2019 13:55:35</t>
  </si>
  <si>
    <t>12/18/2019 13:55:36</t>
  </si>
  <si>
    <t>12/18/2019 13:55:39</t>
  </si>
  <si>
    <t>12/18/2019 13:55:49</t>
  </si>
  <si>
    <t>mail.google.com/mail/u/0/jserror?script=https://mail.google.com/mail/u/0/#drafts?compose=dmwnwrrnxmpmdkhkjnjvhzbwfqcnlvndxxjvgfzbdvnnvgkzkghbvddmndwrwrqpvcvcsrlrcqwl&amp;error=yo&amp;line=not available&amp;txz=p</t>
  </si>
  <si>
    <t>mail.google.com/sync/u/0/i/s?hl=pt-br&amp;c=16</t>
  </si>
  <si>
    <t>12/18/2019 13:55:53</t>
  </si>
  <si>
    <t>12/18/2019 13:55:55</t>
  </si>
  <si>
    <t>12/18/2019 13:55:56</t>
  </si>
  <si>
    <t>12/18/2019 13:56:10</t>
  </si>
  <si>
    <t>mail.google.com/mail/u/0/jserror?script=https://mail.google.com/mail/u/0/#inbox/fmfcgxwgcqwvhxvdcwshtzqpkbzsnplc&amp;error=yo&amp;line=not available&amp;txz=p</t>
  </si>
  <si>
    <t>12/18/2019 13:56:19</t>
  </si>
  <si>
    <t>12/18/2019 13:56:20</t>
  </si>
  <si>
    <t>mail.google.com/mail/u/0/jserror?script=https://mail.google.com/mail/u/0/#inbox/fmfcgxwgcqwvhxtjfjdrnpfvxhdjrgzg&amp;error=yo&amp;line=not available&amp;txz=p</t>
  </si>
  <si>
    <t>12/18/2019 13:56:36</t>
  </si>
  <si>
    <t>12/18/2019 13:56:45</t>
  </si>
  <si>
    <t>12/18/2019 13:56:48</t>
  </si>
  <si>
    <t>mail.google.com/mail/u/0/jserror?script=https://mail.google.com/mail/u/0/#sent/qgrcjhrtqfglgflxffvxhpfcpggrmqprtjg&amp;error=yo&amp;line=not available&amp;txz=p</t>
  </si>
  <si>
    <t>1637&amp;mn=sz:7958&amp;ai=mail:sd.9055.10.0/s:v=2&amp;a=lc&amp;sv=cv&amp;ev=di&amp;t=587&amp;i=138&amp;ai=mail:lc.9055.11.0/s:v=2&amp;a=lc&amp;sv=di&amp;ev=tl&amp;t=1654&amp;i=1402&amp;ai=mail:lc.9055.12.0</t>
  </si>
  <si>
    <t>12/18/2019 13:57:03</t>
  </si>
  <si>
    <t>12/18/2019 14:00:27</t>
  </si>
  <si>
    <t>12/18/2019 13:56:33</t>
  </si>
  <si>
    <t>8c1ac125-7bb2-4568-90c4-efc21a61fbb1.tmp</t>
  </si>
  <si>
    <t>\\acsfs\profiles$\gabrielafs\Downloads\8c1ac125-7bb2-4568-90c4-efc21a61fbb1.tmp</t>
  </si>
  <si>
    <t>12/18/2019 13:56:26</t>
  </si>
  <si>
    <t>12/18/2019 14:01:27</t>
  </si>
  <si>
    <t>144809bd-9acf-41d2-b96e-512392f587f2.tmp</t>
  </si>
  <si>
    <t>\\acsfs\profiles$\gabrielarb\Downloads\144809bd-9acf-41d2-b96e-512392f587f2.tmp</t>
  </si>
  <si>
    <t>12/18/2019 13:58:59</t>
  </si>
  <si>
    <t>12/18/2019 13:59:20</t>
  </si>
  <si>
    <t>7857fa5e-8bad-41f2-b8fa-75fa444b12d1.tmp</t>
  </si>
  <si>
    <t>\\acsfs\profiles$\brendadsl\Downloads\7857fa5e-8bad-41f2-b8fa-75fa444b12d1.tmp</t>
  </si>
  <si>
    <t>12/18/2019 13:59:22</t>
  </si>
  <si>
    <t>91f4b8b5-9c50-43d9-a80c-b510c70b59bc.tmp</t>
  </si>
  <si>
    <t>\\acsfs\profiles$\brendadsl\Downloads\91f4b8b5-9c50-43d9-a80c-b510c70b59bc.tmp</t>
  </si>
  <si>
    <t>12/18/2019 13:59:24</t>
  </si>
  <si>
    <t>1a7a155d-496a-4a26-99fa-44dfcd7ed7a4.tmp</t>
  </si>
  <si>
    <t>\\acsfs\profiles$\brendadsl\Downloads\1a7a155d-496a-4a26-99fa-44dfcd7ed7a4.tmp</t>
  </si>
  <si>
    <t>12/18/2019 13:59:25</t>
  </si>
  <si>
    <t>8c06c898-b491-465c-a826-2c30267d58c2.tmp</t>
  </si>
  <si>
    <t>\\acsfs\profiles$\brendadsl\Downloads\8c06c898-b491-465c-a826-2c30267d58c2.tmp</t>
  </si>
  <si>
    <t>12/18/2019 13:59:27</t>
  </si>
  <si>
    <t>af9d4f4e-e869-4009-9d6a-bbefd8bb650a.tmp</t>
  </si>
  <si>
    <t>\\acsfs\profiles$\brendadsl\Downloads\af9d4f4e-e869-4009-9d6a-bbefd8bb650a.tmp</t>
  </si>
  <si>
    <t>12/18/2019 13:59:00</t>
  </si>
  <si>
    <t>12/18/2019 13:58:03</t>
  </si>
  <si>
    <t>12/18/2019 14:02:27</t>
  </si>
  <si>
    <t>f3f7a318-ce19-4657-911b-a01daa231612.tmp</t>
  </si>
  <si>
    <t>\\acsfs\profiles$\adrielyas\Downloads\f3f7a318-ce19-4657-911b-a01daa231612.tmp</t>
  </si>
  <si>
    <t>12/18/2019 14:01:10</t>
  </si>
  <si>
    <t>12/18/2019 14:03:27</t>
  </si>
  <si>
    <t>12/18/2019 14:01:40</t>
  </si>
  <si>
    <t>12/18/2019 14:02:10</t>
  </si>
  <si>
    <t>12/18/2019 13:58:55</t>
  </si>
  <si>
    <t>12/18/2019 14:04:27</t>
  </si>
  <si>
    <t>10d6247f-0d73-4546-983e-049a678ed4d8.tmp</t>
  </si>
  <si>
    <t>\\acsfs\profiles$\alinepp\Downloads\10d6247f-0d73-4546-983e-049a678ed4d8.tmp</t>
  </si>
  <si>
    <t>12/18/2019 13:59:59</t>
  </si>
  <si>
    <t>87d6c35b-307f-4eb4-b84d-a29af4f81083.tmp</t>
  </si>
  <si>
    <t>\\acsfs\profiles$\alinepp\Downloads\87d6c35b-307f-4eb4-b84d-a29af4f81083.tmp</t>
  </si>
  <si>
    <t>12/18/2019 14:01:51</t>
  </si>
  <si>
    <t>9523166c-dc5b-45ad-b1de-48e01376f539.tmp</t>
  </si>
  <si>
    <t>\\acsfs\profiles$\alinepp\Downloads\9523166c-dc5b-45ad-b1de-48e01376f539.tmp</t>
  </si>
  <si>
    <t>12/18/2019 13:59:15</t>
  </si>
  <si>
    <t>12/18/2019 13:59:49</t>
  </si>
  <si>
    <t>12/18/2019 13:59:50</t>
  </si>
  <si>
    <t>12/18/2019 13:59:51</t>
  </si>
  <si>
    <t>12/18/2019 14:00:20</t>
  </si>
  <si>
    <t>12/18/2019 14:01:38</t>
  </si>
  <si>
    <t>12/18/2019 14:01:50</t>
  </si>
  <si>
    <t>12/18/2019 14:02:45</t>
  </si>
  <si>
    <t>12/18/2019 14:02:46</t>
  </si>
  <si>
    <t>12/18/2019 14:02:48</t>
  </si>
  <si>
    <t>12/18/2019 14:02:49</t>
  </si>
  <si>
    <t>12/18/2019 14:03:17</t>
  </si>
  <si>
    <t>12/18/2019 14:00:46</t>
  </si>
  <si>
    <t>12/18/2019 14:03:14</t>
  </si>
  <si>
    <t>12/18/2019 14:03:43</t>
  </si>
  <si>
    <t>c3dccfac-e033-4e15-a880-405a3c914dad.tmp</t>
  </si>
  <si>
    <t>\\acsfs\profiles$\luanaldsi\Downloads\c3dccfac-e033-4e15-a880-405a3c914dad.tmp</t>
  </si>
  <si>
    <t>db9dc8b4-8f3e-4aaf-91df-c2abdc863617.tmp</t>
  </si>
  <si>
    <t>\\acsfs\profiles$\luanaldsi\Downloads\db9dc8b4-8f3e-4aaf-91df-c2abdc863617.tmp</t>
  </si>
  <si>
    <t>a1b159d7-b1f3-4457-9377-50cf5f39c8ac.tmp</t>
  </si>
  <si>
    <t>\\acsfs\profiles$\luanaldsi\Downloads\a1b159d7-b1f3-4457-9377-50cf5f39c8ac.tmp</t>
  </si>
  <si>
    <t>12/18/2019 14:01:17</t>
  </si>
  <si>
    <t>12/18/2019 14:06:27</t>
  </si>
  <si>
    <t>3d84da91-c300-4af4-a037-b4f5daec6007.tmp</t>
  </si>
  <si>
    <t>\\acsfs\profiles$\brendadsl\Downloads\3d84da91-c300-4af4-a037-b4f5daec6007.tmp</t>
  </si>
  <si>
    <t>12/18/2019 14:02:11</t>
  </si>
  <si>
    <t>3db4c949-b295-4054-84b8-f41e55c0cdb2.tmp</t>
  </si>
  <si>
    <t>\\acsfs\profiles$\brendadsl\Downloads\3db4c949-b295-4054-84b8-f41e55c0cdb2.tmp</t>
  </si>
  <si>
    <t>12/18/2019 14:02:26</t>
  </si>
  <si>
    <t>e10c60db-9490-4da6-8eb1-690f4d08e54f.tmp</t>
  </si>
  <si>
    <t>\\acsfs\profiles$\brendadsl\Downloads\e10c60db-9490-4da6-8eb1-690f4d08e54f.tmp</t>
  </si>
  <si>
    <t>12/18/2019 14:02:16</t>
  </si>
  <si>
    <t>12/18/2019 14:07:26</t>
  </si>
  <si>
    <t>12/18/2019 14:03:35</t>
  </si>
  <si>
    <t>caa0d900-5d6f-45cb-8ba2-99c13d2e5564.tmp</t>
  </si>
  <si>
    <t>\\acsfs\profiles$\gabrielamdp\Downloads\caa0d900-5d6f-45cb-8ba2-99c13d2e5564.tmp</t>
  </si>
  <si>
    <t>6614de7e-ce54-4f9c-986c-c224745d2352.tmp</t>
  </si>
  <si>
    <t>\\acsfs\profiles$\gabrielamdp\Downloads\6614de7e-ce54-4f9c-986c-c224745d2352.tmp</t>
  </si>
  <si>
    <t>12/18/2019 14:03:37</t>
  </si>
  <si>
    <t>18a9c034-20ce-42f1-8ce8-52f205c67356.tmp</t>
  </si>
  <si>
    <t>\\acsfs\profiles$\gabrielamdp\Downloads\18a9c034-20ce-42f1-8ce8-52f205c67356.tmp</t>
  </si>
  <si>
    <t>6e80a171-7e70-44ae-91b8-9827943dfbdd.tmp</t>
  </si>
  <si>
    <t>\\acsfs\profiles$\gabrielamdp\Downloads\6e80a171-7e70-44ae-91b8-9827943dfbdd.tmp</t>
  </si>
  <si>
    <t>12/18/2019 14:03:38</t>
  </si>
  <si>
    <t>de152852-a52a-4e83-9c13-a2b5026c5681.tmp</t>
  </si>
  <si>
    <t>\\acsfs\profiles$\gabrielamdp\Downloads\de152852-a52a-4e83-9c13-a2b5026c5681.tmp</t>
  </si>
  <si>
    <t>12/18/2019 14:05:40</t>
  </si>
  <si>
    <t>5e292f3f-211e-4937-bb29-47276239200c.tmp</t>
  </si>
  <si>
    <t>\\acsfs\profiles$\gabrielamdp\Downloads\5e292f3f-211e-4937-bb29-47276239200c.tmp</t>
  </si>
  <si>
    <t>12/18/2019 14:05:05</t>
  </si>
  <si>
    <t>12/18/2019 14:09:26</t>
  </si>
  <si>
    <t>12/18/2019 14:05:07</t>
  </si>
  <si>
    <t>12/18/2019 14:05:08</t>
  </si>
  <si>
    <t>12/18/2019 14:06:47</t>
  </si>
  <si>
    <t>12/18/2019 14:06:49</t>
  </si>
  <si>
    <t>12/18/2019 14:07:38</t>
  </si>
  <si>
    <t>12/18/2019 14:08:05</t>
  </si>
  <si>
    <t>12/18/2019 14:06:46</t>
  </si>
  <si>
    <t>12/18/2019 14:09:15</t>
  </si>
  <si>
    <t>12/18/2019 14:10:27</t>
  </si>
  <si>
    <t>e0e2c076-2609-4a3c-b163-44e4f9ef2774.tmp</t>
  </si>
  <si>
    <t>\\acsfs\profiles$\gabrielafs\Downloads\e0e2c076-2609-4a3c-b163-44e4f9ef2774.tmp</t>
  </si>
  <si>
    <t>12/18/2019 14:06:33</t>
  </si>
  <si>
    <t>12/18/2019 14:11:26</t>
  </si>
  <si>
    <t>12/18/2019 14:06:35</t>
  </si>
  <si>
    <t>12/18/2019 14:07:27</t>
  </si>
  <si>
    <t>12/18/2019 14:10:04</t>
  </si>
  <si>
    <t>12/18/2019 14:12:27</t>
  </si>
  <si>
    <t>NatanaelLF</t>
  </si>
  <si>
    <t>\\acsfs\profiles$\natanaellf\</t>
  </si>
  <si>
    <t>citrix.txt</t>
  </si>
  <si>
    <t>\\acsfs\profiles$\natanaellf\citrix.txt</t>
  </si>
  <si>
    <t>12/18/2019 14:10:05</t>
  </si>
  <si>
    <t>12/18/2019 14:10:06</t>
  </si>
  <si>
    <t>12/18/2019 14:10:08</t>
  </si>
  <si>
    <t>12/18/2019 14:10:09</t>
  </si>
  <si>
    <t>12/18/2019 14:10:10</t>
  </si>
  <si>
    <t>12/18/2019 14:08:10</t>
  </si>
  <si>
    <t>10.200.67.161</t>
  </si>
  <si>
    <t>74-86-7A-FB-19-0C</t>
  </si>
  <si>
    <t>VOTORANT-GB010</t>
  </si>
  <si>
    <t>georgendsq</t>
  </si>
  <si>
    <t>\\acsfs\profiles$\georgendsq\Downloads\</t>
  </si>
  <si>
    <t>3ba1dcaa-2fdb-4031-9512-ac55cbc7193b.tmp</t>
  </si>
  <si>
    <t>\\acsfs\profiles$\georgendsq\Downloads\3ba1dcaa-2fdb-4031-9512-ac55cbc7193b.tmp</t>
  </si>
  <si>
    <t>12/18/2019 14:08:54</t>
  </si>
  <si>
    <t>5779b5ac-9163-43e9-897e-ff4f106618d6.tmp</t>
  </si>
  <si>
    <t>\\acsfs\profiles$\georgendsq\Downloads\5779b5ac-9163-43e9-897e-ff4f106618d6.tmp</t>
  </si>
  <si>
    <t>c77b6abd-a16a-43a4-a033-29fa877d4c90.tmp</t>
  </si>
  <si>
    <t>\\acsfs\profiles$\georgendsq\Downloads\c77b6abd-a16a-43a4-a033-29fa877d4c90.tmp</t>
  </si>
  <si>
    <t>7bfe6c9e-280a-4a86-b4dc-2ffb19713845.tmp</t>
  </si>
  <si>
    <t>\\acsfs\profiles$\georgendsq\Downloads\7bfe6c9e-280a-4a86-b4dc-2ffb19713845.tmp</t>
  </si>
  <si>
    <t>12/18/2019 14:11:24</t>
  </si>
  <si>
    <t>12/18/2019 14:13:26</t>
  </si>
  <si>
    <t>12/18/2019 14:11:44</t>
  </si>
  <si>
    <t>12/18/2019 14:12:14</t>
  </si>
  <si>
    <t>12/18/2019 14:12:44</t>
  </si>
  <si>
    <t>12/18/2019 14:13:14</t>
  </si>
  <si>
    <t>12/18/2019 14:11:15</t>
  </si>
  <si>
    <t>12/18/2019 14:14:27</t>
  </si>
  <si>
    <t>a8c135a5-d0c3-46dd-a674-81479ef7b39d.tmp</t>
  </si>
  <si>
    <t>\\acsfs\profiles$\alinepp\Downloads\a8c135a5-d0c3-46dd-a674-81479ef7b39d.tmp</t>
  </si>
  <si>
    <t>12/18/2019 14:09:04</t>
  </si>
  <si>
    <t>/o=exchangelabs/ou=exchange administrative group (fydibohf23spdlt)/cn=recipients/cn=5af2cae509964078b2026f7f550380b0-andre luis;</t>
  </si>
  <si>
    <t>Retiradas para feedback</t>
  </si>
  <si>
    <t>/o=exchangelabs/ou=exchange administrative group (fydibohf23spdlt)/cn=recipients/cn=5af2cae509964078b2026f7f550380b0-andre luis</t>
  </si>
  <si>
    <t>12/18/2019 14:09:06</t>
  </si>
  <si>
    <t>12/18/2019 14:09:07</t>
  </si>
  <si>
    <t>12/18/2019 14:09:08</t>
  </si>
  <si>
    <t>12/18/2019 14:09:10</t>
  </si>
  <si>
    <t>12/18/2019 14:09:11</t>
  </si>
  <si>
    <t>12/18/2019 14:09:17</t>
  </si>
  <si>
    <t>12/18/2019 14:09:19</t>
  </si>
  <si>
    <t>12/18/2019 14:09:21</t>
  </si>
  <si>
    <t>12/18/2019 14:10:15</t>
  </si>
  <si>
    <t>12/18/2019 14:10:17</t>
  </si>
  <si>
    <t>12/18/2019 14:11:18</t>
  </si>
  <si>
    <t>12/18/2019 14:11:19</t>
  </si>
  <si>
    <t>12/18/2019 14:12:46</t>
  </si>
  <si>
    <t>12/18/2019 14:10:42</t>
  </si>
  <si>
    <t>12/18/2019 14:15:26</t>
  </si>
  <si>
    <t>THAIS MACHADO BEZERRA_1_6765851179628964948_1_32.wav</t>
  </si>
  <si>
    <t>\\acsfs\DEPTOS\EDUCACAO EMPRESARIAL\ligação mutant primeiro ciclo MUTANT\THAIS MACHADO BEZERRA_1_6765851179628964948_1_32.wav</t>
  </si>
  <si>
    <t>12/18/2019 14:16:26</t>
  </si>
  <si>
    <t>4ef381d0-0ebb-44ef-b892-19e4f271fd43.tmp</t>
  </si>
  <si>
    <t>\\acsfs\profiles$\deborahsi\Downloads\4ef381d0-0ebb-44ef-b892-19e4f271fd43.tmp</t>
  </si>
  <si>
    <t>12/18/2019 14:12:42</t>
  </si>
  <si>
    <t>12/18/2019 14:13:16</t>
  </si>
  <si>
    <t>133bb047-b436-4c71-9a21-94d01375cd6b.tmp</t>
  </si>
  <si>
    <t>\\acsfs\profiles$\wenderbnm\Downloads\133bb047-b436-4c71-9a21-94d01375cd6b.tmp</t>
  </si>
  <si>
    <t>Bloco 18122019.txt</t>
  </si>
  <si>
    <t>\\acsfs\profiles$\brendadsl\My Documents\Blocos\Blocos Dezembro 2019\Bloco 18122019.txt</t>
  </si>
  <si>
    <t>12/18/2019 14:13:27</t>
  </si>
  <si>
    <t>12/18/2019 14:14:26</t>
  </si>
  <si>
    <t>12/18/2019 14:15:28</t>
  </si>
  <si>
    <t>6dff85e0-5de0-48a4-8414-52ec290ba29c.tmp</t>
  </si>
  <si>
    <t>\\acsfs\profiles$\victorgl\Downloads\6dff85e0-5de0-48a4-8414-52ec290ba29c.tmp</t>
  </si>
  <si>
    <t>12/18/2019 14:14:17</t>
  </si>
  <si>
    <t>12/18/2019 14:17:26</t>
  </si>
  <si>
    <t>12/18/2019 14:15:48</t>
  </si>
  <si>
    <t>12/18/2019 14:18:26</t>
  </si>
  <si>
    <t>mail.google.com/_/upload?authuser=0&amp;dcp=asu-n&amp;upload_id=AEnB2UqPENn1mkM7WVesgKNpLWM4urU6wWWiOFFLLdtr_2lDsI5czbEYb07R568_8dBaT5zogJmcyTJ5Y6OM0vHFeCQmRFfrbb-U1KsFgnsujkp-HgmVyzo&amp;upload_protocol=resumable</t>
  </si>
  <si>
    <t>12/18/2019 14:14:43</t>
  </si>
  <si>
    <t>12/18/2019 14:16:03</t>
  </si>
  <si>
    <t>\\acsfs\profiles$\luanaldsi\Contacts\</t>
  </si>
  <si>
    <t>LUANA LOPES DA SILVA (17033).contact</t>
  </si>
  <si>
    <t>\\acsfs\profiles$\luanaldsi\Contacts\LUANA LOPES DA SILVA (17033).contact</t>
  </si>
  <si>
    <t>12/18/2019 14:16:17</t>
  </si>
  <si>
    <t>\\acsfs\profiles$\luanaldsi\My Documents\My Videos\</t>
  </si>
  <si>
    <t>\\acsfs\profiles$\luanaldsi\My Documents\My Videos\desktop.ini</t>
  </si>
  <si>
    <t>12/18/2019 14:16:18</t>
  </si>
  <si>
    <t>\\acsfs\profiles$\luanaldsi\My Documents\My Pictures\</t>
  </si>
  <si>
    <t>\\acsfs\profiles$\luanaldsi\My Documents\My Pictures\desktop.ini</t>
  </si>
  <si>
    <t>12/18/2019 14:16:19</t>
  </si>
  <si>
    <t>\\acsfs\profiles$\luanaldsi\Contacts\desktop.ini</t>
  </si>
  <si>
    <t>12/18/2019 14:16:20</t>
  </si>
  <si>
    <t>\\acsfs\profiles$\luanaldsi\Favorites\</t>
  </si>
  <si>
    <t>\\acsfs\profiles$\luanaldsi\Favorites\desktop.ini</t>
  </si>
  <si>
    <t>\\acsfs\profiles$\luanaldsi\My Documents\My Music\</t>
  </si>
  <si>
    <t>\\acsfs\profiles$\luanaldsi\My Documents\My Music\desktop.ini</t>
  </si>
  <si>
    <t>12/18/2019 14:16:21</t>
  </si>
  <si>
    <t>12/18/2019 14:16:22</t>
  </si>
  <si>
    <t>\\acsfs\profiles$\luanaldsi\Searches\</t>
  </si>
  <si>
    <t>\\acsfs\profiles$\luanaldsi\Searches\desktop.ini</t>
  </si>
  <si>
    <t>12/18/2019 14:14:00</t>
  </si>
  <si>
    <t>10.200.66.169</t>
  </si>
  <si>
    <t>74-86-7A-FC-CF-64</t>
  </si>
  <si>
    <t>VOTORANT-YB007</t>
  </si>
  <si>
    <t>cebd1948-a3b1-4c5b-8b25-d78d732b8e48.tmp</t>
  </si>
  <si>
    <t>\\acsfs\profiles$\gabrieleods\Downloads\cebd1948-a3b1-4c5b-8b25-d78d732b8e48.tmp</t>
  </si>
  <si>
    <t>12/18/2019 14:14:04</t>
  </si>
  <si>
    <t>6fb3e81f-7680-435d-a2cd-0f1f627f7294.tmp</t>
  </si>
  <si>
    <t>\\acsfs\profiles$\gabrieleods\Downloads\6fb3e81f-7680-435d-a2cd-0f1f627f7294.tmp</t>
  </si>
  <si>
    <t>12/18/2019 14:14:05</t>
  </si>
  <si>
    <t>1e6f3a75-0e01-449b-8745-96846f358884.tmp</t>
  </si>
  <si>
    <t>\\acsfs\profiles$\gabrieleods\Downloads\1e6f3a75-0e01-449b-8745-96846f358884.tmp</t>
  </si>
  <si>
    <t>12/18/2019 14:14:09</t>
  </si>
  <si>
    <t>d7c0331a-999e-454a-9e95-b63e5c0615c7.tmp</t>
  </si>
  <si>
    <t>\\acsfs\profiles$\gabrieleods\Downloads\d7c0331a-999e-454a-9e95-b63e5c0615c7.tmp</t>
  </si>
  <si>
    <t>\\acsfs\profiles$\luanaldsi\Downloads\desktop.ini</t>
  </si>
  <si>
    <t>12/18/2019 14:16:23</t>
  </si>
  <si>
    <t>\\acsfs\profiles$\luanaldsi\My Documents\</t>
  </si>
  <si>
    <t>\\acsfs\profiles$\luanaldsi\My Documents\desktop.ini</t>
  </si>
  <si>
    <t>12/18/2019 14:16:24</t>
  </si>
  <si>
    <t>\\acsfs\profiles$\luanaldsi\Saved Games\</t>
  </si>
  <si>
    <t>\\acsfs\profiles$\luanaldsi\Saved Games\desktop.ini</t>
  </si>
  <si>
    <t>12/18/2019 14:16:42</t>
  </si>
  <si>
    <t>\\acsfs\profiles$\luanaldsi\Favorites\Links for Brasil\</t>
  </si>
  <si>
    <t>\\acsfs\profiles$\luanaldsi\Favorites\Links for Brasil\desktop.ini</t>
  </si>
  <si>
    <t>12/18/2019 14:16:43</t>
  </si>
  <si>
    <t>\\acsfs\profiles$\luanaldsi\Favorites\Links for Brasil\Microsoft Brasil.url</t>
  </si>
  <si>
    <t>\\acsfs\profiles$\luanaldsi\Favorites\Links for Brasil\Windows Brasil.url</t>
  </si>
  <si>
    <t>\\acsfs\profiles$\luanaldsi\Favorites\Links for Brasil\MSN Brasil.url</t>
  </si>
  <si>
    <t>12/18/2019 14:13:44</t>
  </si>
  <si>
    <t>12/18/2019 14:16:15</t>
  </si>
  <si>
    <t>12/18/2019 14:16:46</t>
  </si>
  <si>
    <t>12/18/2019 14:18:16</t>
  </si>
  <si>
    <t>12/18/2019 14:13:38</t>
  </si>
  <si>
    <t>12/18/2019 14:19:26</t>
  </si>
  <si>
    <t>12/18/2019 14:15:17</t>
  </si>
  <si>
    <t>12/18/2019 14:15:44</t>
  </si>
  <si>
    <t>12/18/2019 14:16:33</t>
  </si>
  <si>
    <t>12/18/2019 14:16:38</t>
  </si>
  <si>
    <t>12/18/2019 14:19:59</t>
  </si>
  <si>
    <t>12/18/2019 14:21:26</t>
  </si>
  <si>
    <t>c2c2b528-6423-4b72-9b66-7765d2de2b66.tmp</t>
  </si>
  <si>
    <t>\\acsfs\profiles$\gabrielarb\Downloads\c2c2b528-6423-4b72-9b66-7765d2de2b66.tmp</t>
  </si>
  <si>
    <t>12/18/2019 14:16:31</t>
  </si>
  <si>
    <t>39efd138-d56d-40c8-92ab-b4c4e84e31b3.tmp</t>
  </si>
  <si>
    <t>\\acsfs\profiles$\joycemmdl\Downloads\39efd138-d56d-40c8-92ab-b4c4e84e31b3.tmp</t>
  </si>
  <si>
    <t>12/18/2019 14:18:05</t>
  </si>
  <si>
    <t>077b63da-4aea-4d71-9e5b-93ffac470940.tmp</t>
  </si>
  <si>
    <t>\\acsfs\profiles$\joycemmdl\Downloads\077b63da-4aea-4d71-9e5b-93ffac470940.tmp</t>
  </si>
  <si>
    <t>1c0405c0-1ad8-4849-b756-10cb9645409b.tmp</t>
  </si>
  <si>
    <t>\\acsfs\profiles$\joycemmdl\Downloads\1c0405c0-1ad8-4849-b756-10cb9645409b.tmp</t>
  </si>
  <si>
    <t>a9deb931-7cee-42d7-a96d-761033e0c630.tmp</t>
  </si>
  <si>
    <t>\\acsfs\profiles$\valeriasda\Downloads\a9deb931-7cee-42d7-a96d-761033e0c630.tmp</t>
  </si>
  <si>
    <t>12/18/2019 14:18:30</t>
  </si>
  <si>
    <t>12/18/2019 14:16:49</t>
  </si>
  <si>
    <t>b52b20f9-6655-4ac0-8918-6aff6eeeeb3d.tmp</t>
  </si>
  <si>
    <t>\\acsfs\profiles$\victorgl\Downloads\b52b20f9-6655-4ac0-8918-6aff6eeeeb3d.tmp</t>
  </si>
  <si>
    <t>12/18/2019 14:17:27</t>
  </si>
  <si>
    <t>d57462b6-28b2-43bd-b262-53eb02f9cfc9.tmp</t>
  </si>
  <si>
    <t>\\acsfs\profiles$\victorgl\Downloads\d57462b6-28b2-43bd-b262-53eb02f9cfc9.tmp</t>
  </si>
  <si>
    <t>12/18/2019 14:17:36</t>
  </si>
  <si>
    <t>78567b40-57bd-4546-a8a1-4c42006b9ff7.tmp</t>
  </si>
  <si>
    <t>\\acsfs\profiles$\victorgl\Downloads\78567b40-57bd-4546-a8a1-4c42006b9ff7.tmp</t>
  </si>
  <si>
    <t>12/18/2019 14:18:29</t>
  </si>
  <si>
    <t>f9f776b0-7dc0-476a-b6cf-c2770d8cd6e0.tmp</t>
  </si>
  <si>
    <t>\\acsfs\profiles$\victorgl\Downloads\f9f776b0-7dc0-476a-b6cf-c2770d8cd6e0.tmp</t>
  </si>
  <si>
    <t>12/18/2019 14:21:01</t>
  </si>
  <si>
    <t>12/18/2019 14:21:09</t>
  </si>
  <si>
    <t>12/18/2019 14:22:27</t>
  </si>
  <si>
    <t>0cc75ddb-9364-42ef-a776-0f641e71bae4.tmp</t>
  </si>
  <si>
    <t>\\acsfs\profiles$\philipegsf\Downloads\0cc75ddb-9364-42ef-a776-0f641e71bae4.tmp</t>
  </si>
  <si>
    <t>12/18/2019 14:17:48</t>
  </si>
  <si>
    <t>12/18/2019 14:19:43</t>
  </si>
  <si>
    <t>12/18/2019 14:23:26</t>
  </si>
  <si>
    <t>73b9fd10-0c5d-47ec-8d53-4759a6914790.tmp</t>
  </si>
  <si>
    <t>\\acsfs\profiles$\luanaldsi\Downloads\73b9fd10-0c5d-47ec-8d53-4759a6914790.tmp</t>
  </si>
  <si>
    <t>12/18/2019 14:19:45</t>
  </si>
  <si>
    <t>506dc9a8-a602-41a5-a17a-d740d40e11e9.tmp</t>
  </si>
  <si>
    <t>\\acsfs\profiles$\luanaldsi\Downloads\506dc9a8-a602-41a5-a17a-d740d40e11e9.tmp</t>
  </si>
  <si>
    <t>12/18/2019 14:19:19</t>
  </si>
  <si>
    <t>12/18/2019 14:24:27</t>
  </si>
  <si>
    <t>12/18/2019 14:19:21</t>
  </si>
  <si>
    <t>12/18/2019 14:19:38</t>
  </si>
  <si>
    <t>12/18/2019 14:20:43</t>
  </si>
  <si>
    <t>12/18/2019 14:20:45</t>
  </si>
  <si>
    <t>12/18/2019 14:21:17</t>
  </si>
  <si>
    <t>12/18/2019 14:23:15</t>
  </si>
  <si>
    <t>12/18/2019 14:18:46</t>
  </si>
  <si>
    <t>12/18/2019 14:22:08</t>
  </si>
  <si>
    <t>lu763612h81i.tmp</t>
  </si>
  <si>
    <t>\\acsfs\profiles$\luanarda\lu763612h81i.tmp</t>
  </si>
  <si>
    <t>\\acsfs\profiles$\luanarda\lu763612h81i.tmp\</t>
  </si>
  <si>
    <t>\\acsfs\profiles$\luanarda\lu763612h81i.tmp\META-INF\</t>
  </si>
  <si>
    <t>\\acsfs\profiles$\luanarda\lu763612h81i.tmp\Thumbnails\</t>
  </si>
  <si>
    <t>12/18/2019 14:20:34</t>
  </si>
  <si>
    <t>12/18/2019 14:22:39</t>
  </si>
  <si>
    <t>6df1b48d-2cdb-4a08-af5d-47c2fbbd7432.tmp</t>
  </si>
  <si>
    <t>\\acsfs\profiles$\felipetds\Downloads\6df1b48d-2cdb-4a08-af5d-47c2fbbd7432.tmp</t>
  </si>
  <si>
    <t>12/18/2019 14:19:58</t>
  </si>
  <si>
    <t>12/18/2019 14:25:27</t>
  </si>
  <si>
    <t>\\acsfs\profiles$\thaisdss\My Documents\My Pictures\</t>
  </si>
  <si>
    <t>\\acsfs\profiles$\thaisdss\My Documents\My Pictures\Thumbs.db</t>
  </si>
  <si>
    <t>\\acsfs\profiles$\thaisdss\Links\</t>
  </si>
  <si>
    <t>Downloads.lnk</t>
  </si>
  <si>
    <t>\\acsfs\profiles$\thaisdss\Links\Downloads.lnk</t>
  </si>
  <si>
    <t>12/18/2019 14:21:55</t>
  </si>
  <si>
    <t>\\acsfs\profiles$\thaisdss\Downloads\Thumbs.db</t>
  </si>
  <si>
    <t>12/18/2019 14:23:54</t>
  </si>
  <si>
    <t>12/18/2019 14:23:56</t>
  </si>
  <si>
    <t>12/18/2019 14:24:57</t>
  </si>
  <si>
    <t>12/18/2019 14:24:41</t>
  </si>
  <si>
    <t>12/18/2019 14:26:27</t>
  </si>
  <si>
    <t>d5de06e4-c7f6-4d0c-bc4b-3be3e9d0d416.tmp</t>
  </si>
  <si>
    <t>\\acsfs\profiles$\leticiala\Downloads\d5de06e4-c7f6-4d0c-bc4b-3be3e9d0d416.tmp</t>
  </si>
  <si>
    <t>12/18/2019 14:23:11</t>
  </si>
  <si>
    <t>acd5fdf8-5c64-41fb-9e75-db74bc21375a.tmp</t>
  </si>
  <si>
    <t>\\acsfs\profiles$\YASMINSC\Downloads\acd5fdf8-5c64-41fb-9e75-db74bc21375a.tmp</t>
  </si>
  <si>
    <t>12/18/2019 14:21:36</t>
  </si>
  <si>
    <t>12/18/2019 14:22:23</t>
  </si>
  <si>
    <t>12/18/2019 14:21:56</t>
  </si>
  <si>
    <t>12/18/2019 14:24:26</t>
  </si>
  <si>
    <t>12/18/2019 14:25:26</t>
  </si>
  <si>
    <t>12/18/2019 14:21:48</t>
  </si>
  <si>
    <t>12/18/2019 14:27:27</t>
  </si>
  <si>
    <t>096f59c5-b7bc-43c0-bb6d-aca533d41219.tmp</t>
  </si>
  <si>
    <t>\\acsfs\profiles$\philipegsf\Downloads\096f59c5-b7bc-43c0-bb6d-aca533d41219.tmp</t>
  </si>
  <si>
    <t>12/18/2019 14:24:32</t>
  </si>
  <si>
    <t>12/18/2019 14:29:27</t>
  </si>
  <si>
    <t>12/18/2019 14:25:34</t>
  </si>
  <si>
    <t>12/18/2019 14:25:35</t>
  </si>
  <si>
    <t>12/18/2019 14:25:37</t>
  </si>
  <si>
    <t>12/18/2019 14:25:38</t>
  </si>
  <si>
    <t>12/18/2019 14:27:17</t>
  </si>
  <si>
    <t>12/18/2019 14:24:47</t>
  </si>
  <si>
    <t>12/18/2019 14:25:29</t>
  </si>
  <si>
    <t>12/18/2019 14:25:41</t>
  </si>
  <si>
    <t>12/18/2019 14:25:01</t>
  </si>
  <si>
    <t>12/18/2019 14:23:48</t>
  </si>
  <si>
    <t>mail.google.com/_/upload?authuser=0&amp;dcp=asu-n&amp;upload_id=AEnB2UragtSISwN-3qNgRr-i5LeDUDZ9Rg4DEIY3FWSW3aVgxWVIjfA4a4wJnlLf1tlJS2G1EwHO3Y8OIGy29ZEDQKP9XdXoctwLW-DxEhEYvFWvlZnncog&amp;upload_protocol=resumable</t>
  </si>
  <si>
    <t>12/18/2019 14:27:10</t>
  </si>
  <si>
    <t>lu10204ro03c.tmp</t>
  </si>
  <si>
    <t>\\acsfs\profiles$\dhiulliananads\My Documents\lu10204ro03c.tmp</t>
  </si>
  <si>
    <t>\\acsfs\profiles$\dhiulliananads\My Documents\lu10204ro03c.tmp\</t>
  </si>
  <si>
    <t>\\acsfs\profiles$\dhiulliananads\My Documents\lu10204ro03c.tmp\META-INF\</t>
  </si>
  <si>
    <t>\\acsfs\profiles$\dhiulliananads\My Documents\lu10204ro03c.tmp\Thumbnails\</t>
  </si>
  <si>
    <t>12/18/2019 14:27:14</t>
  </si>
  <si>
    <t>12/18/2019 14:27:15</t>
  </si>
  <si>
    <t>lu10204ro03g.tmp</t>
  </si>
  <si>
    <t>\\acsfs\profiles$\dhiulliananads\My Documents\lu10204ro03g.tmp</t>
  </si>
  <si>
    <t>\\acsfs\profiles$\dhiulliananads\My Documents\lu10204ro03g.tmp\</t>
  </si>
  <si>
    <t>\\acsfs\profiles$\dhiulliananads\My Documents\lu10204ro03g.tmp\META-INF\</t>
  </si>
  <si>
    <t>12/18/2019 14:27:30</t>
  </si>
  <si>
    <t>00bfc412-86bd-4514-8d80-d4dcdb3f0969.tmp</t>
  </si>
  <si>
    <t>\\acsfs\profiles$\luanaldsi\Downloads\00bfc412-86bd-4514-8d80-d4dcdb3f0969.tmp</t>
  </si>
  <si>
    <t>\\acsfs\profiles$\dhiulliananads\My Documents\lu10204ro03g.tmp\Thumbnails\</t>
  </si>
  <si>
    <t>12/18/2019 14:30:27</t>
  </si>
  <si>
    <t>12/18/2019 14:29:54</t>
  </si>
  <si>
    <t>JESSICA DE ALMEIDA GOMES_1_6766245801224120244_1_32.wav</t>
  </si>
  <si>
    <t>\\acsfs\DEPTOS\EDUCACAO EMPRESARIAL\ligação mutant primeiro ciclo MUTANT\JESSICA DE ALMEIDA GOMES_1_6766245801224120244_1_32.wav</t>
  </si>
  <si>
    <t>12/18/2019 14:29:59</t>
  </si>
  <si>
    <t>12/18/2019 14:31:28</t>
  </si>
  <si>
    <t>06d92c1e-a530-4c8d-9d20-1682173f49da.tmp</t>
  </si>
  <si>
    <t>\\acsfs\profiles$\gabrielarb\Downloads\06d92c1e-a530-4c8d-9d20-1682173f49da.tmp</t>
  </si>
  <si>
    <t>12/18/2019 14:30:05</t>
  </si>
  <si>
    <t>645af370-9424-4222-bd15-b8cb80eb31e9.tmp</t>
  </si>
  <si>
    <t>\\acsfs\profiles$\gabrielarb\Downloads\645af370-9424-4222-bd15-b8cb80eb31e9.tmp</t>
  </si>
  <si>
    <t>12/18/2019 14:30:34</t>
  </si>
  <si>
    <t>08a716fc-6ab1-4751-b6b5-66b482cd1a48.tmp</t>
  </si>
  <si>
    <t>\\acsfs\profiles$\gabrielarb\Downloads\08a716fc-6ab1-4751-b6b5-66b482cd1a48.tmp</t>
  </si>
  <si>
    <t>12/18/2019 14:29:07</t>
  </si>
  <si>
    <t>12/18/2019 14:29:49</t>
  </si>
  <si>
    <t>12/18/2019 14:29:45</t>
  </si>
  <si>
    <t>12/18/2019 14:30:26</t>
  </si>
  <si>
    <t>12/18/2019 14:29:46</t>
  </si>
  <si>
    <t>12/18/2019 14:32:27</t>
  </si>
  <si>
    <t>ccd46679-8b9d-4923-9541-b228bf5d7dce.tmp</t>
  </si>
  <si>
    <t>\\acsfs\profiles$\larissaad\Downloads\ccd46679-8b9d-4923-9541-b228bf5d7dce.tmp</t>
  </si>
  <si>
    <t>12/18/2019 14:29:55</t>
  </si>
  <si>
    <t>e8b40c4d-743e-44dc-b03b-ac5f2bad5732.tmp</t>
  </si>
  <si>
    <t>\\acsfs\profiles$\georgendsq\Downloads\e8b40c4d-743e-44dc-b03b-ac5f2bad5732.tmp</t>
  </si>
  <si>
    <t>12/18/2019 14:30:13</t>
  </si>
  <si>
    <t>12/18/2019 14:34:27</t>
  </si>
  <si>
    <t>12/18/2019 14:30:38</t>
  </si>
  <si>
    <t>12/18/2019 14:31:38</t>
  </si>
  <si>
    <t>12/18/2019 14:33:17</t>
  </si>
  <si>
    <t>12/18/2019 14:33:37</t>
  </si>
  <si>
    <t>12/18/2019 14:33:39</t>
  </si>
  <si>
    <t>12/18/2019 14:30:47</t>
  </si>
  <si>
    <t>12/18/2019 14:32:58</t>
  </si>
  <si>
    <t>12/18/2019 14:35:27</t>
  </si>
  <si>
    <t>12/18/2019 14:30:46</t>
  </si>
  <si>
    <t>12/18/2019 14:36:27</t>
  </si>
  <si>
    <t>01d06ab7-0cea-4ae6-8bcf-051f5b797da5.tmp</t>
  </si>
  <si>
    <t>\\acsfs\profiles$\gabrielarb\Downloads\01d06ab7-0cea-4ae6-8bcf-051f5b797da5.tmp</t>
  </si>
  <si>
    <t>12/18/2019 14:32:26</t>
  </si>
  <si>
    <t>fcb1ef43-f651-4523-9d98-87391f380c30.tmp</t>
  </si>
  <si>
    <t>\\acsfs\profiles$\YASMINSC\Downloads\fcb1ef43-f651-4523-9d98-87391f380c30.tmp</t>
  </si>
  <si>
    <t>12/18/2019 14:31:58</t>
  </si>
  <si>
    <t>12/18/2019 14:31:59</t>
  </si>
  <si>
    <t>12/18/2019 14:32:22</t>
  </si>
  <si>
    <t>12/18/2019 14:31:26</t>
  </si>
  <si>
    <t>12/18/2019 14:33:24</t>
  </si>
  <si>
    <t>12/18/2019 14:37:26</t>
  </si>
  <si>
    <t>12/18/2019 14:34:15</t>
  </si>
  <si>
    <t>12/18/2019 14:35:20</t>
  </si>
  <si>
    <t>12/18/2019 14:33:31</t>
  </si>
  <si>
    <t>12/18/2019 14:38:27</t>
  </si>
  <si>
    <t>18a6159f-c531-4da1-9b59-28a51839071b.tmp</t>
  </si>
  <si>
    <t>\\acsfs\profiles$\gabrieleods\Downloads\18a6159f-c531-4da1-9b59-28a51839071b.tmp</t>
  </si>
  <si>
    <t>12/18/2019 14:35:01</t>
  </si>
  <si>
    <t>1603536e-f920-4a3d-9d72-1fcb98f12daf.tmp</t>
  </si>
  <si>
    <t>\\acsfs\profiles$\gabrieleods\Downloads\1603536e-f920-4a3d-9d72-1fcb98f12daf.tmp</t>
  </si>
  <si>
    <t>12/18/2019 14:35:03</t>
  </si>
  <si>
    <t>fbc3c491-9d3f-4969-8d5a-1f90cfb4bdac.tmp</t>
  </si>
  <si>
    <t>\\acsfs\profiles$\gabrieleods\Downloads\fbc3c491-9d3f-4969-8d5a-1f90cfb4bdac.tmp</t>
  </si>
  <si>
    <t>12/18/2019 14:35:21</t>
  </si>
  <si>
    <t>ff62b61e-2e8f-4dc5-857a-58a357844d5a.tmp</t>
  </si>
  <si>
    <t>\\acsfs\profiles$\gabrieleods\Downloads\ff62b61e-2e8f-4dc5-857a-58a357844d5a.tmp</t>
  </si>
  <si>
    <t>12/18/2019 14:35:37</t>
  </si>
  <si>
    <t>5de695e2-af80-4974-a53a-c6d555b8a2c1.tmp</t>
  </si>
  <si>
    <t>\\acsfs\profiles$\gabrieleods\Downloads\5de695e2-af80-4974-a53a-c6d555b8a2c1.tmp</t>
  </si>
  <si>
    <t>12/18/2019 14:36:24</t>
  </si>
  <si>
    <t>12/18/2019 14:36:54</t>
  </si>
  <si>
    <t>12/18/2019 14:37:25</t>
  </si>
  <si>
    <t>12/18/2019 14:37:55</t>
  </si>
  <si>
    <t>12/18/2019 14:33:40</t>
  </si>
  <si>
    <t>12/18/2019 14:39:27</t>
  </si>
  <si>
    <t>12/18/2019 14:36:00</t>
  </si>
  <si>
    <t>12/18/2019 14:36:01</t>
  </si>
  <si>
    <t>12/18/2019 14:36:03</t>
  </si>
  <si>
    <t>12/18/2019 14:37:38</t>
  </si>
  <si>
    <t>12/18/2019 14:38:05</t>
  </si>
  <si>
    <t>12/18/2019 14:36:47</t>
  </si>
  <si>
    <t>12/18/2019 14:37:07</t>
  </si>
  <si>
    <t>1d0a7a3f-708e-4302-a17f-aa3bbb767e68.tmp</t>
  </si>
  <si>
    <t>\\acsfs\profiles$\larissaad\Downloads\1d0a7a3f-708e-4302-a17f-aa3bbb767e68.tmp</t>
  </si>
  <si>
    <t>12/18/2019 14:37:10</t>
  </si>
  <si>
    <t>466e24f6-d4b6-45dd-94a1-7cf4cfb428d0.tmp</t>
  </si>
  <si>
    <t>\\acsfs\profiles$\larissaad\Downloads\466e24f6-d4b6-45dd-94a1-7cf4cfb428d0.tmp</t>
  </si>
  <si>
    <t>12/18/2019 14:26:50</t>
  </si>
  <si>
    <t>18-12 QUARTA.txt</t>
  </si>
  <si>
    <t>\\acsfs\profiles$\gabrielamdp\My Documents\18-12 QUARTA.txt</t>
  </si>
  <si>
    <t>12/18/2019 14:38:41</t>
  </si>
  <si>
    <t>12/18/2019 14:40:27</t>
  </si>
  <si>
    <t>adrianoms@algartech.com;anapscl@algartech.com;andressacpd@algartech.com;elton.costa@quilleconsultoria.com.br;fabio.ribeiro@algarnet.onmicrosoft.com;fabiolacc@algartecnologia.com.br;fredericobs@algartecnologia.com.br;julianatem@algartech.com;katiargf@algartech.com;luanaaoli@algartech.com;lucieneili@algartech.com;micheless@algartech.com.br;polati@algartech.com;rafaelaas@algartech.com;</t>
  </si>
  <si>
    <t>Resumo Gerencial Bacen Procedente Amex até 17/12</t>
  </si>
  <si>
    <t>adrianoms@algartech.com,anapscl@algartech.com,andressacpd@algartech.com,elton.costa@quilleconsultoria.com.br,fabio.ribeiro@algarnet.onmicrosoft.com,fabiolacc@algartecnologia.com.br,fredericobs@algartecnologia.com.br,julianatem@algartech.com,katiargf@algartech.com,luanaaoli@algartech.com,lucieneili@algartech.com,micheless@algartech.com.br,polati@algartech.com,rafaelaas@algartech.com</t>
  </si>
  <si>
    <t>12/18/2019 14:37:03</t>
  </si>
  <si>
    <t>Laudo 2 rafaela caso aquiles.docx</t>
  </si>
  <si>
    <t>\\acsfs\DEPTOS\Operacao\Banco_Votorantim\Qualidade\Anderson\Jose\Laudo 2 rafaela caso aquiles.docx</t>
  </si>
  <si>
    <t>Laudo 1 rafaela caso Maria rita.docx</t>
  </si>
  <si>
    <t>\\acsfs\DEPTOS\Operacao\Banco_Votorantim\Qualidade\Anderson\Jose\Laudo 1 rafaela caso Maria rita.docx</t>
  </si>
  <si>
    <t>12/18/2019 14:37:04</t>
  </si>
  <si>
    <t>Laudo 3 rafaela caso LAURICI.docx</t>
  </si>
  <si>
    <t>\\acsfs\DEPTOS\Operacao\Banco_Votorantim\Qualidade\Anderson\Jose\Laudo 3 rafaela caso LAURICI.docx</t>
  </si>
  <si>
    <t>12/18/2019 14:37:33</t>
  </si>
  <si>
    <t>12/18/2019 14:36:15</t>
  </si>
  <si>
    <t>12/18/2019 14:39:33</t>
  </si>
  <si>
    <t>12/18/2019 14:35:39</t>
  </si>
  <si>
    <t>12/18/2019 14:41:27</t>
  </si>
  <si>
    <t>603ae73f-ba5b-4bcf-a815-4d69bc4427b1.tmp</t>
  </si>
  <si>
    <t>\\acsfs\profiles$\leticiala\Downloads\603ae73f-ba5b-4bcf-a815-4d69bc4427b1.tmp</t>
  </si>
  <si>
    <t>12/18/2019 14:37:17</t>
  </si>
  <si>
    <t>mail.google.com/_/upload?authuser=0&amp;dcp=asu-n&amp;upload_id=AEnB2UpvladLNNHdDXU2-zWy8HXOKkmkMOH7sX9sHmrBmAedYTiVXW_HwXkHYTcegXol8eyVaFp24fT63UkZGyrCIqd1gGJwvojiOFmuif9qJYNQzAq4cIo&amp;upload_protocol=resumable</t>
  </si>
  <si>
    <t>12/18/2019 14:36:26</t>
  </si>
  <si>
    <t>12/18/2019 14:37:16</t>
  </si>
  <si>
    <t>12/18/2019 14:38:20</t>
  </si>
  <si>
    <t>12/18/2019 14:43:27</t>
  </si>
  <si>
    <t>d8693d30-2453-4721-b6bd-f021b7aa9ed2.tmp</t>
  </si>
  <si>
    <t>\\acsfs\profiles$\gabrieleods\Downloads\d8693d30-2453-4721-b6bd-f021b7aa9ed2.tmp</t>
  </si>
  <si>
    <t>12/18/2019 14:41:02</t>
  </si>
  <si>
    <t>3cd4d630-10e1-4587-b070-cd1e48b4a5c4.tmp</t>
  </si>
  <si>
    <t>\\acsfs\profiles$\geovannasm\Downloads\3cd4d630-10e1-4587-b070-cd1e48b4a5c4.tmp</t>
  </si>
  <si>
    <t>12/18/2019 14:38:25</t>
  </si>
  <si>
    <t>12/18/2019 14:44:26</t>
  </si>
  <si>
    <t>12/18/2019 14:38:55</t>
  </si>
  <si>
    <t>12/18/2019 14:41:28</t>
  </si>
  <si>
    <t>12/18/2019 14:41:57</t>
  </si>
  <si>
    <t>12/18/2019 14:42:47</t>
  </si>
  <si>
    <t>12/18/2019 14:43:13</t>
  </si>
  <si>
    <t>anacms</t>
  </si>
  <si>
    <t>\\acsfs\profiles$\anacms\My Documents\My Pictures\</t>
  </si>
  <si>
    <t>\\acsfs\profiles$\anacms\My Documents\My Videos\desktop.ini</t>
  </si>
  <si>
    <t>12/18/2019 14:43:15</t>
  </si>
  <si>
    <t>\\acsfs\profiles$\anacms\My Documents\My Videos\</t>
  </si>
  <si>
    <t>12/18/2019 14:43:16</t>
  </si>
  <si>
    <t>12/18/2019 14:43:17</t>
  </si>
  <si>
    <t>\\acsfs\profiles$\anacms\My Documents\My Music\</t>
  </si>
  <si>
    <t>\\acsfs\profiles$\anacms\My Documents\My Pictures\desktop.ini</t>
  </si>
  <si>
    <t>12/18/2019 14:43:19</t>
  </si>
  <si>
    <t>12/18/2019 14:43:20</t>
  </si>
  <si>
    <t>12/18/2019 14:43:22</t>
  </si>
  <si>
    <t>\\acsfs\profiles$\anacms\Contacts\</t>
  </si>
  <si>
    <t>\\acsfs\profiles$\anacms\Contacts\desktop.ini</t>
  </si>
  <si>
    <t>12/18/2019 14:43:23</t>
  </si>
  <si>
    <t>12/18/2019 14:43:24</t>
  </si>
  <si>
    <t>12/18/2019 14:43:25</t>
  </si>
  <si>
    <t>12/18/2019 14:43:26</t>
  </si>
  <si>
    <t>12/18/2019 14:43:28</t>
  </si>
  <si>
    <t>\\acsfs\profiles$\anacms\My Documents\</t>
  </si>
  <si>
    <t>\\acsfs\profiles$\anacms\Favorites\desktop.ini</t>
  </si>
  <si>
    <t>12/18/2019 14:43:29</t>
  </si>
  <si>
    <t>12/18/2019 14:43:30</t>
  </si>
  <si>
    <t>12/18/2019 14:43:31</t>
  </si>
  <si>
    <t>12/18/2019 14:43:33</t>
  </si>
  <si>
    <t>12/18/2019 14:43:34</t>
  </si>
  <si>
    <t>12/18/2019 14:43:35</t>
  </si>
  <si>
    <t>12/18/2019 14:43:36</t>
  </si>
  <si>
    <t>\\acsfs\profiles$\anacms\My Documents\My Music\desktop.ini</t>
  </si>
  <si>
    <t>12/18/2019 14:43:38</t>
  </si>
  <si>
    <t>12/18/2019 14:43:40</t>
  </si>
  <si>
    <t>12/18/2019 14:43:43</t>
  </si>
  <si>
    <t>12/18/2019 14:43:45</t>
  </si>
  <si>
    <t>\\acsfs\profiles$\anacms\Searches\</t>
  </si>
  <si>
    <t>\\acsfs\profiles$\anacms\Searches\desktop.ini</t>
  </si>
  <si>
    <t>12/18/2019 14:43:47</t>
  </si>
  <si>
    <t>12/18/2019 14:43:50</t>
  </si>
  <si>
    <t>12/18/2019 14:43:51</t>
  </si>
  <si>
    <t>12/18/2019 14:43:53</t>
  </si>
  <si>
    <t>12/18/2019 14:40:45</t>
  </si>
  <si>
    <t>12/18/2019 14:39:30</t>
  </si>
  <si>
    <t>87d1cbea-4ea0-4abc-b8a2-63f6a630aa82.tmp</t>
  </si>
  <si>
    <t>\\acsfs\profiles$\rosileiam\Downloads\87d1cbea-4ea0-4abc-b8a2-63f6a630aa82.tmp</t>
  </si>
  <si>
    <t>12/18/2019 14:41:22</t>
  </si>
  <si>
    <t>6de7d8e7-8243-491d-9429-e63f386f7abb.tmp</t>
  </si>
  <si>
    <t>\\acsfs\profiles$\rosileiam\Downloads\6de7d8e7-8243-491d-9429-e63f386f7abb.tmp</t>
  </si>
  <si>
    <t>12/18/2019 14:40:59</t>
  </si>
  <si>
    <t>12/18/2019 14:45:27</t>
  </si>
  <si>
    <t>12/18/2019 14:42:14</t>
  </si>
  <si>
    <t>12/18/2019 14:40:16</t>
  </si>
  <si>
    <t>12/18/2019 14:40:17</t>
  </si>
  <si>
    <t>12/18/2019 14:39:17</t>
  </si>
  <si>
    <t>12/18/2019 14:43:12</t>
  </si>
  <si>
    <t>C:\Users\TEMP.ACS.000\Downloads\</t>
  </si>
  <si>
    <t>LEANDRO MORAIS SANTOS - CONTA 2778345 MASTERCARD_1_6761199442284582175_1_32.wav</t>
  </si>
  <si>
    <t>\\acsfs\DEPTOS\EDUCACAO EMPRESARIAL\ligaçoes elogicio BV cartoes\LEANDRO MORAIS SANTOS - CONTA 2778345 MASTERCARD_1_6761199442284582175_1_32.wav</t>
  </si>
  <si>
    <t>\\acsfs\DEPTOS\EDUCACAO EMPRESARIAL\ligaçoes elogicio BV cartoes\LEANDRO MORAIS SANTOS - CONTA 2778345 MASTERCARD_1_6761199442284582175_1_32.wav\</t>
  </si>
  <si>
    <t>\\acsfs\DEPTOS\EDUCACAO EMPRESARIAL\ligaçoes elogicio BV cartoes\LEANDRO MORAIS SANTOS - CONTA 2778345 MASTERCARD_1_6761199442284582175_1_32.wav\:Zone.Identifier:$DATA</t>
  </si>
  <si>
    <t>ADRIELE DAS GRACAS CARVALHO - CONTA 1693805 MASTERCARD_1_6751476396535653348_1_32.wav</t>
  </si>
  <si>
    <t>\\acsfs\DEPTOS\EDUCACAO EMPRESARIAL\ligaçoes elogicio BV cartoes\ADRIELE DAS GRACAS CARVALHO - CONTA 1693805 MASTERCARD_1_6751476396535653348_1_32.wav</t>
  </si>
  <si>
    <t>\\acsfs\DEPTOS\EDUCACAO EMPRESARIAL\ligaçoes elogicio BV cartoes\ADRIELE DAS GRACAS CARVALHO - CONTA 1693805 MASTERCARD_1_6751476396535653348_1_32.wav\</t>
  </si>
  <si>
    <t>\\acsfs\DEPTOS\EDUCACAO EMPRESARIAL\ligaçoes elogicio BV cartoes\ADRIELE DAS GRACAS CARVALHO - CONTA 1693805 MASTERCARD_1_6751476396535653348_1_32.wav\:Zone.Identifier:$DATA</t>
  </si>
  <si>
    <t>ADRIELE DAS GRACAS CARVALHO - CONTA 2691028 MASTERCARD_1_6751453418460618000_1_32.wav</t>
  </si>
  <si>
    <t>\\acsfs\DEPTOS\EDUCACAO EMPRESARIAL\ligaçoes elogicio BV cartoes\ADRIELE DAS GRACAS CARVALHO - CONTA 2691028 MASTERCARD_1_6751453418460618000_1_32.wav</t>
  </si>
  <si>
    <t>\\acsfs\DEPTOS\EDUCACAO EMPRESARIAL\ligaçoes elogicio BV cartoes\ADRIELE DAS GRACAS CARVALHO - CONTA 2691028 MASTERCARD_1_6751453418460618000_1_32.wav\</t>
  </si>
  <si>
    <t>\\acsfs\DEPTOS\EDUCACAO EMPRESARIAL\ligaçoes elogicio BV cartoes\ADRIELE DAS GRACAS CARVALHO - CONTA 2691028 MASTERCARD_1_6751453418460618000_1_32.wav\:Zone.Identifier:$DATA</t>
  </si>
  <si>
    <t>12/18/2019 14:43:18</t>
  </si>
  <si>
    <t>ADRIELY APARECIDA SILVA - CONTA 2710158 MASTERCARD_1_6758006662380991000_1_32.wav</t>
  </si>
  <si>
    <t>\\acsfs\DEPTOS\EDUCACAO EMPRESARIAL\ligaçoes elogicio BV cartoes\ADRIELY APARECIDA SILVA - CONTA 2710158 MASTERCARD_1_6758006662380991000_1_32.wav</t>
  </si>
  <si>
    <t>\\acsfs\DEPTOS\EDUCACAO EMPRESARIAL\ligaçoes elogicio BV cartoes\ADRIELY APARECIDA SILVA - CONTA 2710158 MASTERCARD_1_6758006662380991000_1_32.wav\</t>
  </si>
  <si>
    <t>\\acsfs\DEPTOS\EDUCACAO EMPRESARIAL\ligaçoes elogicio BV cartoes\ADRIELY APARECIDA SILVA - CONTA 2710158 MASTERCARD_1_6758006662380991000_1_32.wav\:Zone.Identifier:$DATA</t>
  </si>
  <si>
    <t>12/18/2019 14:43:21</t>
  </si>
  <si>
    <t>JANAYNA TEREZA ROCHA ONOFRE - CONTA 406070 VISA_1_6752255847200531875_1_32.wav</t>
  </si>
  <si>
    <t>\\acsfs\DEPTOS\EDUCACAO EMPRESARIAL\ligaçoes elogicio BV cartoes\JANAYNA TEREZA ROCHA ONOFRE - CONTA 406070 VISA_1_6752255847200531875_1_32.wav</t>
  </si>
  <si>
    <t>\\acsfs\DEPTOS\EDUCACAO EMPRESARIAL\ligaçoes elogicio BV cartoes\JANAYNA TEREZA ROCHA ONOFRE - CONTA 406070 VISA_1_6752255847200531875_1_32.wav\</t>
  </si>
  <si>
    <t>\\acsfs\DEPTOS\EDUCACAO EMPRESARIAL\ligaçoes elogicio BV cartoes\JANAYNA TEREZA ROCHA ONOFRE - CONTA 406070 VISA_1_6752255847200531875_1_32.wav\:Zone.Identifier:$DATA</t>
  </si>
  <si>
    <t>JULIANE ARAUJO SILVA - CONTA 1177084 MASTERCARD_1_6755925690596527153_1_32.wav</t>
  </si>
  <si>
    <t>\\acsfs\DEPTOS\EDUCACAO EMPRESARIAL\ligaçoes elogicio BV cartoes\JULIANE ARAUJO SILVA - CONTA 1177084 MASTERCARD_1_6755925690596527153_1_32.wav</t>
  </si>
  <si>
    <t>\\acsfs\DEPTOS\EDUCACAO EMPRESARIAL\ligaçoes elogicio BV cartoes\JULIANE ARAUJO SILVA - CONTA 1177084 MASTERCARD_1_6755925690596527153_1_32.wav\</t>
  </si>
  <si>
    <t>\\acsfs\DEPTOS\EDUCACAO EMPRESARIAL\ligaçoes elogicio BV cartoes\JULIANE ARAUJO SILVA - CONTA 1177084 MASTERCARD_1_6755925690596527153_1_32.wav\:Zone.Identifier:$DATA</t>
  </si>
  <si>
    <t>12/18/2019 14:41:25</t>
  </si>
  <si>
    <t>12/18/2019 14:46:26</t>
  </si>
  <si>
    <t>12/18/2019 14:42:12</t>
  </si>
  <si>
    <t>12/18/2019 14:42:27</t>
  </si>
  <si>
    <t>12/18/2019 14:42:26</t>
  </si>
  <si>
    <t>12/18/2019 14:44:00</t>
  </si>
  <si>
    <t>12/18/2019 14:44:19</t>
  </si>
  <si>
    <t>12/18/2019 14:47:26</t>
  </si>
  <si>
    <t>8f9219ac-2c28-458d-840e-6a975ee0932f.tmp</t>
  </si>
  <si>
    <t>\\acsfs\profiles$\larissaad\Downloads\8f9219ac-2c28-458d-840e-6a975ee0932f.tmp</t>
  </si>
  <si>
    <t>da13d682-b21b-4610-9eca-a12661540386.tmp</t>
  </si>
  <si>
    <t>\\acsfs\profiles$\larissaad\Downloads\da13d682-b21b-4610-9eca-a12661540386.tmp</t>
  </si>
  <si>
    <t>12/18/2019 14:47:33</t>
  </si>
  <si>
    <t>12/18/2019 14:48:26</t>
  </si>
  <si>
    <t>10.200.66.133</t>
  </si>
  <si>
    <t>5e2a4102-9428-41c9-8b9e-c88db9791115.tmp</t>
  </si>
  <si>
    <t>\\acsfs\profiles$\layonmof\Downloads\5e2a4102-9428-41c9-8b9e-c88db9791115.tmp</t>
  </si>
  <si>
    <t>12/18/2019 14:47:29</t>
  </si>
  <si>
    <t>12/18/2019 14:49:27</t>
  </si>
  <si>
    <t>12/18/2019 14:43:54</t>
  </si>
  <si>
    <t>\\acsfs\profiles$\anacms\Downloads\</t>
  </si>
  <si>
    <t>\\acsfs\profiles$\anacms\Downloads\desktop.ini</t>
  </si>
  <si>
    <t>12/18/2019 14:43:55</t>
  </si>
  <si>
    <t>12/18/2019 14:43:57</t>
  </si>
  <si>
    <t>\\acsfs\profiles$\anacms\Favorites\</t>
  </si>
  <si>
    <t>\\acsfs\profiles$\anacms\My Documents\desktop.ini</t>
  </si>
  <si>
    <t>12/18/2019 14:43:59</t>
  </si>
  <si>
    <t>12/18/2019 14:44:01</t>
  </si>
  <si>
    <t>12/18/2019 14:44:02</t>
  </si>
  <si>
    <t>12/18/2019 14:44:03</t>
  </si>
  <si>
    <t>12/18/2019 14:44:05</t>
  </si>
  <si>
    <t>12/18/2019 14:44:07</t>
  </si>
  <si>
    <t>\\acsfs\profiles$\anacms\Saved Games\desktop.ini</t>
  </si>
  <si>
    <t>12/18/2019 14:44:08</t>
  </si>
  <si>
    <t>12/18/2019 14:45:33</t>
  </si>
  <si>
    <t>12/18/2019 14:44:41</t>
  </si>
  <si>
    <t>d61d6705-912e-4884-926e-a03aefd20eb4.tmp</t>
  </si>
  <si>
    <t>\\acsfs\profiles$\luanaldsi\Downloads\d61d6705-912e-4884-926e-a03aefd20eb4.tmp</t>
  </si>
  <si>
    <t>12/18/2019 14:45:22</t>
  </si>
  <si>
    <t>12/18/2019 14:50:26</t>
  </si>
  <si>
    <t>12/18/2019 13:47:47</t>
  </si>
  <si>
    <t>12/18/2019 14:49:11</t>
  </si>
  <si>
    <t>12/18/2019 14:49:02</t>
  </si>
  <si>
    <t>12/18/2019 14:51:27</t>
  </si>
  <si>
    <t>12/18/2019 14:47:30</t>
  </si>
  <si>
    <t>12/18/2019 14:47:27</t>
  </si>
  <si>
    <t>b9a80fa3-50c6-44d3-bb53-644af0becd6b.tmp</t>
  </si>
  <si>
    <t>\\acsfs\profiles$\sarahbal\Downloads\b9a80fa3-50c6-44d3-bb53-644af0becd6b.tmp</t>
  </si>
  <si>
    <t>12/18/2019 14:49:26</t>
  </si>
  <si>
    <t>12/18/2019 14:49:51</t>
  </si>
  <si>
    <t>12/18/2019 14:52:26</t>
  </si>
  <si>
    <t>12/18/2019 14:49:54</t>
  </si>
  <si>
    <t>fc2953f2-a2c9-4a5f-81d8-e3ec3ffc088d.tmp</t>
  </si>
  <si>
    <t>\\acsfs\profiles$\sayharaefs\Downloads\fc2953f2-a2c9-4a5f-81d8-e3ec3ffc088d.tmp</t>
  </si>
  <si>
    <t>12/18/2019 14:49:31</t>
  </si>
  <si>
    <t>6ffd4e10-443b-4493-b3ef-984d1dbabc49.tmp</t>
  </si>
  <si>
    <t>\\acsfs\profiles$\adrielyas\Downloads\6ffd4e10-443b-4493-b3ef-984d1dbabc49.tmp</t>
  </si>
  <si>
    <t>12/18/2019 14:51:46</t>
  </si>
  <si>
    <t>669b7443-d0ad-4ec8-a8eb-033f559a3b6a.tmp</t>
  </si>
  <si>
    <t>\\acsfs\profiles$\larissaad\Downloads\669b7443-d0ad-4ec8-a8eb-033f559a3b6a.tmp</t>
  </si>
  <si>
    <t>12/18/2019 14:48:06</t>
  </si>
  <si>
    <t>12/18/2019 14:53:27</t>
  </si>
  <si>
    <t>b282951d-c01c-4b0a-aea1-242bf8bb4a8e.tmp</t>
  </si>
  <si>
    <t>\\acsfs\profiles$\layonmof\Downloads\b282951d-c01c-4b0a-aea1-242bf8bb4a8e.tmp</t>
  </si>
  <si>
    <t>12/18/2019 14:48:13</t>
  </si>
  <si>
    <t>9c422b3f-c693-43a2-a332-caeed884309e.tmp</t>
  </si>
  <si>
    <t>\\acsfs\profiles$\layonmof\Downloads\9c422b3f-c693-43a2-a332-caeed884309e.tmp</t>
  </si>
  <si>
    <t>12/18/2019 14:48:36</t>
  </si>
  <si>
    <t>5fe5683d-1cc2-4a1c-b659-18d12771ebec.tmp</t>
  </si>
  <si>
    <t>\\acsfs\profiles$\layonmof\Downloads\5fe5683d-1cc2-4a1c-b659-18d12771ebec.tmp</t>
  </si>
  <si>
    <t>12/18/2019 14:48:56</t>
  </si>
  <si>
    <t>39acd905-79f2-4f74-86b5-5eaa5dfef374.tmp</t>
  </si>
  <si>
    <t>\\acsfs\profiles$\layonmof\Downloads\39acd905-79f2-4f74-86b5-5eaa5dfef374.tmp</t>
  </si>
  <si>
    <t>12/18/2019 14:51:13</t>
  </si>
  <si>
    <t>00b3c02a-3392-4761-840e-834f5f6730aa.tmp</t>
  </si>
  <si>
    <t>\\acsfs\profiles$\layonmof\Downloads\00b3c02a-3392-4761-840e-834f5f6730aa.tmp</t>
  </si>
  <si>
    <t>12/18/2019 14:52:52</t>
  </si>
  <si>
    <t>d7fbbd44-24f6-4a27-be93-c4f4ac3c4622.tmp</t>
  </si>
  <si>
    <t>\\acsfs\profiles$\layonmof\Downloads\d7fbbd44-24f6-4a27-be93-c4f4ac3c4622.tmp</t>
  </si>
  <si>
    <t>12/18/2019 14:50:06</t>
  </si>
  <si>
    <t>12/18/2019 14:51:01</t>
  </si>
  <si>
    <t>12/18/2019 14:48:47</t>
  </si>
  <si>
    <t>12/18/2019 14:54:27</t>
  </si>
  <si>
    <t>12/18/2019 14:52:42</t>
  </si>
  <si>
    <t>mail.google.com/_/upload?authuser=0&amp;dcp=asu-n&amp;upload_id=AEnB2Ur9H1ZibPj3q2spZ0_dxFU7QJjwkB3LATxSbh_vkoatmqT3RnnVHGvTll2CNficdLlD5qN_t16yqzxA5NCefFIEuPUaESi_ZYHTxAZEihXqCa77BNY&amp;upload_protocol=resumable</t>
  </si>
  <si>
    <t>12/18/2019 14:52:47</t>
  </si>
  <si>
    <t>12/18/2019 14:55:27</t>
  </si>
  <si>
    <t>MATHEUS GONZAGA MIRANDA (SCARLET) - CONTA 2539071 MASTERCARD_1_6751906778028522561_1_32.wav</t>
  </si>
  <si>
    <t>\\acsfs\DEPTOS\EDUCACAO EMPRESARIAL\ligaçoes elogicio BV cartoes\MATHEUS GONZAGA MIRANDA (SCARLET) - CONTA 2539071 MASTERCARD_1_6751906778028522561_1_32.wav</t>
  </si>
  <si>
    <t>12/18/2019 14:52:49</t>
  </si>
  <si>
    <t>\\acsfs\DEPTOS\EDUCACAO EMPRESARIAL\ligaçoes elogicio BV cartoes\MATHEUS GONZAGA MIRANDA (SCARLET) - CONTA 2539071 MASTERCARD_1_6751906778028522561_1_32.wav\</t>
  </si>
  <si>
    <t>\\acsfs\DEPTOS\EDUCACAO EMPRESARIAL\ligaçoes elogicio BV cartoes\MATHEUS GONZAGA MIRANDA (SCARLET) - CONTA 2539071 MASTERCARD_1_6751906778028522561_1_32.wav\:Zone.Identifier:$DATA</t>
  </si>
  <si>
    <t>12/18/2019 14:52:51</t>
  </si>
  <si>
    <t>MYLLENA RIBEIRO DE LIMA - CONTA 602258 VISA_1_6765953760627855364_1_32.wav</t>
  </si>
  <si>
    <t>\\acsfs\DEPTOS\EDUCACAO EMPRESARIAL\ligaçoes elogicio BV cartoes\MYLLENA RIBEIRO DE LIMA - CONTA 602258 VISA_1_6765953760627855364_1_32.wav</t>
  </si>
  <si>
    <t>12/18/2019 14:52:54</t>
  </si>
  <si>
    <t>\\acsfs\DEPTOS\EDUCACAO EMPRESARIAL\ligaçoes elogicio BV cartoes\MYLLENA RIBEIRO DE LIMA - CONTA 602258 VISA_1_6765953760627855364_1_32.wav\</t>
  </si>
  <si>
    <t>\\acsfs\DEPTOS\EDUCACAO EMPRESARIAL\ligaçoes elogicio BV cartoes\MYLLENA RIBEIRO DE LIMA - CONTA 602258 VISA_1_6765953760627855364_1_32.wav\:Zone.Identifier:$DATA</t>
  </si>
  <si>
    <t>12/18/2019 14:52:55</t>
  </si>
  <si>
    <t>MATHEUS GONZAGA MIRANDA (SCARLET) - CONTA 640665 VISA_1_6751891853017168169_1_32.wav</t>
  </si>
  <si>
    <t>\\acsfs\DEPTOS\EDUCACAO EMPRESARIAL\ligaçoes elogicio BV cartoes\MATHEUS GONZAGA MIRANDA (SCARLET) - CONTA 640665 VISA_1_6751891853017168169_1_32.wav</t>
  </si>
  <si>
    <t>12/18/2019 14:52:56</t>
  </si>
  <si>
    <t>\\acsfs\DEPTOS\EDUCACAO EMPRESARIAL\ligaçoes elogicio BV cartoes\MATHEUS GONZAGA MIRANDA (SCARLET) - CONTA 640665 VISA_1_6751891853017168169_1_32.wav\</t>
  </si>
  <si>
    <t>\\acsfs\DEPTOS\EDUCACAO EMPRESARIAL\ligaçoes elogicio BV cartoes\MATHEUS GONZAGA MIRANDA (SCARLET) - CONTA 640665 VISA_1_6751891853017168169_1_32.wav\:Zone.Identifier:$DATA</t>
  </si>
  <si>
    <t>12/18/2019 14:51:25</t>
  </si>
  <si>
    <t>86568771-2765-4895-8ac6-ebac811ce358.tmp</t>
  </si>
  <si>
    <t>\\acsfs\profiles$\erichds\Downloads\86568771-2765-4895-8ac6-ebac811ce358.tmp</t>
  </si>
  <si>
    <t>12/18/2019 14:52:30</t>
  </si>
  <si>
    <t>152dc492-f390-41d9-b533-e5e2d92731d3.tmp</t>
  </si>
  <si>
    <t>\\acsfs\profiles$\erichds\Downloads\152dc492-f390-41d9-b533-e5e2d92731d3.tmp</t>
  </si>
  <si>
    <t>12/18/2019 14:54:07</t>
  </si>
  <si>
    <t>aed62fcf-4eb8-4b06-9583-053a041217b5.tmp</t>
  </si>
  <si>
    <t>\\acsfs\profiles$\erichds\Downloads\aed62fcf-4eb8-4b06-9583-053a041217b5.tmp</t>
  </si>
  <si>
    <t>12/18/2019 14:54:25</t>
  </si>
  <si>
    <t>40505e60-e3b2-4818-9a51-b88d09706f64.tmp</t>
  </si>
  <si>
    <t>\\acsfs\profiles$\erichds\Downloads\40505e60-e3b2-4818-9a51-b88d09706f64.tmp</t>
  </si>
  <si>
    <t>12/18/2019 14:54:57</t>
  </si>
  <si>
    <t>12/18/2019 14:56:27</t>
  </si>
  <si>
    <t>12/18/2019 14:51:56</t>
  </si>
  <si>
    <t>12/18/2019 14:54:26</t>
  </si>
  <si>
    <t>12/18/2019 14:55:26</t>
  </si>
  <si>
    <t>12/18/2019 14:53:36</t>
  </si>
  <si>
    <t>12/18/2019 14:57:26</t>
  </si>
  <si>
    <t>12/18/2019 14:55:53</t>
  </si>
  <si>
    <t>78bd2095-2a21-442a-974e-747063e71a5b.tmp</t>
  </si>
  <si>
    <t>\\acsfs\profiles$\larissaad\Downloads\78bd2095-2a21-442a-974e-747063e71a5b.tmp</t>
  </si>
  <si>
    <t>12/18/2019 14:55:54</t>
  </si>
  <si>
    <t>fccc095f-176e-4854-9e06-77a6a9b669ea.tmp</t>
  </si>
  <si>
    <t>\\acsfs\profiles$\larissaad\Downloads\fccc095f-176e-4854-9e06-77a6a9b669ea.tmp</t>
  </si>
  <si>
    <t>12/18/2019 14:56:06</t>
  </si>
  <si>
    <t>12/18/2019 14:58:27</t>
  </si>
  <si>
    <t>12/18/2019 14:54:45</t>
  </si>
  <si>
    <t>12/18/2019 14:57:04</t>
  </si>
  <si>
    <t>12/18/2019 14:59:27</t>
  </si>
  <si>
    <t>12/18/2019 14:54:47</t>
  </si>
  <si>
    <t>12/18/2019 14:57:21</t>
  </si>
  <si>
    <t>12/18/2019 15:00:27</t>
  </si>
  <si>
    <t>58540310-83b0-49ca-8181-ea5dbb249231.tmp</t>
  </si>
  <si>
    <t>\\acsfs\profiles$\vivianealda\Downloads\58540310-83b0-49ca-8181-ea5dbb249231.tmp</t>
  </si>
  <si>
    <t>12/18/2019 14:58:07</t>
  </si>
  <si>
    <t>50b4f5d9-0a8d-4442-b978-3213a722ebc6.tmp</t>
  </si>
  <si>
    <t>\\acsfs\profiles$\vivianealda\Downloads\50b4f5d9-0a8d-4442-b978-3213a722ebc6.tmp</t>
  </si>
  <si>
    <t>12/18/2019 14:56:05</t>
  </si>
  <si>
    <t>12/18/2019 14:58:31</t>
  </si>
  <si>
    <t>243270d4-6baf-4a05-954e-0dfca7ad38a9.tmp</t>
  </si>
  <si>
    <t>\\acsfs\profiles$\vivianealda\Downloads\243270d4-6baf-4a05-954e-0dfca7ad38a9.tmp</t>
  </si>
  <si>
    <t>12/18/2019 14:58:56</t>
  </si>
  <si>
    <t>971369d0-f67d-4f97-84c0-136e6b88390d.tmp</t>
  </si>
  <si>
    <t>\\acsfs\profiles$\vivianealda\Downloads\971369d0-f67d-4f97-84c0-136e6b88390d.tmp</t>
  </si>
  <si>
    <t>12/18/2019 14:59:34</t>
  </si>
  <si>
    <t>\\acsfs\profiles$\vivianealda\Downloads\$RECYCLE.BIN\</t>
  </si>
  <si>
    <t>$I4NR9WQ.xbap</t>
  </si>
  <si>
    <t>\\acsfs\profiles$\vivianealda\Downloads\$RECYCLE.BIN\$I4NR9WQ.xbap</t>
  </si>
  <si>
    <t>$IMVMBW1.xbap</t>
  </si>
  <si>
    <t>\\acsfs\profiles$\vivianealda\Downloads\$RECYCLE.BIN\$IMVMBW1.xbap</t>
  </si>
  <si>
    <t>$I5C2BLM.xbap</t>
  </si>
  <si>
    <t>\\acsfs\profiles$\vivianealda\Downloads\$RECYCLE.BIN\$I5C2BLM.xbap</t>
  </si>
  <si>
    <t>$I44IDFY.xbap</t>
  </si>
  <si>
    <t>\\acsfs\profiles$\vivianealda\Downloads\$RECYCLE.BIN\$I44IDFY.xbap</t>
  </si>
  <si>
    <t>12/18/2019 14:59:35</t>
  </si>
  <si>
    <t>$IE95EUW.xbap</t>
  </si>
  <si>
    <t>\\acsfs\profiles$\vivianealda\Downloads\$RECYCLE.BIN\$IE95EUW.xbap</t>
  </si>
  <si>
    <t>$IR8OTC0.ica</t>
  </si>
  <si>
    <t>\\acsfs\profiles$\vivianealda\Downloads\$RECYCLE.BIN\$IR8OTC0.ica</t>
  </si>
  <si>
    <t>$IKEZ0IN.ica</t>
  </si>
  <si>
    <t>\\acsfs\profiles$\vivianealda\Downloads\$RECYCLE.BIN\$IKEZ0IN.ica</t>
  </si>
  <si>
    <t>$IDNQ1Z4.ica</t>
  </si>
  <si>
    <t>\\acsfs\profiles$\vivianealda\Downloads\$RECYCLE.BIN\$IDNQ1Z4.ica</t>
  </si>
  <si>
    <t>12/18/2019 14:59:36</t>
  </si>
  <si>
    <t>$I8MBLTF.ica</t>
  </si>
  <si>
    <t>\\acsfs\profiles$\vivianealda\Downloads\$RECYCLE.BIN\$I8MBLTF.ica</t>
  </si>
  <si>
    <t>$IRF6SDT.ica</t>
  </si>
  <si>
    <t>\\acsfs\profiles$\vivianealda\Downloads\$RECYCLE.BIN\$IRF6SDT.ica</t>
  </si>
  <si>
    <t>$ILPKI1R.ica</t>
  </si>
  <si>
    <t>\\acsfs\profiles$\vivianealda\Downloads\$RECYCLE.BIN\$ILPKI1R.ica</t>
  </si>
  <si>
    <t>12/18/2019 14:59:37</t>
  </si>
  <si>
    <t>$I62I80Z.ica</t>
  </si>
  <si>
    <t>\\acsfs\profiles$\vivianealda\Downloads\$RECYCLE.BIN\$I62I80Z.ica</t>
  </si>
  <si>
    <t>$ILAZOXC.ica</t>
  </si>
  <si>
    <t>\\acsfs\profiles$\vivianealda\Downloads\$RECYCLE.BIN\$ILAZOXC.ica</t>
  </si>
  <si>
    <t>$I84GD8X.ica</t>
  </si>
  <si>
    <t>\\acsfs\profiles$\vivianealda\Downloads\$RECYCLE.BIN\$I84GD8X.ica</t>
  </si>
  <si>
    <t>12/18/2019 14:59:38</t>
  </si>
  <si>
    <t>$IEC62GC.ica</t>
  </si>
  <si>
    <t>\\acsfs\profiles$\vivianealda\Downloads\$RECYCLE.BIN\$IEC62GC.ica</t>
  </si>
  <si>
    <t>$IJQFQ00.ica</t>
  </si>
  <si>
    <t>\\acsfs\profiles$\vivianealda\Downloads\$RECYCLE.BIN\$IJQFQ00.ica</t>
  </si>
  <si>
    <t>12/18/2019 14:59:39</t>
  </si>
  <si>
    <t>$IMM4AYH.ica</t>
  </si>
  <si>
    <t>\\acsfs\profiles$\vivianealda\Downloads\$RECYCLE.BIN\$IMM4AYH.ica</t>
  </si>
  <si>
    <t>$IC3F86Z.ica</t>
  </si>
  <si>
    <t>\\acsfs\profiles$\vivianealda\Downloads\$RECYCLE.BIN\$IC3F86Z.ica</t>
  </si>
  <si>
    <t>$ITPEZ1B.ica</t>
  </si>
  <si>
    <t>\\acsfs\profiles$\vivianealda\Downloads\$RECYCLE.BIN\$ITPEZ1B.ica</t>
  </si>
  <si>
    <t>12/18/2019 14:59:40</t>
  </si>
  <si>
    <t>$IDRUO9F.ica</t>
  </si>
  <si>
    <t>\\acsfs\profiles$\vivianealda\Downloads\$RECYCLE.BIN\$IDRUO9F.ica</t>
  </si>
  <si>
    <t>$IL0FX9Y.ica</t>
  </si>
  <si>
    <t>\\acsfs\profiles$\vivianealda\Downloads\$RECYCLE.BIN\$IL0FX9Y.ica</t>
  </si>
  <si>
    <t>$IONDJNP.ica</t>
  </si>
  <si>
    <t>\\acsfs\profiles$\vivianealda\Downloads\$RECYCLE.BIN\$IONDJNP.ica</t>
  </si>
  <si>
    <t>$IJI7M20.ica</t>
  </si>
  <si>
    <t>\\acsfs\profiles$\vivianealda\Downloads\$RECYCLE.BIN\$IJI7M20.ica</t>
  </si>
  <si>
    <t>12/18/2019 14:59:41</t>
  </si>
  <si>
    <t>$IWWO5U5.ica</t>
  </si>
  <si>
    <t>\\acsfs\profiles$\vivianealda\Downloads\$RECYCLE.BIN\$IWWO5U5.ica</t>
  </si>
  <si>
    <t>$I7YXBIJ.ica</t>
  </si>
  <si>
    <t>\\acsfs\profiles$\vivianealda\Downloads\$RECYCLE.BIN\$I7YXBIJ.ica</t>
  </si>
  <si>
    <t>$ILSG00X.ica</t>
  </si>
  <si>
    <t>\\acsfs\profiles$\vivianealda\Downloads\$RECYCLE.BIN\$ILSG00X.ica</t>
  </si>
  <si>
    <t>$IPEP72O.ica</t>
  </si>
  <si>
    <t>\\acsfs\profiles$\vivianealda\Downloads\$RECYCLE.BIN\$IPEP72O.ica</t>
  </si>
  <si>
    <t>12/18/2019 14:59:42</t>
  </si>
  <si>
    <t>$IHO7NSE.ica</t>
  </si>
  <si>
    <t>\\acsfs\profiles$\vivianealda\Downloads\$RECYCLE.BIN\$IHO7NSE.ica</t>
  </si>
  <si>
    <t>$INQ26US.ica</t>
  </si>
  <si>
    <t>\\acsfs\profiles$\vivianealda\Downloads\$RECYCLE.BIN\$INQ26US.ica</t>
  </si>
  <si>
    <t>12/18/2019 14:59:43</t>
  </si>
  <si>
    <t>$IDDIV8F.ica</t>
  </si>
  <si>
    <t>\\acsfs\profiles$\vivianealda\Downloads\$RECYCLE.BIN\$IDDIV8F.ica</t>
  </si>
  <si>
    <t>$I5O4L30.ica</t>
  </si>
  <si>
    <t>\\acsfs\profiles$\vivianealda\Downloads\$RECYCLE.BIN\$I5O4L30.ica</t>
  </si>
  <si>
    <t>12/18/2019 14:59:44</t>
  </si>
  <si>
    <t>$INAV4MU.ica</t>
  </si>
  <si>
    <t>\\acsfs\profiles$\vivianealda\Downloads\$RECYCLE.BIN\$INAV4MU.ica</t>
  </si>
  <si>
    <t>$IE3AXU1.ica</t>
  </si>
  <si>
    <t>\\acsfs\profiles$\vivianealda\Downloads\$RECYCLE.BIN\$IE3AXU1.ica</t>
  </si>
  <si>
    <t>$IRD0AQ3.ica</t>
  </si>
  <si>
    <t>\\acsfs\profiles$\vivianealda\Downloads\$RECYCLE.BIN\$IRD0AQ3.ica</t>
  </si>
  <si>
    <t>$IZIVEYX.ica</t>
  </si>
  <si>
    <t>\\acsfs\profiles$\vivianealda\Downloads\$RECYCLE.BIN\$IZIVEYX.ica</t>
  </si>
  <si>
    <t>$ISWP9RC.ica</t>
  </si>
  <si>
    <t>\\acsfs\profiles$\vivianealda\Downloads\$RECYCLE.BIN\$ISWP9RC.ica</t>
  </si>
  <si>
    <t>12/18/2019 14:59:45</t>
  </si>
  <si>
    <t>$IUYH7O4.ica</t>
  </si>
  <si>
    <t>\\acsfs\profiles$\vivianealda\Downloads\$RECYCLE.BIN\$IUYH7O4.ica</t>
  </si>
  <si>
    <t>12/18/2019 14:59:46</t>
  </si>
  <si>
    <t>$IWHRWEV.ica</t>
  </si>
  <si>
    <t>\\acsfs\profiles$\vivianealda\Downloads\$RECYCLE.BIN\$IWHRWEV.ica</t>
  </si>
  <si>
    <t>$I4A41WD.ica</t>
  </si>
  <si>
    <t>\\acsfs\profiles$\vivianealda\Downloads\$RECYCLE.BIN\$I4A41WD.ica</t>
  </si>
  <si>
    <t>$IW6DE55.ica</t>
  </si>
  <si>
    <t>\\acsfs\profiles$\vivianealda\Downloads\$RECYCLE.BIN\$IW6DE55.ica</t>
  </si>
  <si>
    <t>12/18/2019 14:59:47</t>
  </si>
  <si>
    <t>$I1SC9V5.ica</t>
  </si>
  <si>
    <t>\\acsfs\profiles$\vivianealda\Downloads\$RECYCLE.BIN\$I1SC9V5.ica</t>
  </si>
  <si>
    <t>$IPUQF80.ica</t>
  </si>
  <si>
    <t>\\acsfs\profiles$\vivianealda\Downloads\$RECYCLE.BIN\$IPUQF80.ica</t>
  </si>
  <si>
    <t>$I42O4DK.ica</t>
  </si>
  <si>
    <t>\\acsfs\profiles$\vivianealda\Downloads\$RECYCLE.BIN\$I42O4DK.ica</t>
  </si>
  <si>
    <t>$I6OSHL0.ica</t>
  </si>
  <si>
    <t>\\acsfs\profiles$\vivianealda\Downloads\$RECYCLE.BIN\$I6OSHL0.ica</t>
  </si>
  <si>
    <t>12/18/2019 14:59:48</t>
  </si>
  <si>
    <t>$ILG7A9B.ica</t>
  </si>
  <si>
    <t>\\acsfs\profiles$\vivianealda\Downloads\$RECYCLE.BIN\$ILG7A9B.ica</t>
  </si>
  <si>
    <t>$IFGU5NP.ica</t>
  </si>
  <si>
    <t>\\acsfs\profiles$\vivianealda\Downloads\$RECYCLE.BIN\$IFGU5NP.ica</t>
  </si>
  <si>
    <t>12/18/2019 14:59:49</t>
  </si>
  <si>
    <t>$IPW7HCW.ica</t>
  </si>
  <si>
    <t>\\acsfs\profiles$\vivianealda\Downloads\$RECYCLE.BIN\$IPW7HCW.ica</t>
  </si>
  <si>
    <t>12/18/2019 14:59:50</t>
  </si>
  <si>
    <t>$I3IHSQF.ica</t>
  </si>
  <si>
    <t>\\acsfs\profiles$\vivianealda\Downloads\$RECYCLE.BIN\$I3IHSQF.ica</t>
  </si>
  <si>
    <t>$IZZOTFZ.ica</t>
  </si>
  <si>
    <t>\\acsfs\profiles$\vivianealda\Downloads\$RECYCLE.BIN\$IZZOTFZ.ica</t>
  </si>
  <si>
    <t>$I0971Q7.ica</t>
  </si>
  <si>
    <t>\\acsfs\profiles$\vivianealda\Downloads\$RECYCLE.BIN\$I0971Q7.ica</t>
  </si>
  <si>
    <t>12/18/2019 14:59:51</t>
  </si>
  <si>
    <t>$I8CCE73.ica</t>
  </si>
  <si>
    <t>\\acsfs\profiles$\vivianealda\Downloads\$RECYCLE.BIN\$I8CCE73.ica</t>
  </si>
  <si>
    <t>$IYLSTMA.ica</t>
  </si>
  <si>
    <t>\\acsfs\profiles$\vivianealda\Downloads\$RECYCLE.BIN\$IYLSTMA.ica</t>
  </si>
  <si>
    <t>$IOKUFEI.ica</t>
  </si>
  <si>
    <t>\\acsfs\profiles$\vivianealda\Downloads\$RECYCLE.BIN\$IOKUFEI.ica</t>
  </si>
  <si>
    <t>12/18/2019 14:58:03</t>
  </si>
  <si>
    <t>Dashboard PA Digital - CSC.xlsb</t>
  </si>
  <si>
    <t>12/18/2019 15:00:15</t>
  </si>
  <si>
    <t>12/18/2019 15:01:27</t>
  </si>
  <si>
    <t>12/18/2019 15:00:20</t>
  </si>
  <si>
    <t>76dfc15e-e2d2-4102-b6a0-3402a34001ce.tmp</t>
  </si>
  <si>
    <t>\\acsfs\profiles$\deborahsi\Downloads\76dfc15e-e2d2-4102-b6a0-3402a34001ce.tmp</t>
  </si>
  <si>
    <t>12/18/2019 15:00:41</t>
  </si>
  <si>
    <t>12/18/2019 15:00:26</t>
  </si>
  <si>
    <t>12/18/2019 14:56:50</t>
  </si>
  <si>
    <t>12/18/2019 15:02:27</t>
  </si>
  <si>
    <t>e9870fd1-7b4b-42f6-8ccb-b1d004f94a07.tmp</t>
  </si>
  <si>
    <t>\\acsfs\profiles$\matheushds\Downloads\e9870fd1-7b4b-42f6-8ccb-b1d004f94a07.tmp</t>
  </si>
  <si>
    <t>12/18/2019 14:57:06</t>
  </si>
  <si>
    <t>f2f754f0-53d3-40dc-a47e-91196101718e.tmp</t>
  </si>
  <si>
    <t>\\acsfs\profiles$\matheushds\Downloads\f2f754f0-53d3-40dc-a47e-91196101718e.tmp</t>
  </si>
  <si>
    <t>12/18/2019 14:59:16</t>
  </si>
  <si>
    <t>f4019553-f0cd-4563-bc6b-7e1d09f881b1.tmp</t>
  </si>
  <si>
    <t>\\acsfs\profiles$\georgendsq\Downloads\f4019553-f0cd-4563-bc6b-7e1d09f881b1.tmp</t>
  </si>
  <si>
    <t>12/18/2019 14:59:15</t>
  </si>
  <si>
    <t>12/18/2019 15:03:26</t>
  </si>
  <si>
    <t>12/18/2019 15:02:07</t>
  </si>
  <si>
    <t>12/18/2019 15:04:27</t>
  </si>
  <si>
    <t>12/18/2019 15:02:37</t>
  </si>
  <si>
    <t>12/18/2019 15:00:22</t>
  </si>
  <si>
    <t>995b2b3d-7661-4894-94d0-d144f67c6f29.tmp</t>
  </si>
  <si>
    <t>\\acsfs\profiles$\vivianibfs\Downloads\995b2b3d-7661-4894-94d0-d144f67c6f29.tmp</t>
  </si>
  <si>
    <t>12/18/2019 15:01:55</t>
  </si>
  <si>
    <t>a99e718f-00f8-4110-bf8f-d69b6b6b6b0f.tmp</t>
  </si>
  <si>
    <t>\\acsfs\profiles$\vivianibfs\Downloads\a99e718f-00f8-4110-bf8f-d69b6b6b6b0f.tmp</t>
  </si>
  <si>
    <t>12/18/2019 15:02:20</t>
  </si>
  <si>
    <t>8132cd0a-11c7-4d57-a781-ce763caa0d84.tmp</t>
  </si>
  <si>
    <t>\\acsfs\profiles$\vivianibfs\Downloads\8132cd0a-11c7-4d57-a781-ce763caa0d84.tmp</t>
  </si>
  <si>
    <t>12/18/2019 15:03:04</t>
  </si>
  <si>
    <t>521593da-0e10-46a2-a6ff-47c85bf949e7.tmp</t>
  </si>
  <si>
    <t>\\acsfs\profiles$\vivianibfs\Downloads\521593da-0e10-46a2-a6ff-47c85bf949e7.tmp</t>
  </si>
  <si>
    <t>12/18/2019 15:00:47</t>
  </si>
  <si>
    <t>12/18/2019 15:00:44</t>
  </si>
  <si>
    <t>d144876e-c1ab-4f60-aa25-177a891cc968.tmp</t>
  </si>
  <si>
    <t>\\acsfs\profiles$\gabrielamdp\Downloads\d144876e-c1ab-4f60-aa25-177a891cc968.tmp</t>
  </si>
  <si>
    <t>7aa4c3aa-6dfa-483e-91dc-ae86e0092d39.tmp</t>
  </si>
  <si>
    <t>\\acsfs\profiles$\gabrielamdp\Downloads\7aa4c3aa-6dfa-483e-91dc-ae86e0092d39.tmp</t>
  </si>
  <si>
    <t>7eb1ab2f-5609-4086-b305-888974ee26a4.tmp</t>
  </si>
  <si>
    <t>\\acsfs\profiles$\gabrielamdp\Downloads\7eb1ab2f-5609-4086-b305-888974ee26a4.tmp</t>
  </si>
  <si>
    <t>3894925a-8ff7-4146-8146-c7441c85e77b.tmp</t>
  </si>
  <si>
    <t>\\acsfs\profiles$\gabrielamdp\Downloads\3894925a-8ff7-4146-8146-c7441c85e77b.tmp</t>
  </si>
  <si>
    <t>adfd924a-291e-4119-aee1-9297e28ef7b4.tmp</t>
  </si>
  <si>
    <t>\\acsfs\profiles$\gabrielamdp\Downloads\adfd924a-291e-4119-aee1-9297e28ef7b4.tmp</t>
  </si>
  <si>
    <t>12/18/2019 15:01:07</t>
  </si>
  <si>
    <t>12/18/2019 15:00:51</t>
  </si>
  <si>
    <t>12/18/2019 15:05:26</t>
  </si>
  <si>
    <t>12/18/2019 15:01:58</t>
  </si>
  <si>
    <t>\\acsfs\DEPTOS\EDUCACAO EMPRESARIAL\Videos Febraban\</t>
  </si>
  <si>
    <t>12/18/2019 15:04:35</t>
  </si>
  <si>
    <t>\\acsfs\DEPTOS\EDUCACAO EMPRESARIAL\Ligaçoes para MUTANT seg ciclo DEZEMBRO\JESSICA DE ALMEIDA GOMES_1_6766245801224120244_1_32.wav</t>
  </si>
  <si>
    <t>12/18/2019 14:59:52</t>
  </si>
  <si>
    <t>$IP1RO9K.ica</t>
  </si>
  <si>
    <t>\\acsfs\profiles$\vivianealda\Downloads\$RECYCLE.BIN\$IP1RO9K.ica</t>
  </si>
  <si>
    <t>$IXKVM47.ica</t>
  </si>
  <si>
    <t>\\acsfs\profiles$\vivianealda\Downloads\$RECYCLE.BIN\$IXKVM47.ica</t>
  </si>
  <si>
    <t>$I3H673C.ica</t>
  </si>
  <si>
    <t>\\acsfs\profiles$\vivianealda\Downloads\$RECYCLE.BIN\$I3H673C.ica</t>
  </si>
  <si>
    <t>12/18/2019 14:59:53</t>
  </si>
  <si>
    <t>$IARED65.ica</t>
  </si>
  <si>
    <t>\\acsfs\profiles$\vivianealda\Downloads\$RECYCLE.BIN\$IARED65.ica</t>
  </si>
  <si>
    <t>12/18/2019 15:00:04</t>
  </si>
  <si>
    <t>f51e25a9-78cd-4ee8-a9a5-0656e958670b.tmp</t>
  </si>
  <si>
    <t>\\acsfs\profiles$\vivianealda\Downloads\f51e25a9-78cd-4ee8-a9a5-0656e958670b.tmp</t>
  </si>
  <si>
    <t>12/18/2019 15:00:36</t>
  </si>
  <si>
    <t>39b16439-70df-49b8-b501-820f33f1f814.tmp</t>
  </si>
  <si>
    <t>\\acsfs\profiles$\vivianealda\Downloads\39b16439-70df-49b8-b501-820f33f1f814.tmp</t>
  </si>
  <si>
    <t>12/18/2019 15:00:45</t>
  </si>
  <si>
    <t>22541422-ee53-4e9b-96a0-02b9b7a5ea6e.tmp</t>
  </si>
  <si>
    <t>\\acsfs\profiles$\vivianealda\Downloads\22541422-ee53-4e9b-96a0-02b9b7a5ea6e.tmp</t>
  </si>
  <si>
    <t>12/18/2019 15:01:02</t>
  </si>
  <si>
    <t>$IVSPNHA.zip</t>
  </si>
  <si>
    <t>\\acsfs\profiles$\vivianealda\Downloads\$RECYCLE.BIN\$IVSPNHA.zip</t>
  </si>
  <si>
    <t>12/18/2019 15:01:13</t>
  </si>
  <si>
    <t>$IK90WDP.tmp</t>
  </si>
  <si>
    <t>\\acsfs\profiles$\vivianealda\Downloads\$RECYCLE.BIN\$IK90WDP.tmp</t>
  </si>
  <si>
    <t>12/18/2019 15:01:15</t>
  </si>
  <si>
    <t>$IWAUVVV.tmp</t>
  </si>
  <si>
    <t>\\acsfs\profiles$\vivianealda\Downloads\$RECYCLE.BIN\$IWAUVVV.tmp</t>
  </si>
  <si>
    <t>12/18/2019 15:01:30</t>
  </si>
  <si>
    <t>$I1R7RFE.xlsm</t>
  </si>
  <si>
    <t>\\acsfs\profiles$\vivianealda\Downloads\$RECYCLE.BIN\$I1R7RFE.xlsm</t>
  </si>
  <si>
    <t>12/18/2019 15:01:32</t>
  </si>
  <si>
    <t>$IK87HEU.xlsm</t>
  </si>
  <si>
    <t>\\acsfs\profiles$\vivianealda\Downloads\$RECYCLE.BIN\$IK87HEU.xlsm</t>
  </si>
  <si>
    <t>12/18/2019 15:01:39</t>
  </si>
  <si>
    <t>$I4UL5PI.crdownload</t>
  </si>
  <si>
    <t>\\acsfs\profiles$\vivianealda\Downloads\$RECYCLE.BIN\$I4UL5PI.crdownload</t>
  </si>
  <si>
    <t>12/18/2019 15:02:23</t>
  </si>
  <si>
    <t>b29e5f60-351e-45de-85cd-ad1c9224c525.tmp</t>
  </si>
  <si>
    <t>\\acsfs\profiles$\vivianealda\Downloads\b29e5f60-351e-45de-85cd-ad1c9224c525.tmp</t>
  </si>
  <si>
    <t>12/18/2019 15:02:26</t>
  </si>
  <si>
    <t>0c9d97c2-d47a-4291-a8d5-b2dee142a9d0.tmp</t>
  </si>
  <si>
    <t>\\acsfs\profiles$\vivianealda\Downloads\0c9d97c2-d47a-4291-a8d5-b2dee142a9d0.tmp</t>
  </si>
  <si>
    <t>12/18/2019 15:01:16</t>
  </si>
  <si>
    <t>12/18/2019 15:01:26</t>
  </si>
  <si>
    <t>12/18/2019 15:06:27</t>
  </si>
  <si>
    <t>12/18/2019 15:04:13</t>
  </si>
  <si>
    <t>12/18/2019 15:07:27</t>
  </si>
  <si>
    <t>12/18/2019 15:03:20</t>
  </si>
  <si>
    <t>12/18/2019 15:08:26</t>
  </si>
  <si>
    <t>12/18/2019 15:06:47</t>
  </si>
  <si>
    <t>12/18/2019 15:09:27</t>
  </si>
  <si>
    <t>12/18/2019 15:08:08</t>
  </si>
  <si>
    <t>12/18/2019 15:06:21</t>
  </si>
  <si>
    <t>e5e75437-31ca-4973-8fcc-5e25f85e7bb5.tmp</t>
  </si>
  <si>
    <t>\\acsfs\profiles$\larissaad\Downloads\e5e75437-31ca-4973-8fcc-5e25f85e7bb5.tmp</t>
  </si>
  <si>
    <t>12/18/2019 15:08:27</t>
  </si>
  <si>
    <t>68c7ac2a-2d62-4f16-943c-f1dba2215871.tmp</t>
  </si>
  <si>
    <t>\\acsfs\profiles$\larissaad\Downloads\68c7ac2a-2d62-4f16-943c-f1dba2215871.tmp</t>
  </si>
  <si>
    <t>12/18/2019 15:08:23</t>
  </si>
  <si>
    <t>12/18/2019 15:10:26</t>
  </si>
  <si>
    <t>\\acsfs\DEPTOS\Operacao\Banco_Votorantim\Comum\</t>
  </si>
  <si>
    <t>\\acsfs\DEPTOS\Operacao\Banco_Votorantim\Qualidade\Diz Aí!\Thumbs.db</t>
  </si>
  <si>
    <t>INFORMAÇÕES DE LAUDO.txt</t>
  </si>
  <si>
    <t>\\acsfs\DEPTOS\Operacao\Banco_Votorantim\Qualidade\Anderson\Jose\INFORMAÇÕES DE LAUDO.txt</t>
  </si>
  <si>
    <t>12/18/2019 15:05:51</t>
  </si>
  <si>
    <t>9f9659b9-4567-4304-83bb-f26011e33664.tmp</t>
  </si>
  <si>
    <t>\\acsfs\profiles$\vivianealda\Downloads\9f9659b9-4567-4304-83bb-f26011e33664.tmp</t>
  </si>
  <si>
    <t>12/18/2019 15:08:13</t>
  </si>
  <si>
    <t>610eb1b6-6fbe-4557-a90d-e059d6a2c5f0.tmp</t>
  </si>
  <si>
    <t>\\acsfs\profiles$\danielta\Downloads\610eb1b6-6fbe-4557-a90d-e059d6a2c5f0.tmp</t>
  </si>
  <si>
    <t>12/18/2019 15:08:03</t>
  </si>
  <si>
    <t>12/18/2019 15:11:27</t>
  </si>
  <si>
    <t>12/18/2019 15:06:26</t>
  </si>
  <si>
    <t>12/18/2019 15:06:59</t>
  </si>
  <si>
    <t>12/18/2019 15:07:26</t>
  </si>
  <si>
    <t>12/18/2019 15:10:46</t>
  </si>
  <si>
    <t>12/18/2019 15:10:30</t>
  </si>
  <si>
    <t>12/18/2019 15:12:26</t>
  </si>
  <si>
    <t>12/18/2019 15:08:41</t>
  </si>
  <si>
    <t>12/18/2019 15:14:26</t>
  </si>
  <si>
    <t>12/18/2019 15:09:11</t>
  </si>
  <si>
    <t>12/18/2019 15:10:12</t>
  </si>
  <si>
    <t>12/18/2019 15:10:42</t>
  </si>
  <si>
    <t>12/18/2019 15:09:51</t>
  </si>
  <si>
    <t>12/18/2019 15:11:59</t>
  </si>
  <si>
    <t>C:\Users\adilsonloj\Desktop\</t>
  </si>
  <si>
    <t>UADPresentationLayer - Atalho.lnk</t>
  </si>
  <si>
    <t>\\acsfs\DEPTOS\Operacao\Banco_Votorantim\Comum\00 - COMUM - BV CARTÕES\EQUIPE ADILSON\Aspect\UADPresentationLayer - Atalho.lnk</t>
  </si>
  <si>
    <t>12/18/2019 15:13:34</t>
  </si>
  <si>
    <t>12/18/2019 15:11:10</t>
  </si>
  <si>
    <t>12/18/2019 15:11:23</t>
  </si>
  <si>
    <t>12/18/2019 15:12:47</t>
  </si>
  <si>
    <t>12/18/2019 15:13:43</t>
  </si>
  <si>
    <t>12/18/2019 15:09:42</t>
  </si>
  <si>
    <t>19c92524-b2bc-43fb-8118-9a151db29d6f.tmp</t>
  </si>
  <si>
    <t>\\acsfs\profiles$\larissaad\Downloads\19c92524-b2bc-43fb-8118-9a151db29d6f.tmp</t>
  </si>
  <si>
    <t>12/18/2019 15:14:32</t>
  </si>
  <si>
    <t>12/18/2019 15:15:25</t>
  </si>
  <si>
    <t>b4fda4d9-4fd6-44ec-a6ea-44d90afc87a7.tmp</t>
  </si>
  <si>
    <t>\\acsfs\profiles$\ayalabfi\Downloads\b4fda4d9-4fd6-44ec-a6ea-44d90afc87a7.tmp</t>
  </si>
  <si>
    <t>12/18/2019 15:12:04</t>
  </si>
  <si>
    <t>12/18/2019 15:16:26</t>
  </si>
  <si>
    <t>12/18/2019 15:13:59</t>
  </si>
  <si>
    <t>12/18/2019 15:14:01</t>
  </si>
  <si>
    <t>12/18/2019 15:14:03</t>
  </si>
  <si>
    <t>12/18/2019 15:14:04</t>
  </si>
  <si>
    <t>12/18/2019 15:14:06</t>
  </si>
  <si>
    <t>12/18/2019 15:14:07</t>
  </si>
  <si>
    <t>12/18/2019 15:14:11</t>
  </si>
  <si>
    <t>12/18/2019 15:14:13</t>
  </si>
  <si>
    <t>12/18/2019 15:14:17</t>
  </si>
  <si>
    <t>12/18/2019 15:14:18</t>
  </si>
  <si>
    <t>12/18/2019 15:14:19</t>
  </si>
  <si>
    <t>12/18/2019 15:14:20</t>
  </si>
  <si>
    <t>12/18/2019 15:14:21</t>
  </si>
  <si>
    <t>12/18/2019 15:14:23</t>
  </si>
  <si>
    <t>12/18/2019 15:14:25</t>
  </si>
  <si>
    <t>12/18/2019 15:14:28</t>
  </si>
  <si>
    <t>12/18/2019 15:14:29</t>
  </si>
  <si>
    <t>12/18/2019 15:14:30</t>
  </si>
  <si>
    <t>12/18/2019 15:14:31</t>
  </si>
  <si>
    <t>12/18/2019 15:14:33</t>
  </si>
  <si>
    <t>12/18/2019 15:14:34</t>
  </si>
  <si>
    <t>12/18/2019 15:14:35</t>
  </si>
  <si>
    <t>12/18/2019 15:14:36</t>
  </si>
  <si>
    <t>12/18/2019 15:14:37</t>
  </si>
  <si>
    <t>12/18/2019 15:14:38</t>
  </si>
  <si>
    <t>12/18/2019 15:14:39</t>
  </si>
  <si>
    <t>12/18/2019 15:14:40</t>
  </si>
  <si>
    <t>12/18/2019 15:14:42</t>
  </si>
  <si>
    <t>12/18/2019 15:14:43</t>
  </si>
  <si>
    <t>12/18/2019 15:14:44</t>
  </si>
  <si>
    <t>12/18/2019 15:14:45</t>
  </si>
  <si>
    <t>12/18/2019 15:14:46</t>
  </si>
  <si>
    <t>12/18/2019 15:14:47</t>
  </si>
  <si>
    <t>12/18/2019 15:14:48</t>
  </si>
  <si>
    <t>12/18/2019 15:14:49</t>
  </si>
  <si>
    <t>12/18/2019 15:15:32</t>
  </si>
  <si>
    <t>12/18/2019 15:15:19</t>
  </si>
  <si>
    <t>12/18/2019 15:14:54</t>
  </si>
  <si>
    <t>ivanise.rezende@bradesco.com.br;jacqueline.mariano@bradesco.com.br;leandra.cardoso@bradesco.com.br;</t>
  </si>
  <si>
    <t>RES: Tabela de códigos de autorizações e encargos</t>
  </si>
  <si>
    <t>ANX_1111_Autorizacoes_Cartoes_Revitalizados_Excel.xls</t>
  </si>
  <si>
    <t>ivanise.rezende@bradesco.com.br,jacqueline.mariano@bradesco.com.br,leandra.cardoso@bradesco.com.br</t>
  </si>
  <si>
    <t>12/18/2019 15:13:26</t>
  </si>
  <si>
    <t>12/18/2019 15:14:57</t>
  </si>
  <si>
    <t>12/18/2019 15:17:26</t>
  </si>
  <si>
    <t>2c3baa47-2344-4003-9f8b-fc712ebed8f7.tmp</t>
  </si>
  <si>
    <t>\\acsfs\profiles$\georgendsq\Downloads\2c3baa47-2344-4003-9f8b-fc712ebed8f7.tmp</t>
  </si>
  <si>
    <t>12/18/2019 15:12:53</t>
  </si>
  <si>
    <t>0e7463e4-2f3d-4c7f-a284-b22677e5f5a1.tmp</t>
  </si>
  <si>
    <t>\\acsfs\profiles$\laurandos\Downloads\0e7463e4-2f3d-4c7f-a284-b22677e5f5a1.tmp</t>
  </si>
  <si>
    <t>12/18/2019 15:16:08</t>
  </si>
  <si>
    <t>827316a7-9991-47bf-a0a9-31ad64ab9c4c.tmp</t>
  </si>
  <si>
    <t>\\acsfs\profiles$\laurandos\Downloads\827316a7-9991-47bf-a0a9-31ad64ab9c4c.tmp</t>
  </si>
  <si>
    <t>12/18/2019 15:18:16</t>
  </si>
  <si>
    <t>12/18/2019 15:19:25</t>
  </si>
  <si>
    <t>12/18/2019 15:13:46</t>
  </si>
  <si>
    <t>12/18/2019 15:18:59</t>
  </si>
  <si>
    <t>12/18/2019 15:20:26</t>
  </si>
  <si>
    <t>12/18/2019 15:15:11</t>
  </si>
  <si>
    <t>Romario Silva de Medeiros_1_6768666199979008025_1_32.wav</t>
  </si>
  <si>
    <t>\\acsfs\DEPTOS\EDUCACAO EMPRESARIAL\Ligaçoes para MUTANT seg ciclo DEZEMBRO\Romario Silva de Medeiros_1_6768666199979008025_1_32.wav</t>
  </si>
  <si>
    <t>12/18/2019 15:15:28</t>
  </si>
  <si>
    <t>cec668ae-d8d4-4915-96e1-cd89b536e315.tmp</t>
  </si>
  <si>
    <t>\\acsfs\profiles$\ayalabfi\Downloads\cec668ae-d8d4-4915-96e1-cd89b536e315.tmp</t>
  </si>
  <si>
    <t>12/18/2019 15:21:25</t>
  </si>
  <si>
    <t>12/18/2019 15:16:35</t>
  </si>
  <si>
    <t>eb2ef46a-bfdf-45c0-ad81-38f6acd55338.tmp</t>
  </si>
  <si>
    <t>\\acsfs\profiles$\leticiala\Downloads\eb2ef46a-bfdf-45c0-ad81-38f6acd55338.tmp</t>
  </si>
  <si>
    <t>12/18/2019 15:17:36</t>
  </si>
  <si>
    <t>12/18/2019 15:17:18</t>
  </si>
  <si>
    <t>12/18/2019 15:18:27</t>
  </si>
  <si>
    <t>12/18/2019 15:19:27</t>
  </si>
  <si>
    <t>12/18/2019 15:17:38</t>
  </si>
  <si>
    <t>12/18/2019 15:22:26</t>
  </si>
  <si>
    <t>12/18/2019 15:20:19</t>
  </si>
  <si>
    <t>12/18/2019 15:18:46</t>
  </si>
  <si>
    <t>12/18/2019 15:24:26</t>
  </si>
  <si>
    <t>12/18/2019 15:20:18</t>
  </si>
  <si>
    <t>12/18/2019 15:20:48</t>
  </si>
  <si>
    <t>12/18/2019 15:21:18</t>
  </si>
  <si>
    <t>12/18/2019 15:23:19</t>
  </si>
  <si>
    <t>12/18/2019 15:18:47</t>
  </si>
  <si>
    <t>12/18/2019 15:23:14</t>
  </si>
  <si>
    <t>12/18/2019 15:21:43</t>
  </si>
  <si>
    <t>/o=exchangelabs/ou=exchange administrative group (fydibohf23spdlt)/cn=recipients/cn=8913194a652940c6a3d16f3bc35e1061-raphael and;vanusaos@algartech.com.br;</t>
  </si>
  <si>
    <t>Acompanhamento VIP</t>
  </si>
  <si>
    <t>/o=exchangelabs/ou=exchange administrative group (fydibohf23spdlt)/cn=recipients/cn=8913194a652940c6a3d16f3bc35e1061-raphael and,vanusaos@algartech.com.br</t>
  </si>
  <si>
    <t>12/18/2019 15:24:15</t>
  </si>
  <si>
    <t>12/18/2019 15:25:26</t>
  </si>
  <si>
    <t>12/18/2019 15:26:26</t>
  </si>
  <si>
    <t>12/18/2019 15:22:51</t>
  </si>
  <si>
    <t>12/18/2019 15:24:27</t>
  </si>
  <si>
    <t>12/18/2019 15:25:27</t>
  </si>
  <si>
    <t>12/18/2019 15:26:46</t>
  </si>
  <si>
    <t>12/18/2019 15:27:25</t>
  </si>
  <si>
    <t>eddc293a-90e9-4223-83e0-190ce0fbbcba.tmp</t>
  </si>
  <si>
    <t>\\acsfs\profiles$\matheushds\Downloads\eddc293a-90e9-4223-83e0-190ce0fbbcba.tmp</t>
  </si>
  <si>
    <t>12/18/2019 15:24:47</t>
  </si>
  <si>
    <t>12/18/2019 15:29:26</t>
  </si>
  <si>
    <t>12/18/2019 15:26:05</t>
  </si>
  <si>
    <t>https://udpmailboxap01.acs.com.br:8443/h/search?si=0&amp;so=0&amp;sc=48201&amp;sq=folha&amp;st=conversation&amp;action=compose&amp;paction=paneview2</t>
  </si>
  <si>
    <t>layonmof@bv.algartech.com;</t>
  </si>
  <si>
    <t>https://layonmof@bv.algartech.com</t>
  </si>
  <si>
    <t>12/18/2019 15:26:59</t>
  </si>
  <si>
    <t>https://udpmailboxap01.acs.com.br:8443/h/search?si=0&amp;so=0&amp;sc=48265&amp;sfi=2&amp;st=conversation&amp;action=compose&amp;id=2249&amp;paction=view&amp;rf=html&amp;op=reply</t>
  </si>
  <si>
    <t>jorgeaf@bv.algartech.com;</t>
  </si>
  <si>
    <t>https://jorgeaf@bv.algartech.com</t>
  </si>
  <si>
    <t>c86a17b1-ac7c-4ee4-8a61-a25a2936e83e.tmp</t>
  </si>
  <si>
    <t>\\acsfs\profiles$\gabrielamdp\Downloads\c86a17b1-ac7c-4ee4-8a61-a25a2936e83e.tmp</t>
  </si>
  <si>
    <t>12/18/2019 15:24:17</t>
  </si>
  <si>
    <t>e58ab639-0f6b-4885-b1b3-557149a8ff7f.tmp</t>
  </si>
  <si>
    <t>\\acsfs\profiles$\gabrielamdp\Downloads\e58ab639-0f6b-4885-b1b3-557149a8ff7f.tmp</t>
  </si>
  <si>
    <t>12/18/2019 15:24:18</t>
  </si>
  <si>
    <t>7c66e300-aacd-4648-a9ff-7e7f48d2192d.tmp</t>
  </si>
  <si>
    <t>\\acsfs\profiles$\gabrielamdp\Downloads\7c66e300-aacd-4648-a9ff-7e7f48d2192d.tmp</t>
  </si>
  <si>
    <t>8595397c-4ac6-47a1-87b1-655802954a1b.tmp</t>
  </si>
  <si>
    <t>\\acsfs\profiles$\gabrielamdp\Downloads\8595397c-4ac6-47a1-87b1-655802954a1b.tmp</t>
  </si>
  <si>
    <t>56be2174-723a-4376-9f2c-02fd7b2781fb.tmp</t>
  </si>
  <si>
    <t>\\acsfs\profiles$\gabrielamdp\Downloads\56be2174-723a-4376-9f2c-02fd7b2781fb.tmp</t>
  </si>
  <si>
    <t>12/18/2019 15:25:39</t>
  </si>
  <si>
    <t>e1e314b6-2ab9-418c-b382-da2d1aabaef2.tmp</t>
  </si>
  <si>
    <t>\\acsfs\profiles$\gabrielamdp\Downloads\e1e314b6-2ab9-418c-b382-da2d1aabaef2.tmp</t>
  </si>
  <si>
    <t>12/18/2019 15:28:51</t>
  </si>
  <si>
    <t>12/18/2019 15:28:02</t>
  </si>
  <si>
    <t>12/18/2019 15:30:26</t>
  </si>
  <si>
    <t>novo controle financeiro.xlsx</t>
  </si>
  <si>
    <t>12/18/2019 15:31:25</t>
  </si>
  <si>
    <t>12/18/2019 15:29:22</t>
  </si>
  <si>
    <t>12/18/2019 15:30:27</t>
  </si>
  <si>
    <t>12/18/2019 15:31:05</t>
  </si>
  <si>
    <t>12/18/2019 15:31:06</t>
  </si>
  <si>
    <t>12/18/2019 15:31:00</t>
  </si>
  <si>
    <t>12/18/2019 15:32:26</t>
  </si>
  <si>
    <t>12/18/2019 15:29:53</t>
  </si>
  <si>
    <t>12/18/2019 15:34:26</t>
  </si>
  <si>
    <t>12/18/2019 15:30:23</t>
  </si>
  <si>
    <t>12/18/2019 15:29:18</t>
  </si>
  <si>
    <t>12/18/2019 15:30:47</t>
  </si>
  <si>
    <t>12/18/2019 15:29:42</t>
  </si>
  <si>
    <t>12/18/2019 15:36:26</t>
  </si>
  <si>
    <t>12/18/2019 15:31:41</t>
  </si>
  <si>
    <t>12/18/2019 15:33:17</t>
  </si>
  <si>
    <t>joaogdos</t>
  </si>
  <si>
    <t>12/18/2019 15:33:19</t>
  </si>
  <si>
    <t>12/18/2019 15:33:24</t>
  </si>
  <si>
    <t>C:\Users\thiagoafs\Contacts\</t>
  </si>
  <si>
    <t>C:\Users\thiagoafs\Documents\</t>
  </si>
  <si>
    <t>C:\Users\thiagoafs\Downloads\</t>
  </si>
  <si>
    <t>C:\Users\thiagoafs\Favorites\</t>
  </si>
  <si>
    <t>C:\Users\thiagoafs\Links\</t>
  </si>
  <si>
    <t>C:\Users\thiagoafs\Music\</t>
  </si>
  <si>
    <t>C:\Users\thiagoafs\Pictures\</t>
  </si>
  <si>
    <t>C:\Users\thiagoafs\Saved Games\</t>
  </si>
  <si>
    <t>C:\Users\thiagoafs\Searches\</t>
  </si>
  <si>
    <t>C:\Users\thiagoafs\Videos\</t>
  </si>
  <si>
    <t>12/18/2019 15:33:25</t>
  </si>
  <si>
    <t>C:\Users\thiagoafs\Favorites\Links for Brasil\</t>
  </si>
  <si>
    <t>12/18/2019 15:35:09</t>
  </si>
  <si>
    <t>C:\Users\elianegr\Contacts\</t>
  </si>
  <si>
    <t>C:\Users\elianegr\Desktop\</t>
  </si>
  <si>
    <t>C:\Users\elianegr\Documents\</t>
  </si>
  <si>
    <t>C:\Users\elianegr\Favorites\</t>
  </si>
  <si>
    <t>C:\Users\elianegr\Links\</t>
  </si>
  <si>
    <t>C:\Users\elianegr\Music\</t>
  </si>
  <si>
    <t>C:\Users\elianegr\Pictures\</t>
  </si>
  <si>
    <t>C:\Users\elianegr\Saved Games\</t>
  </si>
  <si>
    <t>C:\Users\elianegr\Searches\</t>
  </si>
  <si>
    <t>C:\Users\elianegr\Videos\</t>
  </si>
  <si>
    <t>12/18/2019 15:35:10</t>
  </si>
  <si>
    <t>12/18/2019 15:35:11</t>
  </si>
  <si>
    <t>C:\Users\fernandaab\Contacts\</t>
  </si>
  <si>
    <t>12/18/2019 15:35:12</t>
  </si>
  <si>
    <t>C:\Users\fernandaab\Desktop\</t>
  </si>
  <si>
    <t>C:\Users\fernandaab\Documents\</t>
  </si>
  <si>
    <t>C:\Users\fernandaab\Favorites\</t>
  </si>
  <si>
    <t>C:\Users\fernandaab\Links\</t>
  </si>
  <si>
    <t>C:\Users\fernandaab\Music\</t>
  </si>
  <si>
    <t>C:\Users\fernandaab\Pictures\</t>
  </si>
  <si>
    <t>C:\Users\fernandaab\Saved Games\</t>
  </si>
  <si>
    <t>C:\Users\fernandaab\Searches\</t>
  </si>
  <si>
    <t>C:\Users\fernandaab\Videos\</t>
  </si>
  <si>
    <t>12/18/2019 15:35:13</t>
  </si>
  <si>
    <t>C:\Users\danielsmo\Contacts\</t>
  </si>
  <si>
    <t>C:\Users\danielsmo\Desktop\</t>
  </si>
  <si>
    <t>C:\Users\danielsmo\Documents\</t>
  </si>
  <si>
    <t>C:\Users\danielsmo\Downloads\</t>
  </si>
  <si>
    <t>C:\Users\danielsmo\Favorites\</t>
  </si>
  <si>
    <t>C:\Users\danielsmo\Links\</t>
  </si>
  <si>
    <t>C:\Users\danielsmo\Music\</t>
  </si>
  <si>
    <t>C:\Users\danielsmo\Pictures\</t>
  </si>
  <si>
    <t>C:\Users\danielsmo\Saved Games\</t>
  </si>
  <si>
    <t>C:\Users\danielsmo\Searches\</t>
  </si>
  <si>
    <t>C:\Users\danielsmo\Videos\</t>
  </si>
  <si>
    <t>12/18/2019 15:35:14</t>
  </si>
  <si>
    <t>C:\Users\Public\Documents\</t>
  </si>
  <si>
    <t>C:\Users\Public\Downloads\</t>
  </si>
  <si>
    <t>C:\Users\Public\Music\</t>
  </si>
  <si>
    <t>C:\Users\Public\Pictures\</t>
  </si>
  <si>
    <t>C:\Users\Public\Recorded TV\</t>
  </si>
  <si>
    <t>C:\Users\Public\Videos\</t>
  </si>
  <si>
    <t>12/18/2019 15:35:15</t>
  </si>
  <si>
    <t>C:\Users\it.manager\Contacts\</t>
  </si>
  <si>
    <t>C:\Users\it.manager\Desktop\</t>
  </si>
  <si>
    <t>C:\Users\it.manager\Documents\</t>
  </si>
  <si>
    <t>C:\Users\it.manager\Downloads\</t>
  </si>
  <si>
    <t>C:\Users\it.manager\Favorites\</t>
  </si>
  <si>
    <t>C:\Users\it.manager\Links\</t>
  </si>
  <si>
    <t>C:\Users\it.manager\Music\</t>
  </si>
  <si>
    <t>C:\Users\it.manager\Pictures\</t>
  </si>
  <si>
    <t>C:\Users\it.manager\Saved Games\</t>
  </si>
  <si>
    <t>C:\Users\it.manager\Searches\</t>
  </si>
  <si>
    <t>C:\Users\it.manager\Videos\</t>
  </si>
  <si>
    <t>12/18/2019 15:35:20</t>
  </si>
  <si>
    <t>C:\Users\esterpsk\Links\</t>
  </si>
  <si>
    <t>12/18/2019 15:35:21</t>
  </si>
  <si>
    <t>C:\Users\georgendsq\Links\</t>
  </si>
  <si>
    <t>C:\Users\diosquellysc\Links\</t>
  </si>
  <si>
    <t>C:\Users\jessicabrs\Contacts\</t>
  </si>
  <si>
    <t>C:\Users\jessicabrs\Desktop\</t>
  </si>
  <si>
    <t>C:\Users\jessicabrs\Documents\</t>
  </si>
  <si>
    <t>C:\Users\jessicabrs\Downloads\</t>
  </si>
  <si>
    <t>C:\Users\jessicabrs\Favorites\</t>
  </si>
  <si>
    <t>12/18/2019 15:35:22</t>
  </si>
  <si>
    <t>C:\Users\jessicabrs\Links\</t>
  </si>
  <si>
    <t>C:\Users\jessicabrs\Music\</t>
  </si>
  <si>
    <t>C:\Users\jessicabrs\Pictures\</t>
  </si>
  <si>
    <t>C:\Users\jessicabrs\Saved Games\</t>
  </si>
  <si>
    <t>C:\Users\jessicabrs\Searches\</t>
  </si>
  <si>
    <t>C:\Users\jessicabrs\Videos\</t>
  </si>
  <si>
    <t>C:\Users\paulohaf\Links\</t>
  </si>
  <si>
    <t>12/18/2019 15:35:23</t>
  </si>
  <si>
    <t>C:\Users\joaopsan\Contacts\</t>
  </si>
  <si>
    <t>C:\Users\joaopsan\Desktop\</t>
  </si>
  <si>
    <t>C:\Users\joaopsan\Documents\</t>
  </si>
  <si>
    <t>C:\Users\joaopsan\Downloads\</t>
  </si>
  <si>
    <t>C:\Users\joaopsan\Favorites\</t>
  </si>
  <si>
    <t>C:\Users\joaopsan\Links\</t>
  </si>
  <si>
    <t>C:\Users\joaopsan\Music\</t>
  </si>
  <si>
    <t>C:\Users\joaopsan\Pictures\</t>
  </si>
  <si>
    <t>C:\Users\joaopsan\Saved Games\</t>
  </si>
  <si>
    <t>C:\Users\joaopsan\Searches\</t>
  </si>
  <si>
    <t>12/18/2019 15:35:24</t>
  </si>
  <si>
    <t>C:\Users\joaopsan\Videos\</t>
  </si>
  <si>
    <t>C:\Users\joaopsan\Favorites\Links\</t>
  </si>
  <si>
    <t>12/18/2019 15:35:25</t>
  </si>
  <si>
    <t>C:\Users\joaopsan\Favorites\Links for Brasil\</t>
  </si>
  <si>
    <t>12/18/2019 15:35:33</t>
  </si>
  <si>
    <t>C:\Users\marianerdo\Contacts\</t>
  </si>
  <si>
    <t>C:\Users\marianerdo\Desktop\</t>
  </si>
  <si>
    <t>C:\Users\marianerdo\Documents\</t>
  </si>
  <si>
    <t>C:\Users\marianerdo\Downloads\</t>
  </si>
  <si>
    <t>C:\Users\marianerdo\Favorites\</t>
  </si>
  <si>
    <t>C:\Users\marianerdo\Links\</t>
  </si>
  <si>
    <t>C:\Users\marianerdo\Music\</t>
  </si>
  <si>
    <t>C:\Users\marianerdo\Pictures\</t>
  </si>
  <si>
    <t>C:\Users\marianerdo\Saved Games\</t>
  </si>
  <si>
    <t>C:\Users\marianerdo\Searches\</t>
  </si>
  <si>
    <t>C:\Users\marianerdo\Videos\</t>
  </si>
  <si>
    <t>C:\Users\marianerdo\Favorites\Links\</t>
  </si>
  <si>
    <t>C:\Users\marianerdo\Favorites\Links for Brasil\</t>
  </si>
  <si>
    <t>12/18/2019 15:35:42</t>
  </si>
  <si>
    <t>C:\Users\marianerdo\AppData\Local\Microsoft\Windows\History\</t>
  </si>
  <si>
    <t>C:\Users\marianerdo\AppData\Local\Microsoft\Windows\Burn\Burn\</t>
  </si>
  <si>
    <t>C:\Users\marianerdo\AppData\Local\Microsoft\Windows Mail\Stationery\</t>
  </si>
  <si>
    <t>Desktop.ini</t>
  </si>
  <si>
    <t>12/18/2019 15:35:44</t>
  </si>
  <si>
    <t>C:\Users\marianerdo\AppData\Roaming\Microsoft\Internet Explorer\Quick Launch\</t>
  </si>
  <si>
    <t>C:\Users\marianerdo\AppData\Roaming\Microsoft\Internet Explorer\Quick Launch\User Pinned\TaskBar\</t>
  </si>
  <si>
    <t>12/18/2019 15:35:45</t>
  </si>
  <si>
    <t>C:\Users\marianerdo\AppData\Roaming\Microsoft\Windows\Libraries\</t>
  </si>
  <si>
    <t>C:\Users\marianerdo\AppData\Roaming\Microsoft\Windows\Recent\</t>
  </si>
  <si>
    <t>C:\Users\marianerdo\AppData\Roaming\Microsoft\Windows\SendTo\</t>
  </si>
  <si>
    <t>C:\Users\marianerdo\AppData\Roaming\Microsoft\Windows\Start Menu\</t>
  </si>
  <si>
    <t>C:\Users\marianerdo\AppData\Roaming\Microsoft\Windows\Start Menu\Programs\</t>
  </si>
  <si>
    <t>C:\Users\marianerdo\AppData\Roaming\Microsoft\Windows\Start Menu\Programs\Accessories\</t>
  </si>
  <si>
    <t>C:\Users\marianerdo\AppData\Roaming\Microsoft\Windows\Start Menu\Programs\Administrative Tools\</t>
  </si>
  <si>
    <t>C:\Users\marianerdo\AppData\Roaming\Microsoft\Windows\Start Menu\Programs\Maintenance\</t>
  </si>
  <si>
    <t>C:\Users\marianerdo\AppData\Roaming\Microsoft\Windows\Start Menu\Programs\Startup\</t>
  </si>
  <si>
    <t>12/18/2019 15:35:46</t>
  </si>
  <si>
    <t>C:\Users\marianerdo\AppData\Roaming\Microsoft\Windows\Start Menu\Programs\Accessories\Accessibility\</t>
  </si>
  <si>
    <t>C:\Users\marianerdo\AppData\Roaming\Microsoft\Windows\Start Menu\Programs\Accessories\System Tools\</t>
  </si>
  <si>
    <t>12/18/2019 15:35:47</t>
  </si>
  <si>
    <t>C:\Users\danielsmo\AppData\Local\Microsoft\Windows\Burn\Burn\</t>
  </si>
  <si>
    <t>C:\Users\danielsmo\AppData\Local\Microsoft\Windows Mail\Stationery\</t>
  </si>
  <si>
    <t>12/18/2019 15:35:49</t>
  </si>
  <si>
    <t>C:\Users\danielsmo\AppData\Roaming\Microsoft\Internet Explorer\Quick Launch\</t>
  </si>
  <si>
    <t>C:\Users\danielsmo\AppData\Roaming\Microsoft\Internet Explorer\Quick Launch\User Pinned\TaskBar\</t>
  </si>
  <si>
    <t>12/18/2019 15:35:50</t>
  </si>
  <si>
    <t>C:\Users\danielsmo\AppData\Roaming\Microsoft\Windows\Libraries\</t>
  </si>
  <si>
    <t>C:\Users\danielsmo\AppData\Roaming\Microsoft\Windows\Recent\</t>
  </si>
  <si>
    <t>12/18/2019 15:31:27</t>
  </si>
  <si>
    <t>C:\Users\danielsmo\AppData\Roaming\Microsoft\Windows\SendTo\</t>
  </si>
  <si>
    <t>C:\Users\danielsmo\AppData\Roaming\Microsoft\Windows\Start Menu\</t>
  </si>
  <si>
    <t>C:\Users\danielsmo\AppData\Roaming\Microsoft\Windows\Start Menu\Programs\</t>
  </si>
  <si>
    <t>12/18/2019 15:35:51</t>
  </si>
  <si>
    <t>C:\Users\danielsmo\AppData\Roaming\Microsoft\Windows\Start Menu\Programs\Accessories\</t>
  </si>
  <si>
    <t>C:\Users\danielsmo\AppData\Roaming\Microsoft\Windows\Start Menu\Programs\Administrative Tools\</t>
  </si>
  <si>
    <t>C:\Users\danielsmo\AppData\Roaming\Microsoft\Windows\Start Menu\Programs\Maintenance\</t>
  </si>
  <si>
    <t>C:\Users\danielsmo\AppData\Roaming\Microsoft\Windows\Start Menu\Programs\Startup\</t>
  </si>
  <si>
    <t>C:\Users\danielsmo\AppData\Roaming\Microsoft\Windows\Start Menu\Programs\Accessories\Accessibility\</t>
  </si>
  <si>
    <t>12/18/2019 15:31:11</t>
  </si>
  <si>
    <t>12/18/2019 15:31:12</t>
  </si>
  <si>
    <t>12/18/2019 15:31:15</t>
  </si>
  <si>
    <t>12/18/2019 15:31:16</t>
  </si>
  <si>
    <t>12/18/2019 15:31:17</t>
  </si>
  <si>
    <t>12/18/2019 15:31:18</t>
  </si>
  <si>
    <t>12/18/2019 15:31:19</t>
  </si>
  <si>
    <t>12/18/2019 15:31:20</t>
  </si>
  <si>
    <t>12/18/2019 15:31:26</t>
  </si>
  <si>
    <t>12/18/2019 15:31:29</t>
  </si>
  <si>
    <t>12/18/2019 15:31:50</t>
  </si>
  <si>
    <t>12/18/2019 15:32:41</t>
  </si>
  <si>
    <t>12/18/2019 15:34:31</t>
  </si>
  <si>
    <t>12/18/2019 15:37:25</t>
  </si>
  <si>
    <t>12/18/2019 15:38:26</t>
  </si>
  <si>
    <t>XLOG_vanessacgs_18122019_111135.log</t>
  </si>
  <si>
    <t>\\acsfs\profiles$\vanessacgs\My Documents\xworkcenter\logs\XLOG_vanessacgs_18122019_111135.log</t>
  </si>
  <si>
    <t>12/18/2019 15:36:36</t>
  </si>
  <si>
    <t>12/18/2019 15:39:26</t>
  </si>
  <si>
    <t>bfa67761-1ab9-408d-aa17-2434677da39b.tmp</t>
  </si>
  <si>
    <t>\\acsfs\profiles$\alinepp\Downloads\bfa67761-1ab9-408d-aa17-2434677da39b.tmp</t>
  </si>
  <si>
    <t>12/18/2019 15:36:31</t>
  </si>
  <si>
    <t>12/18/2019 15:36:47</t>
  </si>
  <si>
    <t>12/18/2019 15:38:14</t>
  </si>
  <si>
    <t>https://udpmailboxap01.acs.com.br:8443/h/search?si=4&amp;so=0&amp;sc=48269&amp;sfi=2&amp;st=conversation&amp;action=compose&amp;paction=paneview</t>
  </si>
  <si>
    <t>martala@algartech.com;</t>
  </si>
  <si>
    <t>https://martala@algartech.com</t>
  </si>
  <si>
    <t>12/18/2019 15:39:07</t>
  </si>
  <si>
    <t>BERNARDO PATRICK CARNEIRO MOTA (23).contact</t>
  </si>
  <si>
    <t>\\acsfs\profiles$\bernardopcm\Contacts\BERNARDO PATRICK CARNEIRO MOTA (23).contact</t>
  </si>
  <si>
    <t>12/18/2019 15:39:11</t>
  </si>
  <si>
    <t>12/18/2019 15:40:25</t>
  </si>
  <si>
    <t>ab0cdf89-6680-4167-9600-4230ca470e23.tmp</t>
  </si>
  <si>
    <t>\\acsfs\profiles$\rosileiam\Downloads\ab0cdf89-6680-4167-9600-4230ca470e23.tmp</t>
  </si>
  <si>
    <t>12/18/2019 15:36:45</t>
  </si>
  <si>
    <t>12/18/2019 15:41:26</t>
  </si>
  <si>
    <t>12/18/2019 15:36:27</t>
  </si>
  <si>
    <t>12/18/2019 15:36:58</t>
  </si>
  <si>
    <t>12/18/2019 15:37:27</t>
  </si>
  <si>
    <t>C:\Users\danielsmo\AppData\Roaming\Microsoft\Windows\Start Menu\Programs\Accessories\System Tools\</t>
  </si>
  <si>
    <t>C:\Users\danielsmo\Favorites\Links\</t>
  </si>
  <si>
    <t>C:\Users\danielsmo\Favorites\Links for Brasil\</t>
  </si>
  <si>
    <t>12/18/2019 15:35:52</t>
  </si>
  <si>
    <t>C:\Users\elianegr\AppData\Local\Microsoft\Windows Mail\Stationery\</t>
  </si>
  <si>
    <t>12/18/2019 15:35:54</t>
  </si>
  <si>
    <t>C:\Users\elianegr\AppData\Roaming\Microsoft\Internet Explorer\Quick Launch\</t>
  </si>
  <si>
    <t>C:\Users\elianegr\AppData\Roaming\Microsoft\Windows\Libraries\</t>
  </si>
  <si>
    <t>C:\Users\elianegr\AppData\Roaming\Microsoft\Windows\Recent\</t>
  </si>
  <si>
    <t>C:\Users\elianegr\AppData\Roaming\Microsoft\Windows\SendTo\</t>
  </si>
  <si>
    <t>12/18/2019 15:35:55</t>
  </si>
  <si>
    <t>C:\Users\elianegr\AppData\Roaming\Microsoft\Windows\Start Menu\Programs\Accessories\</t>
  </si>
  <si>
    <t>C:\Users\elianegr\AppData\Roaming\Microsoft\Windows\Start Menu\Programs\Maintenance\</t>
  </si>
  <si>
    <t>C:\Users\elianegr\AppData\Roaming\Microsoft\Windows\Start Menu\Programs\Accessories\Accessibility\</t>
  </si>
  <si>
    <t>C:\Users\elianegr\AppData\Roaming\Microsoft\Windows\Start Menu\Programs\Accessories\System Tools\</t>
  </si>
  <si>
    <t>C:\Users\elianegr\Favorites\Links for Brasil\</t>
  </si>
  <si>
    <t>12/18/2019 15:35:56</t>
  </si>
  <si>
    <t>C:\Users\esterpsk\AppData\Local\Microsoft\Windows\History\</t>
  </si>
  <si>
    <t>12/18/2019 15:35:57</t>
  </si>
  <si>
    <t>C:\Users\esterpsk\AppData\Local\Microsoft\Windows Mail\Stationery\</t>
  </si>
  <si>
    <t>12/18/2019 15:36:00</t>
  </si>
  <si>
    <t>C:\Users\esterpsk\AppData\Roaming\Microsoft\Internet Explorer\Quick Launch\</t>
  </si>
  <si>
    <t>12/18/2019 15:36:01</t>
  </si>
  <si>
    <t>C:\Users\esterpsk\AppData\Roaming\Microsoft\Windows\Libraries\</t>
  </si>
  <si>
    <t>C:\Users\esterpsk\AppData\Roaming\Microsoft\Windows\Recent\</t>
  </si>
  <si>
    <t>C:\Users\esterpsk\AppData\Roaming\Microsoft\Windows\SendTo\</t>
  </si>
  <si>
    <t>C:\Users\esterpsk\AppData\Roaming\Microsoft\Windows\Start Menu\Programs\Accessories\</t>
  </si>
  <si>
    <t>C:\Users\esterpsk\AppData\Roaming\Microsoft\Windows\Start Menu\Programs\Maintenance\</t>
  </si>
  <si>
    <t>C:\Users\esterpsk\AppData\Roaming\Microsoft\Windows\Start Menu\Programs\Accessories\Accessibility\</t>
  </si>
  <si>
    <t>C:\Users\esterpsk\AppData\Roaming\Microsoft\Windows\Start Menu\Programs\Accessories\System Tools\</t>
  </si>
  <si>
    <t>12/18/2019 15:36:03</t>
  </si>
  <si>
    <t>C:\Users\georgendsq\AppData\Local\Microsoft\Windows Mail\Stationery\</t>
  </si>
  <si>
    <t>12/18/2019 15:36:04</t>
  </si>
  <si>
    <t>C:\Users\georgendsq\AppData\Roaming\Microsoft\Internet Explorer\Quick Launch\</t>
  </si>
  <si>
    <t>C:\Users\georgendsq\AppData\Roaming\Microsoft\Windows\Libraries\</t>
  </si>
  <si>
    <t>C:\Users\georgendsq\AppData\Roaming\Microsoft\Windows\Recent\</t>
  </si>
  <si>
    <t>C:\Users\georgendsq\AppData\Roaming\Microsoft\Windows\SendTo\</t>
  </si>
  <si>
    <t>12/18/2019 15:36:05</t>
  </si>
  <si>
    <t>C:\Users\georgendsq\AppData\Roaming\Microsoft\Windows\Start Menu\Programs\Accessories\</t>
  </si>
  <si>
    <t>C:\Users\georgendsq\AppData\Roaming\Microsoft\Windows\Start Menu\Programs\Maintenance\</t>
  </si>
  <si>
    <t>C:\Users\georgendsq\AppData\Roaming\Microsoft\Windows\Start Menu\Programs\Accessories\Accessibility\</t>
  </si>
  <si>
    <t>C:\Users\georgendsq\AppData\Roaming\Microsoft\Windows\Start Menu\Programs\Accessories\System Tools\</t>
  </si>
  <si>
    <t>12/18/2019 15:36:09</t>
  </si>
  <si>
    <t>C:\Users\diosquellysc\AppData\Local\Microsoft\Windows\History\</t>
  </si>
  <si>
    <t>C:\Users\diosquellysc\AppData\Local\Microsoft\Windows Mail\Stationery\</t>
  </si>
  <si>
    <t>12/18/2019 15:36:10</t>
  </si>
  <si>
    <t>C:\Users\diosquellysc\AppData\Roaming\Microsoft\Internet Explorer\Quick Launch\</t>
  </si>
  <si>
    <t>12/18/2019 15:36:11</t>
  </si>
  <si>
    <t>C:\Users\diosquellysc\AppData\Roaming\Microsoft\Windows\Libraries\</t>
  </si>
  <si>
    <t>C:\Users\diosquellysc\AppData\Roaming\Microsoft\Windows\Recent\</t>
  </si>
  <si>
    <t>C:\Users\diosquellysc\AppData\Roaming\Microsoft\Windows\SendTo\</t>
  </si>
  <si>
    <t>C:\Users\diosquellysc\AppData\Roaming\Microsoft\Windows\Start Menu\Programs\Accessories\</t>
  </si>
  <si>
    <t>C:\Users\diosquellysc\AppData\Roaming\Microsoft\Windows\Start Menu\Programs\Maintenance\</t>
  </si>
  <si>
    <t>C:\Users\diosquellysc\AppData\Roaming\Microsoft\Windows\Start Menu\Programs\Accessories\Accessibility\</t>
  </si>
  <si>
    <t>C:\Users\diosquellysc\AppData\Roaming\Microsoft\Windows\Start Menu\Programs\Accessories\System Tools\</t>
  </si>
  <si>
    <t>12/18/2019 15:36:12</t>
  </si>
  <si>
    <t>C:\Users\jessicabrs\AppData\Local\Microsoft\Windows\Burn\Burn\</t>
  </si>
  <si>
    <t>12/18/2019 15:36:13</t>
  </si>
  <si>
    <t>C:\Users\jessicabrs\AppData\Local\Microsoft\Windows Mail\Stationery\</t>
  </si>
  <si>
    <t>12/18/2019 15:36:14</t>
  </si>
  <si>
    <t>C:\Users\jessicabrs\AppData\Roaming\Microsoft\Internet Explorer\Quick Launch\</t>
  </si>
  <si>
    <t>C:\Users\jessicabrs\AppData\Roaming\Microsoft\Internet Explorer\Quick Launch\User Pinned\TaskBar\</t>
  </si>
  <si>
    <t>C:\Users\jessicabrs\AppData\Roaming\Microsoft\Windows\Libraries\</t>
  </si>
  <si>
    <t>C:\Users\jessicabrs\AppData\Roaming\Microsoft\Windows\Recent\</t>
  </si>
  <si>
    <t>C:\Users\jessicabrs\AppData\Roaming\Microsoft\Windows\SendTo\</t>
  </si>
  <si>
    <t>C:\Users\jessicabrs\AppData\Roaming\Microsoft\Windows\Start Menu\</t>
  </si>
  <si>
    <t>12/18/2019 15:36:15</t>
  </si>
  <si>
    <t>C:\Users\jessicabrs\AppData\Roaming\Microsoft\Windows\Start Menu\Programs\</t>
  </si>
  <si>
    <t>C:\Users\jessicabrs\AppData\Roaming\Microsoft\Windows\Start Menu\Programs\Accessories\</t>
  </si>
  <si>
    <t>C:\Users\jessicabrs\AppData\Roaming\Microsoft\Windows\Start Menu\Programs\Administrative Tools\</t>
  </si>
  <si>
    <t>C:\Users\jessicabrs\AppData\Roaming\Microsoft\Windows\Start Menu\Programs\Maintenance\</t>
  </si>
  <si>
    <t>C:\Users\jessicabrs\AppData\Roaming\Microsoft\Windows\Start Menu\Programs\Startup\</t>
  </si>
  <si>
    <t>C:\Users\jessicabrs\AppData\Roaming\Microsoft\Windows\Start Menu\Programs\Accessories\Accessibility\</t>
  </si>
  <si>
    <t>C:\Users\jessicabrs\AppData\Roaming\Microsoft\Windows\Start Menu\Programs\Accessories\System Tools\</t>
  </si>
  <si>
    <t>C:\Users\jessicabrs\Favorites\Links\</t>
  </si>
  <si>
    <t>C:\Users\jessicabrs\Favorites\Links for Brasil\</t>
  </si>
  <si>
    <t>12/18/2019 15:36:17</t>
  </si>
  <si>
    <t>C:\Users\paulohaf\AppData\Local\Microsoft\Windows Mail\Stationery\</t>
  </si>
  <si>
    <t>12/18/2019 15:36:18</t>
  </si>
  <si>
    <t>C:\Users\paulohaf\AppData\Roaming\Microsoft\Internet Explorer\Quick Launch\</t>
  </si>
  <si>
    <t>C:\Users\paulohaf\AppData\Roaming\Microsoft\Windows\Libraries\</t>
  </si>
  <si>
    <t>C:\Users\paulohaf\AppData\Roaming\Microsoft\Windows\Recent\</t>
  </si>
  <si>
    <t>C:\Users\paulohaf\AppData\Roaming\Microsoft\Windows\SendTo\</t>
  </si>
  <si>
    <t>12/18/2019 15:36:19</t>
  </si>
  <si>
    <t>C:\Users\paulohaf\AppData\Roaming\Microsoft\Windows\Start Menu\Programs\Accessories\</t>
  </si>
  <si>
    <t>C:\Users\paulohaf\AppData\Roaming\Microsoft\Windows\Start Menu\Programs\Maintenance\</t>
  </si>
  <si>
    <t>C:\Users\paulohaf\AppData\Roaming\Microsoft\Windows\Start Menu\Programs\Accessories\Accessibility\</t>
  </si>
  <si>
    <t>C:\Users\paulohaf\AppData\Roaming\Microsoft\Windows\Start Menu\Programs\Accessories\System Tools\</t>
  </si>
  <si>
    <t>C:\Users\josiascdsj\Contacts\</t>
  </si>
  <si>
    <t>C:\Users\josiascdsj\Desktop\</t>
  </si>
  <si>
    <t>C:\Users\josiascdsj\Documents\</t>
  </si>
  <si>
    <t>C:\Users\josiascdsj\Downloads\</t>
  </si>
  <si>
    <t>C:\Users\josiascdsj\Favorites\</t>
  </si>
  <si>
    <t>C:\Users\josiascdsj\Links\</t>
  </si>
  <si>
    <t>C:\Users\josiascdsj\Music\</t>
  </si>
  <si>
    <t>C:\Users\josiascdsj\Pictures\</t>
  </si>
  <si>
    <t>C:\Users\josiascdsj\Saved Games\</t>
  </si>
  <si>
    <t>C:\Users\josiascdsj\Searches\</t>
  </si>
  <si>
    <t>C:\Users\josiascdsj\Videos\</t>
  </si>
  <si>
    <t>12/18/2019 15:36:20</t>
  </si>
  <si>
    <t>C:\Users\josiascdsj\AppData\Local\Microsoft\Windows\Burn\Burn\</t>
  </si>
  <si>
    <t>12/18/2019 15:36:21</t>
  </si>
  <si>
    <t>C:\Users\josiascdsj\AppData\Local\Microsoft\Windows Mail\Stationery\</t>
  </si>
  <si>
    <t>12/18/2019 15:36:22</t>
  </si>
  <si>
    <t>C:\Users\josiascdsj\AppData\Roaming\Microsoft\Internet Explorer\Quick Launch\</t>
  </si>
  <si>
    <t>C:\Users\josiascdsj\AppData\Roaming\Microsoft\Internet Explorer\Quick Launch\User Pinned\TaskBar\</t>
  </si>
  <si>
    <t>C:\Users\josiascdsj\AppData\Roaming\Microsoft\Windows\Libraries\</t>
  </si>
  <si>
    <t>C:\Users\josiascdsj\AppData\Roaming\Microsoft\Windows\Recent\</t>
  </si>
  <si>
    <t>C:\Users\josiascdsj\AppData\Roaming\Microsoft\Windows\SendTo\</t>
  </si>
  <si>
    <t>C:\Users\josiascdsj\AppData\Roaming\Microsoft\Windows\Start Menu\</t>
  </si>
  <si>
    <t>12/18/2019 15:36:23</t>
  </si>
  <si>
    <t>C:\Users\josiascdsj\AppData\Roaming\Microsoft\Windows\Start Menu\Programs\</t>
  </si>
  <si>
    <t>C:\Users\josiascdsj\AppData\Roaming\Microsoft\Windows\Start Menu\Programs\Accessories\</t>
  </si>
  <si>
    <t>C:\Users\josiascdsj\AppData\Roaming\Microsoft\Windows\Start Menu\Programs\Administrative Tools\</t>
  </si>
  <si>
    <t>C:\Users\josiascdsj\AppData\Roaming\Microsoft\Windows\Start Menu\Programs\Maintenance\</t>
  </si>
  <si>
    <t>C:\Users\josiascdsj\AppData\Roaming\Microsoft\Windows\Start Menu\Programs\Startup\</t>
  </si>
  <si>
    <t>C:\Users\josiascdsj\AppData\Roaming\Microsoft\Windows\Start Menu\Programs\Accessories\Accessibility\</t>
  </si>
  <si>
    <t>C:\Users\josiascdsj\AppData\Roaming\Microsoft\Windows\Start Menu\Programs\Accessories\System Tools\</t>
  </si>
  <si>
    <t>C:\Users\josiascdsj\Favorites\Links\</t>
  </si>
  <si>
    <t>C:\Users\josiascdsj\Favorites\Links for Brasil\</t>
  </si>
  <si>
    <t>C:\Users\camillarl\Contacts\</t>
  </si>
  <si>
    <t>C:\Users\camillarl\Desktop\</t>
  </si>
  <si>
    <t>C:\Users\camillarl\Documents\</t>
  </si>
  <si>
    <t>12/18/2019 15:36:24</t>
  </si>
  <si>
    <t>C:\Users\camillarl\Downloads\</t>
  </si>
  <si>
    <t>C:\Users\camillarl\Favorites\</t>
  </si>
  <si>
    <t>C:\Users\camillarl\Links\</t>
  </si>
  <si>
    <t>C:\Users\camillarl\Music\</t>
  </si>
  <si>
    <t>C:\Users\camillarl\Pictures\</t>
  </si>
  <si>
    <t>12/18/2019 15:38:15</t>
  </si>
  <si>
    <t>C:\Users\camillarl\Saved Games\</t>
  </si>
  <si>
    <t>C:\Users\camillarl\Searches\</t>
  </si>
  <si>
    <t>C:\Users\camillarl\Videos\</t>
  </si>
  <si>
    <t>12/18/2019 15:36:25</t>
  </si>
  <si>
    <t>C:\Users\camillarl\AppData\Local\Microsoft\Windows\History\</t>
  </si>
  <si>
    <t>12/18/2019 15:38:16</t>
  </si>
  <si>
    <t>C:\Users\camillarl\AppData\Local\Microsoft\Windows\Burn\Burn\</t>
  </si>
  <si>
    <t>12/18/2019 15:38:18</t>
  </si>
  <si>
    <t>C:\Users\KESIADOF\Links\</t>
  </si>
  <si>
    <t>12/18/2019 15:38:24</t>
  </si>
  <si>
    <t>12/18/2019 15:38:25</t>
  </si>
  <si>
    <t>C:\Users\camillarl\AppData\Local\Microsoft\Windows Mail\Stationery\</t>
  </si>
  <si>
    <t>C:\Users\camillarl\AppData\Roaming\Microsoft\Internet Explorer\Quick Launch\</t>
  </si>
  <si>
    <t>C:\Users\camillarl\AppData\Roaming\Microsoft\Internet Explorer\Quick Launch\User Pinned\TaskBar\</t>
  </si>
  <si>
    <t>C:\Users\camillarl\AppData\Roaming\Microsoft\Windows\Libraries\</t>
  </si>
  <si>
    <t>C:\Users\camillarl\AppData\Roaming\Microsoft\Windows\Recent\</t>
  </si>
  <si>
    <t>C:\Users\camillarl\AppData\Roaming\Microsoft\Windows\SendTo\</t>
  </si>
  <si>
    <t>12/18/2019 15:38:29</t>
  </si>
  <si>
    <t>12/18/2019 15:36:28</t>
  </si>
  <si>
    <t>C:\Users\camillarl\AppData\Roaming\Microsoft\Windows\Start Menu\Programs\Accessories\</t>
  </si>
  <si>
    <t>C:\Users\camillarl\AppData\Roaming\Microsoft\Windows\Start Menu\Programs\Maintenance\</t>
  </si>
  <si>
    <t>C:\Users\camillarl\AppData\Roaming\Microsoft\Windows\Start Menu\Programs\Accessories\Accessibility\</t>
  </si>
  <si>
    <t>12/18/2019 15:38:30</t>
  </si>
  <si>
    <t>C:\Users\camillarl\AppData\Roaming\Microsoft\Windows\Start Menu\Programs\Accessories\System Tools\</t>
  </si>
  <si>
    <t>C:\Users\camillarl\Favorites\Links\</t>
  </si>
  <si>
    <t>C:\Users\camillarl\Favorites\Links for Brasil\</t>
  </si>
  <si>
    <t>12/18/2019 15:38:31</t>
  </si>
  <si>
    <t>C:\Users\KESIADOF.old\Links\</t>
  </si>
  <si>
    <t>12/18/2019 15:38:32</t>
  </si>
  <si>
    <t>C:\Users\douglascm\Links\</t>
  </si>
  <si>
    <t>12/18/2019 15:38:36</t>
  </si>
  <si>
    <t>12/18/2019 15:36:30</t>
  </si>
  <si>
    <t>C:\Users\douglascm\AppData\Local\Microsoft\Windows\History\</t>
  </si>
  <si>
    <t>C:\Users\douglascm\AppData\Local\Microsoft\Windows Mail\Stationery\</t>
  </si>
  <si>
    <t>12/18/2019 15:38:37</t>
  </si>
  <si>
    <t>12/18/2019 15:38:39</t>
  </si>
  <si>
    <t>12/18/2019 15:36:34</t>
  </si>
  <si>
    <t>C:\Users\douglascm\AppData\Roaming\Microsoft\Internet Explorer\Quick Launch\</t>
  </si>
  <si>
    <t>C:\Users\douglascm\AppData\Roaming\Microsoft\Windows\Libraries\</t>
  </si>
  <si>
    <t>C:\Users\douglascm\AppData\Roaming\Microsoft\Windows\Recent\</t>
  </si>
  <si>
    <t>C:\Users\douglascm\AppData\Roaming\Microsoft\Windows\SendTo\</t>
  </si>
  <si>
    <t>12/18/2019 15:38:40</t>
  </si>
  <si>
    <t>C:\Users\douglascm\AppData\Roaming\Microsoft\Windows\Start Menu\Programs\Accessories\</t>
  </si>
  <si>
    <t>12/18/2019 15:38:41</t>
  </si>
  <si>
    <t>C:\Users\douglascm\AppData\Roaming\Microsoft\Windows\Start Menu\Programs\Maintenance\</t>
  </si>
  <si>
    <t>C:\Users\douglascm\AppData\Roaming\Microsoft\Windows\Start Menu\Programs\Accessories\Accessibility\</t>
  </si>
  <si>
    <t>12/18/2019 15:38:42</t>
  </si>
  <si>
    <t>12/18/2019 15:36:35</t>
  </si>
  <si>
    <t>C:\Users\douglascm\AppData\Roaming\Microsoft\Windows\Start Menu\Programs\Accessories\System Tools\</t>
  </si>
  <si>
    <t>12/18/2019 15:38:44</t>
  </si>
  <si>
    <t>C:\Users\anacdos\Links\</t>
  </si>
  <si>
    <t>12/18/2019 15:38:46</t>
  </si>
  <si>
    <t>12/18/2019 15:38:48</t>
  </si>
  <si>
    <t>12/18/2019 15:36:44</t>
  </si>
  <si>
    <t>C:\Users\anacdos\AppData\Local\Microsoft\Windows\History\</t>
  </si>
  <si>
    <t>12/18/2019 15:39:00</t>
  </si>
  <si>
    <t>C:\Users\anacdos\AppData\Local\Microsoft\Windows Mail\Stationery\</t>
  </si>
  <si>
    <t>12/18/2019 15:39:06</t>
  </si>
  <si>
    <t>12/18/2019 15:39:15</t>
  </si>
  <si>
    <t>C:\Users\anacdos\AppData\Roaming\Microsoft\Internet Explorer\Quick Launch\</t>
  </si>
  <si>
    <t>C:\Users\anacdos\AppData\Roaming\Microsoft\Windows\Libraries\</t>
  </si>
  <si>
    <t>C:\Users\anacdos\AppData\Roaming\Microsoft\Windows\Recent\</t>
  </si>
  <si>
    <t>C:\Users\anacdos\AppData\Roaming\Microsoft\Windows\SendTo\</t>
  </si>
  <si>
    <t>12/18/2019 15:36:48</t>
  </si>
  <si>
    <t>C:\Users\anacdos\AppData\Roaming\Microsoft\Windows\Start Menu\Programs\Accessories\</t>
  </si>
  <si>
    <t>12/18/2019 15:39:22</t>
  </si>
  <si>
    <t>12/18/2019 15:39:41</t>
  </si>
  <si>
    <t>12/18/2019 15:39:45</t>
  </si>
  <si>
    <t>C:\Users\anacdos\AppData\Roaming\Microsoft\Windows\Start Menu\Programs\Maintenance\</t>
  </si>
  <si>
    <t>12/18/2019 15:39:46</t>
  </si>
  <si>
    <t>C:\Users\anacdos\AppData\Roaming\Microsoft\Windows\Start Menu\Programs\Accessories\Accessibility\</t>
  </si>
  <si>
    <t>12/18/2019 15:39:47</t>
  </si>
  <si>
    <t>C:\Users\anacdos\AppData\Roaming\Microsoft\Windows\Start Menu\Programs\Accessories\System Tools\</t>
  </si>
  <si>
    <t>12/18/2019 15:39:53</t>
  </si>
  <si>
    <t>12/18/2019 15:40:10</t>
  </si>
  <si>
    <t>12/18/2019 15:40:16</t>
  </si>
  <si>
    <t>12/18/2019 15:36:49</t>
  </si>
  <si>
    <t>C:\Users\albertofn\AppData\Local\Microsoft\Windows\History\</t>
  </si>
  <si>
    <t>12/18/2019 15:36:50</t>
  </si>
  <si>
    <t>C:\Users\albertofn\AppData\Local\Microsoft\Windows Mail\Stationery\</t>
  </si>
  <si>
    <t>12/18/2019 15:40:17</t>
  </si>
  <si>
    <t>12/18/2019 15:36:52</t>
  </si>
  <si>
    <t>C:\Users\albertofn\AppData\Roaming\Microsoft\Internet Explorer\Quick Launch\</t>
  </si>
  <si>
    <t>C:\Users\albertofn\AppData\Roaming\Microsoft\Windows\Libraries\</t>
  </si>
  <si>
    <t>12/18/2019 15:40:21</t>
  </si>
  <si>
    <t>C:\Users\albertofn\AppData\Roaming\Microsoft\Windows\Recent\</t>
  </si>
  <si>
    <t>12/18/2019 15:40:27</t>
  </si>
  <si>
    <t>12/18/2019 15:40:29</t>
  </si>
  <si>
    <t>C:\Users\albertofn\AppData\Roaming\Microsoft\Windows\SendTo\</t>
  </si>
  <si>
    <t>12/18/2019 15:40:30</t>
  </si>
  <si>
    <t>C:\Users\albertofn\AppData\Roaming\Microsoft\Windows\Start Menu\Programs\Accessories\</t>
  </si>
  <si>
    <t>C:\Users\albertofn\AppData\Roaming\Microsoft\Windows\Start Menu\Programs\Maintenance\</t>
  </si>
  <si>
    <t>C:\Users\albertofn\AppData\Roaming\Microsoft\Windows\Start Menu\Programs\Accessories\Accessibility\</t>
  </si>
  <si>
    <t>12/18/2019 15:36:53</t>
  </si>
  <si>
    <t>C:\Users\albertofn\AppData\Roaming\Microsoft\Windows\Start Menu\Programs\Accessories\System Tools\</t>
  </si>
  <si>
    <t>C:\Users\marcotal\Contacts\</t>
  </si>
  <si>
    <t>C:\Users\marcotal\Desktop\</t>
  </si>
  <si>
    <t>C:\Users\marcotal\Documents\</t>
  </si>
  <si>
    <t>C:\Users\marcotal\Downloads\</t>
  </si>
  <si>
    <t>12/18/2019 15:40:31</t>
  </si>
  <si>
    <t>C:\Users\marcotal\Favorites\</t>
  </si>
  <si>
    <t>12/18/2019 15:40:32</t>
  </si>
  <si>
    <t>C:\Users\marcotal\Links\</t>
  </si>
  <si>
    <t>C:\Users\marcotal\Music\</t>
  </si>
  <si>
    <t>12/18/2019 15:40:34</t>
  </si>
  <si>
    <t>C:\Users\marcotal\Pictures\</t>
  </si>
  <si>
    <t>C:\Users\marcotal\Saved Games\</t>
  </si>
  <si>
    <t>12/18/2019 15:40:35</t>
  </si>
  <si>
    <t>C:\Users\marcotal\Searches\</t>
  </si>
  <si>
    <t>C:\Users\marcotal\Videos\</t>
  </si>
  <si>
    <t>12/18/2019 15:40:36</t>
  </si>
  <si>
    <t>12/18/2019 15:36:54</t>
  </si>
  <si>
    <t>C:\Users\marcotal\AppData\Local\Microsoft\Windows\Burn\Burn\</t>
  </si>
  <si>
    <t>12/18/2019 15:40:39</t>
  </si>
  <si>
    <t>C:\Users\marcotal\AppData\Local\Microsoft\Windows Mail\Stationery\</t>
  </si>
  <si>
    <t>12/18/2019 15:40:45</t>
  </si>
  <si>
    <t>12/18/2019 15:36:56</t>
  </si>
  <si>
    <t>C:\Users\marcotal\AppData\Roaming\Microsoft\Internet Explorer\Quick Launch\</t>
  </si>
  <si>
    <t>12/18/2019 15:40:49</t>
  </si>
  <si>
    <t>C:\Users\marcotal\AppData\Roaming\Microsoft\Internet Explorer\Quick Launch\User Pinned\TaskBar\</t>
  </si>
  <si>
    <t>12/18/2019 15:36:57</t>
  </si>
  <si>
    <t>C:\Users\marcotal\AppData\Roaming\Microsoft\Windows\Libraries\</t>
  </si>
  <si>
    <t>12/18/2019 15:40:50</t>
  </si>
  <si>
    <t>C:\Users\marcotal\AppData\Roaming\Microsoft\Windows\Recent\</t>
  </si>
  <si>
    <t>C:\Users\marcotal\AppData\Roaming\Microsoft\Windows\SendTo\</t>
  </si>
  <si>
    <t>12/18/2019 15:40:52</t>
  </si>
  <si>
    <t>C:\Users\marcotal\AppData\Roaming\Microsoft\Windows\Start Menu\</t>
  </si>
  <si>
    <t>C:\Users\marcotal\AppData\Roaming\Microsoft\Windows\Start Menu\Programs\</t>
  </si>
  <si>
    <t>12/18/2019 15:40:53</t>
  </si>
  <si>
    <t>C:\Users\marcotal\AppData\Roaming\Microsoft\Windows\Start Menu\Programs\Accessories\</t>
  </si>
  <si>
    <t>C:\Users\marcotal\AppData\Roaming\Microsoft\Windows\Start Menu\Programs\Administrative Tools\</t>
  </si>
  <si>
    <t>C:\Users\marcotal\AppData\Roaming\Microsoft\Windows\Start Menu\Programs\Maintenance\</t>
  </si>
  <si>
    <t>C:\Users\marcotal\AppData\Roaming\Microsoft\Windows\Start Menu\Programs\Startup\</t>
  </si>
  <si>
    <t>C:\Users\marcotal\AppData\Roaming\Microsoft\Windows\Start Menu\Programs\Accessories\Accessibility\</t>
  </si>
  <si>
    <t>C:\Users\marcotal\AppData\Roaming\Microsoft\Windows\Start Menu\Programs\Accessories\System Tools\</t>
  </si>
  <si>
    <t>C:\Users\marcotal\Favorites\Links\</t>
  </si>
  <si>
    <t>C:\Users\marcotal\Favorites\Links for Brasil\</t>
  </si>
  <si>
    <t>C:\Users\veronicalsr\Links\</t>
  </si>
  <si>
    <t>12/18/2019 15:37:00</t>
  </si>
  <si>
    <t>C:\Users\veronicalsr\AppData\Local\Microsoft\Windows Mail\Stationery\</t>
  </si>
  <si>
    <t>12/18/2019 15:37:01</t>
  </si>
  <si>
    <t>C:\Users\veronicalsr\AppData\Roaming\Microsoft\Internet Explorer\Quick Launch\</t>
  </si>
  <si>
    <t>C:\Users\veronicalsr\AppData\Roaming\Microsoft\Windows\Libraries\</t>
  </si>
  <si>
    <t>C:\Users\veronicalsr\AppData\Roaming\Microsoft\Windows\Recent\</t>
  </si>
  <si>
    <t>C:\Users\veronicalsr\AppData\Roaming\Microsoft\Windows\SendTo\</t>
  </si>
  <si>
    <t>12/18/2019 15:37:02</t>
  </si>
  <si>
    <t>C:\Users\veronicalsr\AppData\Roaming\Microsoft\Windows\Start Menu\Programs\Accessories\</t>
  </si>
  <si>
    <t>C:\Users\veronicalsr\AppData\Roaming\Microsoft\Windows\Start Menu\Programs\Maintenance\</t>
  </si>
  <si>
    <t>C:\Users\veronicalsr\AppData\Roaming\Microsoft\Windows\Start Menu\Programs\Accessories\Accessibility\</t>
  </si>
  <si>
    <t>C:\Users\veronicalsr\AppData\Roaming\Microsoft\Windows\Start Menu\Programs\Accessories\System Tools\</t>
  </si>
  <si>
    <t>C:\Users\tacianamdr\Links\</t>
  </si>
  <si>
    <t>12/18/2019 15:37:05</t>
  </si>
  <si>
    <t>C:\Users\tacianamdr\AppData\Local\Microsoft\Windows\History\</t>
  </si>
  <si>
    <t>12/18/2019 15:37:06</t>
  </si>
  <si>
    <t>C:\Users\tacianamdr\AppData\Local\Microsoft\Windows Mail\Stationery\</t>
  </si>
  <si>
    <t>12/18/2019 15:37:08</t>
  </si>
  <si>
    <t>C:\Users\tacianamdr\AppData\Roaming\Microsoft\Internet Explorer\Quick Launch\</t>
  </si>
  <si>
    <t>C:\Users\tacianamdr\AppData\Roaming\Microsoft\Windows\Libraries\</t>
  </si>
  <si>
    <t>C:\Users\tacianamdr\AppData\Roaming\Microsoft\Windows\Recent\</t>
  </si>
  <si>
    <t>C:\Users\tacianamdr\AppData\Roaming\Microsoft\Windows\SendTo\</t>
  </si>
  <si>
    <t>C:\Users\tacianamdr\AppData\Roaming\Microsoft\Windows\Start Menu\Programs\Accessories\</t>
  </si>
  <si>
    <t>C:\Users\tacianamdr\AppData\Roaming\Microsoft\Windows\Start Menu\Programs\Maintenance\</t>
  </si>
  <si>
    <t>C:\Users\tacianamdr\AppData\Roaming\Microsoft\Windows\Start Menu\Programs\Accessories\Accessibility\</t>
  </si>
  <si>
    <t>C:\Users\tacianamdr\AppData\Roaming\Microsoft\Windows\Start Menu\Programs\Accessories\System Tools\</t>
  </si>
  <si>
    <t>12/18/2019 15:37:09</t>
  </si>
  <si>
    <t>C:\Users\gleycekos\Links\</t>
  </si>
  <si>
    <t>12/18/2019 15:37:12</t>
  </si>
  <si>
    <t>C:\Users\gleycekos\AppData\Local\Microsoft\Windows\History\</t>
  </si>
  <si>
    <t>12/18/2019 15:37:13</t>
  </si>
  <si>
    <t>C:\Users\gleycekos\AppData\Local\Microsoft\Windows Mail\Stationery\</t>
  </si>
  <si>
    <t>12/18/2019 15:37:15</t>
  </si>
  <si>
    <t>C:\Users\gleycekos\AppData\Roaming\Microsoft\Internet Explorer\Quick Launch\</t>
  </si>
  <si>
    <t>12/18/2019 15:37:16</t>
  </si>
  <si>
    <t>C:\Users\gleycekos\AppData\Roaming\Microsoft\Windows\Libraries\</t>
  </si>
  <si>
    <t>C:\Users\gleycekos\AppData\Roaming\Microsoft\Windows\Recent\</t>
  </si>
  <si>
    <t>C:\Users\gleycekos\AppData\Roaming\Microsoft\Windows\SendTo\</t>
  </si>
  <si>
    <t>C:\Users\gleycekos\AppData\Roaming\Microsoft\Windows\Start Menu\Programs\Accessories\</t>
  </si>
  <si>
    <t>C:\Users\gleycekos\AppData\Roaming\Microsoft\Windows\Start Menu\Programs\Maintenance\</t>
  </si>
  <si>
    <t>C:\Users\gleycekos\AppData\Roaming\Microsoft\Windows\Start Menu\Programs\Accessories\Accessibility\</t>
  </si>
  <si>
    <t>C:\Users\gleycekos\AppData\Roaming\Microsoft\Windows\Start Menu\Programs\Accessories\System Tools\</t>
  </si>
  <si>
    <t>C:\Users\tainaralg\Links\</t>
  </si>
  <si>
    <t>12/18/2019 15:37:20</t>
  </si>
  <si>
    <t>C:\Users\tainaralg\AppData\Local\Microsoft\Windows\History\</t>
  </si>
  <si>
    <t>12/18/2019 15:37:21</t>
  </si>
  <si>
    <t>C:\Users\tainaralg\AppData\Local\Microsoft\Windows Mail\Stationery\</t>
  </si>
  <si>
    <t>12/18/2019 15:37:22</t>
  </si>
  <si>
    <t>C:\Users\tainaralg\AppData\Roaming\Microsoft\Internet Explorer\Quick Launch\</t>
  </si>
  <si>
    <t>12/18/2019 15:37:23</t>
  </si>
  <si>
    <t>C:\Users\tainaralg\AppData\Roaming\Microsoft\Windows\Libraries\</t>
  </si>
  <si>
    <t>C:\Users\tainaralg\AppData\Roaming\Microsoft\Windows\Recent\</t>
  </si>
  <si>
    <t>C:\Users\tainaralg\AppData\Roaming\Microsoft\Windows\SendTo\</t>
  </si>
  <si>
    <t>C:\Users\tainaralg\AppData\Roaming\Microsoft\Windows\Start Menu\Programs\Accessories\</t>
  </si>
  <si>
    <t>C:\Users\tainaralg\AppData\Roaming\Microsoft\Windows\Start Menu\Programs\Maintenance\</t>
  </si>
  <si>
    <t>C:\Users\tainaralg\AppData\Roaming\Microsoft\Windows\Start Menu\Programs\Accessories\Accessibility\</t>
  </si>
  <si>
    <t>C:\Users\tainaralg\AppData\Roaming\Microsoft\Windows\Start Menu\Programs\Accessories\System Tools\</t>
  </si>
  <si>
    <t>C:\Users\mayraccds\Links\</t>
  </si>
  <si>
    <t>12/18/2019 15:37:30</t>
  </si>
  <si>
    <t>C:\Users\mayraccds\AppData\Local\Microsoft\Windows\History\</t>
  </si>
  <si>
    <t>C:\Users\mayraccds\AppData\Local\Microsoft\Windows Mail\Stationery\</t>
  </si>
  <si>
    <t>12/18/2019 15:37:33</t>
  </si>
  <si>
    <t>C:\Users\mayraccds\AppData\Roaming\Microsoft\Internet Explorer\Quick Launch\</t>
  </si>
  <si>
    <t>C:\Users\mayraccds\AppData\Roaming\Microsoft\Windows\Libraries\</t>
  </si>
  <si>
    <t>C:\Users\mayraccds\AppData\Roaming\Microsoft\Windows\Recent\</t>
  </si>
  <si>
    <t>C:\Users\mayraccds\AppData\Roaming\Microsoft\Windows\SendTo\</t>
  </si>
  <si>
    <t>C:\Users\mayraccds\AppData\Roaming\Microsoft\Windows\Start Menu\Programs\Accessories\</t>
  </si>
  <si>
    <t>C:\Users\mayraccds\AppData\Roaming\Microsoft\Windows\Start Menu\Programs\Maintenance\</t>
  </si>
  <si>
    <t>C:\Users\mayraccds\AppData\Roaming\Microsoft\Windows\Start Menu\Programs\Accessories\Accessibility\</t>
  </si>
  <si>
    <t>C:\Users\mayraccds\AppData\Roaming\Microsoft\Windows\Start Menu\Programs\Accessories\System Tools\</t>
  </si>
  <si>
    <t>12/18/2019 15:37:34</t>
  </si>
  <si>
    <t>12/18/2019 15:37:38</t>
  </si>
  <si>
    <t>C:\Users\brunnajr\AppData\Local\Microsoft\Windows\History\</t>
  </si>
  <si>
    <t>12/18/2019 15:37:39</t>
  </si>
  <si>
    <t>C:\Users\brunnajr\AppData\Local\Microsoft\Windows Mail\Stationery\</t>
  </si>
  <si>
    <t>12/18/2019 15:37:42</t>
  </si>
  <si>
    <t>C:\Users\brunnajr\AppData\Roaming\Microsoft\Internet Explorer\Quick Launch\</t>
  </si>
  <si>
    <t>C:\Users\brunnajr\AppData\Roaming\Microsoft\Windows\Libraries\</t>
  </si>
  <si>
    <t>C:\Users\brunnajr\AppData\Roaming\Microsoft\Windows\Recent\</t>
  </si>
  <si>
    <t>C:\Users\brunnajr\AppData\Roaming\Microsoft\Windows\SendTo\</t>
  </si>
  <si>
    <t>12/18/2019 15:37:43</t>
  </si>
  <si>
    <t>C:\Users\brunnajr\AppData\Roaming\Microsoft\Windows\Start Menu\Programs\Accessories\</t>
  </si>
  <si>
    <t>C:\Users\brunnajr\AppData\Roaming\Microsoft\Windows\Start Menu\Programs\Maintenance\</t>
  </si>
  <si>
    <t>C:\Users\brunnajr\AppData\Roaming\Microsoft\Windows\Start Menu\Programs\Accessories\Accessibility\</t>
  </si>
  <si>
    <t>C:\Users\brunnajr\AppData\Roaming\Microsoft\Windows\Start Menu\Programs\Accessories\System Tools\</t>
  </si>
  <si>
    <t>C:\Users\brunnajr\Favorites\Links for Brasil\</t>
  </si>
  <si>
    <t>C:\Users\tiagosno\Links\</t>
  </si>
  <si>
    <t>12/18/2019 15:37:45</t>
  </si>
  <si>
    <t>C:\Users\tiagosno\AppData\Local\Microsoft\Windows\History\</t>
  </si>
  <si>
    <t>12/18/2019 15:37:46</t>
  </si>
  <si>
    <t>C:\Users\tiagosno\AppData\Local\Microsoft\Windows Mail\Stationery\</t>
  </si>
  <si>
    <t>12/18/2019 15:37:47</t>
  </si>
  <si>
    <t>C:\Users\tiagosno\AppData\Roaming\Microsoft\Internet Explorer\Quick Launch\</t>
  </si>
  <si>
    <t>C:\Users\tiagosno\AppData\Roaming\Microsoft\Windows\Libraries\</t>
  </si>
  <si>
    <t>C:\Users\tiagosno\AppData\Roaming\Microsoft\Windows\Recent\</t>
  </si>
  <si>
    <t>C:\Users\tiagosno\AppData\Roaming\Microsoft\Windows\SendTo\</t>
  </si>
  <si>
    <t>12/18/2019 15:37:48</t>
  </si>
  <si>
    <t>C:\Users\tiagosno\AppData\Roaming\Microsoft\Windows\Start Menu\Programs\Accessories\</t>
  </si>
  <si>
    <t>C:\Users\tiagosno\AppData\Roaming\Microsoft\Windows\Start Menu\Programs\Maintenance\</t>
  </si>
  <si>
    <t>C:\Users\tiagosno\AppData\Roaming\Microsoft\Windows\Start Menu\Programs\Accessories\Accessibility\</t>
  </si>
  <si>
    <t>C:\Users\tiagosno\AppData\Roaming\Microsoft\Windows\Start Menu\Programs\Accessories\System Tools\</t>
  </si>
  <si>
    <t>C:\Users\maxmillianosv\Links\</t>
  </si>
  <si>
    <t>12/18/2019 15:37:52</t>
  </si>
  <si>
    <t>C:\Users\maxmillianosv\AppData\Local\Microsoft\Windows\History\</t>
  </si>
  <si>
    <t>C:\Users\maxmillianosv\AppData\Local\Microsoft\Windows Mail\Stationery\</t>
  </si>
  <si>
    <t>12/18/2019 15:37:53</t>
  </si>
  <si>
    <t>C:\Users\maxmillianosv\AppData\Roaming\Microsoft\Internet Explorer\Quick Launch\</t>
  </si>
  <si>
    <t>12/18/2019 15:37:54</t>
  </si>
  <si>
    <t>C:\Users\maxmillianosv\AppData\Roaming\Microsoft\Windows\Libraries\</t>
  </si>
  <si>
    <t>C:\Users\maxmillianosv\AppData\Roaming\Microsoft\Windows\Recent\</t>
  </si>
  <si>
    <t>C:\Users\maxmillianosv\AppData\Roaming\Microsoft\Windows\SendTo\</t>
  </si>
  <si>
    <t>C:\Users\maxmillianosv\AppData\Roaming\Microsoft\Windows\Start Menu\Programs\Accessories\</t>
  </si>
  <si>
    <t>C:\Users\maxmillianosv\AppData\Roaming\Microsoft\Windows\Start Menu\Programs\Maintenance\</t>
  </si>
  <si>
    <t>C:\Users\maxmillianosv\AppData\Roaming\Microsoft\Windows\Start Menu\Programs\Accessories\Accessibility\</t>
  </si>
  <si>
    <t>C:\Users\maxmillianosv\AppData\Roaming\Microsoft\Windows\Start Menu\Programs\Accessories\System Tools\</t>
  </si>
  <si>
    <t>12/18/2019 15:37:55</t>
  </si>
  <si>
    <t>12/18/2019 15:37:57</t>
  </si>
  <si>
    <t>C:\Users\thiagoafs\AppData\Local\Microsoft\Windows Mail\Stationery\</t>
  </si>
  <si>
    <t>12/18/2019 15:37:58</t>
  </si>
  <si>
    <t>C:\Users\thiagoafs\AppData\Roaming\Microsoft\Internet Explorer\Quick Launch\</t>
  </si>
  <si>
    <t>12/18/2019 15:37:59</t>
  </si>
  <si>
    <t>C:\Users\thiagoafs\AppData\Roaming\Microsoft\Windows\Libraries\</t>
  </si>
  <si>
    <t>C:\Users\thiagoafs\AppData\Roaming\Microsoft\Windows\Recent\</t>
  </si>
  <si>
    <t>C:\Users\thiagoafs\AppData\Roaming\Microsoft\Windows\SendTo\</t>
  </si>
  <si>
    <t>C:\Users\thiagoafs\AppData\Roaming\Microsoft\Windows\Start Menu\Programs\Accessories\</t>
  </si>
  <si>
    <t>C:\Users\thiagoafs\AppData\Roaming\Microsoft\Windows\Start Menu\Programs\Maintenance\</t>
  </si>
  <si>
    <t>C:\Users\thiagoafs\AppData\Roaming\Microsoft\Windows\Start Menu\Programs\Accessories\Accessibility\</t>
  </si>
  <si>
    <t>C:\Users\thiagoafs\AppData\Roaming\Microsoft\Windows\Start Menu\Programs\Accessories\System Tools\</t>
  </si>
  <si>
    <t>12/18/2019 15:38:00</t>
  </si>
  <si>
    <t>C:\Users\marcosvnds\Links\</t>
  </si>
  <si>
    <t>12/18/2019 15:38:04</t>
  </si>
  <si>
    <t>C:\Users\marcosvnds\AppData\Local\Microsoft\Windows\History\</t>
  </si>
  <si>
    <t>12/18/2019 15:38:05</t>
  </si>
  <si>
    <t>C:\Users\marcosvnds\AppData\Local\Microsoft\Windows Mail\Stationery\</t>
  </si>
  <si>
    <t>12/18/2019 15:38:08</t>
  </si>
  <si>
    <t>C:\Users\marcosvnds\AppData\Roaming\Microsoft\Internet Explorer\Quick Launch\</t>
  </si>
  <si>
    <t>C:\Users\marcosvnds\AppData\Roaming\Microsoft\Windows\Libraries\</t>
  </si>
  <si>
    <t>C:\Users\marcosvnds\AppData\Roaming\Microsoft\Windows\Recent\</t>
  </si>
  <si>
    <t>C:\Users\marcosvnds\AppData\Roaming\Microsoft\Windows\SendTo\</t>
  </si>
  <si>
    <t>C:\Users\marcosvnds\AppData\Roaming\Microsoft\Windows\Start Menu\Programs\Accessories\</t>
  </si>
  <si>
    <t>12/18/2019 15:38:09</t>
  </si>
  <si>
    <t>C:\Users\marcosvnds\AppData\Roaming\Microsoft\Windows\Start Menu\Programs\Maintenance\</t>
  </si>
  <si>
    <t>C:\Users\marcosvnds\AppData\Roaming\Microsoft\Windows\Start Menu\Programs\Accessories\Accessibility\</t>
  </si>
  <si>
    <t>C:\Users\marcosvnds\AppData\Roaming\Microsoft\Windows\Start Menu\Programs\Accessories\System Tools\</t>
  </si>
  <si>
    <t>C:\Users\thaisdss\Links\</t>
  </si>
  <si>
    <t>12/18/2019 15:38:10</t>
  </si>
  <si>
    <t>C:\Users\thaisdss\AppData\Local\Microsoft\Windows\History\</t>
  </si>
  <si>
    <t>C:\Users\thaisdss\AppData\Local\Microsoft\Windows Mail\Stationery\</t>
  </si>
  <si>
    <t>12/18/2019 15:38:12</t>
  </si>
  <si>
    <t>C:\Users\thaisdss\AppData\Roaming\Microsoft\Internet Explorer\Quick Launch\</t>
  </si>
  <si>
    <t>12/18/2019 15:38:13</t>
  </si>
  <si>
    <t>C:\Users\thaisdss\AppData\Roaming\Microsoft\Windows\Libraries\</t>
  </si>
  <si>
    <t>C:\Users\thaisdss\AppData\Roaming\Microsoft\Windows\Recent\</t>
  </si>
  <si>
    <t>C:\Users\thaisdss\AppData\Roaming\Microsoft\Windows\SendTo\</t>
  </si>
  <si>
    <t>C:\Users\thaisdss\AppData\Roaming\Microsoft\Windows\Start Menu\Programs\Accessories\</t>
  </si>
  <si>
    <t>C:\Users\thaisdss\AppData\Roaming\Microsoft\Windows\Start Menu\Programs\Maintenance\</t>
  </si>
  <si>
    <t>C:\Users\thaisdss\AppData\Roaming\Microsoft\Windows\Start Menu\Programs\Accessories\Accessibility\</t>
  </si>
  <si>
    <t>C:\Users\thaisdss\AppData\Roaming\Microsoft\Windows\Start Menu\Programs\Accessories\System Tools\</t>
  </si>
  <si>
    <t>12/18/2019 15:38:17</t>
  </si>
  <si>
    <t>C:\Users\andrezacapf\AppData\Local\Microsoft\Windows\History\</t>
  </si>
  <si>
    <t>C:\Users\andrezacapf\AppData\Local\Microsoft\Windows Mail\Stationery\</t>
  </si>
  <si>
    <t>12/18/2019 15:38:19</t>
  </si>
  <si>
    <t>C:\Users\andrezacapf\AppData\Roaming\Microsoft\Internet Explorer\Quick Launch\</t>
  </si>
  <si>
    <t>C:\Users\andrezacapf\AppData\Roaming\Microsoft\Windows\Libraries\</t>
  </si>
  <si>
    <t>12/18/2019 15:38:20</t>
  </si>
  <si>
    <t>C:\Users\andrezacapf\AppData\Roaming\Microsoft\Windows\Recent\</t>
  </si>
  <si>
    <t>C:\Users\andrezacapf\AppData\Roaming\Microsoft\Windows\SendTo\</t>
  </si>
  <si>
    <t>C:\Users\andrezacapf\AppData\Roaming\Microsoft\Windows\Start Menu\Programs\Accessories\</t>
  </si>
  <si>
    <t>C:\Users\andrezacapf\AppData\Roaming\Microsoft\Windows\Start Menu\Programs\Maintenance\</t>
  </si>
  <si>
    <t>C:\Users\andrezacapf\AppData\Roaming\Microsoft\Windows\Start Menu\Programs\Accessories\Accessibility\</t>
  </si>
  <si>
    <t>C:\Users\andrezacapf\AppData\Roaming\Microsoft\Windows\Start Menu\Programs\Accessories\System Tools\</t>
  </si>
  <si>
    <t>C:\Users\harunams\Contacts\</t>
  </si>
  <si>
    <t>C:\Users\harunams\Desktop\</t>
  </si>
  <si>
    <t>C:\Users\harunams\Documents\</t>
  </si>
  <si>
    <t>C:\Users\harunams\Downloads\</t>
  </si>
  <si>
    <t>12/18/2019 15:38:21</t>
  </si>
  <si>
    <t>C:\Users\harunams\Favorites\</t>
  </si>
  <si>
    <t>C:\Users\harunams\Links\</t>
  </si>
  <si>
    <t>C:\Users\harunams\Music\</t>
  </si>
  <si>
    <t>C:\Users\harunams\Pictures\</t>
  </si>
  <si>
    <t>C:\Users\harunams\Saved Games\</t>
  </si>
  <si>
    <t>C:\Users\harunams\Searches\</t>
  </si>
  <si>
    <t>C:\Users\harunams\Videos\</t>
  </si>
  <si>
    <t>C:\Users\harunams\AppData\Local\Microsoft\Windows\History\</t>
  </si>
  <si>
    <t>C:\Users\harunams\AppData\Local\Microsoft\Windows\Burn\Burn\</t>
  </si>
  <si>
    <t>12/18/2019 15:38:33</t>
  </si>
  <si>
    <t>C:\Users\harunams\AppData\Local\Microsoft\Windows Mail\Stationery\</t>
  </si>
  <si>
    <t>12/18/2019 15:38:35</t>
  </si>
  <si>
    <t>C:\Users\harunams\AppData\Roaming\Microsoft\Internet Explorer\Quick Launch\</t>
  </si>
  <si>
    <t>C:\Users\harunams\AppData\Roaming\Microsoft\Internet Explorer\Quick Launch\User Pinned\TaskBar\</t>
  </si>
  <si>
    <t>C:\Users\harunams\AppData\Roaming\Microsoft\Windows\Libraries\</t>
  </si>
  <si>
    <t>C:\Users\harunams\AppData\Roaming\Microsoft\Windows\Recent\</t>
  </si>
  <si>
    <t>C:\Users\harunams\AppData\Roaming\Microsoft\Windows\SendTo\</t>
  </si>
  <si>
    <t>C:\Users\harunams\AppData\Roaming\Microsoft\Windows\Start Menu\</t>
  </si>
  <si>
    <t>C:\Users\harunams\AppData\Roaming\Microsoft\Windows\Start Menu\Programs\</t>
  </si>
  <si>
    <t>C:\Users\harunams\AppData\Roaming\Microsoft\Windows\Start Menu\Programs\Accessories\</t>
  </si>
  <si>
    <t>C:\Users\harunams\AppData\Roaming\Microsoft\Windows\Start Menu\Programs\Administrative Tools\</t>
  </si>
  <si>
    <t>C:\Users\harunams\AppData\Roaming\Microsoft\Windows\Start Menu\Programs\Maintenance\</t>
  </si>
  <si>
    <t>C:\Users\harunams\AppData\Roaming\Microsoft\Windows\Start Menu\Programs\Startup\</t>
  </si>
  <si>
    <t>C:\Users\harunams\AppData\Roaming\Microsoft\Windows\Start Menu\Programs\Accessories\Accessibility\</t>
  </si>
  <si>
    <t>C:\Users\harunams\AppData\Roaming\Microsoft\Windows\Start Menu\Programs\Accessories\System Tools\</t>
  </si>
  <si>
    <t>12/18/2019 15:42:26</t>
  </si>
  <si>
    <t>C:\Users\harunams\Favorites\Links\</t>
  </si>
  <si>
    <t>C:\Users\harunams\Favorites\Links for Brasil\</t>
  </si>
  <si>
    <t>12/18/2019 15:38:38</t>
  </si>
  <si>
    <t>C:\Users\joaopsan\AppData\Local\Microsoft\Windows\Burn\Burn\</t>
  </si>
  <si>
    <t>C:\Users\joaopsan\AppData\Local\Microsoft\Windows Mail\Stationery\</t>
  </si>
  <si>
    <t>C:\Users\joaopsan\AppData\Roaming\Microsoft\Internet Explorer\Quick Launch\</t>
  </si>
  <si>
    <t>C:\Users\joaopsan\AppData\Roaming\Microsoft\Internet Explorer\Quick Launch\User Pinned\TaskBar\</t>
  </si>
  <si>
    <t>C:\Users\joaopsan\AppData\Roaming\Microsoft\Windows\Libraries\</t>
  </si>
  <si>
    <t>C:\Users\joaopsan\AppData\Roaming\Microsoft\Windows\Recent\</t>
  </si>
  <si>
    <t>C:\Users\joaopsan\AppData\Roaming\Microsoft\Windows\SendTo\</t>
  </si>
  <si>
    <t>C:\Users\joaopsan\AppData\Roaming\Microsoft\Windows\Start Menu\</t>
  </si>
  <si>
    <t>C:\Users\joaopsan\AppData\Roaming\Microsoft\Windows\Start Menu\Programs\</t>
  </si>
  <si>
    <t>C:\Users\joaopsan\AppData\Roaming\Microsoft\Windows\Start Menu\Programs\Accessories\</t>
  </si>
  <si>
    <t>C:\Users\joaopsan\AppData\Roaming\Microsoft\Windows\Start Menu\Programs\Administrative Tools\</t>
  </si>
  <si>
    <t>C:\Users\joaopsan\AppData\Roaming\Microsoft\Windows\Start Menu\Programs\Maintenance\</t>
  </si>
  <si>
    <t>C:\Users\joaopsan\AppData\Roaming\Microsoft\Windows\Start Menu\Programs\Startup\</t>
  </si>
  <si>
    <t>C:\Users\joaopsan\AppData\Roaming\Microsoft\Windows\Start Menu\Programs\Accessories\Accessibility\</t>
  </si>
  <si>
    <t>C:\Users\joaopsan\AppData\Roaming\Microsoft\Windows\Start Menu\Programs\Accessories\System Tools\</t>
  </si>
  <si>
    <t>C:\Users\YuriCS\Links\</t>
  </si>
  <si>
    <t>12/18/2019 15:38:45</t>
  </si>
  <si>
    <t>C:\Users\YuriCS\AppData\Local\Microsoft\Windows\History\</t>
  </si>
  <si>
    <t>C:\Users\YuriCS\AppData\Local\Microsoft\Windows Mail\Stationery\</t>
  </si>
  <si>
    <t>12/18/2019 15:38:47</t>
  </si>
  <si>
    <t>C:\Users\YuriCS\AppData\Roaming\Microsoft\Internet Explorer\Quick Launch\</t>
  </si>
  <si>
    <t>C:\Users\YuriCS\AppData\Roaming\Microsoft\Internet Explorer\Quick Launch\User Pinned\ImplicitAppShortcuts\9d91276b0be3e46b\</t>
  </si>
  <si>
    <t>C:\Users\YuriCS\AppData\Roaming\Microsoft\Windows\Libraries\</t>
  </si>
  <si>
    <t>C:\Users\YuriCS\AppData\Roaming\Microsoft\Windows\Recent\</t>
  </si>
  <si>
    <t>C:\Users\YuriCS\AppData\Roaming\Microsoft\Windows\SendTo\</t>
  </si>
  <si>
    <t>C:\Users\YuriCS\AppData\Roaming\Microsoft\Windows\Start Menu\Programs\Accessories\</t>
  </si>
  <si>
    <t>C:\Users\YuriCS\AppData\Roaming\Microsoft\Windows\Start Menu\Programs\Maintenance\</t>
  </si>
  <si>
    <t>C:\Users\YuriCS\AppData\Roaming\Microsoft\Windows\Start Menu\Programs\Accessories\Accessibility\</t>
  </si>
  <si>
    <t>C:\Users\YuriCS\AppData\Roaming\Microsoft\Windows\Start Menu\Programs\Accessories\System Tools\</t>
  </si>
  <si>
    <t>12/18/2019 15:38:49</t>
  </si>
  <si>
    <t>C:\Users\luizffn\Contacts\</t>
  </si>
  <si>
    <t>C:\Users\luizffn\Desktop\</t>
  </si>
  <si>
    <t>C:\Users\luizffn\Documents\</t>
  </si>
  <si>
    <t>C:\Users\luizffn\Downloads\</t>
  </si>
  <si>
    <t>C:\Users\luizffn\Favorites\</t>
  </si>
  <si>
    <t>C:\Users\luizffn\Links\</t>
  </si>
  <si>
    <t>C:\Users\luizffn\Music\</t>
  </si>
  <si>
    <t>C:\Users\luizffn\Pictures\</t>
  </si>
  <si>
    <t>C:\Users\luizffn\Saved Games\</t>
  </si>
  <si>
    <t>C:\Users\luizffn\Searches\</t>
  </si>
  <si>
    <t>C:\Users\luizffn\Videos\</t>
  </si>
  <si>
    <t>12/18/2019 15:38:56</t>
  </si>
  <si>
    <t>C:\Users\luizffn\AppData\Local\Microsoft\Windows\History\</t>
  </si>
  <si>
    <t>C:\Users\luizffn\AppData\Local\Microsoft\Windows\Burn\Burn\</t>
  </si>
  <si>
    <t>12/18/2019 15:38:57</t>
  </si>
  <si>
    <t>C:\Users\luizffn\AppData\Local\Microsoft\Windows Mail\Stationery\</t>
  </si>
  <si>
    <t>12/18/2019 15:38:59</t>
  </si>
  <si>
    <t>C:\Users\luizffn\AppData\Roaming\Microsoft\Internet Explorer\Quick Launch\</t>
  </si>
  <si>
    <t>C:\Users\luizffn\AppData\Roaming\Microsoft\Internet Explorer\Quick Launch\User Pinned\TaskBar\</t>
  </si>
  <si>
    <t>C:\Users\luizffn\AppData\Roaming\Microsoft\Windows\Libraries\</t>
  </si>
  <si>
    <t>C:\Users\luizffn\AppData\Roaming\Microsoft\Windows\Recent\</t>
  </si>
  <si>
    <t>C:\Users\luizffn\AppData\Roaming\Microsoft\Windows\SendTo\</t>
  </si>
  <si>
    <t>C:\Users\luizffn\AppData\Roaming\Microsoft\Windows\Start Menu\</t>
  </si>
  <si>
    <t>C:\Users\luizffn\AppData\Roaming\Microsoft\Windows\Start Menu\Programs\</t>
  </si>
  <si>
    <t>12/18/2019 15:39:01</t>
  </si>
  <si>
    <t>C:\Users\luizffn\AppData\Roaming\Microsoft\Windows\Start Menu\Programs\Accessories\</t>
  </si>
  <si>
    <t>C:\Users\luizffn\AppData\Roaming\Microsoft\Windows\Start Menu\Programs\Administrative Tools\</t>
  </si>
  <si>
    <t>C:\Users\luizffn\AppData\Roaming\Microsoft\Windows\Start Menu\Programs\Maintenance\</t>
  </si>
  <si>
    <t>C:\Users\luizffn\AppData\Roaming\Microsoft\Windows\Start Menu\Programs\Startup\</t>
  </si>
  <si>
    <t>C:\Users\luizffn\AppData\Roaming\Microsoft\Windows\Start Menu\Programs\Accessories\Accessibility\</t>
  </si>
  <si>
    <t>C:\Users\luizffn\AppData\Roaming\Microsoft\Windows\Start Menu\Programs\Accessories\System Tools\</t>
  </si>
  <si>
    <t>C:\Users\luizffn\Favorites\Links\</t>
  </si>
  <si>
    <t>C:\Users\luizffn\Favorites\Links for Brasil\</t>
  </si>
  <si>
    <t>C:\Users\matheushds\Links\</t>
  </si>
  <si>
    <t>12/18/2019 15:39:03</t>
  </si>
  <si>
    <t>C:\Users\matheushds\AppData\Local\Microsoft\Windows Mail\Stationery\</t>
  </si>
  <si>
    <t>12/18/2019 15:39:05</t>
  </si>
  <si>
    <t>C:\Users\matheushds\AppData\Roaming\Microsoft\Internet Explorer\Quick Launch\</t>
  </si>
  <si>
    <t>C:\Users\matheushds\AppData\Roaming\Microsoft\Windows\Libraries\</t>
  </si>
  <si>
    <t>C:\Users\matheushds\AppData\Roaming\Microsoft\Windows\Recent\</t>
  </si>
  <si>
    <t>C:\Users\matheushds\AppData\Roaming\Microsoft\Windows\SendTo\</t>
  </si>
  <si>
    <t>C:\Users\matheushds\AppData\Roaming\Microsoft\Windows\Start Menu\Programs\Accessories\</t>
  </si>
  <si>
    <t>C:\Users\matheushds\AppData\Roaming\Microsoft\Windows\Start Menu\Programs\Maintenance\</t>
  </si>
  <si>
    <t>C:\Users\matheushds\AppData\Roaming\Microsoft\Windows\Start Menu\Programs\Accessories\Accessibility\</t>
  </si>
  <si>
    <t>C:\Users\matheushds\AppData\Roaming\Microsoft\Windows\Start Menu\Programs\Accessories\System Tools\</t>
  </si>
  <si>
    <t>C:\Users\rafaeldsal\AppData\Roaming\Microsoft\Internet Explorer\Quick Launch\</t>
  </si>
  <si>
    <t>C:\Users\rafaeldsal\AppData\Roaming\Microsoft\Windows\SendTo\</t>
  </si>
  <si>
    <t>C:\Users\rafaeldsal\AppData\Roaming\Microsoft\Windows\Start Menu\Programs\Accessories\</t>
  </si>
  <si>
    <t>C:\Users\rafaeldsal\AppData\Roaming\Microsoft\Windows\Start Menu\Programs\Maintenance\</t>
  </si>
  <si>
    <t>C:\Users\rafaeldsal\AppData\Roaming\Microsoft\Windows\Start Menu\Programs\Accessories\Accessibility\</t>
  </si>
  <si>
    <t>C:\Users\rafaeldsal\AppData\Roaming\Microsoft\Windows\Start Menu\Programs\Accessories\System Tools\</t>
  </si>
  <si>
    <t>12/18/2019 15:39:08</t>
  </si>
  <si>
    <t>C:\Users\marianeps\Contacts\</t>
  </si>
  <si>
    <t>C:\Users\marianeps\Desktop\</t>
  </si>
  <si>
    <t>C:\Users\marianeps\Documents\</t>
  </si>
  <si>
    <t>C:\Users\marianeps\Downloads\</t>
  </si>
  <si>
    <t>C:\Users\marianeps\Favorites\</t>
  </si>
  <si>
    <t>C:\Users\marianeps\Links\</t>
  </si>
  <si>
    <t>C:\Users\marianeps\Music\</t>
  </si>
  <si>
    <t>C:\Users\marianeps\Pictures\</t>
  </si>
  <si>
    <t>C:\Users\marianeps\Saved Games\</t>
  </si>
  <si>
    <t>C:\Users\marianeps\Searches\</t>
  </si>
  <si>
    <t>C:\Users\marianeps\Videos\</t>
  </si>
  <si>
    <t>C:\Users\marianeps\AppData\Local\Microsoft\Windows\History\</t>
  </si>
  <si>
    <t>C:\Users\marianeps\AppData\Local\Microsoft\Windows\Burn\Burn\</t>
  </si>
  <si>
    <t>C:\Users\marianeps\AppData\Local\Microsoft\Windows Mail\Stationery\</t>
  </si>
  <si>
    <t>12/18/2019 15:39:25</t>
  </si>
  <si>
    <t>C:\Users\marianeps\AppData\Roaming\Microsoft\Internet Explorer\Quick Launch\</t>
  </si>
  <si>
    <t>C:\Users\marianeps\AppData\Roaming\Microsoft\Internet Explorer\Quick Launch\User Pinned\TaskBar\</t>
  </si>
  <si>
    <t>C:\Users\marianeps\AppData\Roaming\Microsoft\Windows\Libraries\</t>
  </si>
  <si>
    <t>C:\Users\marianeps\AppData\Roaming\Microsoft\Windows\Recent\</t>
  </si>
  <si>
    <t>C:\Users\marianeps\AppData\Roaming\Microsoft\Windows\SendTo\</t>
  </si>
  <si>
    <t>C:\Users\marianeps\AppData\Roaming\Microsoft\Windows\Start Menu\</t>
  </si>
  <si>
    <t>C:\Users\marianeps\AppData\Roaming\Microsoft\Windows\Start Menu\Programs\</t>
  </si>
  <si>
    <t>C:\Users\marianeps\AppData\Roaming\Microsoft\Windows\Start Menu\Programs\Accessories\</t>
  </si>
  <si>
    <t>C:\Users\marianeps\AppData\Roaming\Microsoft\Windows\Start Menu\Programs\Administrative Tools\</t>
  </si>
  <si>
    <t>C:\Users\marianeps\AppData\Roaming\Microsoft\Windows\Start Menu\Programs\Maintenance\</t>
  </si>
  <si>
    <t>C:\Users\marianeps\AppData\Roaming\Microsoft\Windows\Start Menu\Programs\Startup\</t>
  </si>
  <si>
    <t>C:\Users\marianeps\AppData\Roaming\Microsoft\Windows\Start Menu\Programs\Accessories\Accessibility\</t>
  </si>
  <si>
    <t>C:\Users\marianeps\AppData\Roaming\Microsoft\Windows\Start Menu\Programs\Accessories\System Tools\</t>
  </si>
  <si>
    <t>C:\Users\marianeps\Favorites\Links\</t>
  </si>
  <si>
    <t>C:\Users\marianeps\Favorites\Links for Brasil\</t>
  </si>
  <si>
    <t>12/18/2019 15:39:48</t>
  </si>
  <si>
    <t>12/18/2019 15:39:49</t>
  </si>
  <si>
    <t>12/18/2019 15:39:55</t>
  </si>
  <si>
    <t>12/18/2019 15:39:56</t>
  </si>
  <si>
    <t>12/18/2019 15:39:57</t>
  </si>
  <si>
    <t>12/18/2019 15:39:58</t>
  </si>
  <si>
    <t>12/18/2019 15:39:59</t>
  </si>
  <si>
    <t>12/18/2019 15:40:00</t>
  </si>
  <si>
    <t>12/18/2019 15:40:01</t>
  </si>
  <si>
    <t>12/18/2019 15:40:03</t>
  </si>
  <si>
    <t>12/18/2019 15:40:04</t>
  </si>
  <si>
    <t>12/18/2019 15:40:09</t>
  </si>
  <si>
    <t>12/18/2019 15:40:11</t>
  </si>
  <si>
    <t>12/18/2019 15:40:12</t>
  </si>
  <si>
    <t>12/18/2019 15:40:13</t>
  </si>
  <si>
    <t>12/18/2019 15:40:14</t>
  </si>
  <si>
    <t>12/18/2019 15:40:15</t>
  </si>
  <si>
    <t>12/18/2019 15:40:20</t>
  </si>
  <si>
    <t>12/18/2019 15:40:23</t>
  </si>
  <si>
    <t>12/18/2019 15:40:24</t>
  </si>
  <si>
    <t>12/18/2019 15:40:26</t>
  </si>
  <si>
    <t>12/18/2019 15:40:28</t>
  </si>
  <si>
    <t>12/18/2019 15:40:33</t>
  </si>
  <si>
    <t>12/18/2019 15:40:38</t>
  </si>
  <si>
    <t>12/18/2019 15:40:40</t>
  </si>
  <si>
    <t>12/18/2019 15:40:41</t>
  </si>
  <si>
    <t>12/18/2019 15:40:44</t>
  </si>
  <si>
    <t>12/18/2019 15:40:51</t>
  </si>
  <si>
    <t>12/18/2019 15:44:26</t>
  </si>
  <si>
    <t>12/18/2019 15:41:32</t>
  </si>
  <si>
    <t>12/18/2019 15:41:38</t>
  </si>
  <si>
    <t>12/18/2019 15:41:39</t>
  </si>
  <si>
    <t>12/18/2019 15:41:41</t>
  </si>
  <si>
    <t>12/18/2019 15:41:42</t>
  </si>
  <si>
    <t>12/18/2019 15:41:43</t>
  </si>
  <si>
    <t>12/18/2019 15:41:44</t>
  </si>
  <si>
    <t>12/18/2019 15:41:46</t>
  </si>
  <si>
    <t>12/18/2019 15:41:48</t>
  </si>
  <si>
    <t>12/18/2019 15:41:49</t>
  </si>
  <si>
    <t>12/18/2019 15:41:51</t>
  </si>
  <si>
    <t>12/18/2019 15:41:54</t>
  </si>
  <si>
    <t>12/18/2019 15:41:55</t>
  </si>
  <si>
    <t>12/18/2019 15:41:59</t>
  </si>
  <si>
    <t>12/18/2019 15:42:00</t>
  </si>
  <si>
    <t>12/18/2019 15:42:47</t>
  </si>
  <si>
    <t>12/18/2019 15:42:01</t>
  </si>
  <si>
    <t>12/18/2019 15:42:02</t>
  </si>
  <si>
    <t>12/18/2019 15:42:03</t>
  </si>
  <si>
    <t>12/18/2019 15:42:04</t>
  </si>
  <si>
    <t>12/18/2019 15:42:05</t>
  </si>
  <si>
    <t>12/18/2019 15:42:06</t>
  </si>
  <si>
    <t>12/18/2019 15:42:07</t>
  </si>
  <si>
    <t>12/18/2019 15:42:09</t>
  </si>
  <si>
    <t>12/18/2019 15:42:10</t>
  </si>
  <si>
    <t>12/18/2019 15:42:11</t>
  </si>
  <si>
    <t>12/18/2019 15:42:12</t>
  </si>
  <si>
    <t>12/18/2019 15:42:13</t>
  </si>
  <si>
    <t>12/18/2019 15:42:14</t>
  </si>
  <si>
    <t>12/18/2019 15:42:15</t>
  </si>
  <si>
    <t>12/18/2019 15:42:18</t>
  </si>
  <si>
    <t>12/18/2019 15:42:20</t>
  </si>
  <si>
    <t>12/18/2019 15:42:21</t>
  </si>
  <si>
    <t>12/18/2019 15:42:22</t>
  </si>
  <si>
    <t>12/18/2019 15:42:23</t>
  </si>
  <si>
    <t>12/18/2019 15:43:34</t>
  </si>
  <si>
    <t>12/18/2019 15:41:14</t>
  </si>
  <si>
    <t>12/18/2019 15:42:44</t>
  </si>
  <si>
    <t>12/18/2019 15:43:14</t>
  </si>
  <si>
    <t>12/18/2019 15:43:51</t>
  </si>
  <si>
    <t>96f7f537-8450-4115-84a6-990d4ddfc31f.tmp</t>
  </si>
  <si>
    <t>\\acsfs\profiles$\websondsa\Downloads\96f7f537-8450-4115-84a6-990d4ddfc31f.tmp</t>
  </si>
  <si>
    <t>12/18/2019 15:39:19</t>
  </si>
  <si>
    <t>12/18/2019 15:39:20</t>
  </si>
  <si>
    <t>12/18/2019 15:39:21</t>
  </si>
  <si>
    <t>12/18/2019 15:39:23</t>
  </si>
  <si>
    <t>12/18/2019 15:39:24</t>
  </si>
  <si>
    <t>12/18/2019 15:39:40</t>
  </si>
  <si>
    <t>12/18/2019 15:41:05</t>
  </si>
  <si>
    <t>b5c53118-3114-46c2-a225-4fb72439d98d.tmp</t>
  </si>
  <si>
    <t>\\acsfs\profiles$\bernardopcm\Downloads\b5c53118-3114-46c2-a225-4fb72439d98d.tmp</t>
  </si>
  <si>
    <t>12/18/2019 15:41:08</t>
  </si>
  <si>
    <t>571de493-9f8a-4c8a-b59a-ed7b85318904.tmp</t>
  </si>
  <si>
    <t>\\acsfs\profiles$\bernardopcm\Downloads\571de493-9f8a-4c8a-b59a-ed7b85318904.tmp</t>
  </si>
  <si>
    <t>12/18/2019 15:42:17</t>
  </si>
  <si>
    <t>e90e2d1d-c5fb-45c7-8fe5-2ab3f65d9d0e.tmp</t>
  </si>
  <si>
    <t>\\acsfs\profiles$\bernardopcm\Downloads\e90e2d1d-c5fb-45c7-8fe5-2ab3f65d9d0e.tmp</t>
  </si>
  <si>
    <t>12/18/2019 15:39:37</t>
  </si>
  <si>
    <t>12/18/2019 15:45:26</t>
  </si>
  <si>
    <t>12/18/2019 15:40:54</t>
  </si>
  <si>
    <t>12/18/2019 15:41:16</t>
  </si>
  <si>
    <t>12/18/2019 15:43:52</t>
  </si>
  <si>
    <t>0a114bd7-f4cb-43e5-b236-aecc9c7d01dc.tmp</t>
  </si>
  <si>
    <t>\\acsfs\profiles$\erichds\Downloads\0a114bd7-f4cb-43e5-b236-aecc9c7d01dc.tmp</t>
  </si>
  <si>
    <t>12/18/2019 15:45:28</t>
  </si>
  <si>
    <t>12/18/2019 15:46:26</t>
  </si>
  <si>
    <t>6c1f834b-6730-40ea-96ee-d4fd7a4cf8b3.tmp</t>
  </si>
  <si>
    <t>\\acsfs\profiles$\gabrielarb\Downloads\6c1f834b-6730-40ea-96ee-d4fd7a4cf8b3.tmp</t>
  </si>
  <si>
    <t>12/18/2019 15:42:27</t>
  </si>
  <si>
    <t>12/18/2019 15:43:27</t>
  </si>
  <si>
    <t>12/18/2019 15:44:58</t>
  </si>
  <si>
    <t>12/18/2019 15:43:10</t>
  </si>
  <si>
    <t>12/18/2019 15:43:13</t>
  </si>
  <si>
    <t>12/18/2019 15:43:15</t>
  </si>
  <si>
    <t>12/18/2019 15:43:20</t>
  </si>
  <si>
    <t>12/18/2019 15:43:33</t>
  </si>
  <si>
    <t>12/18/2019 15:43:35</t>
  </si>
  <si>
    <t>12/18/2019 15:43:41</t>
  </si>
  <si>
    <t>12/18/2019 15:44:03</t>
  </si>
  <si>
    <t>12/18/2019 15:41:04</t>
  </si>
  <si>
    <t>12/18/2019 15:47:26</t>
  </si>
  <si>
    <t>12/18/2019 15:41:09</t>
  </si>
  <si>
    <t>12/18/2019 15:41:10</t>
  </si>
  <si>
    <t>12/18/2019 15:41:11</t>
  </si>
  <si>
    <t>12/18/2019 15:41:12</t>
  </si>
  <si>
    <t>12/18/2019 15:41:15</t>
  </si>
  <si>
    <t>12/18/2019 15:41:22</t>
  </si>
  <si>
    <t>12/18/2019 15:41:23</t>
  </si>
  <si>
    <t>12/18/2019 15:41:24</t>
  </si>
  <si>
    <t>12/18/2019 15:41:25</t>
  </si>
  <si>
    <t>12/18/2019 15:41:27</t>
  </si>
  <si>
    <t>12/18/2019 15:41:28</t>
  </si>
  <si>
    <t>12/18/2019 15:41:37</t>
  </si>
  <si>
    <t>12/18/2019 15:41:40</t>
  </si>
  <si>
    <t>12/18/2019 15:41:50</t>
  </si>
  <si>
    <t>12/18/2019 15:41:52</t>
  </si>
  <si>
    <t>12/18/2019 15:41:53</t>
  </si>
  <si>
    <t>12/18/2019 15:41:57</t>
  </si>
  <si>
    <t>12/18/2019 15:41:58</t>
  </si>
  <si>
    <t>12/18/2019 15:42:16</t>
  </si>
  <si>
    <t>12/18/2019 15:42:24</t>
  </si>
  <si>
    <t>12/18/2019 15:42:25</t>
  </si>
  <si>
    <t>12/18/2019 15:43:53</t>
  </si>
  <si>
    <t>12/18/2019 15:43:55</t>
  </si>
  <si>
    <t>12/18/2019 15:44:13</t>
  </si>
  <si>
    <t>12/18/2019 15:44:14</t>
  </si>
  <si>
    <t>12/18/2019 15:44:15</t>
  </si>
  <si>
    <t>12/18/2019 15:44:16</t>
  </si>
  <si>
    <t>12/18/2019 15:44:17</t>
  </si>
  <si>
    <t>12/18/2019 15:44:20</t>
  </si>
  <si>
    <t>12/18/2019 15:44:21</t>
  </si>
  <si>
    <t>12/18/2019 15:44:28</t>
  </si>
  <si>
    <t>12/18/2019 15:44:29</t>
  </si>
  <si>
    <t>12/18/2019 15:44:30</t>
  </si>
  <si>
    <t>12/18/2019 15:44:32</t>
  </si>
  <si>
    <t>12/18/2019 15:44:33</t>
  </si>
  <si>
    <t>12/18/2019 15:44:37</t>
  </si>
  <si>
    <t>12/18/2019 15:44:38</t>
  </si>
  <si>
    <t>12/18/2019 15:44:39</t>
  </si>
  <si>
    <t>12/18/2019 15:44:40</t>
  </si>
  <si>
    <t>12/18/2019 15:44:41</t>
  </si>
  <si>
    <t>12/18/2019 15:44:42</t>
  </si>
  <si>
    <t>12/18/2019 15:44:43</t>
  </si>
  <si>
    <t>12/18/2019 15:44:50</t>
  </si>
  <si>
    <t>12/18/2019 15:44:56</t>
  </si>
  <si>
    <t>12/18/2019 15:44:57</t>
  </si>
  <si>
    <t>12/18/2019 15:44:59</t>
  </si>
  <si>
    <t>12/18/2019 15:45:18</t>
  </si>
  <si>
    <t>12/18/2019 15:45:20</t>
  </si>
  <si>
    <t>12/18/2019 15:45:27</t>
  </si>
  <si>
    <t>12/18/2019 15:45:29</t>
  </si>
  <si>
    <t>12/18/2019 15:45:30</t>
  </si>
  <si>
    <t>12/18/2019 15:45:31</t>
  </si>
  <si>
    <t>12/18/2019 15:45:34</t>
  </si>
  <si>
    <t>C:\Users\lorenacagf\Contacts\</t>
  </si>
  <si>
    <t>C:\Users\lorenacagf\Documents\</t>
  </si>
  <si>
    <t>C:\Users\lorenacagf\Downloads\</t>
  </si>
  <si>
    <t>C:\Users\lorenacagf\Favorites\</t>
  </si>
  <si>
    <t>C:\Users\lorenacagf\Links\</t>
  </si>
  <si>
    <t>C:\Users\lorenacagf\Music\</t>
  </si>
  <si>
    <t>C:\Users\lorenacagf\Pictures\</t>
  </si>
  <si>
    <t>C:\Users\lorenacagf\Saved Games\</t>
  </si>
  <si>
    <t>C:\Users\lorenacagf\Searches\</t>
  </si>
  <si>
    <t>C:\Users\lorenacagf\Videos\</t>
  </si>
  <si>
    <t>12/18/2019 15:45:45</t>
  </si>
  <si>
    <t>12/18/2019 15:45:46</t>
  </si>
  <si>
    <t>12/18/2019 15:45:48</t>
  </si>
  <si>
    <t>12/18/2019 15:45:50</t>
  </si>
  <si>
    <t>C:\Users\KESIADOF.old\documents\</t>
  </si>
  <si>
    <t>Atualiza WFM.lnk</t>
  </si>
  <si>
    <t>12/18/2019 15:45:51</t>
  </si>
  <si>
    <t>12/18/2019 15:45:57</t>
  </si>
  <si>
    <t>12/18/2019 15:45:58</t>
  </si>
  <si>
    <t>12/18/2019 15:45:59</t>
  </si>
  <si>
    <t>12/18/2019 15:46:00</t>
  </si>
  <si>
    <t>12/18/2019 15:46:14</t>
  </si>
  <si>
    <t>12/18/2019 15:46:34</t>
  </si>
  <si>
    <t>12/18/2019 15:49:26</t>
  </si>
  <si>
    <t>12/18/2019 15:44:46</t>
  </si>
  <si>
    <t>12/18/2019 15:47:49</t>
  </si>
  <si>
    <t>12/18/2019 15:48:19</t>
  </si>
  <si>
    <t>12/18/2019 15:44:12</t>
  </si>
  <si>
    <t>dc329a62-4844-4f18-bdcf-a4f2a9726f0c.tmp</t>
  </si>
  <si>
    <t>\\acsfs\profiles$\gabrielamdp\Downloads\dc329a62-4844-4f18-bdcf-a4f2a9726f0c.tmp</t>
  </si>
  <si>
    <t>12/18/2019 15:48:49</t>
  </si>
  <si>
    <t>12/18/2019 15:45:00</t>
  </si>
  <si>
    <t>a023cd20-fa02-4699-b265-fc148275a257.tmp</t>
  </si>
  <si>
    <t>\\acsfs\profiles$\websondsa\Downloads\a023cd20-fa02-4699-b265-fc148275a257.tmp</t>
  </si>
  <si>
    <t>12/18/2019 15:45:09</t>
  </si>
  <si>
    <t>a3a71350-6de6-40a6-b454-c41ddb487483.tmp</t>
  </si>
  <si>
    <t>\\acsfs\profiles$\websondsa\Downloads\a3a71350-6de6-40a6-b454-c41ddb487483.tmp</t>
  </si>
  <si>
    <t>12/18/2019 15:48:07</t>
  </si>
  <si>
    <t>12/18/2019 15:50:25</t>
  </si>
  <si>
    <t>vendas dezembro 6.txt</t>
  </si>
  <si>
    <t>\\acsfs\profiles$\thaynaracsl\My Documents\vendas dezembro 6.txt</t>
  </si>
  <si>
    <t>12/18/2019 15:47:15</t>
  </si>
  <si>
    <t>8dd5a3e6-eca9-46a8-87b6-82cab99ddce5.tmp</t>
  </si>
  <si>
    <t>\\acsfs\profiles$\danielta\Downloads\8dd5a3e6-eca9-46a8-87b6-82cab99ddce5.tmp</t>
  </si>
  <si>
    <t>12/18/2019 15:46:11</t>
  </si>
  <si>
    <t>12/18/2019 15:51:26</t>
  </si>
  <si>
    <t>12/18/2019 15:48:27</t>
  </si>
  <si>
    <t>12/18/2019 15:49:27</t>
  </si>
  <si>
    <t>12/18/2019 15:47:53</t>
  </si>
  <si>
    <t>241664e3-5a89-4bcb-beff-9118e113d2c3.tmp</t>
  </si>
  <si>
    <t>\\acsfs\profiles$\victorgl\Downloads\241664e3-5a89-4bcb-beff-9118e113d2c3.tmp</t>
  </si>
  <si>
    <t>12/18/2019 15:51:13</t>
  </si>
  <si>
    <t>12/18/2019 15:51:14</t>
  </si>
  <si>
    <t>12/18/2019 15:51:15</t>
  </si>
  <si>
    <t>12/18/2019 15:46:41</t>
  </si>
  <si>
    <t>12/18/2019 15:52:25</t>
  </si>
  <si>
    <t>12/18/2019 15:46:43</t>
  </si>
  <si>
    <t>12/18/2019 15:46:44</t>
  </si>
  <si>
    <t>12/18/2019 15:46:45</t>
  </si>
  <si>
    <t>12/18/2019 15:46:46</t>
  </si>
  <si>
    <t>12/18/2019 15:47:17</t>
  </si>
  <si>
    <t>12/18/2019 15:47:24</t>
  </si>
  <si>
    <t>12/18/2019 15:47:27</t>
  </si>
  <si>
    <t>12/18/2019 15:47:28</t>
  </si>
  <si>
    <t>12/18/2019 15:47:29</t>
  </si>
  <si>
    <t>12/18/2019 15:49:34</t>
  </si>
  <si>
    <t>e76cf16f-7430-4b51-bd18-081ed73d9229.tmp</t>
  </si>
  <si>
    <t>\\acsfs\profiles$\paulovadc\Downloads\e76cf16f-7430-4b51-bd18-081ed73d9229.tmp</t>
  </si>
  <si>
    <t>12/18/2019 15:47:47</t>
  </si>
  <si>
    <t>12/18/2019 15:47:58</t>
  </si>
  <si>
    <t>12/18/2019 15:48:09</t>
  </si>
  <si>
    <t>12/18/2019 15:48:10</t>
  </si>
  <si>
    <t>12/18/2019 15:48:11</t>
  </si>
  <si>
    <t>12/18/2019 15:48:12</t>
  </si>
  <si>
    <t>12/18/2019 15:48:13</t>
  </si>
  <si>
    <t>12/18/2019 15:48:14</t>
  </si>
  <si>
    <t>12/18/2019 15:48:20</t>
  </si>
  <si>
    <t>12/18/2019 15:48:22</t>
  </si>
  <si>
    <t>12/18/2019 15:48:26</t>
  </si>
  <si>
    <t>12/18/2019 15:48:28</t>
  </si>
  <si>
    <t>12/18/2019 15:48:29</t>
  </si>
  <si>
    <t>12/18/2019 15:48:30</t>
  </si>
  <si>
    <t>12/18/2019 15:48:41</t>
  </si>
  <si>
    <t>12/18/2019 15:48:54</t>
  </si>
  <si>
    <t>12/18/2019 15:48:59</t>
  </si>
  <si>
    <t>12/18/2019 15:49:00</t>
  </si>
  <si>
    <t>12/18/2019 15:49:01</t>
  </si>
  <si>
    <t>12/18/2019 15:49:02</t>
  </si>
  <si>
    <t>12/18/2019 15:49:03</t>
  </si>
  <si>
    <t>12/18/2019 15:49:10</t>
  </si>
  <si>
    <t>12/18/2019 15:49:15</t>
  </si>
  <si>
    <t>12/18/2019 15:49:16</t>
  </si>
  <si>
    <t>12/18/2019 15:49:17</t>
  </si>
  <si>
    <t>12/18/2019 15:49:18</t>
  </si>
  <si>
    <t>12/18/2019 15:49:19</t>
  </si>
  <si>
    <t>12/18/2019 15:49:20</t>
  </si>
  <si>
    <t>12/18/2019 15:49:21</t>
  </si>
  <si>
    <t>12/18/2019 15:49:59</t>
  </si>
  <si>
    <t>12/18/2019 15:50:16</t>
  </si>
  <si>
    <t>12/18/2019 15:50:26</t>
  </si>
  <si>
    <t>12/18/2019 15:50:27</t>
  </si>
  <si>
    <t>12/18/2019 15:50:28</t>
  </si>
  <si>
    <t>12/18/2019 15:50:29</t>
  </si>
  <si>
    <t>12/18/2019 15:50:32</t>
  </si>
  <si>
    <t>12/18/2019 15:50:33</t>
  </si>
  <si>
    <t>12/18/2019 15:50:39</t>
  </si>
  <si>
    <t>12/18/2019 15:50:41</t>
  </si>
  <si>
    <t>12/18/2019 15:50:42</t>
  </si>
  <si>
    <t>12/18/2019 15:50:43</t>
  </si>
  <si>
    <t>12/18/2019 15:50:55</t>
  </si>
  <si>
    <t>12/18/2019 15:50:59</t>
  </si>
  <si>
    <t>12/18/2019 15:51:04</t>
  </si>
  <si>
    <t>12/18/2019 15:51:06</t>
  </si>
  <si>
    <t>12/18/2019 15:51:07</t>
  </si>
  <si>
    <t>12/18/2019 15:51:08</t>
  </si>
  <si>
    <t>12/18/2019 15:51:46</t>
  </si>
  <si>
    <t>4981d64f-4b0c-4624-95ee-9870caccc7a4.tmp</t>
  </si>
  <si>
    <t>\\acsfs\profiles$\laurandos\Downloads\4981d64f-4b0c-4624-95ee-9870caccc7a4.tmp</t>
  </si>
  <si>
    <t>12/18/2019 15:48:47</t>
  </si>
  <si>
    <t>12/18/2019 15:54:25</t>
  </si>
  <si>
    <t>12/18/2019 15:50:11</t>
  </si>
  <si>
    <t>https://udpmailboxap01.acs.com.br:8443/h/search?si=4&amp;so=0&amp;sc=48331&amp;st=conversation&amp;action=compose&amp;paction=paneview2</t>
  </si>
  <si>
    <t>12/18/2019 15:51:05</t>
  </si>
  <si>
    <t>6cb47556-f30f-4114-bcd6-f81af797123c.tmp</t>
  </si>
  <si>
    <t>\\acsfs\profiles$\bernardopcm\Downloads\6cb47556-f30f-4114-bcd6-f81af797123c.tmp</t>
  </si>
  <si>
    <t>12/18/2019 15:49:47</t>
  </si>
  <si>
    <t>12/18/2019 15:55:26</t>
  </si>
  <si>
    <t>adrianoms@algartech.com;anapscl@algartech.com;andressacpd@algartech.com;elton.costa@quilleconsultoria.com.br;fabio.ribeiro@algartech.com;fabio.ribeiro@algartech.com.br;fabiolacc@algartecnologia.com.br;fredericobs@algartecnologia.com.br;julianatem@algartech.com;juliogp@algartech.com.br;katiargf@algartech.com;luanaaoli@algartech.com;marcela.cunha@temposervicos.com.br;micheless@algartech.com.br;polati@algartech.com;rafaelaas@algartech.com;</t>
  </si>
  <si>
    <t>Painel Bacen Procedente 20191218.xlsx</t>
  </si>
  <si>
    <t>adrianoms@algartech.com,anapscl@algartech.com,andressacpd@algartech.com,elton.costa@quilleconsultoria.com.br,fabio.ribeiro@algartech.com,fabio.ribeiro@algartech.com.br,fabiolacc@algartecnologia.com.br,fredericobs@algartecnologia.com.br,julianatem@algartech.com,juliogp@algartech.com.br,katiargf@algartech.com,luanaaoli@algartech.com,marcela.cunha@temposervicos.com.br,micheless@algartech.com.br,polati@algartech.com,rafaelaas@algartech.com</t>
  </si>
  <si>
    <t>ana.palazzo@bradesco.com.br;anapscl@algartech.com;ariana.ribeiro@bradesco.com.br;filipe.s.carvalho@bradesco.com.br;helen.alves@bradesco.com.br;juliana.rocha@temposervicos.com.br;kenia.oliveira@bradesco.com.br;micheless@algartech.com.br;patriciabezerra.silva@bradesco.com.br;rafael.a.silva@bradesco.com.br;reginaldo.cardozo@bradesco.com.br;renata.gouveia@temposervicos.com.br;rodrigo.cunha@temposervicos.com.br;solange.contriciani@bradesco.com.br;thais.nunes@temposervicos.com.br;</t>
  </si>
  <si>
    <t>Painel Bacen Procedente GOV 20191218.xlsx</t>
  </si>
  <si>
    <t>ana.palazzo@bradesco.com.br,anapscl@algartech.com,ariana.ribeiro@bradesco.com.br,filipe.s.carvalho@bradesco.com.br,helen.alves@bradesco.com.br,juliana.rocha@temposervicos.com.br,kenia.oliveira@bradesco.com.br,micheless@algartech.com.br,patriciabezerra.silva@bradesco.com.br,rafael.a.silva@bradesco.com.br,reginaldo.cardozo@bradesco.com.br,renata.gouveia@temposervicos.com.br,rodrigo.cunha@temposervicos.com.br,solange.contriciani@bradesco.com.br,thais.nunes@temposervicos.com.br</t>
  </si>
  <si>
    <t>12/18/2019 15:53:09</t>
  </si>
  <si>
    <t>366df1ba-602a-4830-9550-77ae91319ef2.tmp</t>
  </si>
  <si>
    <t>\\acsfs\profiles$\erichds\Downloads\366df1ba-602a-4830-9550-77ae91319ef2.tmp</t>
  </si>
  <si>
    <t>12/18/2019 15:56:25</t>
  </si>
  <si>
    <t>12/18/2019 15:52:51</t>
  </si>
  <si>
    <t>12/18/2019 15:54:27</t>
  </si>
  <si>
    <t>12/18/2019 15:55:27</t>
  </si>
  <si>
    <t>12/18/2019 15:54:02</t>
  </si>
  <si>
    <t>\\acsfs\DEPTOS\EDUCACAO EMPRESARIAL\2 - Operações\2 - Amex\2.1.2 -Treinadores\1 - Treinadores\</t>
  </si>
  <si>
    <t>\\acsfs\DEPTOS\EDUCACAO EMPRESARIAL\2 - Operações\2 - Amex\Thumbs.db</t>
  </si>
  <si>
    <t>\\acsfs\DEPTOS\EDUCACAO EMPRESARIAL\2 - Operações\2 - Amex\</t>
  </si>
  <si>
    <t>\\acsfs\DEPTOS\EDUCACAO EMPRESARIAL\2 - Operações\2 - Amex\2.1.2 -Treinadores\1 - Treinadores\Thumbs.db</t>
  </si>
  <si>
    <t>12/18/2019 15:55:57</t>
  </si>
  <si>
    <t>12/18/2019 15:55:58</t>
  </si>
  <si>
    <t>12/18/2019 15:55:59</t>
  </si>
  <si>
    <t>12/18/2019 15:51:19</t>
  </si>
  <si>
    <t>12/18/2019 15:51:23</t>
  </si>
  <si>
    <t>12/18/2019 15:56:02</t>
  </si>
  <si>
    <t>12/18/2019 15:57:26</t>
  </si>
  <si>
    <t>12/18/2019 15:52:13</t>
  </si>
  <si>
    <t>12/18/2019 15:52:14</t>
  </si>
  <si>
    <t>12/18/2019 15:52:18</t>
  </si>
  <si>
    <t>12/18/2019 15:52:26</t>
  </si>
  <si>
    <t>12/18/2019 15:52:28</t>
  </si>
  <si>
    <t>12/18/2019 15:52:29</t>
  </si>
  <si>
    <t>12/18/2019 15:52:30</t>
  </si>
  <si>
    <t>12/18/2019 15:52:31</t>
  </si>
  <si>
    <t>12/18/2019 15:52:32</t>
  </si>
  <si>
    <t>12/18/2019 15:52:33</t>
  </si>
  <si>
    <t>12/18/2019 15:52:34</t>
  </si>
  <si>
    <t>12/18/2019 15:52:36</t>
  </si>
  <si>
    <t>12/18/2019 15:52:37</t>
  </si>
  <si>
    <t>12/18/2019 15:52:43</t>
  </si>
  <si>
    <t>12/18/2019 15:52:44</t>
  </si>
  <si>
    <t>12/18/2019 15:52:45</t>
  </si>
  <si>
    <t>12/18/2019 15:52:46</t>
  </si>
  <si>
    <t>12/18/2019 15:52:47</t>
  </si>
  <si>
    <t>12/18/2019 15:52:48</t>
  </si>
  <si>
    <t>12/18/2019 15:52:49</t>
  </si>
  <si>
    <t>12/18/2019 15:52:50</t>
  </si>
  <si>
    <t>12/18/2019 15:52:57</t>
  </si>
  <si>
    <t>12/18/2019 15:53:02</t>
  </si>
  <si>
    <t>12/18/2019 15:53:07</t>
  </si>
  <si>
    <t>12/18/2019 15:53:08</t>
  </si>
  <si>
    <t>12/18/2019 15:53:10</t>
  </si>
  <si>
    <t>12/18/2019 15:53:11</t>
  </si>
  <si>
    <t>12/18/2019 15:53:51</t>
  </si>
  <si>
    <t>12/18/2019 15:53:57</t>
  </si>
  <si>
    <t>12/18/2019 15:54:05</t>
  </si>
  <si>
    <t>12/18/2019 15:54:07</t>
  </si>
  <si>
    <t>12/18/2019 15:54:08</t>
  </si>
  <si>
    <t>12/18/2019 15:54:09</t>
  </si>
  <si>
    <t>12/18/2019 15:54:10</t>
  </si>
  <si>
    <t>12/18/2019 15:54:11</t>
  </si>
  <si>
    <t>12/18/2019 15:54:12</t>
  </si>
  <si>
    <t>12/18/2019 15:54:13</t>
  </si>
  <si>
    <t>12/18/2019 15:54:14</t>
  </si>
  <si>
    <t>12/18/2019 15:54:19</t>
  </si>
  <si>
    <t>12/18/2019 15:54:22</t>
  </si>
  <si>
    <t>12/18/2019 15:54:23</t>
  </si>
  <si>
    <t>12/18/2019 15:54:24</t>
  </si>
  <si>
    <t>12/18/2019 15:54:28</t>
  </si>
  <si>
    <t>12/18/2019 15:54:29</t>
  </si>
  <si>
    <t>12/18/2019 15:54:30</t>
  </si>
  <si>
    <t>12/18/2019 15:55:39</t>
  </si>
  <si>
    <t>12/18/2019 15:55:41</t>
  </si>
  <si>
    <t>12/18/2019 15:55:51</t>
  </si>
  <si>
    <t>12/18/2019 15:55:52</t>
  </si>
  <si>
    <t>12/18/2019 15:55:54</t>
  </si>
  <si>
    <t>12/18/2019 15:55:55</t>
  </si>
  <si>
    <t>12/18/2019 15:55:56</t>
  </si>
  <si>
    <t>12/18/2019 15:56:00</t>
  </si>
  <si>
    <t>12/18/2019 15:54:48</t>
  </si>
  <si>
    <t>12/18/2019 15:59:26</t>
  </si>
  <si>
    <t>https://udpmailboxap01.acs.com.br:8443/h/search?si=0&amp;so=0&amp;sc=48341&amp;st=task&amp;action=edittask</t>
  </si>
  <si>
    <t>12/18/2019 15:57:38</t>
  </si>
  <si>
    <t>74c0ab77-01be-458f-be89-c52bbe9ce3c7.tmp</t>
  </si>
  <si>
    <t>\\acsfs\profiles$\bernardopcm\Downloads\74c0ab77-01be-458f-be89-c52bbe9ce3c7.tmp</t>
  </si>
  <si>
    <t>12/18/2019 15:57:43</t>
  </si>
  <si>
    <t>3ac480ab-78b0-4949-ad7f-c696af68ef56.tmp</t>
  </si>
  <si>
    <t>\\acsfs\profiles$\bernardopcm\Downloads\3ac480ab-78b0-4949-ad7f-c696af68ef56.tmp</t>
  </si>
  <si>
    <t>12/18/2019 15:58:31</t>
  </si>
  <si>
    <t>12/18/2019 16:00:26</t>
  </si>
  <si>
    <t>12/18/2019 16:00:49</t>
  </si>
  <si>
    <t>12/18/2019 16:01:26</t>
  </si>
  <si>
    <t>12/18/2019 15:57:25</t>
  </si>
  <si>
    <t>12/18/2019 15:57:27</t>
  </si>
  <si>
    <t>12/18/2019 16:00:29</t>
  </si>
  <si>
    <t>12/18/2019 16:01:43</t>
  </si>
  <si>
    <t>12/18/2019 16:04:27</t>
  </si>
  <si>
    <t>12/18/2019 16:03:14</t>
  </si>
  <si>
    <t>12/18/2019 15:59:49</t>
  </si>
  <si>
    <t>5d4392ac-bf22-4d0b-b8bb-036050f13e85.tmp</t>
  </si>
  <si>
    <t>\\acsfs\profiles$\vivianibfs\Downloads\5d4392ac-bf22-4d0b-b8bb-036050f13e85.tmp</t>
  </si>
  <si>
    <t>12/18/2019 16:01:19</t>
  </si>
  <si>
    <t>3bf616e8-22c3-4a5e-944b-d0244f9c521f.tmp</t>
  </si>
  <si>
    <t>\\acsfs\profiles$\vivianibfs\Downloads\3bf616e8-22c3-4a5e-944b-d0244f9c521f.tmp</t>
  </si>
  <si>
    <t>12/18/2019 16:00:18</t>
  </si>
  <si>
    <t>b6121da6-82cb-4554-b482-9a60822deb28.tmp</t>
  </si>
  <si>
    <t>\\acsfs\profiles$\gabrielamdp\Downloads\b6121da6-82cb-4554-b482-9a60822deb28.tmp</t>
  </si>
  <si>
    <t>12/18/2019 15:59:08</t>
  </si>
  <si>
    <t>12/18/2019 15:59:09</t>
  </si>
  <si>
    <t>12/18/2019 15:59:10</t>
  </si>
  <si>
    <t>12/18/2019 15:59:13</t>
  </si>
  <si>
    <t>12/18/2019 15:59:14</t>
  </si>
  <si>
    <t>12/18/2019 15:59:15</t>
  </si>
  <si>
    <t>12/18/2019 15:59:16</t>
  </si>
  <si>
    <t>12/18/2019 15:59:17</t>
  </si>
  <si>
    <t>12/18/2019 15:59:18</t>
  </si>
  <si>
    <t>12/18/2019 15:59:21</t>
  </si>
  <si>
    <t>12/18/2019 15:59:23</t>
  </si>
  <si>
    <t>12/18/2019 15:59:24</t>
  </si>
  <si>
    <t>12/18/2019 15:59:25</t>
  </si>
  <si>
    <t>12/18/2019 15:59:35</t>
  </si>
  <si>
    <t>12/18/2019 15:59:36</t>
  </si>
  <si>
    <t>12/18/2019 16:00:48</t>
  </si>
  <si>
    <t>12/18/2019 16:02:34</t>
  </si>
  <si>
    <t>12/18/2019 16:06:27</t>
  </si>
  <si>
    <t>Dezembro.xlsx</t>
  </si>
  <si>
    <t>12/18/2019 16:01:48</t>
  </si>
  <si>
    <t>12/18/2019 16:01:20</t>
  </si>
  <si>
    <t>12/18/2019 16:01:27</t>
  </si>
  <si>
    <t>12/18/2019 16:03:27</t>
  </si>
  <si>
    <t>12/18/2019 16:01:31</t>
  </si>
  <si>
    <t>XLOG_tiagosno_18122019_082008.log</t>
  </si>
  <si>
    <t>\\acsfs\profiles$\tiagosno\My Documents\xworkcenter\logs\XLOG_tiagosno_18122019_082008.log</t>
  </si>
  <si>
    <t>12/18/2019 16:05:01</t>
  </si>
  <si>
    <t>12/18/2019 16:07:27</t>
  </si>
  <si>
    <t>670ec51b-c534-48e9-b307-32e76164a56c.tmp</t>
  </si>
  <si>
    <t>\\acsfs\profiles$\georgendsq\Downloads\670ec51b-c534-48e9-b307-32e76164a56c.tmp</t>
  </si>
  <si>
    <t>12/18/2019 16:05:15</t>
  </si>
  <si>
    <t>12/18/2019 16:09:27</t>
  </si>
  <si>
    <t>12/18/2019 16:05:45</t>
  </si>
  <si>
    <t>12/18/2019 16:06:16</t>
  </si>
  <si>
    <t>12/18/2019 16:06:46</t>
  </si>
  <si>
    <t>12/18/2019 16:08:35</t>
  </si>
  <si>
    <t>3d332586-f617-4d53-92f0-0642be7eb1a0.tmp</t>
  </si>
  <si>
    <t>\\acsfs\profiles$\gabrielamdp\Downloads\3d332586-f617-4d53-92f0-0642be7eb1a0.tmp</t>
  </si>
  <si>
    <t>12/18/2019 16:04:48</t>
  </si>
  <si>
    <t>12/18/2019 16:06:48</t>
  </si>
  <si>
    <t>12/18/2019 16:07:37</t>
  </si>
  <si>
    <t>Links uteis.txt</t>
  </si>
  <si>
    <t>\\acsfs\Deptos\Operacao\Banco_Votorantim\Supervisao\Rai Carlos\Links uteis.txt</t>
  </si>
  <si>
    <t>12/18/2019 16:06:24</t>
  </si>
  <si>
    <t>12/18/2019 16:10:27</t>
  </si>
  <si>
    <t>12/18/2019 16:11:27</t>
  </si>
  <si>
    <t>12/18/2019 16:08:00</t>
  </si>
  <si>
    <t>12/18/2019 16:09:43</t>
  </si>
  <si>
    <t>12/18/2019 16:09:01</t>
  </si>
  <si>
    <t>\\acsfs\DEPTOS\EDUCACAO EMPRESARIAL\4 - Gestão de Educação\</t>
  </si>
  <si>
    <t>\\acsfs\DEPTOS\EDUCACAO EMPRESARIAL\4 - Gestão de Educação\Thumbs.db</t>
  </si>
  <si>
    <t>12/18/2019 16:09:05</t>
  </si>
  <si>
    <t>\\acsfs\DEPTOS\EDUCACAO EMPRESARIAL\4 - Gestão de Educação\4.4 Analistas\</t>
  </si>
  <si>
    <t>\\acsfs\DEPTOS\EDUCACAO EMPRESARIAL\4 - Gestão de Educação\4.4 Analistas\Thumbs.db</t>
  </si>
  <si>
    <t>12/18/2019 16:07:36</t>
  </si>
  <si>
    <t>12/18/2019 16:12:28</t>
  </si>
  <si>
    <t>5cc2eed9-0f70-49fd-b707-9feb918f6ed7.tmp</t>
  </si>
  <si>
    <t>\\acsfs\profiles$\georgendsq\Downloads\5cc2eed9-0f70-49fd-b707-9feb918f6ed7.tmp</t>
  </si>
  <si>
    <t>12/18/2019 16:10:54</t>
  </si>
  <si>
    <t>12/18/2019 16:13:28</t>
  </si>
  <si>
    <t>12/18/2019 16:10:48</t>
  </si>
  <si>
    <t>12/18/2019 16:14:28</t>
  </si>
  <si>
    <t>12/18/2019 16:11:24</t>
  </si>
  <si>
    <t>12/18/2019 16:11:35</t>
  </si>
  <si>
    <t>12/18/2019 16:11:36</t>
  </si>
  <si>
    <t>12/18/2019 16:12:48</t>
  </si>
  <si>
    <t>12/18/2019 16:12:26</t>
  </si>
  <si>
    <t>12/18/2019 16:15:28</t>
  </si>
  <si>
    <t>12/18/2019 16:12:40</t>
  </si>
  <si>
    <t>http:///batch?%24ct=multipart%2Fmixed%3B%20boundary%3D%22%3D%3D%3D%3D%3Dj5c1kayqrvvi%3D%3D%3D%3D%3D%22&amp;key=AIzaSyAy9VVXHSpS2IJpptzYtGbLP3-3_l0aBk4</t>
  </si>
  <si>
    <t>12/18/2019 16:16:28</t>
  </si>
  <si>
    <t>http:///batch?%24ct=multipart%2Fmixed%3B%20boundary%3D%22%3D%3D%3D%3D%3Dn0qfz1uhmbi2%3D%3D%3D%3D%3D%22&amp;key=AIzaSyAy9VVXHSpS2IJpptzYtGbLP3-3_l0aBk4</t>
  </si>
  <si>
    <t>12/18/2019 16:12:52</t>
  </si>
  <si>
    <t>http:///batch?%24ct=multipart%2Fmixed%3B%20boundary%3D%22%3D%3D%3D%3D%3Djp6emfj2bemm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picture�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picture�,shared,sharedwithmedate,thumbnailversion,title,userpermission(role),workspaceids</t>
  </si>
  <si>
    <t>12/18/2019 16:15:20</t>
  </si>
  <si>
    <t>bdd9e796-1ebe-4747-b84b-2b3c137ca4ad.tmp</t>
  </si>
  <si>
    <t>\\acsfs\profiles$\kamilamrc\Downloads\bdd9e796-1ebe-4747-b84b-2b3c137ca4ad.tmp</t>
  </si>
  <si>
    <t>12/18/2019 16:14:15</t>
  </si>
  <si>
    <t>fe4b263e-0907-4713-9856-bef8fc9666ab.tmp</t>
  </si>
  <si>
    <t>\\acsfs\profiles$\wenderbnm\Downloads\fe4b263e-0907-4713-9856-bef8fc9666ab.tmp</t>
  </si>
  <si>
    <t>12/18/2019 16:10:58</t>
  </si>
  <si>
    <t>12/18/2019 16:13:27</t>
  </si>
  <si>
    <t>12/18/2019 16:14:40</t>
  </si>
  <si>
    <t>12/18/2019 16:15:27</t>
  </si>
  <si>
    <t>12/18/2019 16:06:54</t>
  </si>
  <si>
    <t>12/18/2019 16:06:56</t>
  </si>
  <si>
    <t>12/18/2019 16:14:21</t>
  </si>
  <si>
    <t>12/18/2019 16:15:41</t>
  </si>
  <si>
    <t>12/18/2019 16:14:24</t>
  </si>
  <si>
    <t>12/18/2019 16:14:25</t>
  </si>
  <si>
    <t>12/18/2019 16:15:01</t>
  </si>
  <si>
    <t>12/18/2019 16:13:42</t>
  </si>
  <si>
    <t>12/18/2019 16:17:28</t>
  </si>
  <si>
    <t>XLOG_ellencds_18122019_081610.log</t>
  </si>
  <si>
    <t>\\acsfs\profiles$\ellencds\My Documents\xworkcenter\logs\XLOG_ellencds_18122019_081610.log</t>
  </si>
  <si>
    <t>12/18/2019 16:12:36</t>
  </si>
  <si>
    <t>683a9da9-e148-4721-a43b-b4c59f8844bf.tmp</t>
  </si>
  <si>
    <t>\\acsfs\profiles$\georgendsq\Downloads\683a9da9-e148-4721-a43b-b4c59f8844bf.tmp</t>
  </si>
  <si>
    <t>12/18/2019 16:17:09</t>
  </si>
  <si>
    <t>12/18/2019 16:18:28</t>
  </si>
  <si>
    <t>\\acsfs\Deptos\Controladoria\2 - Business Performance\2019\1 - Precificacao\1 - Analises e Acompanhamentos\2 - GRC\2 - Fevereiro\179288 Eletrolux\99 - Apresentacao e Preco\</t>
  </si>
  <si>
    <t>Preco Final.xlsb</t>
  </si>
  <si>
    <t>\\acsfs\Deptos\Controladoria\2 - Business Performance\2019\1 - Precificacao\1 - Analises e Acompanhamentos\2 - GRC\2 - Fevereiro\179288 Eletrolux\99 - Apresentacao e Preco\Preco Final.xlsb\</t>
  </si>
  <si>
    <t>12/18/2019 16:15:18</t>
  </si>
  <si>
    <t>12/18/2019 16:19:28</t>
  </si>
  <si>
    <t>/o=exchangelabs/ou=exchange administrative group (fydibohf23spdlt)/cn=recipients/cn=00dbcea0702d4358b7c66d1d0dd7b863-juliana tei;camila.guasco@bradesco.com.br;</t>
  </si>
  <si>
    <t>Relatório de presença_next</t>
  </si>
  <si>
    <t>Relatório de presença_next novembro.xls</t>
  </si>
  <si>
    <t>/o=exchangelabs/ou=exchange administrative group (fydibohf23spdlt)/cn=recipients/cn=00dbcea0702d4358b7c66d1d0dd7b863-juliana tei,camila.guasco@bradesco.com.br</t>
  </si>
  <si>
    <t>12/18/2019 16:16:48</t>
  </si>
  <si>
    <t>12/18/2019 16:18:48</t>
  </si>
  <si>
    <t>12/18/2019 16:15:08</t>
  </si>
  <si>
    <t>c18da9e4-556a-409e-b12f-a179ddba15fa.tmp</t>
  </si>
  <si>
    <t>\\acsfs\profiles$\larissaad\Downloads\c18da9e4-556a-409e-b12f-a179ddba15fa.tmp</t>
  </si>
  <si>
    <t>12/18/2019 16:17:08</t>
  </si>
  <si>
    <t>12/18/2019 16:20:28</t>
  </si>
  <si>
    <t>12/18/2019 16:16:05</t>
  </si>
  <si>
    <t>12/18/2019 16:21:29</t>
  </si>
  <si>
    <t>8c2ce2de-7fd0-410c-9fc3-14445d088521.tmp</t>
  </si>
  <si>
    <t>\\acsfs\profiles$\kamilamrc\Downloads\8c2ce2de-7fd0-410c-9fc3-14445d088521.tmp</t>
  </si>
  <si>
    <t>12/18/2019 16:17:31</t>
  </si>
  <si>
    <t>1badfeee-e259-465d-a3c8-fa5ab78610d7.tmp</t>
  </si>
  <si>
    <t>\\acsfs\profiles$\kamilamrc\Downloads\1badfeee-e259-465d-a3c8-fa5ab78610d7.tmp</t>
  </si>
  <si>
    <t>12/18/2019 16:17:36</t>
  </si>
  <si>
    <t>48e72f07-8632-4729-8212-ef85ca41969a.tmp</t>
  </si>
  <si>
    <t>\\acsfs\profiles$\kamilamrc\Downloads\48e72f07-8632-4729-8212-ef85ca41969a.tmp</t>
  </si>
  <si>
    <t>12/18/2019 16:17:53</t>
  </si>
  <si>
    <t>40066b0a-a920-4bd4-adbc-2fb1ace24ee8.tmp</t>
  </si>
  <si>
    <t>\\acsfs\profiles$\kamilamrc\Downloads\40066b0a-a920-4bd4-adbc-2fb1ace24ee8.tmp</t>
  </si>
  <si>
    <t>12/18/2019 16:18:29</t>
  </si>
  <si>
    <t>\\acsfs\profiles$\kamilamrc\My Documents\xworkcenter\logs\</t>
  </si>
  <si>
    <t>XLOG_kamilamrc_16122019_141359.log</t>
  </si>
  <si>
    <t>\\acsfs\profiles$\kamilamrc\My Documents\xworkcenter\logs\XLOG_kamilamrc_16122019_141359.log</t>
  </si>
  <si>
    <t>12/18/2019 16:19:27</t>
  </si>
  <si>
    <t>jalilebds</t>
  </si>
  <si>
    <t>\\acsfs\profiles$\jalilebds\My Documents\My Pictures\</t>
  </si>
  <si>
    <t>\\acsfs\profiles$\jalilebds\My Documents\My Videos\desktop.ini</t>
  </si>
  <si>
    <t>12/18/2019 16:17:30</t>
  </si>
  <si>
    <t>\\acsfs\profiles$\jalilebds\My Documents\My Videos\</t>
  </si>
  <si>
    <t>12/18/2019 16:17:33</t>
  </si>
  <si>
    <t>12/18/2019 16:17:34</t>
  </si>
  <si>
    <t>\\acsfs\profiles$\jalilebds\My Documents\My Music\</t>
  </si>
  <si>
    <t>\\acsfs\profiles$\jalilebds\My Documents\My Pictures\desktop.ini</t>
  </si>
  <si>
    <t>12/18/2019 16:17:38</t>
  </si>
  <si>
    <t>12/18/2019 16:17:39</t>
  </si>
  <si>
    <t>12/18/2019 16:17:40</t>
  </si>
  <si>
    <t>12/18/2019 16:17:42</t>
  </si>
  <si>
    <t>\\acsfs\profiles$\jalilebds\Contacts\</t>
  </si>
  <si>
    <t>\\acsfs\profiles$\jalilebds\Contacts\desktop.ini</t>
  </si>
  <si>
    <t>12/18/2019 16:17:44</t>
  </si>
  <si>
    <t>12/18/2019 16:17:45</t>
  </si>
  <si>
    <t>12/18/2019 16:17:47</t>
  </si>
  <si>
    <t>12/18/2019 16:17:49</t>
  </si>
  <si>
    <t>\\acsfs\profiles$\jalilebds\My Documents\</t>
  </si>
  <si>
    <t>\\acsfs\profiles$\jalilebds\Favorites\desktop.ini</t>
  </si>
  <si>
    <t>12/18/2019 16:17:51</t>
  </si>
  <si>
    <t>12/18/2019 16:17:52</t>
  </si>
  <si>
    <t>12/18/2019 16:17:54</t>
  </si>
  <si>
    <t>12/18/2019 16:17:55</t>
  </si>
  <si>
    <t>\\acsfs\profiles$\jalilebds\My Documents\My Music\desktop.ini</t>
  </si>
  <si>
    <t>12/18/2019 16:17:57</t>
  </si>
  <si>
    <t>12/18/2019 16:17:58</t>
  </si>
  <si>
    <t>12/18/2019 16:17:59</t>
  </si>
  <si>
    <t>12/18/2019 16:18:01</t>
  </si>
  <si>
    <t>\\acsfs\profiles$\jalilebds\Searches\</t>
  </si>
  <si>
    <t>\\acsfs\profiles$\jalilebds\Searches\desktop.ini</t>
  </si>
  <si>
    <t>12/18/2019 16:18:02</t>
  </si>
  <si>
    <t>12/18/2019 16:18:04</t>
  </si>
  <si>
    <t>12/18/2019 16:18:05</t>
  </si>
  <si>
    <t>12/18/2019 16:18:06</t>
  </si>
  <si>
    <t>12/18/2019 16:18:08</t>
  </si>
  <si>
    <t>\\acsfs\profiles$\jalilebds\Downloads\</t>
  </si>
  <si>
    <t>\\acsfs\profiles$\jalilebds\Downloads\desktop.ini</t>
  </si>
  <si>
    <t>12/18/2019 16:18:09</t>
  </si>
  <si>
    <t>12/18/2019 16:18:11</t>
  </si>
  <si>
    <t>\\acsfs\profiles$\jalilebds\Favorites\</t>
  </si>
  <si>
    <t>\\acsfs\profiles$\jalilebds\My Documents\desktop.ini</t>
  </si>
  <si>
    <t>12/18/2019 16:18:13</t>
  </si>
  <si>
    <t>12/18/2019 16:18:14</t>
  </si>
  <si>
    <t>12/18/2019 16:18:16</t>
  </si>
  <si>
    <t>12/18/2019 16:18:18</t>
  </si>
  <si>
    <t>\\acsfs\profiles$\jalilebds\Saved Games\desktop.ini</t>
  </si>
  <si>
    <t>12/18/2019 16:18:19</t>
  </si>
  <si>
    <t>12/18/2019 16:18:35</t>
  </si>
  <si>
    <t>winrt--{S-1-5-21-602162358-764733703-839522115-342485}-.searchconnector-ms</t>
  </si>
  <si>
    <t>\\acsfs\profiles$\jalilebds\Searches\winrt--{S-1-5-21-602162358-764733703-839522115-342485}-.searchconnector-ms</t>
  </si>
  <si>
    <t>12/18/2019 16:19:03</t>
  </si>
  <si>
    <t>12/18/2019 16:19:05</t>
  </si>
  <si>
    <t>12/18/2019 16:18:23</t>
  </si>
  <si>
    <t>08a92eae-49a4-4bde-8a24-225614fca535.tmp</t>
  </si>
  <si>
    <t>\\acsfs\profiles$\victorgl\Downloads\08a92eae-49a4-4bde-8a24-225614fca535.tmp</t>
  </si>
  <si>
    <t>12/18/2019 16:19:02</t>
  </si>
  <si>
    <t>\\acsfs\DEPTOS\EDUCACAO EMPRESARIAL\2 - Operações\0 - BV\5 - QUALIDADE\Nice\Thumbs.db</t>
  </si>
  <si>
    <t>12/18/2019 16:19:11</t>
  </si>
  <si>
    <t>Call caso Rafaela - Dia 11.12.2019 Horas 11.06.24_1_6769181359831319584_1_32.wav</t>
  </si>
  <si>
    <t>\\acsfs\DEPTOS\EDUCACAO EMPRESARIAL\2 - Operações\0 - BV\5 - QUALIDADE\Nova pasta\Call caso Rafaela - Dia 11.12.2019 Horas 11.06.24_1_6769181359831319584_1_32.wav</t>
  </si>
  <si>
    <t>12/18/2019 16:19:12</t>
  </si>
  <si>
    <t>C:\Users\andersonrm\Desktop\Rafaela Marques Souza Valim\</t>
  </si>
  <si>
    <t>CALL DA RAFAELA- LAURICI - Dia 11.12.2019 Hora 12.13.01.wav</t>
  </si>
  <si>
    <t>\\acsfs\DEPTOS\EDUCACAO EMPRESARIAL\2 - Operações\0 - BV\5 - QUALIDADE\Nova pasta\CALL DA RAFAELA- LAURICI - Dia 11.12.2019 Hora 12.13.01.wav</t>
  </si>
  <si>
    <t>12/18/2019 16:19:13</t>
  </si>
  <si>
    <t>C:\Users\andersonrm\Desktop\Rafaela Marques Souza Valim 2\</t>
  </si>
  <si>
    <t>Call-COM AQUILES DATA 12.12.2019_ HORAS 12.45.18.wav</t>
  </si>
  <si>
    <t>\\acsfs\DEPTOS\EDUCACAO EMPRESARIAL\2 - Operações\0 - BV\5 - QUALIDADE\Nova pasta\Call-COM AQUILES DATA 12.12.2019_ HORAS 12.45.18.wav</t>
  </si>
  <si>
    <t>12/18/2019 16:20:25</t>
  </si>
  <si>
    <t>12/18/2019 16:23:29</t>
  </si>
  <si>
    <t>12/18/2019 16:20:30</t>
  </si>
  <si>
    <t>12/18/2019 16:21:17</t>
  </si>
  <si>
    <t>12/18/2019 16:21:52</t>
  </si>
  <si>
    <t>18-12.xlsx</t>
  </si>
  <si>
    <t>12/18/2019 16:19:46</t>
  </si>
  <si>
    <t>12/18/2019 16:24:28</t>
  </si>
  <si>
    <t>c180844d-d0fc-4104-b9dd-cef303ef4b24.tmp</t>
  </si>
  <si>
    <t>\\acsfs\profiles$\alinepp\Downloads\c180844d-d0fc-4104-b9dd-cef303ef4b24.tmp</t>
  </si>
  <si>
    <t>12/18/2019 16:22:48</t>
  </si>
  <si>
    <t>12/18/2019 16:20:41</t>
  </si>
  <si>
    <t>b1719193-398b-4c4c-b8d7-6f8eb5d2c6c9.tmp</t>
  </si>
  <si>
    <t>\\acsfs\profiles$\georgendsq\Downloads\b1719193-398b-4c4c-b8d7-6f8eb5d2c6c9.tmp</t>
  </si>
  <si>
    <t>12/18/2019 16:20:40</t>
  </si>
  <si>
    <t>12/18/2019 16:26:28</t>
  </si>
  <si>
    <t>af431b2b-4a62-4a42-9abf-7d99b6595e80.tmp</t>
  </si>
  <si>
    <t>\\acsfs\profiles$\kamilamrc\Downloads\af431b2b-4a62-4a42-9abf-7d99b6595e80.tmp</t>
  </si>
  <si>
    <t>12/18/2019 16:20:56</t>
  </si>
  <si>
    <t>b77790f8-29b6-488a-82bf-78de16de94ae.tmp</t>
  </si>
  <si>
    <t>\\acsfs\profiles$\kamilamrc\Downloads\b77790f8-29b6-488a-82bf-78de16de94ae.tmp</t>
  </si>
  <si>
    <t>12/18/2019 16:25:31</t>
  </si>
  <si>
    <t>12/18/2019 16:21:28</t>
  </si>
  <si>
    <t>12/18/2019 16:22:58</t>
  </si>
  <si>
    <t>12/18/2019 16:25:28</t>
  </si>
  <si>
    <t>12/18/2019 16:23:57</t>
  </si>
  <si>
    <t>12/18/2019 16:27:29</t>
  </si>
  <si>
    <t>eb64ad26-1142-49b6-a412-264fc5c87ada.tmp</t>
  </si>
  <si>
    <t>\\acsfs\profiles$\cintiadcf\Downloads\eb64ad26-1142-49b6-a412-264fc5c87ada.tmp</t>
  </si>
  <si>
    <t>12/18/2019 16:24:48</t>
  </si>
  <si>
    <t>12/18/2019 16:29:28</t>
  </si>
  <si>
    <t>12/18/2019 16:28:48</t>
  </si>
  <si>
    <t>12/18/2019 16:28:31</t>
  </si>
  <si>
    <t>12/18/2019 16:26:15</t>
  </si>
  <si>
    <t>12/18/2019 16:31:29</t>
  </si>
  <si>
    <t>12/18/2019 16:26:16</t>
  </si>
  <si>
    <t>12/18/2019 16:26:17</t>
  </si>
  <si>
    <t>12/18/2019 16:26:18</t>
  </si>
  <si>
    <t>12/18/2019 16:26:19</t>
  </si>
  <si>
    <t>12/18/2019 16:26:20</t>
  </si>
  <si>
    <t>12/18/2019 16:26:21</t>
  </si>
  <si>
    <t>12/18/2019 16:26:22</t>
  </si>
  <si>
    <t>12/18/2019 16:26:23</t>
  </si>
  <si>
    <t>12/18/2019 16:26:24</t>
  </si>
  <si>
    <t>12/18/2019 16:26:25</t>
  </si>
  <si>
    <t>12/18/2019 16:26:26</t>
  </si>
  <si>
    <t>12/18/2019 16:26:27</t>
  </si>
  <si>
    <t>12/18/2019 16:26:29</t>
  </si>
  <si>
    <t>12/18/2019 16:26:30</t>
  </si>
  <si>
    <t>12/18/2019 16:26:31</t>
  </si>
  <si>
    <t>12/18/2019 16:26:32</t>
  </si>
  <si>
    <t>12/18/2019 16:26:33</t>
  </si>
  <si>
    <t>12/18/2019 16:26:34</t>
  </si>
  <si>
    <t>12/18/2019 16:26:35</t>
  </si>
  <si>
    <t>12/18/2019 16:26:36</t>
  </si>
  <si>
    <t>12/18/2019 16:26:37</t>
  </si>
  <si>
    <t>12/18/2019 16:26:38</t>
  </si>
  <si>
    <t>12/18/2019 16:26:39</t>
  </si>
  <si>
    <t>12/18/2019 16:26:40</t>
  </si>
  <si>
    <t>12/18/2019 16:26:41</t>
  </si>
  <si>
    <t>12/18/2019 16:26:42</t>
  </si>
  <si>
    <t>12/18/2019 16:26:43</t>
  </si>
  <si>
    <t>12/18/2019 16:27:28</t>
  </si>
  <si>
    <t>12/18/2019 16:32:28</t>
  </si>
  <si>
    <t>12/18/2019 16:26:50</t>
  </si>
  <si>
    <t>12/18/2019 16:27:04</t>
  </si>
  <si>
    <t>mail.google.com/_/upload?authuser=0&amp;dcp=asu-n&amp;upload_id=AEnB2UosFIoVO_1xSR_HQylodAaqnNbDDoizTMCsbB1TdOFoW2hM6YpvcOTPzpWCZvHfbPtEhZ6mgPNaSv1OVALTbAMf3ZUiJGyEmEbJCbgcg5rUJY5D3xg&amp;upload_protocol=resumable</t>
  </si>
  <si>
    <t>ADERENCIA CHAT - JANEIRO.xlsx</t>
  </si>
  <si>
    <t>12/18/2019 16:27:33</t>
  </si>
  <si>
    <t>12/18/2019 16:27:41</t>
  </si>
  <si>
    <t>12/18/2019 16:28:14</t>
  </si>
  <si>
    <t>12/18/2019 16:28:55</t>
  </si>
  <si>
    <t>12/18/2019 16:29:10</t>
  </si>
  <si>
    <t>12/18/2019 16:29:13</t>
  </si>
  <si>
    <t>12/18/2019 16:29:29</t>
  </si>
  <si>
    <t>12/18/2019 16:33:28</t>
  </si>
  <si>
    <t>12/18/2019 16:33:29</t>
  </si>
  <si>
    <t>12/18/2019 16:34:28</t>
  </si>
  <si>
    <t>f71e57f3-14d6-4cf5-8f49-0576be2b3e11.tmp</t>
  </si>
  <si>
    <t>\\acsfs\profiles$\gabrielamdp\Downloads\f71e57f3-14d6-4cf5-8f49-0576be2b3e11.tmp</t>
  </si>
  <si>
    <t>12/18/2019 16:30:48</t>
  </si>
  <si>
    <t>12/18/2019 16:32:39</t>
  </si>
  <si>
    <t>Escalas feriados</t>
  </si>
  <si>
    <t>12/18/2019 16:33:48</t>
  </si>
  <si>
    <t>12/18/2019 16:31:12</t>
  </si>
  <si>
    <t>12/18/2019 16:35:28</t>
  </si>
  <si>
    <t>'premiumsupervisores@algartech.com.br';'raquelcl@algartech.com';alessandracm@algartech.com;alinemds@algartech.com;anapscl@algartech.com;andressacpd@algartech.com;b2ksupervisoresrafaela@algartech.com;carolinaasil@algartech.com;contestacao_supervisores@algartech.com.br;dayarag@algartech.com;elencassiapo@algartech.com;fabianapm@algartech.com;fabiolacc@algartecnologia.com.br;fernandaccn@algartech.com;fredericobs@algartecnologia.com.br;heloisaal@algartech.com;igorars@algartech.com;jussaragp@algartech.com;katiargf@algartech.com;kelencgt@algartech.com;luanaaoli@algartech.com;mariajcb@algartech.com;michelecdc@algartech.com;micheless@algartech.com.br;premiumatendimento@algartech.com;primeatendimento@algartech.com;priscilalb@algartech.com;rafaelaas@algartech.com;rafaeldsa@algartech.com;sabrinagc@algartech.com;supervisorespj@algartech.com.br;tassianecv@algartech.com;tatianamac@algartech.com;thaisalves.oliveira@temposervicos.com.br;</t>
  </si>
  <si>
    <t>Microanálise 20191217.xlsm</t>
  </si>
  <si>
    <t>'premiumsupervisores@algartech.com.br','raquelcl@algartech.com',alessandracm@algartech.com,alinemds@algartech.com,anapscl@algartech.com,andressacpd@algartech.com,b2ksupervisoresrafaela@algartech.com,carolinaasil@algartech.com,contestacao_supervisores@algartech.com.br,dayarag@algartech.com,elencassiapo@algartech.com,fabianapm@algartech.com,fabiolacc@algartecnologia.com.br,fernandaccn@algartech.com,fredericobs@algartecnologia.com.br,heloisaal@algartech.com,igorars@algartech.com,jussaragp@algartech.com,katiargf@algartech.com,kelencgt@algartech.com,luanaaoli@algartech.com,mariajcb@algartech.com,michelecdc@algartech.com,micheless@algartech.com.br,premiumatendimento@algartech.com,primeatendimento@algartech.com,priscilalb@algartech.com,rafaelaas@algartech.com,rafaeldsa@algartech.com,sabrinagc@algartech.com,supervisorespj@algartech.com.br,tassianecv@algartech.com,tatianamac@algartech.com,thaisalves.oliveira@temposervicos.com.br</t>
  </si>
  <si>
    <t>12/18/2019 16:36:28</t>
  </si>
  <si>
    <t>http:///batch?%24ct=multipart%2Fmixed%3B%20boundary%3D%22%3D%3D%3D%3D%3D8g16fpl2xr29%3D%3D%3D%3D%3D%22&amp;key=AIzaSyAy9VVXHSpS2IJpptzYtGbLP3-3_l0aBk4</t>
  </si>
  <si>
    <t>12/18/2019 16:33:51</t>
  </si>
  <si>
    <t>http:///batch?%24ct=multipart%2Fmixed%3B%20boundary%3D%22%3D%3D%3D%3D%3D1epkxk3cadit%3D%3D%3D%3D%3D%22&amp;key=AIzaSyAy9VVXHSpS2IJpptzYtGbLP3-3_l0aBk4</t>
  </si>
  <si>
    <t>http:///batch?%24ct=multipart%2Fmixed%3B%20boundary%3D%22%3D%3D%3D%3D%3Dfril3qg1m368%3D%3D%3D%3D%3D%22&amp;key=AIzaSyAy9VVXHSpS2IJpptzYtGbLP3-3_l0aBk4</t>
  </si>
  <si>
    <t>12/18/2019 16:35:20</t>
  </si>
  <si>
    <t>12/18/2019 16:33:55</t>
  </si>
  <si>
    <t>http:///batch?%24ct=multipart%2Fmixed%3B%20boundary%3D%22%3D%3D%3D%3D%3Dclfmnt61ulox%3D%3D%3D%3D%3D%22&amp;key=AIzaSyAy9VVXHSpS2IJpptzYtGbLP3-3_l0aBk4</t>
  </si>
  <si>
    <t>12/18/2019 16:33:57</t>
  </si>
  <si>
    <t>http:///batch?%24ct=multipart%2Fmixed%3B%20boundary%3D%22%3D%3D%3D%3D%3Dzaofy2fhf0t6%3D%3D%3D%3D%3D%22&amp;key=AIzaSyAy9VVXHSpS2IJpptzYtGbLP3-3_l0aBk4</t>
  </si>
  <si>
    <t>12/18/2019 16:34:44</t>
  </si>
  <si>
    <t>http:///batch?%24ct=multipart%2Fmixed%3B%20boundary%3D%22%3D%3D%3D%3D%3Ddvxqwo58l5t6%3D%3D%3D%3D%3D%22&amp;key=AIzaSyAy9VVXHSpS2IJpptzYtGbLP3-3_l0aBk4</t>
  </si>
  <si>
    <t>0;0.408;0.408];0.668;0];0bwe9ufknlvyfak5rc3rnynlyow5zd29ktjhzou1fwwzwzutf;0bwe9ufknlvyfm0uywusytuswvtjzy1dfz2h4zfbymu42unnj;1;1050850;1117525;1121505;1138550;1178800;1179145;12.854];12h4y2yfohor7zojdefqkprzzn0f8w746;136.723;1361149;1367740;14.705882352941178;1407555;1415754;15.30999999999949;15.344;15.344];1561120;1576697628506000];1576697629797000;1576697629857000;15];16.11500000012711;1600];1600]];1603614;16tr2qrl6yay5v0hsad7vnhyr5eze8esy;190;1];1g1t14qqbttf7-hfvkdsu6wqp2n4cutuo;1jr7t8rs_o-nojpphk9yxpgqmzqqhxtb4;1mkfwwh5julz7al-s_jlmlgr0lkzsldkye_y31pactri;1uucket4-xztpxeymtsohytbckv5cn9sz;200];2017565;21.464;21.464];2108;2188;23.134999999911088;23.154999999860593;23.89499999981126;231;232;248;2];3;3.3112582781456954];30.704999999898064;3227885;3230154;33.212;33.212];4;4.843;40.30499999998938;41.05500000014217;55.11999999998807;579.7000000000025;590.9650000000966;6;6.009];6.769999999960419;600.9000000001379;609.7950000000765;610.1000000001022;610.2800000001025;610.339999999951;7;700";715.1949999999943;720.0</t>
  </si>
  <si>
    <t>http://0,0.408,0.408],0.668,0],0bwe9ufknlvyfak5rc3rnynlyow5zd29ktjhzou1fwwzwzutf,0bwe9ufknlvyfm0uywusytuswvtjzy1dfz2h4zfbymu42unnj,1,1050850,1117525,1121505,1138550,1178800,1179145,12.854],12h4y2yfohor7zojdefqkprzzn0f8w746,136.723,1361149,1367740,14.705882352941178,1407555,1415754,15.30999999999949,15.344,15.344],1561120,1576697628506000],1576697629797000,1576697629857000,15],16.11500000012711,1600],1600]],1603614,16tr2qrl6yay5v0hsad7vnhyr5eze8esy,190,1],1g1t14qqbttf7-hfvkdsu6wqp2n4cutuo,1jr7t8rs_o-nojpphk9yxpgqmzqqhxtb4,1mkfwwh5julz7al-s_jlmlgr0lkzsldkye_y31pactri,1uucket4-xztpxeymtsohytbckv5cn9sz,200],2017565,21.464,21.464],2108,2188,23.134999999911088,23.154999999860593,23.89499999981126,231,232,248,2],3,3.3112582781456954],30.704999999898064,3227885,3230154,33.212,33.212],4,4.843,40.30499999998938,41.05500000014217,55.11999999998807,579.7000000000025,590.9650000000966,6,6.009],6.769999999960419,600.9000000001379,609.7950000000765,610.1000000001022,610.2800000001025,610.339999999951,7,700",715.194999999994</t>
  </si>
  <si>
    <t>0;0.408;0.408];0.668;0];0bwe9ufknlvyfak5rc3rnynlyow5zd29ktjhzou1fwwzwzutf;0bwe9ufknlvyfm0uywusytuswvtjzy1dfz2h4zfbymu42unnj;1;1050850;1054.4549999999617;1065.3400000001056;1117525;1121505;1138550;1178800;1179145;12.854];12h4y2yfohor7zojdefqkprzzn0f8w746;13.59;136.723;1361149;1367740;14.705882352941178;1407555;1415754;148.59000000001288;15.30999999999949;15.344;15.344];15.552;15.552];1561120;1576697628506000];1576697629797000;1576697629857000;1597.596];15];16.11500000012711;1600];1600]];1603614;168.61500000004526;16tr2qrl6yay5v0hsad7vnhyr5eze8esy;190;1];1g1t14qqbttf7-hfvkdsu6wqp2n4cutuo;1jr7t8rs_o-nojpphk9yxpgqmzqqhxtb4;1mkfwwh5julz7al-s_jlmlgr0lkzsldkye_y31pactri;1uucket4-xztpxeymtsohytbckv5cn9sz;200];2017565;21.464;21.464];21.7;21.7];2108;2188;22.00999999990927;23.134999999911088;23.154999999860593;23.89499999981126;231;232;242.64500000003864;248;25.14000000019223;2];3;3.3112582781456954];3.4399999999550346;30.704999999898064;3227885;3230154;33.212;33.212];36.05500000003303;38.19];4;4.843;40.30499999998938;4</t>
  </si>
  <si>
    <t>http://0,0.408,0.408],0.668,0],0bwe9ufknlvyfak5rc3rnynlyow5zd29ktjhzou1fwwzwzutf,0bwe9ufknlvyfm0uywusytuswvtjzy1dfz2h4zfbymu42unnj,1,1050850,1054.4549999999617,1065.3400000001056,1117525,1121505,1138550,1178800,1179145,12.854],12h4y2yfohor7zojdefqkprzzn0f8w746,13.59,136.723,1361149,1367740,14.705882352941178,1407555,1415754,148.59000000001288,15.30999999999949,15.344,15.344],15.552,15.552],1561120,1576697628506000],1576697629797000,1576697629857000,1597.596],15],16.11500000012711,1600],1600]],1603614,168.61500000004526,16tr2qrl6yay5v0hsad7vnhyr5eze8esy,190,1],1g1t14qqbttf7-hfvkdsu6wqp2n4cutuo,1jr7t8rs_o-nojpphk9yxpgqmzqqhxtb4,1mkfwwh5julz7al-s_jlmlgr0lkzsldkye_y31pactri,1uucket4-xztpxeymtsohytbckv5cn9sz,200],2017565,21.464,21.464],21.7,21.7],2108,2188,22.00999999990927,23.134999999911088,23.154999999860593,23.89499999981126,231,232,242.64500000003864,248,25.14000000019223,2],3,3.3112582781456954],3.4399999999550346,30.704999999898064,3227885,3230154,33.212,33.212],36.05500000003303,38.19],4,4.843,40.304999999</t>
  </si>
  <si>
    <t>0;0.408;0.408];0.668;0];0bwe9ufknlvyfak5rc3rnynlyow5zd29ktjhzou1fwwzwzutf;0bwe9ufknlvyfm0uywusytuswvtjzy1dfz2h4zfbymu42unnj;1;1050850;1054.4549999999617;1065.3400000001056;1071.709999999939;1075.655000000097;1117525;1121505;1138550;1139.1499999999724;1178800;1179145;12.854];12h4y2yfohor7zojdefqkprzzn0f8w746;13.59;136.723;1361149;1367740;14.705882352941178;1407555;1415754;148.59000000001288;15.30999999999949;15.344;15.344];15.552;15.552];150.55000000006658;150.75000000001637;1561120;1576697628506000];1576697629797000;1576697629857000;1597.596];15];16.11500000012711;1600];1600]];1603614;168.61500000004526;16tr2qrl6yay5v0hsad7vnhyr5eze8esy;190;1];1g1t14qqbttf7-hfvkdsu6wqp2n4cutuo;1jr7t8rs_o-nojpphk9yxpgqmzqqhxtb4;1mkfwwh5julz7al-s_jlmlgr0lkzsldkye_y31pactri;1uucket4-xztpxeymtsohytbckv5cn9sz;200];2017565;21.464;21.464];21.7;21.7];2108;2188;22.00999999990927;23.134999999911088;23.154999999860593;23.89499999981126;231;232;242.64500000003864;248;25.14000000019223;2];3;3.3112582781456954];3.4399999999550346;30.704999</t>
  </si>
  <si>
    <t>http://0,0.408,0.408],0.668,0],0bwe9ufknlvyfak5rc3rnynlyow5zd29ktjhzou1fwwzwzutf,0bwe9ufknlvyfm0uywusytuswvtjzy1dfz2h4zfbymu42unnj,1,1050850,1054.4549999999617,1065.3400000001056,1071.709999999939,1075.655000000097,1117525,1121505,1138550,1139.1499999999724,1178800,1179145,12.854],12h4y2yfohor7zojdefqkprzzn0f8w746,13.59,136.723,1361149,1367740,14.705882352941178,1407555,1415754,148.59000000001288,15.30999999999949,15.344,15.344],15.552,15.552],150.55000000006658,150.75000000001637,1561120,1576697628506000],1576697629797000,1576697629857000,1597.596],15],16.11500000012711,1600],1600]],1603614,168.61500000004526,16tr2qrl6yay5v0hsad7vnhyr5eze8esy,190,1],1g1t14qqbttf7-hfvkdsu6wqp2n4cutuo,1jr7t8rs_o-nojpphk9yxpgqmzqqhxtb4,1mkfwwh5julz7al-s_jlmlgr0lkzsldkye_y31pactri,1uucket4-xztpxeymtsohytbckv5cn9sz,200],2017565,21.464,21.464],21.7,21.7],2108,2188,22.00999999990927,23.134999999911088,23.154999999860593,23.89499999981126,231,232,242.64500000003864,248,25.14000000019223,2],3,3.3112582781456954],3.4399999999550346,30</t>
  </si>
  <si>
    <t>http:///batch?%24ct=multipart%2Fmixed%3B%20boundary%3D%22%3D%3D%3D%3D%3Dbp2hyw69tqvs%3D%3D%3D%3D%3D%22&amp;key=AIzaSyAy9VVXHSpS2IJpptzYtGbLP3-3_l0aBk4</t>
  </si>
  <si>
    <t>12/18/2019 16:34:45</t>
  </si>
  <si>
    <t>http:///batch?%24ct=multipart%2Fmixed%3B%20boundary%3D%22%3D%3D%3D%3D%3Dhvhg7xth4fbu%3D%3D%3D%3D%3D%22&amp;key=AIzaSyAy9VVXHSpS2IJpptzYtGbLP3-3_l0aBk4</t>
  </si>
  <si>
    <t>12/18/2019 16:34:54</t>
  </si>
  <si>
    <t>http:///batch?%24ct=multipart%2Fmixed%3B%20boundary%3D%22%3D%3D%3D%3D%3D5fqediqgilab%3D%3D%3D%3D%3D%22&amp;key=AIzaSyAy9VVXHSpS2IJpptzYtGbLP3-3_l0aBk4</t>
  </si>
  <si>
    <t>12/18/2019 16:34:55</t>
  </si>
  <si>
    <t>http:///batch?%24ct=multipart%2Fmixed%3B%20boundary%3D%22%3D%3D%3D%3D%3D69dcoxiomx28%3D%3D%3D%3D%3D%22&amp;key=AIzaSyAy9VVXHSpS2IJpptzYtGbLP3-3_l0aBk4</t>
  </si>
  <si>
    <t>12/18/2019 16:34:56</t>
  </si>
  <si>
    <t>http:///batch?%24ct=multipart%2Fmixed%3B%20boundary%3D%22%3D%3D%3D%3D%3Dfjie33uuq85f%3D%3D%3D%3D%3D%22&amp;key=AIzaSyAy9VVXHSpS2IJpptzYtGbLP3-3_l0aBk4</t>
  </si>
  <si>
    <t>12/18/2019 16:31:09</t>
  </si>
  <si>
    <t>12/18/2019 16:31:28</t>
  </si>
  <si>
    <t>12/18/2019 16:33:27</t>
  </si>
  <si>
    <t>12/18/2019 16:34:48</t>
  </si>
  <si>
    <t>12/18/2019 16:39:28</t>
  </si>
  <si>
    <t>12/18/2019 16:36:48</t>
  </si>
  <si>
    <t>12/18/2019 16:36:20</t>
  </si>
  <si>
    <t>12/18/2019 16:41:28</t>
  </si>
  <si>
    <t>12/18/2019 16:36:29</t>
  </si>
  <si>
    <t>12/18/2019 16:37:27</t>
  </si>
  <si>
    <t>12/18/2019 16:38:58</t>
  </si>
  <si>
    <t>12/18/2019 16:39:27</t>
  </si>
  <si>
    <t>12/18/2019 16:36:32</t>
  </si>
  <si>
    <t>12/18/2019 16:39:41</t>
  </si>
  <si>
    <t>f6f948ac-a1d8-42dc-b594-07069f9276d7.tmp</t>
  </si>
  <si>
    <t>\\acsfs\profiles$\victorgl\Downloads\f6f948ac-a1d8-42dc-b594-07069f9276d7.tmp</t>
  </si>
  <si>
    <t>12/18/2019 16:41:39</t>
  </si>
  <si>
    <t>12/18/2019 16:43:28</t>
  </si>
  <si>
    <t>mail.google.com/sync/u/0/i/s?hl=pt-BR&amp;c=534</t>
  </si>
  <si>
    <t>12/18/2019 16:42:00</t>
  </si>
  <si>
    <t>mail.google.com/sync/u/0/i/s?hl=pt-BR&amp;c=537</t>
  </si>
  <si>
    <t>12/18/2019 16:42:05</t>
  </si>
  <si>
    <t>12/18/2019 16:42:25</t>
  </si>
  <si>
    <t>12/18/2019 16:40:48</t>
  </si>
  <si>
    <t>12/18/2019 16:44:27</t>
  </si>
  <si>
    <t>12/18/2019 16:42:48</t>
  </si>
  <si>
    <t>12/18/2019 16:40:30</t>
  </si>
  <si>
    <t>12/18/2019 16:45:27</t>
  </si>
  <si>
    <t>12/18/2019 16:46:27</t>
  </si>
  <si>
    <t>http:///batch?%24ct=multipart%2Fmixed%3B%20boundary%3D%22%3D%3D%3D%3D%3Dyxv5kotfoacr%3D%3D%3D%3D%3D%22&amp;key=AIzaSyAy9VVXHSpS2IJpptzYtGbLP3-3_l0aBk4</t>
  </si>
  <si>
    <t>12/18/2019 16:42:01</t>
  </si>
  <si>
    <t>http:///batch?%24ct=multipart%2Fmixed%3B%20boundary%3D%22%3D%3D%3D%3D%3D3mxhq8r1egji%3D%3D%3D%3D%3D%22&amp;key=AIzaSyAy9VVXHSpS2IJpptzYtGbLP3-3_l0aBk4</t>
  </si>
  <si>
    <t>12/18/2019 16:42:02</t>
  </si>
  <si>
    <t>http:///batch?%24ct=multipart%2Fmixed%3B%20boundary%3D%22%3D%3D%3D%3D%3D7v3aadqm831i%3D%3D%3D%3D%3D%22&amp;key=AIzaSyAy9VVXHSpS2IJpptzYtGbLP3-3_l0aBk4</t>
  </si>
  <si>
    <t>12/18/2019 16:42:44</t>
  </si>
  <si>
    <t>http:///batch?%24ct=multipart%2Fmixed%3B%20boundary%3D%22%3D%3D%3D%3D%3D1jy4foqxkes1%3D%3D%3D%3D%3D%22&amp;key=AIzaSyAy9VVXHSpS2IJpptzYtGbLP3-3_l0aBk4</t>
  </si>
  <si>
    <t>12/18/2019 16:42:45</t>
  </si>
  <si>
    <t>http:///batch?%24ct=multipart%2Fmixed%3B%20boundary%3D%22%3D%3D%3D%3D%3Dagtqd35duxfi%3D%3D%3D%3D%3D%22&amp;key=AIzaSyAy9VVXHSpS2IJpptzYtGbLP3-3_l0aBk4</t>
  </si>
  <si>
    <t>12/18/2019 16:42:26</t>
  </si>
  <si>
    <t>12/18/2019 16:42:27</t>
  </si>
  <si>
    <t>12/18/2019 16:42:28</t>
  </si>
  <si>
    <t>12/18/2019 16:43:27</t>
  </si>
  <si>
    <t>12/18/2019 16:45:08</t>
  </si>
  <si>
    <t>12/18/2019 16:47:27</t>
  </si>
  <si>
    <t>XLOG_anacdos_18122019_083402.log</t>
  </si>
  <si>
    <t>\\acsfs\profiles$\anacdos\My Documents\xworkcenter\logs\XLOG_anacdos_18122019_083402.log</t>
  </si>
  <si>
    <t>12/18/2019 16:46:34</t>
  </si>
  <si>
    <t>12/18/2019 16:48:27</t>
  </si>
  <si>
    <t>91ae4396-c797-4cfb-97f6-93b18ce609d9.tmp</t>
  </si>
  <si>
    <t>\\acsfs\profiles$\anafaes\Downloads\91ae4396-c797-4cfb-97f6-93b18ce609d9.tmp</t>
  </si>
  <si>
    <t>12/18/2019 16:46:40</t>
  </si>
  <si>
    <t>a1ce9711-0ca2-4f46-9d3c-17221e09032c.tmp</t>
  </si>
  <si>
    <t>\\acsfs\profiles$\anafaes\Downloads\a1ce9711-0ca2-4f46-9d3c-17221e09032c.tmp</t>
  </si>
  <si>
    <t>12/18/2019 16:46:45</t>
  </si>
  <si>
    <t>78e1f7ab-4e4e-4a36-8950-e27e5661cb9d.tmp</t>
  </si>
  <si>
    <t>\\acsfs\profiles$\anafaes\Downloads\78e1f7ab-4e4e-4a36-8950-e27e5661cb9d.tmp</t>
  </si>
  <si>
    <t>12/18/2019 16:47:08</t>
  </si>
  <si>
    <t>6e30ce6a-4f95-48ed-9d8d-35e0865beee4.tmp</t>
  </si>
  <si>
    <t>\\acsfs\profiles$\anafaes\Downloads\6e30ce6a-4f95-48ed-9d8d-35e0865beee4.tmp</t>
  </si>
  <si>
    <t>12/18/2019 16:43:11</t>
  </si>
  <si>
    <t>12/18/2019 16:43:47</t>
  </si>
  <si>
    <t>12/18/2019 16:43:59</t>
  </si>
  <si>
    <t>mail.google.com/sync/u/0/i/s?hl=pt-BR&amp;c=549</t>
  </si>
  <si>
    <t>12/18/2019 16:44:09</t>
  </si>
  <si>
    <t>12/18/2019 16:45:35</t>
  </si>
  <si>
    <t>12/18/2019 16:46:58</t>
  </si>
  <si>
    <t>mail.google.com/sync/u/0/i/s?hl=pt-BR&amp;c=561</t>
  </si>
  <si>
    <t>12/18/2019 16:47:12</t>
  </si>
  <si>
    <t>12/18/2019 16:46:28</t>
  </si>
  <si>
    <t>12/18/2019 16:47:47</t>
  </si>
  <si>
    <t>12/18/2019 16:49:27</t>
  </si>
  <si>
    <t>12/18/2019 16:46:48</t>
  </si>
  <si>
    <t>12/18/2019 16:48:48</t>
  </si>
  <si>
    <t>12/18/2019 16:48:51</t>
  </si>
  <si>
    <t>12/18/2019 16:47:31</t>
  </si>
  <si>
    <t>12/18/2019 16:51:27</t>
  </si>
  <si>
    <t>http:///batch?%24ct=multipart%2Fmixed%3B%20boundary%3D%22%3D%3D%3D%3D%3D6eb2onna4etm%3D%3D%3D%3D%3D%22&amp;key=AIzaSyAy9VVXHSpS2IJpptzYtGbLP3-3_l0aBk4</t>
  </si>
  <si>
    <t>12/18/2019 16:47:32</t>
  </si>
  <si>
    <t>http:///batch?%24ct=multipart%2Fmixed%3B%20boundary%3D%22%3D%3D%3D%3D%3Doehjpvrdnjbf%3D%3D%3D%3D%3D%22&amp;key=AIzaSyAy9VVXHSpS2IJpptzYtGbLP3-3_l0aBk4</t>
  </si>
  <si>
    <t>12/18/2019 16:47:33</t>
  </si>
  <si>
    <t>http:///batch?%24ct=multipart%2Fmixed%3B%20boundary%3D%22%3D%3D%3D%3D%3Dnpdqt1v9a1ff%3D%3D%3D%3D%3D%22&amp;key=AIzaSyAy9VVXHSpS2IJpptzYtGbLP3-3_l0aBk4</t>
  </si>
  <si>
    <t>12/18/2019 16:48:30</t>
  </si>
  <si>
    <t>http:///batch?%24ct=multipart%2Fmixed%3B%20boundary%3D%22%3D%3D%3D%3D%3Dkqcn1zpkk4k8%3D%3D%3D%3D%3D%22&amp;key=AIzaSyAy9VVXHSpS2IJpptzYtGbLP3-3_l0aBk4</t>
  </si>
  <si>
    <t>12/18/2019 16:48:31</t>
  </si>
  <si>
    <t>http:///batch?%24ct=multipart%2Fmixed%3B%20boundary%3D%22%3D%3D%3D%3D%3Dskqxn98xm9yo%3D%3D%3D%3D%3D%22&amp;key=AIzaSyAy9VVXHSpS2IJpptzYtGbLP3-3_l0aBk4</t>
  </si>
  <si>
    <t>12/18/2019 16:48:32</t>
  </si>
  <si>
    <t>http:///batch?%24ct=multipart%2Fmixed%3B%20boundary%3D%22%3D%3D%3D%3D%3Daa49gyp15vkj%3D%3D%3D%3D%3D%22&amp;key=AIzaSyAy9VVXHSpS2IJpptzYtGbLP3-3_l0aBk4</t>
  </si>
  <si>
    <t>549a1e051ff1c3baa31846884e13b6_u x-goog-authuser: 0 --=====aa49gyp15vkj=====-- &gt;(0)}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549a1e051ff1c3baa31846884e13b6_u x-goog-authuser: 0 --=====aa49gyp15vkj=====-- &gt;(0)}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8/2019 16:49:17</t>
  </si>
  <si>
    <t>http:///batch?%24ct=multipart%2Fmixed%3B%20boundary%3D%22%3D%3D%3D%3D%3Dta7h1vppk6u%3D%3D%3D%3D%3D%22&amp;key=AIzaSyAy9VVXHSpS2IJpptzYtGbLP3-3_l0aBk4</t>
  </si>
  <si>
    <t>12/18/2019 16:49:18</t>
  </si>
  <si>
    <t>http:///batch?%24ct=multipart%2Fmixed%3B%20boundary%3D%22%3D%3D%3D%3D%3Defmtmz3wdrma%3D%3D%3D%3D%3D%22&amp;key=AIzaSyAy9VVXHSpS2IJpptzYtGbLP3-3_l0aBk4</t>
  </si>
  <si>
    <t>12/18/2019 16:49:19</t>
  </si>
  <si>
    <t>http:///batch?%24ct=multipart%2Fmixed%3B%20boundary%3D%22%3D%3D%3D%3D%3Dj5bqa3rlvu9t%3D%3D%3D%3D%3D%22&amp;key=AIzaSyAy9VVXHSpS2IJpptzYtGbLP3-3_l0aBk4</t>
  </si>
  <si>
    <t>12/18/2019 16:48:36</t>
  </si>
  <si>
    <t>12/18/2019 16:49:35</t>
  </si>
  <si>
    <t>b424941f-cfb8-469c-a5f1-42e7c8b9ffb6.tmp</t>
  </si>
  <si>
    <t>\\acsfs\profiles$\rosileiam\Downloads\b424941f-cfb8-469c-a5f1-42e7c8b9ffb6.tmp</t>
  </si>
  <si>
    <t>12/18/2019 16:50:29</t>
  </si>
  <si>
    <t>4edc280f-4e8c-44eb-ba67-ed53efed55d1.tmp</t>
  </si>
  <si>
    <t>\\acsfs\profiles$\rosileiam\Downloads\4edc280f-4e8c-44eb-ba67-ed53efed55d1.tmp</t>
  </si>
  <si>
    <t>12/18/2019 16:46:33</t>
  </si>
  <si>
    <t>12/18/2019 16:51:05</t>
  </si>
  <si>
    <t>12/18/2019 16:52:27</t>
  </si>
  <si>
    <t>12/18/2019 16:51:06</t>
  </si>
  <si>
    <t>lu175681hhtpv.tmp</t>
  </si>
  <si>
    <t>\\acsfs\profiles$\CINTIADCF\lu175681hhtpv.tmp</t>
  </si>
  <si>
    <t>\\acsfs\profiles$\CINTIADCF\lu175681hhtpv.tmp\</t>
  </si>
  <si>
    <t>\\acsfs\profiles$\CINTIADCF\lu175681hhtpv.tmp\META-INF\</t>
  </si>
  <si>
    <t>\\acsfs\profiles$\CINTIADCF\lu175681hhtpv.tmp\Thumbnails\</t>
  </si>
  <si>
    <t>12/18/2019 16:49:16</t>
  </si>
  <si>
    <t>12/18/2019 16:53:28</t>
  </si>
  <si>
    <t>78594a22-e372-48d7-82c0-593474782966.tmp</t>
  </si>
  <si>
    <t>\\acsfs\profiles$\anafaes\Downloads\78594a22-e372-48d7-82c0-593474782966.tmp</t>
  </si>
  <si>
    <t>12/18/2019 16:48:22</t>
  </si>
  <si>
    <t>12/18/2019 16:49:25</t>
  </si>
  <si>
    <t>12/18/2019 16:52:48</t>
  </si>
  <si>
    <t>12/18/2019 16:54:27</t>
  </si>
  <si>
    <t>12/18/2019 16:52:47</t>
  </si>
  <si>
    <t>12/18/2019 16:55:27</t>
  </si>
  <si>
    <t>12/18/2019 16:50:43</t>
  </si>
  <si>
    <t>12/18/2019 16:50:45</t>
  </si>
  <si>
    <t>12/18/2019 16:50:48</t>
  </si>
  <si>
    <t>12/18/2019 16:50:56</t>
  </si>
  <si>
    <t>12/18/2019 16:51:00</t>
  </si>
  <si>
    <t>mirianppb@algartech.com;talmaiardo@algartech.com;thiagordu@algartech.com;</t>
  </si>
  <si>
    <t>mirianppb@algartech.com,talmaiardo@algartech.com,thiagordu@algartech.com</t>
  </si>
  <si>
    <t>12/18/2019 16:51:16</t>
  </si>
  <si>
    <t>kesiadof@algartech.com;mirianppb@algartech.com;talmaiardo@algartech.com;thiagordu@algartech.com;</t>
  </si>
  <si>
    <t>kesiadof@algartech.com,mirianppb@algartech.com,talmaiardo@algartech.com,thiagordu@algartech.com</t>
  </si>
  <si>
    <t>12/18/2019 16:51:24</t>
  </si>
  <si>
    <t>12/18/2019 16:51:32</t>
  </si>
  <si>
    <t>12/18/2019 16:51:38</t>
  </si>
  <si>
    <t>12/18/2019 16:52:02</t>
  </si>
  <si>
    <t>12/18/2019 16:52:06</t>
  </si>
  <si>
    <t>12/18/2019 16:52:11</t>
  </si>
  <si>
    <t>12/18/2019 16:52:14</t>
  </si>
  <si>
    <t>12/18/2019 16:52:22</t>
  </si>
  <si>
    <t>12/18/2019 16:52:28</t>
  </si>
  <si>
    <t>12/18/2019 16:52:32</t>
  </si>
  <si>
    <t>12/18/2019 16:52:45</t>
  </si>
  <si>
    <t>kesiadof@algartech.com;talmaiardo@algartech.com;thiagordu@algartech.com;</t>
  </si>
  <si>
    <t>kesiadof@algartech.com,talmaiardo@algartech.com,thiagordu@algartech.com</t>
  </si>
  <si>
    <t>12/18/2019 16:52:57</t>
  </si>
  <si>
    <t>12/18/2019 16:53:02</t>
  </si>
  <si>
    <t>12/18/2019 16:53:32</t>
  </si>
  <si>
    <t>12/18/2019 16:54:44</t>
  </si>
  <si>
    <t>\\acsfs\DEPTOS\EDUCACAO EMPRESARIAL\Ligaçoes para MUTANT seg ciclo DEZEMBRO\THAYNARA CAMILA SANTOS LOPES_1_6765949268092060108_1_32.wav</t>
  </si>
  <si>
    <t>12/18/2019 16:54:28</t>
  </si>
  <si>
    <t>12/18/2019 16:56:27</t>
  </si>
  <si>
    <t>12/18/2019 16:55:28</t>
  </si>
  <si>
    <t>12/18/2019 16:56:30</t>
  </si>
  <si>
    <t>12/18/2019 16:57:27</t>
  </si>
  <si>
    <t>\\acsfs\profiles$\maxmillianosv\Favorites\Links\</t>
  </si>
  <si>
    <t>\\acsfs\profiles$\maxmillianosv\Favorites\Links\desktop.ini</t>
  </si>
  <si>
    <t>12/18/2019 16:54:48</t>
  </si>
  <si>
    <t>12/18/2019 16:59:28</t>
  </si>
  <si>
    <t>12/18/2019 16:58:39</t>
  </si>
  <si>
    <t>12/18/2019 17:00:27</t>
  </si>
  <si>
    <t>12/18/2019 16:57:49</t>
  </si>
  <si>
    <t>856315767;false;kesiadof@algartech.com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w6f2v42uy4pl1q0qaj4nmjctybc3rmm3t036kuhfzrw\";mirianppb@algartech.com;talmaiardo@algartech.com;thiagordu@algartech.com;true]";</t>
  </si>
  <si>
    <t>856315767,false,kesiadof@algartech.com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w6f2v42uy4pl1q0qaj4nmjctybc3rmm3t036kuhfzrw\",mirianppb@algartech.com,talmaiardo@algartech.com,thiagordu@algartech.com,true]"</t>
  </si>
  <si>
    <t>12/18/2019 16:58:08</t>
  </si>
  <si>
    <t>12/18/2019 16:58:32</t>
  </si>
  <si>
    <t>gaehxsmyz0rigzmb87rotu06ynk_ao_noxtotok274nx879gaciogfxyo0bbbqbocfqnvh-c5yvfnfnh41sc85qb7i_qqaxly0x-zyhzjxscvv-ujeouryhmdlxrxbstixgvvmgkfmh1fmvpmrbwapbidijswv5mti6r3cv_ylicvmcwzgxtmlfte7pjwfqfoyiswcabplbsksjsn2ev5k5zq_ncbj;</t>
  </si>
  <si>
    <t>gaehxsmyz0rigzmb87rotu06ynk_ao_noxtotok274nx879gaciogfxyo0bbbqbocfqnvh-c5yvfnfnh41sc85qb7i_qqaxly0x-zyhzjxscvv-ujeouryhmdlxrxbstixgvvmgkfmh1fmvpmrbwapbidijswv5mti6r3cv_ylicvmcwzgxtmlfte7pjwfqfoyiswcabplbsksjsn2ev5k5zq_ncbj</t>
  </si>
  <si>
    <t>12/18/2019 16:58:38</t>
  </si>
  <si>
    <t>0];0]�wug�a��;1576095602;1576691137717;1576691722808;1742395574;3;5;[];[]]];bg4f7hpo4uuezqv1hpsj6dejxsejf9dl9ce3zbbwhi1qt6bfj1lrhad8gbmgx0ej_ucfhkduradqj_qd9zkonok-coxqxr9y-kzj-6f7x3i7xouxahakahcqx\";false;mirianppb@algartech.com;n6yx3j93r7loo71ybnmgkp9ur6mpdb9xdqjeewzabkfgyejrudgcdjtxlrrmfwyubnoulxhl7m3pxbtjf54ffe5amot6wrideoqc--im7ixcm9sj-bnzxszlg89vhotqtuuxhk0r_urpxryvhqbqf8oloaqkbvtnhsojz7azwrbvdqexqrzfpg\";nul;null;sbjve0zecapovmzpxnqtvll8rjyr3xrrgjugyqe0yeg_ton6yx3j93r7loo71ybnmgkp9ur6mpdb9xdqjeewzabkfgyejrudgcdjtxlrrmfwyubnoulxhl7m3pxbtjf54ffe5amot6wrideoqc--im7ixcm9sj-bnzxszlg89vhotqtuuxhk0r_urpxryvhqbqf8oloaqkbvtnhsojz7azwrbvdqexqrzfpg\";thiagordu@algartech.com;true]";</t>
  </si>
  <si>
    <t>0],0]�wug�a��,1576095602,1576691137717,1576691722808,1742395574,3,5,[],[]]],bg4f7hpo4uuezqv1hpsj6dejxsejf9dl9ce3zbbwhi1qt6bfj1lrhad8gbmgx0ej_ucfhkduradqj_qd9zkonok-coxqxr9y-kzj-6f7x3i7xouxahakahcqx\",false,mirianppb@algartech.com,n6yx3j93r7loo71ybnmgkp9ur6mpdb9xdqjeewzabkfgyejrudgcdjtxlrrmfwyubnoulxhl7m3pxbtjf54ffe5amot6wrideoqc--im7ixcm9sj-bnzxszlg89vhotqtuuxhk0r_urpxryvhqbqf8oloaqkbvtnhsojz7azwrbvdqexqrzfpg\",nul,null,sbjve0zecapovmzpxnqtvll8rjyr3xrrgjugyqe0yeg_ton6yx3j93r7loo71ybnmgkp9ur6mpdb9xdqjeewzabkfgyejrudgcdjtxlrrmfwyubnoulxhl7m3pxbtjf54ffe5amot6wrideoqc--im7ixcm9sj-bnzxszlg89vhotqtuuxhk0r_urpxryvhqbqf8oloaqkbvtnhsojz7azwrbvdqexqrzfpg\",thiagordu@algartech.com,true]"</t>
  </si>
  <si>
    <t>12/18/2019 16:58:44</t>
  </si>
  <si>
    <t>0];0]�wug�a��;1576095602;1576691137717;1576691722808;1742395574;3;5;[];[]]];bg4f7hpo4uuezqv1hpsj6dejxsejf9dl9ce3zbbwhi1qt6bfj1lrhad8gbmgx0ej_ucfhkduradqj_qd9zkonok-coxqxr9y-kzj-6f7x3i7xouxahakahcqx\";false;kesiadof@algartech.com;mirianppb@algartech.com;n6yx3j93r7loo71ybnmgkp9ur6mpdb9xdqjeewzabkfgyejrudgcdjtxlrrmfwyubnoulxhl7m3pxbtjf54ffe5amot6wrideoqc--im7ixcm9sj-bnzxszlg89vhotqtuuxhk0r_urpxryvhqbqf8oloaqkbvtnhsojz7azwrbvdqexqrzfpg\";nul;null;sbjve0zecapovmzpxnqtvll8rjyr3xrrgjugyqe0yeg_ton6yx3j93r7loo71ybnmgkp9ur6mpdb9xdqjeewzabkfgyejrudgcdjtxlrrmfwyubnoulxhl7m3pxbtjf54ffe5amot6wrideoqc--im7ixcm9sj-bnzxszlg89vhotqtuuxhk0r_urpxryvhqbqf8oloaqkbvtnhsojz7azwrbvdqexqrzfpg\";thiagordu@algartech.com;true]";</t>
  </si>
  <si>
    <t>0],0]�wug�a��,1576095602,1576691137717,1576691722808,1742395574,3,5,[],[]]],bg4f7hpo4uuezqv1hpsj6dejxsejf9dl9ce3zbbwhi1qt6bfj1lrhad8gbmgx0ej_ucfhkduradqj_qd9zkonok-coxqxr9y-kzj-6f7x3i7xouxahakahcqx\",false,kesiadof@algartech.com,mirianppb@algartech.com,n6yx3j93r7loo71ybnmgkp9ur6mpdb9xdqjeewzabkfgyejrudgcdjtxlrrmfwyubnoulxhl7m3pxbtjf54ffe5amot6wrideoqc--im7ixcm9sj-bnzxszlg89vhotqtuuxhk0r_urpxryvhqbqf8oloaqkbvtnhsojz7azwrbvdqexqrzfpg\",nul,null,sbjve0zecapovmzpxnqtvll8rjyr3xrrgjugyqe0yeg_ton6yx3j93r7loo71ybnmgkp9ur6mpdb9xdqjeewzabkfgyejrudgcdjtxlrrmfwyubnoulxhl7m3pxbtjf54ffe5amot6wrideoqc--im7ixcm9sj-bnzxszlg89vhotqtuuxhk0r_urpxryvhqbqf8oloaqkbvtnhsojz7azwrbvdqexqrzfpg\",thiagordu@algartech.com,true]"</t>
  </si>
  <si>
    <t>12/18/2019 16:58:50</t>
  </si>
  <si>
    <t>kesiadof@algartech.com;marianerdo@algartech.com;mirianppb@algartech.com;thiagordu@algartech.com;</t>
  </si>
  <si>
    <t>kesiadof@algartech.com,marianerdo@algartech.com,mirianppb@algartech.com,thiagordu@algartech.com</t>
  </si>
  <si>
    <t>12/18/2019 16:59:47</t>
  </si>
  <si>
    <t>0]l;1576691421079;1742395574;4;[];[]]];false;kesiadof@algartech.com;marianerdo@algartech.com;mirianppb@algartech.com;n6yx3j93r7loo71ybnmgkp9ur6mpdb9xdqjeewzabkfgyejrudgcdjtxlrrmfwyubnoulxhl7m3pxbtjf54ffe5amot6wrideoqc--im7ixcm9sj-bnzxszlg89vhotqtuuxhk0r_uroxryvc25jvdshqsr5dmnlksqtv5kf8jmdt40xlxy7mg\";null;sbjve0zecapovmzpxnqtvll8rjyr3xrrgjugyqe0yeg_ton6yx3j93r7loo71ybnmgkp9ur6mpdb9xdqjeewzabkfgyejrudgcdjtxlrrmfwyubnoulxhl7m3pxbtjf54ffe5amot6wrideoqc--im7ixcm9sj-bnzxszlg89vhotqtuuxhk0r_uroxryvc25jvdshqsr5dmnlksqtv5kf8jmdt40xlxy7mg\";thiagordu@algartech.com;true]";</t>
  </si>
  <si>
    <t>0]l,1576691421079,1742395574,4,[],[]]],false,kesiadof@algartech.com,marianerdo@algartech.com,mirianppb@algartech.com,n6yx3j93r7loo71ybnmgkp9ur6mpdb9xdqjeewzabkfgyejrudgcdjtxlrrmfwyubnoulxhl7m3pxbtjf54ffe5amot6wrideoqc--im7ixcm9sj-bnzxszlg89vhotqtuuxhk0r_uroxryvc25jvdshqsr5dmnlksqtv5kf8jmdt40xlxy7mg\",null,sbjve0zecapovmzpxnqtvll8rjyr3xrrgjugyqe0yeg_ton6yx3j93r7loo71ybnmgkp9ur6mpdb9xdqjeewzabkfgyejrudgcdjtxlrrmfwyubnoulxhl7m3pxbtjf54ffe5amot6wrideoqc--im7ixcm9sj-bnzxszlg89vhotqtuuxhk0r_uroxryvc25jvdshqsr5dmnlksqtv5kf8jmdt40xlxy7mg\",thiagordu@algartech.com,true]"</t>
  </si>
  <si>
    <t>12/18/2019 16:59:57</t>
  </si>
  <si>
    <t>0];0]�wug�a��;1576095602;1576691137717;1576691722808;1742395574;3;5;[];[]]];bg4f7hpo4uuezqv1hpsj6dejxsejf9dl9ce3zbbwhi1qt6bfj1lrhad8gbmgx0ej_ucfhkduradqj_qd9zkonok-coxqxr9y-kzj-6f7x3i7xouxahakahcqx\";false;kesiadof@algartech.com;marianerdo@algartech.com;mirianppb@algartech.com;n6yx3j93r7loo71ybnmgkp9ur6mpdb9xdqjeewzabkfgyejrudgcdjtxlrrmfwyubnoulxhl7m3pxbtjf54ffe5amot6wrideoqc--im7ixcm9sj-bnzxszlg89vhotqtuuxhk0r_urpxryvhqbqf8oloaqkbvtnhsojz7azwrbvdqexqrzfpg\";nul;null;sbjve0zecapovmzpxnqtvll8rjyr3xrrgjugyqe0yeg_ton6yx3j93r7loo71ybnmgkp9ur6mpdb9xdqjeewzabkfgyejrudgcdjtxlrrmfwyubnoulxhl7m3pxbtjf54ffe5amot6wrideoqc--im7ixcm9sj-bnzxszlg89vhotqtuuxhk0r_urpxryvhqbqf8oloaqkbvtnhsojz7azwrbvdqexqrzfpg\";thiagordu@algartech.com;true]";</t>
  </si>
  <si>
    <t>0],0]�wug�a��,1576095602,1576691137717,1576691722808,1742395574,3,5,[],[]]],bg4f7hpo4uuezqv1hpsj6dejxsejf9dl9ce3zbbwhi1qt6bfj1lrhad8gbmgx0ej_ucfhkduradqj_qd9zkonok-coxqxr9y-kzj-6f7x3i7xouxahakahcqx\",false,kesiadof@algartech.com,marianerdo@algartech.com,mirianppb@algartech.com,n6yx3j93r7loo71ybnmgkp9ur6mpdb9xdqjeewzabkfgyejrudgcdjtxlrrmfwyubnoulxhl7m3pxbtjf54ffe5amot6wrideoqc--im7ixcm9sj-bnzxszlg89vhotqtuuxhk0r_urpxryvhqbqf8oloaqkbvtnhsojz7azwrbvdqexqrzfpg\",nul,null,sbjve0zecapovmzpxnqtvll8rjyr3xrrgjugyqe0yeg_ton6yx3j93r7loo71ybnmgkp9ur6mpdb9xdqjeewzabkfgyejrudgcdjtxlrrmfwyubnoulxhl7m3pxbtjf54ffe5amot6wrideoqc--im7ixcm9sj-bnzxszlg89vhotqtuuxhk0r_urpxryvhqbqf8oloaqkbvtnhsojz7azwrbvdqexqrzfpg\",thiagordu@algartech.com,true]"</t>
  </si>
  <si>
    <t>12/18/2019 16:59:03</t>
  </si>
  <si>
    <t>12/18/2019 17:01:28</t>
  </si>
  <si>
    <t>http:///batch?%24ct=multipart%2Fmixed%3B%20boundary%3D%22%3D%3D%3D%3D%3Dqurh7kvkumoa%3D%3D%3D%3D%3D%22&amp;key=AIzaSyAy9VVXHSpS2IJpptzYtGbLP3-3_l0aBk4</t>
  </si>
  <si>
    <t>12/18/2019 16:59:04</t>
  </si>
  <si>
    <t>http:///batch?%24ct=multipart%2Fmixed%3B%20boundary%3D%22%3D%3D%3D%3D%3Dsa6wv0fem8yw%3D%3D%3D%3D%3D%22&amp;key=AIzaSyAy9VVXHSpS2IJpptzYtGbLP3-3_l0aBk4</t>
  </si>
  <si>
    <t>12/18/2019 16:59:05</t>
  </si>
  <si>
    <t>http:///batch?%24ct=multipart%2Fmixed%3B%20boundary%3D%22%3D%3D%3D%3D%3Dmgv4fkh5jokp%3D%3D%3D%3D%3D%22&amp;key=AIzaSyAy9VVXHSpS2IJpptzYtGbLP3-3_l0aBk4</t>
  </si>
  <si>
    <t>12/18/2019 16:59:41</t>
  </si>
  <si>
    <t>12/18/2019 17:00:28</t>
  </si>
  <si>
    <t>12/18/2019 17:01:38</t>
  </si>
  <si>
    <t>12/18/2019 17:03:27</t>
  </si>
  <si>
    <t>12/18/2019 17:01:44</t>
  </si>
  <si>
    <t>12/18/2019 17:02:48</t>
  </si>
  <si>
    <t>12/18/2019 17:05:27</t>
  </si>
  <si>
    <t>kesiadof@algartech.com;marianerdo@algartech.com;mirianppb@algartech.com;talmaiardo@algartech.com;thiagordu@algartech.com;</t>
  </si>
  <si>
    <t>kesiadof@algartech.com,marianerdo@algartech.com,mirianppb@algartech.com,talmaiardo@algartech.com,thiagordu@algartech.com</t>
  </si>
  <si>
    <t>12/18/2019 17:03:43</t>
  </si>
  <si>
    <t>12/18/2019 17:03:06</t>
  </si>
  <si>
    <t>c948bcfd-9b52-4e26-94b6-d93cf3dcbb76.tmp</t>
  </si>
  <si>
    <t>\\acsfs\profiles$\JOAOVAL\Downloads\c948bcfd-9b52-4e26-94b6-d93cf3dcbb76.tmp</t>
  </si>
  <si>
    <t>12/18/2019 17:01:58</t>
  </si>
  <si>
    <t>12/18/2019 17:06:28</t>
  </si>
  <si>
    <t>http:///batch?%24ct=multipart%2Fmixed%3B%20boundary%3D%22%3D%3D%3D%3D%3Dts3gyqno4t8t%3D%3D%3D%3D%3D%22&amp;key=AIzaSyAy9VVXHSpS2IJpptzYtGbLP3-3_l0aBk4</t>
  </si>
  <si>
    <t>12/18/2019 17:01:59</t>
  </si>
  <si>
    <t>http:///batch?%24ct=multipart%2Fmixed%3B%20boundary%3D%22%3D%3D%3D%3D%3Dxarz5lj4vkay%3D%3D%3D%3D%3D%22&amp;key=AIzaSyAy9VVXHSpS2IJpptzYtGbLP3-3_l0aBk4</t>
  </si>
  <si>
    <t>12/18/2019 17:02:00</t>
  </si>
  <si>
    <t>http:///batch?%24ct=multipart%2Fmixed%3B%20boundary%3D%22%3D%3D%3D%3D%3Dydhebfa1dchc%3D%3D%3D%3D%3D%22&amp;key=AIzaSyAy9VVXHSpS2IJpptzYtGbLP3-3_l0aBk4</t>
  </si>
  <si>
    <t>12/18/2019 17:02:16</t>
  </si>
  <si>
    <t>mail.google.com/_/upload?authuser=0&amp;dcp=asu-n&amp;upload_id=AEnB2UoG8fJO_ZU2984rLwfc1Jxy1SmrLjGYpBwq2TCrbgBq61swHZEk77073pRN8mKBvjFKIwgXu43jNT1GU8Fwfy0SS-A4wAcsnCioBT7JJzLGaJf6euc&amp;upload_protocol=resumable</t>
  </si>
  <si>
    <t>CPF 40316858404 KATARINA KEILA VILA NOVA MENDES (1).pdf</t>
  </si>
  <si>
    <t>12/18/2019 17:02:18</t>
  </si>
  <si>
    <t>12/18/2019 17:02:51</t>
  </si>
  <si>
    <t>mail.google.com/_/upload?authuser=0&amp;dcp=asu-n&amp;upload_id=AEnB2Up323pO6HoEjNMXTYKFL5b5CyhpEBVTSNvAJTbpBLWC0m-BtWxTO1h2ULajVDVcA6W3KKsw0OdBShNWDKH_1whYi0gfYQW-p7KDazGHNiOgIl-7Nhc&amp;upload_protocol=resumable</t>
  </si>
  <si>
    <t>C:\Users\fernandaab\Desktop\Késia\Ligações - Reclamações\</t>
  </si>
  <si>
    <t>CPF 40316858404 - OPERADORA JANAYNA TEREZA ROCHA ONOFRE_1_6769713132617138347_1_32.wav</t>
  </si>
  <si>
    <t>12/18/2019 17:02:59</t>
  </si>
  <si>
    <t>12/18/2019 17:07:27</t>
  </si>
  <si>
    <t>12/18/2019 17:04:28</t>
  </si>
  <si>
    <t>12/18/2019 17:06:17</t>
  </si>
  <si>
    <t>12/18/2019 17:08:28</t>
  </si>
  <si>
    <t>mail.google.com/sync/u/0/i/s?hl=pt-BR&amp;c=568</t>
  </si>
  <si>
    <t>12/18/2019 17:06:35</t>
  </si>
  <si>
    <t>mail.google.com/sync/u/0/i/s?hl=pt-BR&amp;c=570</t>
  </si>
  <si>
    <t>12/18/2019 17:06:08</t>
  </si>
  <si>
    <t>12/18/2019 17:07:32</t>
  </si>
  <si>
    <t>12/18/2019 17:10:28</t>
  </si>
  <si>
    <t>CA Programas - Historico OCs.xlsx</t>
  </si>
  <si>
    <t>12/18/2019 17:08:01</t>
  </si>
  <si>
    <t>C:\Users\karlosgc\Dropbox\NB-AlgarTech\ITSM\custo_ca\</t>
  </si>
  <si>
    <t>12/18/2019 17:11:28</t>
  </si>
  <si>
    <t>http:///batch?%24ct=multipart%2Fmixed%3B%20boundary%3D%22%3D%3D%3D%3D%3D13wm94ivl7tw%3D%3D%3D%3D%3D%22&amp;key=AIzaSyAy9VVXHSpS2IJpptzYtGbLP3-3_l0aBk4</t>
  </si>
  <si>
    <t>12/18/2019 17:08:02</t>
  </si>
  <si>
    <t>http:///batch?%24ct=multipart%2Fmixed%3B%20boundary%3D%22%3D%3D%3D%3D%3Di0q81na91jjp%3D%3D%3D%3D%3D%22&amp;key=AIzaSyAy9VVXHSpS2IJpptzYtGbLP3-3_l0aBk4</t>
  </si>
  <si>
    <t>12/18/2019 17:08:03</t>
  </si>
  <si>
    <t>http:///batch?%24ct=multipart%2Fmixed%3B%20boundary%3D%22%3D%3D%3D%3D%3Dyavimirpjnl0%3D%3D%3D%3D%3D%22&amp;key=AIzaSyAy9VVXHSpS2IJpptzYtGbLP3-3_l0aBk4</t>
  </si>
  <si>
    <t>12/18/2019 17:06:02</t>
  </si>
  <si>
    <t>12/18/2019 17:06:29</t>
  </si>
  <si>
    <t>12/18/2019 17:07:29</t>
  </si>
  <si>
    <t>12/18/2019 17:08:26</t>
  </si>
  <si>
    <t>12/18/2019 17:12:27</t>
  </si>
  <si>
    <t>12/18/2019 17:08:37</t>
  </si>
  <si>
    <t>https://udpmailboxap01.acs.com.br:8443/h/search?si=0&amp;so=0&amp;sc=48467&amp;st=conversation&amp;action=compose&amp;id=1721&amp;paction=view&amp;rf=html&amp;op=reply</t>
  </si>
  <si>
    <t>marcosvnds@bv.algartech.com;solicitação 403355 incluída com sucesso.;</t>
  </si>
  <si>
    <t>https://marcosvnds@bv.algartech.com,solicitação 403355 incluída com sucesso.</t>
  </si>
  <si>
    <t>12/18/2019 17:08:46</t>
  </si>
  <si>
    <t>12/18/2019 17:08:52</t>
  </si>
  <si>
    <t>12/18/2019 17:13:12</t>
  </si>
  <si>
    <t>12/18/2019 17:14:27</t>
  </si>
  <si>
    <t>12/18/2019 17:13:28</t>
  </si>
  <si>
    <t>12/18/2019 17:15:27</t>
  </si>
  <si>
    <t>12/18/2019 17:15:04</t>
  </si>
  <si>
    <t>12/18/2019 17:16:27</t>
  </si>
  <si>
    <t>12/18/2019 17:12:29</t>
  </si>
  <si>
    <t>12/18/2019 17:13:29</t>
  </si>
  <si>
    <t>12/18/2019 17:15:00</t>
  </si>
  <si>
    <t>12/18/2019 17:16:22</t>
  </si>
  <si>
    <t>12/18/2019 17:19:26</t>
  </si>
  <si>
    <t>8ba2e8cb-5b57-414b-a4f2-14543216d8e4.tmp</t>
  </si>
  <si>
    <t>\\acsfs\profiles$\georgendsq\Downloads\8ba2e8cb-5b57-414b-a4f2-14543216d8e4.tmp</t>
  </si>
  <si>
    <t>12/18/2019 17:18:29</t>
  </si>
  <si>
    <t>12/18/2019 17:21:27</t>
  </si>
  <si>
    <t>12/18/2019 17:19:29</t>
  </si>
  <si>
    <t>12/18/2019 17:20:39</t>
  </si>
  <si>
    <t>12/18/2019 17:16:29</t>
  </si>
  <si>
    <t>12/18/2019 17:16:31</t>
  </si>
  <si>
    <t>12/18/2019 17:16:54</t>
  </si>
  <si>
    <t>\\acsfs\DEPTOS\EDUCACAO EMPRESARIAL\2 - Operações\2 - Amex\2.1.2 -Treinadores\1 - Treinadores\Equipe Sucielle\ARTHUR\VENDAS\</t>
  </si>
  <si>
    <t>\\acsfs\DEPTOS\EDUCACAO EMPRESARIAL\2 - Operações\2 - Amex\2.1.2 -Treinadores\1 - Treinadores\Equipe Sucielle\ARTHUR\VENDAS\Thumbs.db</t>
  </si>
  <si>
    <t>12/18/2019 17:18:57</t>
  </si>
  <si>
    <t>12/18/2019 17:18:58</t>
  </si>
  <si>
    <t>12/18/2019 17:18:59</t>
  </si>
  <si>
    <t>12/18/2019 17:19:03</t>
  </si>
  <si>
    <t>12/18/2019 17:19:05</t>
  </si>
  <si>
    <t>12/18/2019 17:19:07</t>
  </si>
  <si>
    <t>12/18/2019 17:19:30</t>
  </si>
  <si>
    <t>12/18/2019 17:19:31</t>
  </si>
  <si>
    <t>12/18/2019 17:19:32</t>
  </si>
  <si>
    <t>12/18/2019 17:19:33</t>
  </si>
  <si>
    <t>12/18/2019 17:19:34</t>
  </si>
  <si>
    <t>12/18/2019 17:19:35</t>
  </si>
  <si>
    <t>12/18/2019 17:19:36</t>
  </si>
  <si>
    <t>12/18/2019 17:19:37</t>
  </si>
  <si>
    <t>12/18/2019 17:19:38</t>
  </si>
  <si>
    <t>12/18/2019 17:19:39</t>
  </si>
  <si>
    <t>12/18/2019 17:19:40</t>
  </si>
  <si>
    <t>12/18/2019 17:19:41</t>
  </si>
  <si>
    <t>12/18/2019 17:19:42</t>
  </si>
  <si>
    <t>12/18/2019 17:19:43</t>
  </si>
  <si>
    <t>12/18/2019 17:19:44</t>
  </si>
  <si>
    <t>12/18/2019 17:19:45</t>
  </si>
  <si>
    <t>12/18/2019 17:19:46</t>
  </si>
  <si>
    <t>12/18/2019 17:19:47</t>
  </si>
  <si>
    <t>12/18/2019 17:19:48</t>
  </si>
  <si>
    <t>12/18/2019 17:19:49</t>
  </si>
  <si>
    <t>12/18/2019 17:19:50</t>
  </si>
  <si>
    <t>12/18/2019 17:19:52</t>
  </si>
  <si>
    <t>12/18/2019 17:19:55</t>
  </si>
  <si>
    <t>12/18/2019 17:20:01</t>
  </si>
  <si>
    <t>12/18/2019 17:17:49</t>
  </si>
  <si>
    <t>12/18/2019 17:23:27</t>
  </si>
  <si>
    <t>12/18/2019 17:21:58</t>
  </si>
  <si>
    <t>mail.google.com/sync/u/0/i/s?hl=pt-BR&amp;c=714</t>
  </si>
  <si>
    <t>bvcartes-supervisores@algarnet.onmicrosoft.com;daniela.ribeiro@bv.com.br;eduardo.santana@bv.com.br;thiagordu@algartech.com;</t>
  </si>
  <si>
    <t>bvcartes-supervisores@algarnet.onmicrosoft.com,daniela.ribeiro@bv.com.br,eduardo.santana@bv.com.br,thiagordu@algartech.com</t>
  </si>
  <si>
    <t>12/18/2019 17:19:14</t>
  </si>
  <si>
    <t>a5b1b3ea-4cb1-4565-b265-1eaa2954731f.tmp</t>
  </si>
  <si>
    <t>\\acsfs\profiles$\layonmof\Downloads\a5b1b3ea-4cb1-4565-b265-1eaa2954731f.tmp</t>
  </si>
  <si>
    <t>dc495e54-405d-4e49-a430-9e86f336e3dc.tmp</t>
  </si>
  <si>
    <t>\\acsfs\profiles$\gabrieleods\Downloads\dc495e54-405d-4e49-a430-9e86f336e3dc.tmp</t>
  </si>
  <si>
    <t>12/18/2019 17:20:41</t>
  </si>
  <si>
    <t>f31b711d-8e4e-4ee2-b3b0-f996bd5fc438.tmp</t>
  </si>
  <si>
    <t>\\acsfs\profiles$\gabrieleods\Downloads\f31b711d-8e4e-4ee2-b3b0-f996bd5fc438.tmp</t>
  </si>
  <si>
    <t>12/18/2019 17:23:58</t>
  </si>
  <si>
    <t>12/18/2019 17:26:27</t>
  </si>
  <si>
    <t>de450af9-ad83-4af7-83f9-d8ab6595a5f9.tmp</t>
  </si>
  <si>
    <t>\\acsfs\profiles$\leticiala\Downloads\de450af9-ad83-4af7-83f9-d8ab6595a5f9.tmp</t>
  </si>
  <si>
    <t>12/18/2019 17:22:52</t>
  </si>
  <si>
    <t>12/18/2019 17:24:29</t>
  </si>
  <si>
    <t>12/18/2019 17:25:29</t>
  </si>
  <si>
    <t>12/18/2019 17:25:32</t>
  </si>
  <si>
    <t>12/18/2019 17:28:28</t>
  </si>
  <si>
    <t>mail.google.com/sync/u/0/i/s?hl=pt-BR&amp;c=761</t>
  </si>
  <si>
    <t>12/18/2019 17:26:37</t>
  </si>
  <si>
    <t>12/18/2019 17:27:31</t>
  </si>
  <si>
    <t>12/18/2019 17:28:52</t>
  </si>
  <si>
    <t>12/18/2019 17:30:28</t>
  </si>
  <si>
    <t>12/18/2019 17:27:21</t>
  </si>
  <si>
    <t>12/18/2019 17:31:28</t>
  </si>
  <si>
    <t>12/18/2019 17:30:29</t>
  </si>
  <si>
    <t>12/18/2019 17:32:38</t>
  </si>
  <si>
    <t>12/18/2019 17:34:28</t>
  </si>
  <si>
    <t>\\acsfs\profiles$\gabrielbmdl\Contacts\</t>
  </si>
  <si>
    <t>GABRIEL BOAVENTURA MARTINS DE LIMA (10967).contact</t>
  </si>
  <si>
    <t>\\acsfs\profiles$\gabrielbmdl\Contacts\GABRIEL BOAVENTURA MARTINS DE LIMA (10967).contact</t>
  </si>
  <si>
    <t>12/18/2019 17:32:50</t>
  </si>
  <si>
    <t>\\acsfs\profiles$\gabrielbmdl\My Documents\My Videos\</t>
  </si>
  <si>
    <t>\\acsfs\profiles$\gabrielbmdl\My Documents\My Videos\desktop.ini</t>
  </si>
  <si>
    <t>\\acsfs\profiles$\gabrielbmdl\My Documents\My Pictures\</t>
  </si>
  <si>
    <t>\\acsfs\profiles$\gabrielbmdl\My Documents\My Pictures\desktop.ini</t>
  </si>
  <si>
    <t>12/18/2019 17:32:51</t>
  </si>
  <si>
    <t>12/18/2019 17:32:52</t>
  </si>
  <si>
    <t>\\acsfs\profiles$\gabrielbmdl\Contacts\desktop.ini</t>
  </si>
  <si>
    <t>\\acsfs\profiles$\gabrielbmdl\Favorites\</t>
  </si>
  <si>
    <t>\\acsfs\profiles$\gabrielbmdl\Favorites\desktop.ini</t>
  </si>
  <si>
    <t>12/18/2019 17:32:53</t>
  </si>
  <si>
    <t>12/18/2019 17:32:54</t>
  </si>
  <si>
    <t>\\acsfs\profiles$\gabrielbmdl\My Documents\My Music\</t>
  </si>
  <si>
    <t>\\acsfs\profiles$\gabrielbmdl\My Documents\My Music\desktop.ini</t>
  </si>
  <si>
    <t>12/18/2019 17:32:55</t>
  </si>
  <si>
    <t>\\acsfs\profiles$\gabrielbmdl\Searches\</t>
  </si>
  <si>
    <t>\\acsfs\profiles$\gabrielbmdl\Searches\desktop.ini</t>
  </si>
  <si>
    <t>\\acsfs\profiles$\gabrielbmdl\Downloads\</t>
  </si>
  <si>
    <t>\\acsfs\profiles$\gabrielbmdl\Downloads\desktop.ini</t>
  </si>
  <si>
    <t>12/18/2019 17:32:56</t>
  </si>
  <si>
    <t>\\acsfs\profiles$\gabrielbmdl\My Documents\</t>
  </si>
  <si>
    <t>\\acsfs\profiles$\gabrielbmdl\My Documents\desktop.ini</t>
  </si>
  <si>
    <t>12/18/2019 17:32:57</t>
  </si>
  <si>
    <t>\\acsfs\profiles$\gabrielbmdl\Saved Games\</t>
  </si>
  <si>
    <t>\\acsfs\profiles$\gabrielbmdl\Saved Games\desktop.ini</t>
  </si>
  <si>
    <t>12/18/2019 17:33:12</t>
  </si>
  <si>
    <t>\\acsfs\profiles$\gabrielbmdl\Favorites\Links for Brasil\</t>
  </si>
  <si>
    <t>\\acsfs\profiles$\gabrielbmdl\Favorites\Links for Brasil\desktop.ini</t>
  </si>
  <si>
    <t>12/18/2019 17:33:13</t>
  </si>
  <si>
    <t>\\acsfs\profiles$\gabrielbmdl\Favorites\Links for Brasil\Microsoft Brasil.url</t>
  </si>
  <si>
    <t>\\acsfs\profiles$\gabrielbmdl\Favorites\Links for Brasil\Windows Brasil.url</t>
  </si>
  <si>
    <t>\\acsfs\profiles$\gabrielbmdl\Favorites\Links for Brasil\MSN Brasil.url</t>
  </si>
  <si>
    <t>12/18/2019 17:30:11</t>
  </si>
  <si>
    <t>12/18/2019 17:35:09</t>
  </si>
  <si>
    <t>12/18/2019 17:36:28</t>
  </si>
  <si>
    <t>12/18/2019 17:31:29</t>
  </si>
  <si>
    <t>12/18/2019 17:34:44</t>
  </si>
  <si>
    <t>12/18/2019 17:39:29</t>
  </si>
  <si>
    <t>cc16fe17-304c-42bb-b2b9-46717f7b0112.tmp</t>
  </si>
  <si>
    <t>\\acsfs\profiles$\gabrielbmdl\Downloads\cc16fe17-304c-42bb-b2b9-46717f7b0112.tmp</t>
  </si>
  <si>
    <t>12/18/2019 17:36:29</t>
  </si>
  <si>
    <t>12/18/2019 17:41:29</t>
  </si>
  <si>
    <t>12/18/2019 17:37:29</t>
  </si>
  <si>
    <t>12/18/2019 17:38:00</t>
  </si>
  <si>
    <t>12/18/2019 17:40:57</t>
  </si>
  <si>
    <t>12/18/2019 17:44:28</t>
  </si>
  <si>
    <t>f4edc128-205c-4244-8c43-a631ea291128.tmp</t>
  </si>
  <si>
    <t>\\acsfs\profiles$\KARENJSS\Downloads\f4edc128-205c-4244-8c43-a631ea291128.tmp</t>
  </si>
  <si>
    <t>12/18/2019 17:40:19</t>
  </si>
  <si>
    <t>\\acsfs\profiles$\gabrielbmdl\My Documents\xworkcenter\lex\</t>
  </si>
  <si>
    <t>\\acsfs\profiles$\gabrielbmdl\My Documents\xworkcenter\lex\temp.tlx</t>
  </si>
  <si>
    <t>12/18/2019 17:40:20</t>
  </si>
  <si>
    <t>12/18/2019 17:40:21</t>
  </si>
  <si>
    <t>12/18/2019 17:40:22</t>
  </si>
  <si>
    <t>12/18/2019 17:40:23</t>
  </si>
  <si>
    <t>12/18/2019 17:40:24</t>
  </si>
  <si>
    <t>12/18/2019 17:40:25</t>
  </si>
  <si>
    <t>12/18/2019 17:40:26</t>
  </si>
  <si>
    <t>12/18/2019 17:40:27</t>
  </si>
  <si>
    <t>12/18/2019 17:40:29</t>
  </si>
  <si>
    <t>12/18/2019 17:40:30</t>
  </si>
  <si>
    <t>12/18/2019 17:40:31</t>
  </si>
  <si>
    <t>12/18/2019 17:40:32</t>
  </si>
  <si>
    <t>12/18/2019 17:40:33</t>
  </si>
  <si>
    <t>12/18/2019 17:40:34</t>
  </si>
  <si>
    <t>12/18/2019 17:40:35</t>
  </si>
  <si>
    <t>12/18/2019 17:40:36</t>
  </si>
  <si>
    <t>12/18/2019 17:40:37</t>
  </si>
  <si>
    <t>12/18/2019 17:40:38</t>
  </si>
  <si>
    <t>12/18/2019 17:40:39</t>
  </si>
  <si>
    <t>12/18/2019 17:40:40</t>
  </si>
  <si>
    <t>12/18/2019 17:40:41</t>
  </si>
  <si>
    <t>12/18/2019 17:40:42</t>
  </si>
  <si>
    <t>12/18/2019 17:40:43</t>
  </si>
  <si>
    <t>12/18/2019 17:40:44</t>
  </si>
  <si>
    <t>12/18/2019 17:40:45</t>
  </si>
  <si>
    <t>12/18/2019 17:40:46</t>
  </si>
  <si>
    <t>12/18/2019 17:40:47</t>
  </si>
  <si>
    <t>12/18/2019 17:40:48</t>
  </si>
  <si>
    <t>12/18/2019 17:40:49</t>
  </si>
  <si>
    <t>12/18/2019 17:40:50</t>
  </si>
  <si>
    <t>12/18/2019 17:41:32</t>
  </si>
  <si>
    <t>1399ec71-e161-4dfa-a469-f6650c58464a.tmp</t>
  </si>
  <si>
    <t>\\acsfs\profiles$\gabrielbmdl\Downloads\1399ec71-e161-4dfa-a469-f6650c58464a.tmp</t>
  </si>
  <si>
    <t>12/18/2019 17:42:03</t>
  </si>
  <si>
    <t>0136ee97-78da-4ffe-acec-578b2380d0df.tmp</t>
  </si>
  <si>
    <t>\\acsfs\profiles$\gabrielbmdl\Downloads\0136ee97-78da-4ffe-acec-578b2380d0df.tmp</t>
  </si>
  <si>
    <t>12/18/2019 17:43:24</t>
  </si>
  <si>
    <t>12/18/2019 17:43:28</t>
  </si>
  <si>
    <t>12/18/2019 17:45:28</t>
  </si>
  <si>
    <t>12/18/2019 17:41:54</t>
  </si>
  <si>
    <t>12/18/2019 17:45:35</t>
  </si>
  <si>
    <t>12/18/2019 17:46:28</t>
  </si>
  <si>
    <t>74cbf324-4f11-4d8a-bbfa-f9fb070f09cc.tmp</t>
  </si>
  <si>
    <t>\\acsfs\profiles$\brendadsl\Downloads\74cbf324-4f11-4d8a-bbfa-f9fb070f09cc.tmp</t>
  </si>
  <si>
    <t>12/18/2019 17:42:29</t>
  </si>
  <si>
    <t>12/18/2019 17:43:29</t>
  </si>
  <si>
    <t>12/18/2019 17:44:59</t>
  </si>
  <si>
    <t>12/18/2019 17:45:04</t>
  </si>
  <si>
    <t>12/18/2019 17:47:27</t>
  </si>
  <si>
    <t>12/18/2019 17:42:24</t>
  </si>
  <si>
    <t>624b8638-bfaa-4676-8612-36742a8cad65.tmp</t>
  </si>
  <si>
    <t>\\acsfs\profiles$\laurandos\Downloads\624b8638-bfaa-4676-8612-36742a8cad65.tmp</t>
  </si>
  <si>
    <t>12/18/2019 17:48:49</t>
  </si>
  <si>
    <t>12/18/2019 17:51:27</t>
  </si>
  <si>
    <t>12/18/2019 17:49:28</t>
  </si>
  <si>
    <t>12/18/2019 17:48:29</t>
  </si>
  <si>
    <t>12/18/2019 17:49:29</t>
  </si>
  <si>
    <t>12/18/2019 17:47:28</t>
  </si>
  <si>
    <t>12/18/2019 17:52:27</t>
  </si>
  <si>
    <t>8411f7a0-4a4f-47fe-b7f1-428aa478ea44.tmp</t>
  </si>
  <si>
    <t>\\acsfs\profiles$\philipegsf\Downloads\8411f7a0-4a4f-47fe-b7f1-428aa478ea44.tmp</t>
  </si>
  <si>
    <t>12/18/2019 17:53:01</t>
  </si>
  <si>
    <t>12/18/2019 17:54:27</t>
  </si>
  <si>
    <t>788101a3-2cae-4ade-b067-f9176d30eca7.tmp</t>
  </si>
  <si>
    <t>\\acsfs\profiles$\gabrielamdp\Downloads\788101a3-2cae-4ade-b067-f9176d30eca7.tmp</t>
  </si>
  <si>
    <t>12/18/2019 17:51:19</t>
  </si>
  <si>
    <t>12/18/2019 17:56:28</t>
  </si>
  <si>
    <t>99f13f48-5abf-4d47-96e8-062572b25e4e.tmp</t>
  </si>
  <si>
    <t>\\acsfs\profiles$\brendadsl\Downloads\99f13f48-5abf-4d47-96e8-062572b25e4e.tmp</t>
  </si>
  <si>
    <t>12/18/2019 17:55:16</t>
  </si>
  <si>
    <t>12/18/2019 17:52:54</t>
  </si>
  <si>
    <t>12/18/2019 17:54:29</t>
  </si>
  <si>
    <t>12/18/2019 17:55:29</t>
  </si>
  <si>
    <t>12/18/2019 17:52:14</t>
  </si>
  <si>
    <t>12/18/2019 17:53:44</t>
  </si>
  <si>
    <t>12/18/2019 17:53:55</t>
  </si>
  <si>
    <t>12/18/2019 17:53:56</t>
  </si>
  <si>
    <t>12/18/2019 17:53:58</t>
  </si>
  <si>
    <t>12/18/2019 17:54:00</t>
  </si>
  <si>
    <t>12/18/2019 17:54:01</t>
  </si>
  <si>
    <t>12/18/2019 17:54:03</t>
  </si>
  <si>
    <t>12/18/2019 17:54:08</t>
  </si>
  <si>
    <t>12/18/2019 17:54:10</t>
  </si>
  <si>
    <t>12/18/2019 17:54:11</t>
  </si>
  <si>
    <t>12/18/2019 17:54:21</t>
  </si>
  <si>
    <t>12/18/2019 17:54:22</t>
  </si>
  <si>
    <t>12/18/2019 17:54:23</t>
  </si>
  <si>
    <t>12/18/2019 17:54:24</t>
  </si>
  <si>
    <t>12/18/2019 17:54:28</t>
  </si>
  <si>
    <t>12/18/2019 17:54:34</t>
  </si>
  <si>
    <t>12/18/2019 17:54:36</t>
  </si>
  <si>
    <t>12/18/2019 17:54:37</t>
  </si>
  <si>
    <t>12/18/2019 17:53:49</t>
  </si>
  <si>
    <t>12/18/2019 17:58:28</t>
  </si>
  <si>
    <t>Canal Ouvidoria - Origem Fale conosco.xlsx</t>
  </si>
  <si>
    <t>12/18/2019 17:57:11</t>
  </si>
  <si>
    <t>12/18/2019 17:59:28</t>
  </si>
  <si>
    <t>12/18/2019 17:56:02</t>
  </si>
  <si>
    <t>67140928-2607-449c-8284-36f447d761a2.tmp</t>
  </si>
  <si>
    <t>\\acsfs\profiles$\gabrielbmdl\Downloads\67140928-2607-449c-8284-36f447d761a2.tmp</t>
  </si>
  <si>
    <t>12/18/2019 17:56:06</t>
  </si>
  <si>
    <t>1f08effe-5ad8-4b82-ac7a-7529043f5435.tmp</t>
  </si>
  <si>
    <t>\\acsfs\profiles$\gabrielbmdl\Downloads\1f08effe-5ad8-4b82-ac7a-7529043f5435.tmp</t>
  </si>
  <si>
    <t>12/18/2019 17:56:34</t>
  </si>
  <si>
    <t>288492fc-0b3f-4e72-ac90-9ae707a7af1e.tmp</t>
  </si>
  <si>
    <t>\\acsfs\profiles$\gabrielbmdl\Downloads\288492fc-0b3f-4e72-ac90-9ae707a7af1e.tmp</t>
  </si>
  <si>
    <t>12/18/2019 17:56:57</t>
  </si>
  <si>
    <t>09740fd3-a1e1-44ec-8d3b-1275514f9dd3.tmp</t>
  </si>
  <si>
    <t>\\acsfs\profiles$\gabrielbmdl\Downloads\09740fd3-a1e1-44ec-8d3b-1275514f9dd3.tmp</t>
  </si>
  <si>
    <t>12/18/2019 17:57:12</t>
  </si>
  <si>
    <t>4d9e5f04-dce2-48cb-beaf-72403eba5706.tmp</t>
  </si>
  <si>
    <t>\\acsfs\profiles$\gabrielbmdl\Downloads\4d9e5f04-dce2-48cb-beaf-72403eba5706.tmp</t>
  </si>
  <si>
    <t>12/18/2019 17:57:19</t>
  </si>
  <si>
    <t>202a1424-8836-481a-adfa-8122a1cf81ec.tmp</t>
  </si>
  <si>
    <t>\\acsfs\profiles$\gabrielbmdl\Downloads\202a1424-8836-481a-adfa-8122a1cf81ec.tmp</t>
  </si>
  <si>
    <t>12/18/2019 17:58:01</t>
  </si>
  <si>
    <t>296b9d12-2e4d-4384-ad6e-685c9f2cd501.tmp</t>
  </si>
  <si>
    <t>\\acsfs\profiles$\gabrielbmdl\Downloads\296b9d12-2e4d-4384-ad6e-685c9f2cd501.tmp</t>
  </si>
  <si>
    <t>12/18/2019 17:56:22</t>
  </si>
  <si>
    <t>12/18/2019 18:01:28</t>
  </si>
  <si>
    <t>12/18/2019 17:57:41</t>
  </si>
  <si>
    <t>12/18/2019 18:00:29</t>
  </si>
  <si>
    <t>12/18/2019 18:00:30</t>
  </si>
  <si>
    <t>12/18/2019 17:56:47</t>
  </si>
  <si>
    <t>12/18/2019 17:56:54</t>
  </si>
  <si>
    <t>12/18/2019 17:56:55</t>
  </si>
  <si>
    <t>12/18/2019 17:56:56</t>
  </si>
  <si>
    <t>12/18/2019 17:56:59</t>
  </si>
  <si>
    <t>12/18/2019 17:57:01</t>
  </si>
  <si>
    <t>12/18/2019 17:57:02</t>
  </si>
  <si>
    <t>12/18/2019 17:57:08</t>
  </si>
  <si>
    <t>12/18/2019 17:57:10</t>
  </si>
  <si>
    <t>12/18/2019 18:02:00</t>
  </si>
  <si>
    <t>12/18/2019 18:06:28</t>
  </si>
  <si>
    <t>12/18/2019 18:01:29</t>
  </si>
  <si>
    <t>12/18/2019 18:01:55</t>
  </si>
  <si>
    <t>12/18/2019 18:06:45</t>
  </si>
  <si>
    <t>12/18/2019 18:11:28</t>
  </si>
  <si>
    <t>12/18/2019 18:07:05</t>
  </si>
  <si>
    <t>12/18/2019 18:07:54</t>
  </si>
  <si>
    <t>12/18/2019 18:06:30</t>
  </si>
  <si>
    <t>12/18/2019 18:07:29</t>
  </si>
  <si>
    <t>12/18/2019 18:08:00</t>
  </si>
  <si>
    <t>12/18/2019 18:08:37</t>
  </si>
  <si>
    <t>12/18/2019 18:08:38</t>
  </si>
  <si>
    <t>12/18/2019 18:08:40</t>
  </si>
  <si>
    <t>12/18/2019 18:08:49</t>
  </si>
  <si>
    <t>12/18/2019 18:08:50</t>
  </si>
  <si>
    <t>12/18/2019 18:09:06</t>
  </si>
  <si>
    <t>12/18/2019 18:09:07</t>
  </si>
  <si>
    <t>12/18/2019 18:09:09</t>
  </si>
  <si>
    <t>12/18/2019 18:09:23</t>
  </si>
  <si>
    <t>12/18/2019 18:09:25</t>
  </si>
  <si>
    <t>12/18/2019 18:09:26</t>
  </si>
  <si>
    <t>12/18/2019 18:09:48</t>
  </si>
  <si>
    <t>12/18/2019 18:09:49</t>
  </si>
  <si>
    <t>12/18/2019 18:09:51</t>
  </si>
  <si>
    <t>12/18/2019 18:09:52</t>
  </si>
  <si>
    <t>12/18/2019 18:10:03</t>
  </si>
  <si>
    <t>12/18/2019 18:10:04</t>
  </si>
  <si>
    <t>12/18/2019 18:10:06</t>
  </si>
  <si>
    <t>12/18/2019 18:10:20</t>
  </si>
  <si>
    <t>12/18/2019 18:10:21</t>
  </si>
  <si>
    <t>12/18/2019 18:10:22</t>
  </si>
  <si>
    <t>12/18/2019 18:10:23</t>
  </si>
  <si>
    <t>12/18/2019 18:10:24</t>
  </si>
  <si>
    <t>12/18/2019 18:10:38</t>
  </si>
  <si>
    <t>12/18/2019 18:10:39</t>
  </si>
  <si>
    <t>12/18/2019 18:10:40</t>
  </si>
  <si>
    <t>12/18/2019 18:10:55</t>
  </si>
  <si>
    <t>12/18/2019 18:10:56</t>
  </si>
  <si>
    <t>12/18/2019 18:10:58</t>
  </si>
  <si>
    <t>12/18/2019 18:11:01</t>
  </si>
  <si>
    <t>12/18/2019 18:12:28</t>
  </si>
  <si>
    <t>mail.google.com/_/upload?authuser=0&amp;dcp=asu-n&amp;upload_id=AEnB2UrV35BwnWfErckdjQGktLRlDjTNcg0V1jl9rxs2XI7SyPTfmnM80uqE5IvGIwQg3kpYOAepW-pJmWuCzRfw6a3SUfUezLIyYaPjH0wkrNJJY-Jp8jA&amp;upload_protocol=resumable</t>
  </si>
  <si>
    <t>\\acsfs\Engeset\FINANCEIRO_ULA\FATURAMENTO\22. Controle TIM\1. Acompanhamento de Faturamento\2019\</t>
  </si>
  <si>
    <t>12_19- Acompanhamento Faturamento.v2.xlsb</t>
  </si>
  <si>
    <t>12/18/2019 18:11:10</t>
  </si>
  <si>
    <t>12/18/2019 18:16:28</t>
  </si>
  <si>
    <t>12/18/2019 18:11:11</t>
  </si>
  <si>
    <t>12/18/2019 18:11:13</t>
  </si>
  <si>
    <t>12/18/2019 18:11:25</t>
  </si>
  <si>
    <t>12/18/2019 18:11:26</t>
  </si>
  <si>
    <t>12/18/2019 18:11:51</t>
  </si>
  <si>
    <t>12/18/2019 18:11:52</t>
  </si>
  <si>
    <t>12/18/2019 18:11:53</t>
  </si>
  <si>
    <t>12/18/2019 18:12:07</t>
  </si>
  <si>
    <t>12/18/2019 18:12:08</t>
  </si>
  <si>
    <t>12/18/2019 18:12:09</t>
  </si>
  <si>
    <t>12/18/2019 18:12:11</t>
  </si>
  <si>
    <t>12/18/2019 18:12:25</t>
  </si>
  <si>
    <t>12/18/2019 18:12:26</t>
  </si>
  <si>
    <t>12/18/2019 18:12:27</t>
  </si>
  <si>
    <t>12/18/2019 18:12:29</t>
  </si>
  <si>
    <t>12/18/2019 18:12:30</t>
  </si>
  <si>
    <t>12/18/2019 18:12:31</t>
  </si>
  <si>
    <t>12/18/2019 18:12:40</t>
  </si>
  <si>
    <t>12/18/2019 18:12:41</t>
  </si>
  <si>
    <t>12/18/2019 18:12:43</t>
  </si>
  <si>
    <t>12/18/2019 18:12:44</t>
  </si>
  <si>
    <t>12/18/2019 18:12:48</t>
  </si>
  <si>
    <t>12/18/2019 18:12:49</t>
  </si>
  <si>
    <t>12/18/2019 18:12:55</t>
  </si>
  <si>
    <t>12/18/2019 18:12:56</t>
  </si>
  <si>
    <t>12/18/2019 18:12:57</t>
  </si>
  <si>
    <t>12/18/2019 18:12:59</t>
  </si>
  <si>
    <t>12/18/2019 18:13:04</t>
  </si>
  <si>
    <t>12/18/2019 18:13:05</t>
  </si>
  <si>
    <t>12/18/2019 18:13:11</t>
  </si>
  <si>
    <t>12/18/2019 18:13:13</t>
  </si>
  <si>
    <t>12/18/2019 18:13:14</t>
  </si>
  <si>
    <t>12/18/2019 18:13:15</t>
  </si>
  <si>
    <t>12/18/2019 18:13:22</t>
  </si>
  <si>
    <t>12/18/2019 18:13:23</t>
  </si>
  <si>
    <t>12/18/2019 18:13:27</t>
  </si>
  <si>
    <t>12/18/2019 18:13:29</t>
  </si>
  <si>
    <t>12/18/2019 18:13:30</t>
  </si>
  <si>
    <t>12/18/2019 18:13:31</t>
  </si>
  <si>
    <t>12/18/2019 18:13:43</t>
  </si>
  <si>
    <t>12/18/2019 18:13:44</t>
  </si>
  <si>
    <t>12/18/2019 18:13:45</t>
  </si>
  <si>
    <t>12/18/2019 18:13:58</t>
  </si>
  <si>
    <t>12/18/2019 18:13:59</t>
  </si>
  <si>
    <t>12/18/2019 18:14:00</t>
  </si>
  <si>
    <t>12/18/2019 18:14:08</t>
  </si>
  <si>
    <t>12/18/2019 18:14:09</t>
  </si>
  <si>
    <t>12/18/2019 18:14:32</t>
  </si>
  <si>
    <t>12/18/2019 18:14:34</t>
  </si>
  <si>
    <t>12/18/2019 18:14:35</t>
  </si>
  <si>
    <t>12/18/2019 18:14:51</t>
  </si>
  <si>
    <t>12/18/2019 18:14:52</t>
  </si>
  <si>
    <t>12/18/2019 18:14:53</t>
  </si>
  <si>
    <t>12/18/2019 18:14:54</t>
  </si>
  <si>
    <t>12/18/2019 18:15:06</t>
  </si>
  <si>
    <t>12/18/2019 18:15:07</t>
  </si>
  <si>
    <t>12/18/2019 18:15:08</t>
  </si>
  <si>
    <t>12/18/2019 18:15:09</t>
  </si>
  <si>
    <t>12/18/2019 18:15:11</t>
  </si>
  <si>
    <t>12/18/2019 18:15:13</t>
  </si>
  <si>
    <t>12/18/2019 18:15:21</t>
  </si>
  <si>
    <t>12/18/2019 18:15:22</t>
  </si>
  <si>
    <t>12/18/2019 18:15:24</t>
  </si>
  <si>
    <t>12/18/2019 18:15:25</t>
  </si>
  <si>
    <t>12/18/2019 18:15:31</t>
  </si>
  <si>
    <t>12/18/2019 18:15:38</t>
  </si>
  <si>
    <t>12/18/2019 18:15:39</t>
  </si>
  <si>
    <t>12/18/2019 18:15:40</t>
  </si>
  <si>
    <t>12/18/2019 18:15:42</t>
  </si>
  <si>
    <t>12/18/2019 18:15:47</t>
  </si>
  <si>
    <t>12/18/2019 18:15:49</t>
  </si>
  <si>
    <t>12/18/2019 18:15:51</t>
  </si>
  <si>
    <t>12/18/2019 18:15:52</t>
  </si>
  <si>
    <t>12/18/2019 18:15:53</t>
  </si>
  <si>
    <t>12/18/2019 18:15:54</t>
  </si>
  <si>
    <t>12/18/2019 18:15:56</t>
  </si>
  <si>
    <t>12/18/2019 18:15:57</t>
  </si>
  <si>
    <t>12/18/2019 18:16:09</t>
  </si>
  <si>
    <t>12/18/2019 18:20:40</t>
  </si>
  <si>
    <t>12/18/2019 18:21:28</t>
  </si>
  <si>
    <t>12/18/2019 18:16:10</t>
  </si>
  <si>
    <t>12/18/2019 18:16:11</t>
  </si>
  <si>
    <t>12/18/2019 18:16:13</t>
  </si>
  <si>
    <t>12/18/2019 18:16:26</t>
  </si>
  <si>
    <t>12/18/2019 18:16:27</t>
  </si>
  <si>
    <t>12/18/2019 18:16:41</t>
  </si>
  <si>
    <t>12/18/2019 18:16:42</t>
  </si>
  <si>
    <t>12/18/2019 18:16:44</t>
  </si>
  <si>
    <t>12/18/2019 18:16:48</t>
  </si>
  <si>
    <t>12/18/2019 18:16:49</t>
  </si>
  <si>
    <t>12/18/2019 18:17:15</t>
  </si>
  <si>
    <t>12/18/2019 18:17:16</t>
  </si>
  <si>
    <t>12/18/2019 18:17:17</t>
  </si>
  <si>
    <t>12/18/2019 18:17:19</t>
  </si>
  <si>
    <t>12/18/2019 18:18:07</t>
  </si>
  <si>
    <t>12/18/2019 18:18:08</t>
  </si>
  <si>
    <t>12/18/2019 18:18:23</t>
  </si>
  <si>
    <t>12/18/2019 18:18:24</t>
  </si>
  <si>
    <t>12/18/2019 18:18:25</t>
  </si>
  <si>
    <t>12/18/2019 18:18:47</t>
  </si>
  <si>
    <t>12/18/2019 18:18:48</t>
  </si>
  <si>
    <t>12/18/2019 18:18:49</t>
  </si>
  <si>
    <t>12/18/2019 18:18:50</t>
  </si>
  <si>
    <t>12/18/2019 18:18:51</t>
  </si>
  <si>
    <t>12/18/2019 18:19:05</t>
  </si>
  <si>
    <t>12/18/2019 18:19:06</t>
  </si>
  <si>
    <t>12/18/2019 18:19:07</t>
  </si>
  <si>
    <t>12/18/2019 18:19:30</t>
  </si>
  <si>
    <t>12/18/2019 18:23:20</t>
  </si>
  <si>
    <t>12/18/2019 18:26:28</t>
  </si>
  <si>
    <t>12/18/2019 18:25:07</t>
  </si>
  <si>
    <t>12/18/2019 18:25:37</t>
  </si>
  <si>
    <t>12/18/2019 18:23:05</t>
  </si>
  <si>
    <t>12/18/2019 18:24:30</t>
  </si>
  <si>
    <t>12/18/2019 18:25:29</t>
  </si>
  <si>
    <t>12/18/2019 18:27:34</t>
  </si>
  <si>
    <t>12/18/2019 18:29:29</t>
  </si>
  <si>
    <t>\\acsfs\profiles$\gabrielbmdl\My Documents\anotações\</t>
  </si>
  <si>
    <t>\\acsfs\profiles$\gabrielbmdl\My Documents\anotações\script.txt</t>
  </si>
  <si>
    <t>12/18/2019 18:26:00</t>
  </si>
  <si>
    <t>12/18/2019 18:31:29</t>
  </si>
  <si>
    <t>12/18/2019 18:29:16</t>
  </si>
  <si>
    <t>211e146f-93b2-44a1-bfcf-622c7da016c9.tmp</t>
  </si>
  <si>
    <t>\\acsfs\profiles$\brendadsl\Downloads\211e146f-93b2-44a1-bfcf-622c7da016c9.tmp</t>
  </si>
  <si>
    <t>12/18/2019 18:27:35</t>
  </si>
  <si>
    <t>12/18/2019 18:27:57</t>
  </si>
  <si>
    <t>12/18/2019 18:27:58</t>
  </si>
  <si>
    <t>12/18/2019 18:30:10</t>
  </si>
  <si>
    <t>12/18/2019 18:30:52</t>
  </si>
  <si>
    <t>12/18/2019 18:35:29</t>
  </si>
  <si>
    <t>12/18/2019 18:31:24</t>
  </si>
  <si>
    <t>12/18/2019 18:36:28</t>
  </si>
  <si>
    <t>amandafdcs@algartech.com;amandafdcs@algartech.com.br;</t>
  </si>
  <si>
    <t>Escala Diego</t>
  </si>
  <si>
    <t>Escala Natal x Ano Novo.xlsx</t>
  </si>
  <si>
    <t>amandafdcs@algartech.com,amandafdcs@algartech.com.br</t>
  </si>
  <si>
    <t>12/18/2019 18:31:30</t>
  </si>
  <si>
    <t>12/18/2019 18:33:29</t>
  </si>
  <si>
    <t>12/18/2019 18:38:18</t>
  </si>
  <si>
    <t>12/18/2019 18:41:29</t>
  </si>
  <si>
    <t>12/18/2019 18:37:30</t>
  </si>
  <si>
    <t>12/18/2019 18:37:57</t>
  </si>
  <si>
    <t>12/18/2019 18:39:30</t>
  </si>
  <si>
    <t>12/18/2019 18:43:30</t>
  </si>
  <si>
    <t>12/18/2019 18:46:28</t>
  </si>
  <si>
    <t>12/18/2019 18:45:30</t>
  </si>
  <si>
    <t>12/18/2019 18:50:29</t>
  </si>
  <si>
    <t>12/18/2019 18:51:30</t>
  </si>
  <si>
    <t>12/18/2019 18:49:30</t>
  </si>
  <si>
    <t>12/18/2019 18:47:49</t>
  </si>
  <si>
    <t>12/18/2019 18:52:31</t>
  </si>
  <si>
    <t>12/18/2019 18:51:31</t>
  </si>
  <si>
    <t>12/18/2019 18:56:31</t>
  </si>
  <si>
    <t>12/18/2019 18:53:49</t>
  </si>
  <si>
    <t>12/18/2019 18:55:30</t>
  </si>
  <si>
    <t>12/18/2019 18:51:52</t>
  </si>
  <si>
    <t>12/18/2019 18:57:30</t>
  </si>
  <si>
    <t>12/18/2019 18:55:38</t>
  </si>
  <si>
    <t>12/18/2019 18:59:07</t>
  </si>
  <si>
    <t>12/18/2019 19:00:31</t>
  </si>
  <si>
    <t>eb17df8d-e539-4ff3-9925-466c57b5a1ba.tmp</t>
  </si>
  <si>
    <t>\\acsfs\profiles$\erichds\Downloads\eb17df8d-e539-4ff3-9925-466c57b5a1ba.tmp</t>
  </si>
  <si>
    <t>12/18/2019 19:01:30</t>
  </si>
  <si>
    <t>12/18/2019 19:02:54</t>
  </si>
  <si>
    <t>12/18/2019 19:05:30</t>
  </si>
  <si>
    <t>12/18/2019 19:06:31</t>
  </si>
  <si>
    <t>12/18/2019 19:01:31</t>
  </si>
  <si>
    <t>12/18/2019 19:03:30</t>
  </si>
  <si>
    <t>12/18/2019 19:07:30</t>
  </si>
  <si>
    <t>12/18/2019 19:11:30</t>
  </si>
  <si>
    <t>12/18/2019 19:09:01</t>
  </si>
  <si>
    <t>12/18/2019 19:09:30</t>
  </si>
  <si>
    <t>12/18/2019 18:33:01</t>
  </si>
  <si>
    <t>12/18/2019 19:16:31</t>
  </si>
  <si>
    <t>12/18/2019 18:33:14</t>
  </si>
  <si>
    <t>12/18/2019 19:13:06</t>
  </si>
  <si>
    <t>12/18/2019 19:15:07</t>
  </si>
  <si>
    <t>12/18/2019 19:13:30</t>
  </si>
  <si>
    <t>12/18/2019 19:15:30</t>
  </si>
  <si>
    <t>12/18/2019 19:17:30</t>
  </si>
  <si>
    <t>12/18/2019 19:21:31</t>
  </si>
  <si>
    <t>12/18/2019 19:17:41</t>
  </si>
  <si>
    <t>12/18/2019 19:18:35</t>
  </si>
  <si>
    <t>12/18/2019 19:16:57</t>
  </si>
  <si>
    <t>12/18/2019 19:17:21</t>
  </si>
  <si>
    <t>\\acsfs\DEPTOS\Operacao\Banco_Votorantim\Supervisao\CAMILLA LIMA RODRIGUES\</t>
  </si>
  <si>
    <t>LINKS.txt</t>
  </si>
  <si>
    <t>\\acsfs\DEPTOS\Operacao\Banco_Votorantim\Supervisao\CAMILLA LIMA RODRIGUES\LINKS.txt</t>
  </si>
  <si>
    <t>12/18/2019 19:19:30</t>
  </si>
  <si>
    <t>12/18/2019 19:22:43</t>
  </si>
  <si>
    <t>12/18/2019 19:25:31</t>
  </si>
  <si>
    <t>8c4fe82a-fae8-4221-95bd-5ddbf8bc3910.tmp</t>
  </si>
  <si>
    <t>\\acsfs\profiles$\erichds\Downloads\8c4fe82a-fae8-4221-95bd-5ddbf8bc3910.tmp</t>
  </si>
  <si>
    <t>12/18/2019 19:22:57</t>
  </si>
  <si>
    <t>12/18/2019 19:26:31</t>
  </si>
  <si>
    <t>d26d182d-81e6-4591-a9be-2e2771962060.tmp</t>
  </si>
  <si>
    <t>\\acsfs\profiles$\gabrielamdp\Downloads\d26d182d-81e6-4591-a9be-2e2771962060.tmp</t>
  </si>
  <si>
    <t>12/18/2019 19:22:59</t>
  </si>
  <si>
    <t>4f43c368-4b3b-40d9-a371-3559ba07b057.tmp</t>
  </si>
  <si>
    <t>\\acsfs\profiles$\gabrielamdp\Downloads\4f43c368-4b3b-40d9-a371-3559ba07b057.tmp</t>
  </si>
  <si>
    <t>40e04901-1066-4499-9906-6074084b2212.tmp</t>
  </si>
  <si>
    <t>\\acsfs\profiles$\gabrielamdp\Downloads\40e04901-1066-4499-9906-6074084b2212.tmp</t>
  </si>
  <si>
    <t>2bbc63b2-98ba-4ce7-a2a1-d16b69d8bb2f.tmp</t>
  </si>
  <si>
    <t>\\acsfs\profiles$\gabrielamdp\Downloads\2bbc63b2-98ba-4ce7-a2a1-d16b69d8bb2f.tmp</t>
  </si>
  <si>
    <t>12/18/2019 19:23:00</t>
  </si>
  <si>
    <t>2a3778a8-444f-4bcc-9c4c-4656a0d51b1d.tmp</t>
  </si>
  <si>
    <t>\\acsfs\profiles$\gabrielamdp\Downloads\2a3778a8-444f-4bcc-9c4c-4656a0d51b1d.tmp</t>
  </si>
  <si>
    <t>12/18/2019 19:23:26</t>
  </si>
  <si>
    <t>199d8e3f-586d-4499-b61a-55bf50644b15.tmp</t>
  </si>
  <si>
    <t>\\acsfs\profiles$\gabrielamdp\Downloads\199d8e3f-586d-4499-b61a-55bf50644b15.tmp</t>
  </si>
  <si>
    <t>12/18/2019 19:23:28</t>
  </si>
  <si>
    <t>4bdbd3fc-6f9f-428f-ae11-334ebfde9188.tmp</t>
  </si>
  <si>
    <t>\\acsfs\profiles$\gabrielamdp\Downloads\4bdbd3fc-6f9f-428f-ae11-334ebfde9188.tmp</t>
  </si>
  <si>
    <t>12/18/2019 19:23:29</t>
  </si>
  <si>
    <t>4ac98d69-dcd8-421e-a555-24f69be77cf3.tmp</t>
  </si>
  <si>
    <t>\\acsfs\profiles$\gabrielamdp\Downloads\4ac98d69-dcd8-421e-a555-24f69be77cf3.tmp</t>
  </si>
  <si>
    <t>12/18/2019 19:23:30</t>
  </si>
  <si>
    <t>993e0678-2fc1-4f04-9a5a-ec206a26023f.tmp</t>
  </si>
  <si>
    <t>\\acsfs\profiles$\gabrielamdp\Downloads\993e0678-2fc1-4f04-9a5a-ec206a26023f.tmp</t>
  </si>
  <si>
    <t>f0a9cc84-3916-4834-bd9a-2b3051cebc36.tmp</t>
  </si>
  <si>
    <t>\\acsfs\profiles$\gabrielamdp\Downloads\f0a9cc84-3916-4834-bd9a-2b3051cebc36.tmp</t>
  </si>
  <si>
    <t>12/18/2019 19:23:31</t>
  </si>
  <si>
    <t>b6a4a00c-81f4-4836-b943-d092cf14b601.tmp</t>
  </si>
  <si>
    <t>\\acsfs\profiles$\gabrielamdp\Downloads\b6a4a00c-81f4-4836-b943-d092cf14b601.tmp</t>
  </si>
  <si>
    <t>12/18/2019 19:23:55</t>
  </si>
  <si>
    <t>12/18/2019 19:21:30</t>
  </si>
  <si>
    <t>12/18/2019 19:23:47</t>
  </si>
  <si>
    <t>12/18/2019 19:25:29</t>
  </si>
  <si>
    <t>12/18/2019 19:27:30</t>
  </si>
  <si>
    <t>57b63539-9af5-4d08-afdd-e6bc5ad718af.tmp</t>
  </si>
  <si>
    <t>\\acsfs\profiles$\laurandos\Downloads\57b63539-9af5-4d08-afdd-e6bc5ad718af.tmp</t>
  </si>
  <si>
    <t>12/18/2019 19:24:49</t>
  </si>
  <si>
    <t>12/18/2019 19:29:31</t>
  </si>
  <si>
    <t>12/18/2019 19:28:30</t>
  </si>
  <si>
    <t>12/18/2019 19:31:31</t>
  </si>
  <si>
    <t>12/18/2019 19:26:39</t>
  </si>
  <si>
    <t>67feb90b-97ed-4b87-909e-1fcc1b00055e.tmp</t>
  </si>
  <si>
    <t>\\acsfs\profiles$\victorgl\Downloads\67feb90b-97ed-4b87-909e-1fcc1b00055e.tmp</t>
  </si>
  <si>
    <t>12/18/2019 19:27:29</t>
  </si>
  <si>
    <t>12/18/2019 19:33:28</t>
  </si>
  <si>
    <t>12/18/2019 19:34:30</t>
  </si>
  <si>
    <t>10.200.66.55</t>
  </si>
  <si>
    <t>Karen Jane Santos Silva (20).contact</t>
  </si>
  <si>
    <t>\\acsfs\profiles$\KARENJSS\Contacts\Karen Jane Santos Silva (20).contact</t>
  </si>
  <si>
    <t>12/18/2019 19:33:42</t>
  </si>
  <si>
    <t>12/18/2019 19:33:43</t>
  </si>
  <si>
    <t>12/18/2019 19:33:44</t>
  </si>
  <si>
    <t>12/18/2019 19:33:45</t>
  </si>
  <si>
    <t>12/18/2019 19:33:46</t>
  </si>
  <si>
    <t>12/18/2019 19:33:47</t>
  </si>
  <si>
    <t>12/18/2019 19:33:48</t>
  </si>
  <si>
    <t>12/18/2019 19:34:02</t>
  </si>
  <si>
    <t>12/18/2019 19:34:03</t>
  </si>
  <si>
    <t>12/18/2019 19:31:29</t>
  </si>
  <si>
    <t>12/18/2019 19:36:30</t>
  </si>
  <si>
    <t>12/18/2019 19:33:29</t>
  </si>
  <si>
    <t>12/18/2019 19:37:10</t>
  </si>
  <si>
    <t>12/18/2019 19:39:30</t>
  </si>
  <si>
    <t>9a60b2af-df9f-4f7d-8b96-b189beb7dcfb.tmp</t>
  </si>
  <si>
    <t>\\acsfs\profiles$\vivianibfs\Downloads\9a60b2af-df9f-4f7d-8b96-b189beb7dcfb.tmp</t>
  </si>
  <si>
    <t>12/18/2019 19:37:13</t>
  </si>
  <si>
    <t>f995113d-15db-4424-b923-9754fed69922.tmp</t>
  </si>
  <si>
    <t>\\acsfs\profiles$\vivianibfs\Downloads\f995113d-15db-4424-b923-9754fed69922.tmp</t>
  </si>
  <si>
    <t>12/18/2019 19:40:20</t>
  </si>
  <si>
    <t>12/18/2019 19:41:30</t>
  </si>
  <si>
    <t>12/18/2019 19:38:19</t>
  </si>
  <si>
    <t>67be9b27-12f7-4237-9024-69438f32cca1.tmp</t>
  </si>
  <si>
    <t>\\acsfs\profiles$\brendadsl\Downloads\67be9b27-12f7-4237-9024-69438f32cca1.tmp</t>
  </si>
  <si>
    <t>12/18/2019 19:38:12</t>
  </si>
  <si>
    <t>12/18/2019 19:39:29</t>
  </si>
  <si>
    <t>12/18/2019 19:43:29</t>
  </si>
  <si>
    <t>12/18/2019 19:46:30</t>
  </si>
  <si>
    <t>12/18/2019 19:45:29</t>
  </si>
  <si>
    <t>12/18/2019 19:47:00</t>
  </si>
  <si>
    <t>12/18/2019 19:51:29</t>
  </si>
  <si>
    <t>12/18/2019 19:49:29</t>
  </si>
  <si>
    <t>12/18/2019 19:54:35</t>
  </si>
  <si>
    <t>12/18/2019 19:56:29</t>
  </si>
  <si>
    <t>e246d936-8d09-4bb2-8da4-5c0e8518275b.tmp</t>
  </si>
  <si>
    <t>\\acsfs\profiles$\brendadsl\Downloads\e246d936-8d09-4bb2-8da4-5c0e8518275b.tmp</t>
  </si>
  <si>
    <t>12/18/2019 19:54:43</t>
  </si>
  <si>
    <t>12/18/2019 19:55:29</t>
  </si>
  <si>
    <t>12/18/2019 19:56:04</t>
  </si>
  <si>
    <t>12/18/2019 20:01:29</t>
  </si>
  <si>
    <t>f4cb7ceb-a247-428a-a30d-1c5e9801f142.tmp</t>
  </si>
  <si>
    <t>\\acsfs\profiles$\gabrielamdp\Downloads\f4cb7ceb-a247-428a-a30d-1c5e9801f142.tmp</t>
  </si>
  <si>
    <t>12/18/2019 19:56:05</t>
  </si>
  <si>
    <t>23df31e9-e753-4b4e-a042-a144354ea272.tmp</t>
  </si>
  <si>
    <t>\\acsfs\profiles$\gabrielamdp\Downloads\23df31e9-e753-4b4e-a042-a144354ea272.tmp</t>
  </si>
  <si>
    <t>12/18/2019 19:58:59</t>
  </si>
  <si>
    <t>cb3133cd-e87f-4eeb-bf4f-33e96b16b35c.tmp</t>
  </si>
  <si>
    <t>\\acsfs\profiles$\brendadsl\Downloads\cb3133cd-e87f-4eeb-bf4f-33e96b16b35c.tmp</t>
  </si>
  <si>
    <t>12/18/2019 19:57:29</t>
  </si>
  <si>
    <t>12/18/2019 20:00:41</t>
  </si>
  <si>
    <t>12/18/2019 19:58:46</t>
  </si>
  <si>
    <t>12/18/2019 20:02:30</t>
  </si>
  <si>
    <t>12/18/2019 20:01:31</t>
  </si>
  <si>
    <t>12/18/2019 20:00:22</t>
  </si>
  <si>
    <t>12/18/2019 20:04:29</t>
  </si>
  <si>
    <t>\\acsfs\profiles$\gabrielbmdl\My Documents\xworkcenter\logs\</t>
  </si>
  <si>
    <t>XLOG_gabrielbmdl_18122019_173914.log</t>
  </si>
  <si>
    <t>\\acsfs\profiles$\gabrielbmdl\My Documents\xworkcenter\logs\XLOG_gabrielbmdl_18122019_173914.log</t>
  </si>
  <si>
    <t>12/18/2019 20:03:44</t>
  </si>
  <si>
    <t>12/18/2019 20:06:30</t>
  </si>
  <si>
    <t>12/18/2019 20:03:29</t>
  </si>
  <si>
    <t>12/18/2019 20:06:33</t>
  </si>
  <si>
    <t>12/18/2019 20:08:29</t>
  </si>
  <si>
    <t>12/18/2019 20:09:19</t>
  </si>
  <si>
    <t>12/18/2019 20:10:30</t>
  </si>
  <si>
    <t>12/18/2019 20:09:06</t>
  </si>
  <si>
    <t>113e3278-4d98-431f-a37d-f7c608a9d46d.tmp</t>
  </si>
  <si>
    <t>\\acsfs\profiles$\erichds\Downloads\113e3278-4d98-431f-a37d-f7c608a9d46d.tmp</t>
  </si>
  <si>
    <t>12/18/2019 20:07:29</t>
  </si>
  <si>
    <t>12/18/2019 20:11:30</t>
  </si>
  <si>
    <t>12/18/2019 20:08:24</t>
  </si>
  <si>
    <t>12/18/2019 20:12:35</t>
  </si>
  <si>
    <t>12/18/2019 20:16:30</t>
  </si>
  <si>
    <t>12/18/2019 20:11:34</t>
  </si>
  <si>
    <t>12/18/2019 20:13:29</t>
  </si>
  <si>
    <t>12/18/2019 20:16:18</t>
  </si>
  <si>
    <t>12/18/2019 20:16:38</t>
  </si>
  <si>
    <t>12/18/2019 20:21:29</t>
  </si>
  <si>
    <t>12/18/2019 20:19:29</t>
  </si>
  <si>
    <t>12/18/2019 20:24:50</t>
  </si>
  <si>
    <t>12/18/2019 20:26:29</t>
  </si>
  <si>
    <t>12/18/2019 20:25:21</t>
  </si>
  <si>
    <t>12/18/2019 20:25:30</t>
  </si>
  <si>
    <t>12/18/2019 20:24:06</t>
  </si>
  <si>
    <t>12/18/2019 20:25:29</t>
  </si>
  <si>
    <t>12/18/2019 20:27:12</t>
  </si>
  <si>
    <t>12/18/2019 20:31:30</t>
  </si>
  <si>
    <t>12/18/2019 20:27:23</t>
  </si>
  <si>
    <t>12/18/2019 20:32:11</t>
  </si>
  <si>
    <t>12/18/2019 20:33:30</t>
  </si>
  <si>
    <t>ae260e7b-5267-42f5-8db9-9d83382a6cb0.tmp</t>
  </si>
  <si>
    <t>\\acsfs\profiles$\anafaes\Downloads\ae260e7b-5267-42f5-8db9-9d83382a6cb0.tmp</t>
  </si>
  <si>
    <t>12/18/2019 20:30:41</t>
  </si>
  <si>
    <t>12/18/2019 20:34:29</t>
  </si>
  <si>
    <t>12/18/2019 20:29:46</t>
  </si>
  <si>
    <t>12/18/2019 20:30:54</t>
  </si>
  <si>
    <t>12/18/2019 20:35:30</t>
  </si>
  <si>
    <t>12/18/2019 20:33:03</t>
  </si>
  <si>
    <t>12/18/2019 20:36:29</t>
  </si>
  <si>
    <t>12/18/2019 20:31:29</t>
  </si>
  <si>
    <t>12/18/2019 20:32:00</t>
  </si>
  <si>
    <t>12/18/2019 20:32:30</t>
  </si>
  <si>
    <t>12/18/2019 20:35:19</t>
  </si>
  <si>
    <t>12/18/2019 20:37:30</t>
  </si>
  <si>
    <t>12/18/2019 20:36:06</t>
  </si>
  <si>
    <t>12/18/2019 20:41:30</t>
  </si>
  <si>
    <t>c928dc37-174f-43ed-a9aa-5983ed8dea09.tmp</t>
  </si>
  <si>
    <t>\\acsfs\profiles$\rosileiam\Downloads\c928dc37-174f-43ed-a9aa-5983ed8dea09.tmp</t>
  </si>
  <si>
    <t>12/18/2019 20:36:59</t>
  </si>
  <si>
    <t>385e1da7-8143-44b4-9c93-ebf19b30e502.tmp</t>
  </si>
  <si>
    <t>\\acsfs\profiles$\rosileiam\Downloads\385e1da7-8143-44b4-9c93-ebf19b30e502.tmp</t>
  </si>
  <si>
    <t>12/18/2019 20:40:28</t>
  </si>
  <si>
    <t>12/18/2019 20:40:31</t>
  </si>
  <si>
    <t>12/18/2019 20:40:32</t>
  </si>
  <si>
    <t>12/18/2019 20:40:33</t>
  </si>
  <si>
    <t>12/18/2019 20:40:37</t>
  </si>
  <si>
    <t>12/18/2019 20:40:38</t>
  </si>
  <si>
    <t>12/18/2019 20:40:39</t>
  </si>
  <si>
    <t>12/18/2019 20:40:40</t>
  </si>
  <si>
    <t>12/18/2019 20:40:41</t>
  </si>
  <si>
    <t>12/18/2019 20:40:44</t>
  </si>
  <si>
    <t>12/18/2019 20:38:30</t>
  </si>
  <si>
    <t>12/18/2019 20:40:00</t>
  </si>
  <si>
    <t>12/18/2019 20:40:45</t>
  </si>
  <si>
    <t>12/18/2019 20:40:46</t>
  </si>
  <si>
    <t>12/18/2019 20:40:47</t>
  </si>
  <si>
    <t>12/18/2019 20:40:50</t>
  </si>
  <si>
    <t>12/18/2019 20:40:51</t>
  </si>
  <si>
    <t>12/18/2019 20:40:57</t>
  </si>
  <si>
    <t>12/18/2019 20:40:58</t>
  </si>
  <si>
    <t>12/18/2019 20:41:03</t>
  </si>
  <si>
    <t>12/18/2019 20:41:05</t>
  </si>
  <si>
    <t>12/18/2019 20:41:06</t>
  </si>
  <si>
    <t>12/18/2019 20:41:07</t>
  </si>
  <si>
    <t>12/18/2019 20:41:08</t>
  </si>
  <si>
    <t>12/18/2019 20:41:10</t>
  </si>
  <si>
    <t>12/18/2019 20:41:13</t>
  </si>
  <si>
    <t>12/18/2019 20:41:14</t>
  </si>
  <si>
    <t>12/18/2019 20:41:15</t>
  </si>
  <si>
    <t>12/18/2019 20:43:11</t>
  </si>
  <si>
    <t>12/18/2019 20:46:30</t>
  </si>
  <si>
    <t>12/18/2019 20:43:36</t>
  </si>
  <si>
    <t>12/18/2019 20:43:30</t>
  </si>
  <si>
    <t>12/18/2019 20:44:30</t>
  </si>
  <si>
    <t>12/18/2019 20:45:59</t>
  </si>
  <si>
    <t>12/18/2019 20:41:17</t>
  </si>
  <si>
    <t>12/18/2019 20:41:18</t>
  </si>
  <si>
    <t>12/18/2019 20:41:19</t>
  </si>
  <si>
    <t>12/18/2019 20:41:20</t>
  </si>
  <si>
    <t>12/18/2019 20:41:21</t>
  </si>
  <si>
    <t>12/18/2019 20:41:23</t>
  </si>
  <si>
    <t>12/18/2019 20:41:28</t>
  </si>
  <si>
    <t>12/18/2019 20:49:30</t>
  </si>
  <si>
    <t>12/18/2019 20:51:30</t>
  </si>
  <si>
    <t>12/18/2019 20:50:30</t>
  </si>
  <si>
    <t>12/18/2019 20:52:34</t>
  </si>
  <si>
    <t>12/18/2019 20:54:30</t>
  </si>
  <si>
    <t>12/18/2019 20:53:55</t>
  </si>
  <si>
    <t>12/18/2019 20:56:30</t>
  </si>
  <si>
    <t>12/18/2019 20:54:14</t>
  </si>
  <si>
    <t>12/18/2019 20:55:31</t>
  </si>
  <si>
    <t>12/18/2019 20:52:59</t>
  </si>
  <si>
    <t>76fbc9ac-b99b-46aa-bcd9-4e56aef5b49b.tmp</t>
  </si>
  <si>
    <t>\\acsfs\profiles$\rosileiam\Downloads\76fbc9ac-b99b-46aa-bcd9-4e56aef5b49b.tmp</t>
  </si>
  <si>
    <t>12/18/2019 20:54:24</t>
  </si>
  <si>
    <t>12/18/2019 20:58:31</t>
  </si>
  <si>
    <t>72f4a3a5-96e8-406d-b22f-727aed041033.tmp</t>
  </si>
  <si>
    <t>\\acsfs\profiles$\gabrieleods\Downloads\72f4a3a5-96e8-406d-b22f-727aed041033.tmp</t>
  </si>
  <si>
    <t>12/18/2019 20:56:00</t>
  </si>
  <si>
    <t>12/18/2019 21:00:31</t>
  </si>
  <si>
    <t>12/18/2019 20:58:30</t>
  </si>
  <si>
    <t>12/18/2019 21:01:30</t>
  </si>
  <si>
    <t>12/18/2019 20:58:49</t>
  </si>
  <si>
    <t>12/18/2019 20:59:30</t>
  </si>
  <si>
    <t>12/18/2019 20:57:26</t>
  </si>
  <si>
    <t>12/18/2019 21:02:31</t>
  </si>
  <si>
    <t>12/18/2019 20:59:27</t>
  </si>
  <si>
    <t>12/18/2019 21:04:31</t>
  </si>
  <si>
    <t>e0adacb8-6cae-4512-abd8-b1e58a6b53eb.tmp</t>
  </si>
  <si>
    <t>\\acsfs\profiles$\marcosvnds\Downloads\e0adacb8-6cae-4512-abd8-b1e58a6b53eb.tmp</t>
  </si>
  <si>
    <t>12/18/2019 20:59:39</t>
  </si>
  <si>
    <t>e0e12d0b-7d6a-4b67-92b7-1dd02363de23.tmp</t>
  </si>
  <si>
    <t>\\acsfs\profiles$\marcosvnds\Downloads\e0e12d0b-7d6a-4b67-92b7-1dd02363de23.tmp</t>
  </si>
  <si>
    <t>12/18/2019 21:00:48</t>
  </si>
  <si>
    <t>c7e6aaf5-a130-4c4c-b8ba-f3a33de2706e.tmp</t>
  </si>
  <si>
    <t>\\acsfs\profiles$\marcosvnds\Downloads\c7e6aaf5-a130-4c4c-b8ba-f3a33de2706e.tmp</t>
  </si>
  <si>
    <t>12/18/2019 21:05:43</t>
  </si>
  <si>
    <t>12/18/2019 21:06:30</t>
  </si>
  <si>
    <t>12/18/2019 21:05:30</t>
  </si>
  <si>
    <t>12/18/2019 21:06:01</t>
  </si>
  <si>
    <t>12/18/2019 21:07:30</t>
  </si>
  <si>
    <t>12/18/2019 21:07:12</t>
  </si>
  <si>
    <t>12/18/2019 21:09:30</t>
  </si>
  <si>
    <t>440b0f1e-6532-4616-996c-d5923434a2c6.tmp</t>
  </si>
  <si>
    <t>\\acsfs\profiles$\bernardopcm\Downloads\440b0f1e-6532-4616-996c-d5923434a2c6.tmp</t>
  </si>
  <si>
    <t>12/18/2019 21:11:29</t>
  </si>
  <si>
    <t>12/18/2019 21:09:48</t>
  </si>
  <si>
    <t>12/18/2019 21:09:01</t>
  </si>
  <si>
    <t>12/18/2019 21:12:30</t>
  </si>
  <si>
    <t>f81a46e2-90ef-40ca-a4e1-253cde04bbac.tmp</t>
  </si>
  <si>
    <t>\\acsfs\profiles$\laurandos\Downloads\f81a46e2-90ef-40ca-a4e1-253cde04bbac.tmp</t>
  </si>
  <si>
    <t>12/18/2019 21:10:50</t>
  </si>
  <si>
    <t>12/18/2019 21:13:30</t>
  </si>
  <si>
    <t>\\acsfs\profiles$\gabrieleods\Contacts\</t>
  </si>
  <si>
    <t>GABRIELE OLIVEIRA DE SOUSA (28671).contact</t>
  </si>
  <si>
    <t>\\acsfs\profiles$\gabrieleods\Contacts\GABRIELE OLIVEIRA DE SOUSA (28671).contact</t>
  </si>
  <si>
    <t>12/18/2019 21:11:11</t>
  </si>
  <si>
    <t>\\acsfs\profiles$\gabrieleods\My Documents\My Videos\</t>
  </si>
  <si>
    <t>\\acsfs\profiles$\gabrieleods\My Documents\My Videos\desktop.ini</t>
  </si>
  <si>
    <t>12/18/2019 21:11:12</t>
  </si>
  <si>
    <t>\\acsfs\profiles$\gabrieleods\My Documents\My Pictures\</t>
  </si>
  <si>
    <t>\\acsfs\profiles$\gabrieleods\My Documents\My Pictures\desktop.ini</t>
  </si>
  <si>
    <t>12/18/2019 21:11:13</t>
  </si>
  <si>
    <t>\\acsfs\profiles$\gabrieleods\Contacts\desktop.ini</t>
  </si>
  <si>
    <t>12/18/2019 21:11:14</t>
  </si>
  <si>
    <t>\\acsfs\profiles$\gabrieleods\Favorites\</t>
  </si>
  <si>
    <t>\\acsfs\profiles$\gabrieleods\Favorites\desktop.ini</t>
  </si>
  <si>
    <t>12/18/2019 21:11:16</t>
  </si>
  <si>
    <t>\\acsfs\profiles$\gabrieleods\My Documents\My Music\</t>
  </si>
  <si>
    <t>\\acsfs\profiles$\gabrieleods\My Documents\My Music\desktop.ini</t>
  </si>
  <si>
    <t>12/18/2019 21:11:17</t>
  </si>
  <si>
    <t>12/18/2019 21:11:18</t>
  </si>
  <si>
    <t>\\acsfs\profiles$\gabrieleods\Searches\</t>
  </si>
  <si>
    <t>\\acsfs\profiles$\gabrieleods\Searches\desktop.ini</t>
  </si>
  <si>
    <t>\\acsfs\profiles$\gabrieleods\Downloads\desktop.ini</t>
  </si>
  <si>
    <t>12/18/2019 21:11:19</t>
  </si>
  <si>
    <t>\\acsfs\profiles$\gabrieleods\My Documents\</t>
  </si>
  <si>
    <t>\\acsfs\profiles$\gabrieleods\My Documents\desktop.ini</t>
  </si>
  <si>
    <t>12/18/2019 21:11:20</t>
  </si>
  <si>
    <t>\\acsfs\profiles$\gabrieleods\Saved Games\</t>
  </si>
  <si>
    <t>\\acsfs\profiles$\gabrieleods\Saved Games\desktop.ini</t>
  </si>
  <si>
    <t>12/18/2019 21:12:37</t>
  </si>
  <si>
    <t>\\acsfs\profiles$\gabrieleods\Favorites\Links for Brasil\</t>
  </si>
  <si>
    <t>\\acsfs\profiles$\gabrieleods\Favorites\Links for Brasil\desktop.ini</t>
  </si>
  <si>
    <t>12/18/2019 21:12:39</t>
  </si>
  <si>
    <t>\\acsfs\profiles$\gabrieleods\Favorites\Links for Brasil\Microsoft Brasil.url</t>
  </si>
  <si>
    <t>12/18/2019 21:12:40</t>
  </si>
  <si>
    <t>\\acsfs\profiles$\gabrieleods\Favorites\Links for Brasil\Windows Brasil.url</t>
  </si>
  <si>
    <t>12/18/2019 21:12:41</t>
  </si>
  <si>
    <t>12/18/2019 21:12:43</t>
  </si>
  <si>
    <t>\\acsfs\profiles$\gabrieleods\Favorites\Links for Brasil\MSN Brasil.url</t>
  </si>
  <si>
    <t>12/18/2019 21:13:33</t>
  </si>
  <si>
    <t>12/18/2019 21:14:29</t>
  </si>
  <si>
    <t>12/18/2019 21:11:34</t>
  </si>
  <si>
    <t>3c0d5c3f-4786-4612-8a58-864aee6a49cb.tmp</t>
  </si>
  <si>
    <t>\\acsfs\profiles$\bernardopcm\Downloads\3c0d5c3f-4786-4612-8a58-864aee6a49cb.tmp</t>
  </si>
  <si>
    <t>12/18/2019 21:11:30</t>
  </si>
  <si>
    <t>12/18/2019 21:16:29</t>
  </si>
  <si>
    <t>12/18/2019 21:13:04</t>
  </si>
  <si>
    <t>12/18/2019 21:17:29</t>
  </si>
  <si>
    <t>XLOG_anakcs_18122019_130235.log</t>
  </si>
  <si>
    <t>\\acsfs\profiles$\anakcs\My Documents\xworkcenter\logs\XLOG_anakcs_18122019_130235.log</t>
  </si>
  <si>
    <t>\\acsfs\profiles$\anakcs\My Documents\xworkcenter\logs\wrapper.log</t>
  </si>
  <si>
    <t>12/18/2019 21:17:30</t>
  </si>
  <si>
    <t>12/18/2019 21:21:30</t>
  </si>
  <si>
    <t>12/18/2019 21:19:30</t>
  </si>
  <si>
    <t>12/18/2019 21:23:30</t>
  </si>
  <si>
    <t>12/18/2019 21:26:30</t>
  </si>
  <si>
    <t>12/18/2019 21:25:01</t>
  </si>
  <si>
    <t>12/18/2019 21:25:30</t>
  </si>
  <si>
    <t>12/18/2019 21:27:23</t>
  </si>
  <si>
    <t>12/18/2019 21:31:29</t>
  </si>
  <si>
    <t>12/18/2019 21:28:36</t>
  </si>
  <si>
    <t>12/18/2019 21:31:02</t>
  </si>
  <si>
    <t>12/18/2019 21:29:30</t>
  </si>
  <si>
    <t>12/18/2019 21:31:01</t>
  </si>
  <si>
    <t>12/18/2019 21:31:30</t>
  </si>
  <si>
    <t>12/18/2019 21:36:30</t>
  </si>
  <si>
    <t>12/18/2019 21:35:30</t>
  </si>
  <si>
    <t>12/18/2019 21:31:43</t>
  </si>
  <si>
    <t>12/18/2019 21:31:45</t>
  </si>
  <si>
    <t>12/18/2019 21:31:46</t>
  </si>
  <si>
    <t>12/18/2019 21:31:49</t>
  </si>
  <si>
    <t>12/18/2019 21:31:50</t>
  </si>
  <si>
    <t>12/18/2019 21:31:51</t>
  </si>
  <si>
    <t>12/18/2019 21:31:52</t>
  </si>
  <si>
    <t>12/18/2019 21:31:56</t>
  </si>
  <si>
    <t>12/18/2019 21:31:57</t>
  </si>
  <si>
    <t>12/18/2019 21:37:30</t>
  </si>
  <si>
    <t>12/18/2019 21:41:30</t>
  </si>
  <si>
    <t>12/18/2019 21:38:55</t>
  </si>
  <si>
    <t>12/18/2019 21:43:15</t>
  </si>
  <si>
    <t>12/18/2019 21:46:29</t>
  </si>
  <si>
    <t>12/18/2019 21:44:49</t>
  </si>
  <si>
    <t>12/18/2019 21:45:21</t>
  </si>
  <si>
    <t>12/18/2019 21:45:30</t>
  </si>
  <si>
    <t>12/18/2019 21:45:45</t>
  </si>
  <si>
    <t>12/18/2019 21:43:30</t>
  </si>
  <si>
    <t>12/18/2019 21:41:47</t>
  </si>
  <si>
    <t>12/18/2019 21:47:29</t>
  </si>
  <si>
    <t>12/18/2019 21:46:43</t>
  </si>
  <si>
    <t>12/18/2019 21:51:29</t>
  </si>
  <si>
    <t>12/18/2019 21:47:30</t>
  </si>
  <si>
    <t>12/18/2019 21:49:30</t>
  </si>
  <si>
    <t>12/18/2019 21:54:24</t>
  </si>
  <si>
    <t>12/18/2019 21:56:30</t>
  </si>
  <si>
    <t>12/18/2019 21:55:31</t>
  </si>
  <si>
    <t>12/18/2019 21:54:21</t>
  </si>
  <si>
    <t>12/18/2019 21:54:32</t>
  </si>
  <si>
    <t>12/18/2019 21:57:29</t>
  </si>
  <si>
    <t>12/18/2019 21:57:17</t>
  </si>
  <si>
    <t>12/18/2019 22:01:30</t>
  </si>
  <si>
    <t>12/18/2019 22:00:15</t>
  </si>
  <si>
    <t>12/18/2019 22:03:29</t>
  </si>
  <si>
    <t>12/18/2019 22:04:36</t>
  </si>
  <si>
    <t>12/18/2019 22:05:30</t>
  </si>
  <si>
    <t>12/18/2019 22:06:30</t>
  </si>
  <si>
    <t>12/18/2019 22:01:57</t>
  </si>
  <si>
    <t>12/18/2019 22:03:24</t>
  </si>
  <si>
    <t>12/18/2019 22:07:30</t>
  </si>
  <si>
    <t>12/18/2019 22:11:30</t>
  </si>
  <si>
    <t>12/18/2019 22:09:41</t>
  </si>
  <si>
    <t>12/18/2019 22:11:12</t>
  </si>
  <si>
    <t>12/18/2019 22:11:37</t>
  </si>
  <si>
    <t>12/18/2019 22:12:30</t>
  </si>
  <si>
    <t>12/18/2019 22:13:30</t>
  </si>
  <si>
    <t>12/18/2019 22:16:30</t>
  </si>
  <si>
    <t>12/18/2019 22:17:18</t>
  </si>
  <si>
    <t>12/18/2019 22:19:30</t>
  </si>
  <si>
    <t>12/18/2019 22:17:56</t>
  </si>
  <si>
    <t>12/18/2019 22:16:37</t>
  </si>
  <si>
    <t>12/18/2019 22:21:30</t>
  </si>
  <si>
    <t>12/18/2019 22:19:02</t>
  </si>
  <si>
    <t>12/18/2019 22:24:25</t>
  </si>
  <si>
    <t>12/18/2019 22:26:29</t>
  </si>
  <si>
    <t>12/18/2019 22:25:30</t>
  </si>
  <si>
    <t>12/18/2019 22:28:13</t>
  </si>
  <si>
    <t>12/18/2019 22:29:29</t>
  </si>
  <si>
    <t>12/18/2019 22:26:47</t>
  </si>
  <si>
    <t>12/18/2019 22:31:30</t>
  </si>
  <si>
    <t>12/18/2019 22:36:30</t>
  </si>
  <si>
    <t>12/18/2019 22:32:01</t>
  </si>
  <si>
    <t>12/18/2019 22:34:19</t>
  </si>
  <si>
    <t>12/18/2019 22:31:49</t>
  </si>
  <si>
    <t>12/18/2019 22:37:29</t>
  </si>
  <si>
    <t>12/18/2019 22:37:30</t>
  </si>
  <si>
    <t>12/18/2019 22:41:30</t>
  </si>
  <si>
    <t>12/18/2019 22:39:32</t>
  </si>
  <si>
    <t>12/18/2019 22:41:50</t>
  </si>
  <si>
    <t>12/18/2019 22:46:30</t>
  </si>
  <si>
    <t>12/18/2019 22:43:31</t>
  </si>
  <si>
    <t>12/18/2019 22:47:33</t>
  </si>
  <si>
    <t>12/18/2019 22:51:30</t>
  </si>
  <si>
    <t>12/18/2019 22:49:33</t>
  </si>
  <si>
    <t>12/18/2019 22:55:22</t>
  </si>
  <si>
    <t>12/18/2019 22:56:30</t>
  </si>
  <si>
    <t>12/18/2019 22:55:34</t>
  </si>
  <si>
    <t>12/18/2019 22:57:46</t>
  </si>
  <si>
    <t>12/18/2019 23:01:30</t>
  </si>
  <si>
    <t>12/18/2019 23:01:33</t>
  </si>
  <si>
    <t>12/18/2019 23:06:30</t>
  </si>
  <si>
    <t>12/18/2019 23:01:53</t>
  </si>
  <si>
    <t>12/18/2019 23:05:34</t>
  </si>
  <si>
    <t>12/18/2019 23:03:11</t>
  </si>
  <si>
    <t>12/18/2019 23:07:33</t>
  </si>
  <si>
    <t>12/18/2019 23:11:31</t>
  </si>
  <si>
    <t>12/18/2019 23:09:45</t>
  </si>
  <si>
    <t>12/18/2019 23:13:05</t>
  </si>
  <si>
    <t>12/18/2019 23:16:31</t>
  </si>
  <si>
    <t>12/18/2019 23:13:33</t>
  </si>
  <si>
    <t>12/18/2019 23:17:33</t>
  </si>
  <si>
    <t>12/18/2019 23:21:31</t>
  </si>
  <si>
    <t>12/18/2019 23:19:33</t>
  </si>
  <si>
    <t>12/18/2019 23:20:51</t>
  </si>
  <si>
    <t>12/18/2019 23:21:50</t>
  </si>
  <si>
    <t>12/18/2019 23:22:31</t>
  </si>
  <si>
    <t>12/18/2019 23:25:04</t>
  </si>
  <si>
    <t>12/18/2019 23:26:30</t>
  </si>
  <si>
    <t>12/18/2019 23:25:33</t>
  </si>
  <si>
    <t>12/18/2019 23:28:39</t>
  </si>
  <si>
    <t>12/18/2019 23:31:31</t>
  </si>
  <si>
    <t>12/18/2019 23:31:33</t>
  </si>
  <si>
    <t>12/18/2019 23:36:30</t>
  </si>
  <si>
    <t>12/18/2019 23:32:35</t>
  </si>
  <si>
    <t>12/18/2019 23:36:45</t>
  </si>
  <si>
    <t>12/18/2019 23:41:31</t>
  </si>
  <si>
    <t>12/18/2019 23:37:33</t>
  </si>
  <si>
    <t>12/18/2019 23:40:22</t>
  </si>
  <si>
    <t>12/18/2019 23:43:34</t>
  </si>
  <si>
    <t>12/18/2019 23:46:31</t>
  </si>
  <si>
    <t>12/18/2019 23:44:51</t>
  </si>
  <si>
    <t>12/18/2019 23:47:16</t>
  </si>
  <si>
    <t>12/18/2019 23:51:30</t>
  </si>
  <si>
    <t>12/18/2019 23:49:34</t>
  </si>
  <si>
    <t>12/18/2019 23:52:41</t>
  </si>
  <si>
    <t>12/18/2019 23:56:31</t>
  </si>
  <si>
    <t>12/18/2019 23:55:06</t>
  </si>
  <si>
    <t>12/18/2019 23:55:34</t>
  </si>
  <si>
    <t>12/18/2019 23:58:34</t>
  </si>
  <si>
    <t>12/19/2019 00:01:31</t>
  </si>
  <si>
    <t>12/19/2019 00:00:29</t>
  </si>
  <si>
    <t>12/19/2019 00:03:26</t>
  </si>
  <si>
    <t>12/19/2019 00:04:31</t>
  </si>
  <si>
    <t>12/19/2019 00:03:11</t>
  </si>
  <si>
    <t>12/19/2019 00:05:31</t>
  </si>
  <si>
    <t>12/19/2019 00:01:34</t>
  </si>
  <si>
    <t>12/19/2019 00:06:30</t>
  </si>
  <si>
    <t>12/19/2019 00:02:52</t>
  </si>
  <si>
    <t>12/19/2019 00:04:00</t>
  </si>
  <si>
    <t>12/19/2019 00:07:30</t>
  </si>
  <si>
    <t>12/19/2019 00:08:19</t>
  </si>
  <si>
    <t>12/19/2019 00:11:30</t>
  </si>
  <si>
    <t>12/19/2019 00:07:34</t>
  </si>
  <si>
    <t>12/19/2019 00:08:05</t>
  </si>
  <si>
    <t>12/19/2019 00:10:28</t>
  </si>
  <si>
    <t>12/19/2019 00:10:11</t>
  </si>
  <si>
    <t>12/19/2019 00:12:30</t>
  </si>
  <si>
    <t>12/19/2019 00:10:49</t>
  </si>
  <si>
    <t>12/19/2019 00:11:48</t>
  </si>
  <si>
    <t>12/19/2019 00:14:30</t>
  </si>
  <si>
    <t>12/19/2019 00:13:39</t>
  </si>
  <si>
    <t>12/19/2019 00:15:30</t>
  </si>
  <si>
    <t>12/19/2019 00:13:51</t>
  </si>
  <si>
    <t>12/19/2019 00:16:30</t>
  </si>
  <si>
    <t>12/19/2019 00:11:03</t>
  </si>
  <si>
    <t>12/19/2019 00:14:43</t>
  </si>
  <si>
    <t>12/19/2019 00:13:34</t>
  </si>
  <si>
    <t>12/19/2019 00:15:46</t>
  </si>
  <si>
    <t>12/19/2019 00:14:44</t>
  </si>
  <si>
    <t>12/19/2019 00:18:56</t>
  </si>
  <si>
    <t>12/19/2019 00:20:30</t>
  </si>
  <si>
    <t>12/19/2019 00:18:11</t>
  </si>
  <si>
    <t>12/19/2019 00:21:30</t>
  </si>
  <si>
    <t>12/19/2019 00:19:34</t>
  </si>
  <si>
    <t>12/19/2019 00:23:20</t>
  </si>
  <si>
    <t>12/19/2019 00:26:30</t>
  </si>
  <si>
    <t>12/19/2019 00:23:34</t>
  </si>
  <si>
    <t>12/19/2019 00:25:34</t>
  </si>
  <si>
    <t>12/19/2019 00:26:05</t>
  </si>
  <si>
    <t>12/19/2019 00:25:07</t>
  </si>
  <si>
    <t>12/19/2019 00:27:29</t>
  </si>
  <si>
    <t>12/19/2019 00:31:06</t>
  </si>
  <si>
    <t>12/19/2019 00:31:30</t>
  </si>
  <si>
    <t>12/19/2019 00:31:34</t>
  </si>
  <si>
    <t>12/19/2019 00:36:30</t>
  </si>
  <si>
    <t>12/19/2019 00:32:30</t>
  </si>
  <si>
    <t>12/19/2019 00:37:47</t>
  </si>
  <si>
    <t>12/19/2019 00:41:30</t>
  </si>
  <si>
    <t>12/19/2019 00:37:34</t>
  </si>
  <si>
    <t>12/19/2019 00:40:22</t>
  </si>
  <si>
    <t>12/19/2019 00:44:51</t>
  </si>
  <si>
    <t>12/19/2019 00:46:31</t>
  </si>
  <si>
    <t>12/19/2019 00:41:43</t>
  </si>
  <si>
    <t>12/19/2019 00:43:34</t>
  </si>
  <si>
    <t>12/19/2019 00:46:41</t>
  </si>
  <si>
    <t>12/19/2019 00:51:30</t>
  </si>
  <si>
    <t>12/19/2019 00:48:12</t>
  </si>
  <si>
    <t>12/19/2019 00:49:35</t>
  </si>
  <si>
    <t>12/19/2019 00:51:41</t>
  </si>
  <si>
    <t>12/19/2019 00:55:30</t>
  </si>
  <si>
    <t>12/19/2019 00:54:52</t>
  </si>
  <si>
    <t>12/19/2019 00:56:30</t>
  </si>
  <si>
    <t>12/19/2019 00:54:29</t>
  </si>
  <si>
    <t>12/19/2019 00:55:36</t>
  </si>
  <si>
    <t>12/19/2019 00:56:06</t>
  </si>
  <si>
    <t>12/19/2019 00:54:24</t>
  </si>
  <si>
    <t>12/19/2019 00:57:29</t>
  </si>
  <si>
    <t>12/19/2019 00:59:13</t>
  </si>
  <si>
    <t>12/19/2019 01:13:30</t>
  </si>
  <si>
    <t>12/19/2019 01:01:34</t>
  </si>
  <si>
    <t>12/19/2019 01:14:30</t>
  </si>
  <si>
    <t>12/19/2019 01:01:59</t>
  </si>
  <si>
    <t>12/19/2019 01:03:45</t>
  </si>
  <si>
    <t>12/19/2019 01:13:44</t>
  </si>
  <si>
    <t>12/19/2019 01:07:32</t>
  </si>
  <si>
    <t>12/19/2019 01:09:43</t>
  </si>
  <si>
    <t>12/19/2019 01:11:45</t>
  </si>
  <si>
    <t>12/19/2019 01:13:32</t>
  </si>
  <si>
    <t>12/19/2019 01:11:03</t>
  </si>
  <si>
    <t>12/19/2019 01:16:30</t>
  </si>
  <si>
    <t>12/19/2019 01:17:33</t>
  </si>
  <si>
    <t>12/19/2019 01:19:30</t>
  </si>
  <si>
    <t>12/19/2019 01:16:35</t>
  </si>
  <si>
    <t>12/19/2019 01:21:29</t>
  </si>
  <si>
    <t>12/19/2019 01:16:42</t>
  </si>
  <si>
    <t>12/19/2019 01:22:30</t>
  </si>
  <si>
    <t>12/19/2019 01:19:32</t>
  </si>
  <si>
    <t>12/19/2019 01:24:30</t>
  </si>
  <si>
    <t>12/19/2019 01:25:21</t>
  </si>
  <si>
    <t>12/19/2019 01:29:30</t>
  </si>
  <si>
    <t>12/19/2019 01:25:32</t>
  </si>
  <si>
    <t>12/19/2019 01:28:08</t>
  </si>
  <si>
    <t>12/19/2019 01:31:30</t>
  </si>
  <si>
    <t>12/19/2019 01:31:32</t>
  </si>
  <si>
    <t>12/19/2019 01:34:30</t>
  </si>
  <si>
    <t>12/19/2019 01:32:52</t>
  </si>
  <si>
    <t>12/19/2019 01:37:32</t>
  </si>
  <si>
    <t>12/19/2019 01:39:31</t>
  </si>
  <si>
    <t>12/19/2019 01:40:38</t>
  </si>
  <si>
    <t>12/19/2019 01:44:31</t>
  </si>
  <si>
    <t>12/19/2019 01:43:32</t>
  </si>
  <si>
    <t>12/19/2019 01:48:44</t>
  </si>
  <si>
    <t>12/19/2019 01:49:31</t>
  </si>
  <si>
    <t>12/19/2019 01:49:22</t>
  </si>
  <si>
    <t>12/19/2019 01:54:31</t>
  </si>
  <si>
    <t>12/19/2019 01:49:32</t>
  </si>
  <si>
    <t>12/19/2019 01:54:28</t>
  </si>
  <si>
    <t>12/19/2019 01:55:31</t>
  </si>
  <si>
    <t>12/19/2019 01:55:32</t>
  </si>
  <si>
    <t>12/19/2019 01:59:31</t>
  </si>
  <si>
    <t>12/19/2019 01:56:51</t>
  </si>
  <si>
    <t>12/19/2019 02:01:32</t>
  </si>
  <si>
    <t>12/19/2019 02:04:31</t>
  </si>
  <si>
    <t>12/19/2019 02:02:34</t>
  </si>
  <si>
    <t>12/19/2019 02:02:35</t>
  </si>
  <si>
    <t>12/19/2019 02:07:31</t>
  </si>
  <si>
    <t>12/19/2019 02:04:55</t>
  </si>
  <si>
    <t>12/19/2019 02:09:31</t>
  </si>
  <si>
    <t>12/19/2019 02:07:32</t>
  </si>
  <si>
    <t>12/19/2019 02:10:39</t>
  </si>
  <si>
    <t>12/19/2019 02:14:31</t>
  </si>
  <si>
    <t>12/19/2019 02:12:40</t>
  </si>
  <si>
    <t>12/19/2019 02:13:32</t>
  </si>
  <si>
    <t>12/19/2019 02:13:29</t>
  </si>
  <si>
    <t>12/19/2019 02:17:31</t>
  </si>
  <si>
    <t>12/19/2019 02:18:25</t>
  </si>
  <si>
    <t>12/19/2019 02:19:31</t>
  </si>
  <si>
    <t>12/19/2019 02:18:26</t>
  </si>
  <si>
    <t>12/19/2019 02:19:32</t>
  </si>
  <si>
    <t>12/19/2019 02:24:29</t>
  </si>
  <si>
    <t>12/19/2019 02:20:49</t>
  </si>
  <si>
    <t>12/19/2019 02:25:32</t>
  </si>
  <si>
    <t>12/19/2019 02:29:29</t>
  </si>
  <si>
    <t>12/19/2019 02:25:57</t>
  </si>
  <si>
    <t>12/19/2019 02:28:39</t>
  </si>
  <si>
    <t>12/19/2019 02:31:32</t>
  </si>
  <si>
    <t>12/19/2019 02:34:30</t>
  </si>
  <si>
    <t>12/19/2019 02:33:44</t>
  </si>
  <si>
    <t>12/19/2019 02:36:10</t>
  </si>
  <si>
    <t>12/19/2019 02:39:30</t>
  </si>
  <si>
    <t>12/19/2019 02:37:32</t>
  </si>
  <si>
    <t>12/19/2019 02:41:33</t>
  </si>
  <si>
    <t>12/19/2019 02:44:30</t>
  </si>
  <si>
    <t>12/19/2019 02:43:32</t>
  </si>
  <si>
    <t>12/19/2019 02:43:41</t>
  </si>
  <si>
    <t>12/19/2019 02:47:51</t>
  </si>
  <si>
    <t>12/19/2019 02:49:29</t>
  </si>
  <si>
    <t>12/19/2019 02:49:32</t>
  </si>
  <si>
    <t>12/19/2019 02:54:30</t>
  </si>
  <si>
    <t>12/19/2019 02:51:44</t>
  </si>
  <si>
    <t>12/19/2019 02:55:33</t>
  </si>
  <si>
    <t>12/19/2019 02:59:29</t>
  </si>
  <si>
    <t>12/19/2019 03:00:50</t>
  </si>
  <si>
    <t>12/19/2019 03:02:29</t>
  </si>
  <si>
    <t>12/19/2019 02:59:34</t>
  </si>
  <si>
    <t>12/19/2019 03:04:29</t>
  </si>
  <si>
    <t>12/19/2019 03:01:33</t>
  </si>
  <si>
    <t>12/19/2019 03:03:44</t>
  </si>
  <si>
    <t>12/19/2019 03:03:01</t>
  </si>
  <si>
    <t>12/19/2019 03:05:30</t>
  </si>
  <si>
    <t>12/19/2019 03:06:00</t>
  </si>
  <si>
    <t>12/19/2019 03:09:30</t>
  </si>
  <si>
    <t>12/19/2019 03:07:04</t>
  </si>
  <si>
    <t>12/19/2019 03:07:33</t>
  </si>
  <si>
    <t>12/19/2019 03:13:52</t>
  </si>
  <si>
    <t>12/19/2019 03:14:29</t>
  </si>
  <si>
    <t>12/19/2019 03:11:34</t>
  </si>
  <si>
    <t>12/19/2019 03:13:33</t>
  </si>
  <si>
    <t>12/19/2019 03:14:35</t>
  </si>
  <si>
    <t>12/19/2019 03:19:30</t>
  </si>
  <si>
    <t>12/19/2019 03:16:11</t>
  </si>
  <si>
    <t>12/19/2019 03:20:30</t>
  </si>
  <si>
    <t>12/19/2019 03:20:14</t>
  </si>
  <si>
    <t>12/19/2019 03:21:30</t>
  </si>
  <si>
    <t>12/19/2019 03:20:26</t>
  </si>
  <si>
    <t>12/19/2019 03:19:33</t>
  </si>
  <si>
    <t>12/19/2019 03:24:30</t>
  </si>
  <si>
    <t>12/19/2019 03:22:39</t>
  </si>
  <si>
    <t>12/19/2019 03:25:34</t>
  </si>
  <si>
    <t>12/19/2019 03:29:30</t>
  </si>
  <si>
    <t>12/19/2019 03:27:05</t>
  </si>
  <si>
    <t>12/19/2019 03:27:51</t>
  </si>
  <si>
    <t>12/19/2019 03:27:52</t>
  </si>
  <si>
    <t>12/19/2019 03:28:17</t>
  </si>
  <si>
    <t>12/19/2019 03:28:19</t>
  </si>
  <si>
    <t>12/19/2019 03:28:20</t>
  </si>
  <si>
    <t>12/19/2019 03:28:22</t>
  </si>
  <si>
    <t>12/19/2019 03:28:23</t>
  </si>
  <si>
    <t>12/19/2019 03:28:25</t>
  </si>
  <si>
    <t>12/19/2019 03:28:27</t>
  </si>
  <si>
    <t>12/19/2019 03:28:29</t>
  </si>
  <si>
    <t>12/19/2019 03:28:37</t>
  </si>
  <si>
    <t>12/19/2019 03:28:38</t>
  </si>
  <si>
    <t>12/19/2019 03:29:11</t>
  </si>
  <si>
    <t>12/19/2019 03:29:12</t>
  </si>
  <si>
    <t>12/19/2019 03:29:13</t>
  </si>
  <si>
    <t>12/19/2019 03:29:14</t>
  </si>
  <si>
    <t>12/19/2019 03:29:16</t>
  </si>
  <si>
    <t>12/19/2019 03:29:17</t>
  </si>
  <si>
    <t>12/19/2019 03:29:18</t>
  </si>
  <si>
    <t>12/19/2019 03:29:20</t>
  </si>
  <si>
    <t>12/19/2019 03:29:21</t>
  </si>
  <si>
    <t>12/19/2019 03:29:22</t>
  </si>
  <si>
    <t>12/19/2019 03:29:24</t>
  </si>
  <si>
    <t>12/19/2019 03:29:25</t>
  </si>
  <si>
    <t>12/19/2019 03:29:26</t>
  </si>
  <si>
    <t>12/19/2019 03:28:36</t>
  </si>
  <si>
    <t>12/19/2019 03:31:30</t>
  </si>
  <si>
    <t>12/19/2019 03:29:28</t>
  </si>
  <si>
    <t>12/19/2019 03:34:30</t>
  </si>
  <si>
    <t>12/19/2019 03:29:29</t>
  </si>
  <si>
    <t>12/19/2019 03:29:32</t>
  </si>
  <si>
    <t>12/19/2019 03:29:33</t>
  </si>
  <si>
    <t>12/19/2019 03:29:34</t>
  </si>
  <si>
    <t>12/19/2019 03:29:36</t>
  </si>
  <si>
    <t>12/19/2019 03:29:37</t>
  </si>
  <si>
    <t>12/19/2019 03:29:38</t>
  </si>
  <si>
    <t>12/19/2019 03:29:40</t>
  </si>
  <si>
    <t>12/19/2019 03:29:41</t>
  </si>
  <si>
    <t>12/19/2019 03:35:30</t>
  </si>
  <si>
    <t>12/19/2019 03:29:42</t>
  </si>
  <si>
    <t>12/19/2019 03:29:44</t>
  </si>
  <si>
    <t>12/19/2019 03:29:45</t>
  </si>
  <si>
    <t>12/19/2019 03:29:46</t>
  </si>
  <si>
    <t>12/19/2019 03:29:48</t>
  </si>
  <si>
    <t>12/19/2019 03:29:49</t>
  </si>
  <si>
    <t>12/19/2019 03:29:50</t>
  </si>
  <si>
    <t>12/19/2019 03:29:52</t>
  </si>
  <si>
    <t>12/19/2019 03:29:53</t>
  </si>
  <si>
    <t>12/19/2019 03:29:54</t>
  </si>
  <si>
    <t>12/19/2019 03:29:56</t>
  </si>
  <si>
    <t>12/19/2019 03:29:57</t>
  </si>
  <si>
    <t>12/19/2019 03:29:58</t>
  </si>
  <si>
    <t>12/19/2019 03:30:00</t>
  </si>
  <si>
    <t>12/19/2019 03:30:01</t>
  </si>
  <si>
    <t>12/19/2019 03:30:02</t>
  </si>
  <si>
    <t>12/19/2019 03:30:04</t>
  </si>
  <si>
    <t>12/19/2019 03:30:05</t>
  </si>
  <si>
    <t>12/19/2019 03:30:06</t>
  </si>
  <si>
    <t>12/19/2019 03:30:08</t>
  </si>
  <si>
    <t>12/19/2019 03:30:09</t>
  </si>
  <si>
    <t>12/19/2019 03:30:10</t>
  </si>
  <si>
    <t>12/19/2019 03:30:12</t>
  </si>
  <si>
    <t>12/19/2019 03:30:13</t>
  </si>
  <si>
    <t>12/19/2019 03:30:14</t>
  </si>
  <si>
    <t>12/19/2019 03:30:16</t>
  </si>
  <si>
    <t>12/19/2019 03:30:17</t>
  </si>
  <si>
    <t>12/19/2019 03:30:18</t>
  </si>
  <si>
    <t>12/19/2019 03:30:23</t>
  </si>
  <si>
    <t>12/19/2019 03:30:25</t>
  </si>
  <si>
    <t>12/19/2019 03:30:33</t>
  </si>
  <si>
    <t>12/19/2019 03:30:34</t>
  </si>
  <si>
    <t>12/19/2019 03:30:35</t>
  </si>
  <si>
    <t>12/19/2019 03:30:37</t>
  </si>
  <si>
    <t>12/19/2019 03:32:53</t>
  </si>
  <si>
    <t>12/19/2019 03:38:14</t>
  </si>
  <si>
    <t>12/19/2019 03:39:30</t>
  </si>
  <si>
    <t>12/19/2019 03:36:34</t>
  </si>
  <si>
    <t>12/19/2019 03:40:30</t>
  </si>
  <si>
    <t>12/19/2019 03:37:51</t>
  </si>
  <si>
    <t>12/19/2019 03:36:36</t>
  </si>
  <si>
    <t>12/19/2019 03:41:30</t>
  </si>
  <si>
    <t>12/19/2019 03:40:20</t>
  </si>
  <si>
    <t>12/19/2019 03:42:30</t>
  </si>
  <si>
    <t>12/19/2019 03:41:09</t>
  </si>
  <si>
    <t>12/19/2019 03:45:31</t>
  </si>
  <si>
    <t>12/19/2019 03:42:34</t>
  </si>
  <si>
    <t>12/19/2019 03:43:15</t>
  </si>
  <si>
    <t>12/19/2019 03:46:30</t>
  </si>
  <si>
    <t>12/19/2019 03:41:13</t>
  </si>
  <si>
    <t>12/19/2019 03:45:22</t>
  </si>
  <si>
    <t>12/19/2019 03:50:30</t>
  </si>
  <si>
    <t>12/19/2019 03:48:34</t>
  </si>
  <si>
    <t>12/19/2019 03:49:05</t>
  </si>
  <si>
    <t>12/19/2019 03:53:16</t>
  </si>
  <si>
    <t>12/19/2019 03:55:30</t>
  </si>
  <si>
    <t>12/19/2019 03:54:34</t>
  </si>
  <si>
    <t>12/19/2019 04:00:30</t>
  </si>
  <si>
    <t>12/19/2019 03:56:47</t>
  </si>
  <si>
    <t>12/19/2019 03:58:10</t>
  </si>
  <si>
    <t>12/19/2019 04:01:30</t>
  </si>
  <si>
    <t>12/19/2019 04:00:35</t>
  </si>
  <si>
    <t>12/19/2019 04:05:30</t>
  </si>
  <si>
    <t>12/19/2019 04:00:47</t>
  </si>
  <si>
    <t>12/19/2019 04:03:37</t>
  </si>
  <si>
    <t>12/19/2019 04:06:30</t>
  </si>
  <si>
    <t>12/19/2019 04:04:53</t>
  </si>
  <si>
    <t>12/19/2019 04:10:30</t>
  </si>
  <si>
    <t>12/19/2019 04:06:34</t>
  </si>
  <si>
    <t>12/19/2019 04:08:45</t>
  </si>
  <si>
    <t>12/19/2019 04:09:26</t>
  </si>
  <si>
    <t>12/19/2019 04:12:30</t>
  </si>
  <si>
    <t>12/19/2019 04:12:34</t>
  </si>
  <si>
    <t>12/19/2019 04:15:30</t>
  </si>
  <si>
    <t>12/19/2019 04:14:54</t>
  </si>
  <si>
    <t>12/19/2019 04:16:30</t>
  </si>
  <si>
    <t>12/19/2019 04:17:14</t>
  </si>
  <si>
    <t>12/19/2019 04:19:30</t>
  </si>
  <si>
    <t>12/19/2019 04:16:17</t>
  </si>
  <si>
    <t>12/19/2019 04:20:30</t>
  </si>
  <si>
    <t>12/19/2019 04:18:34</t>
  </si>
  <si>
    <t>12/19/2019 04:16:54</t>
  </si>
  <si>
    <t>12/19/2019 04:24:23</t>
  </si>
  <si>
    <t>12/19/2019 04:25:30</t>
  </si>
  <si>
    <t>12/19/2019 04:19:57</t>
  </si>
  <si>
    <t>12/19/2019 04:24:34</t>
  </si>
  <si>
    <t>12/19/2019 04:27:30</t>
  </si>
  <si>
    <t>12/19/2019 04:24:37</t>
  </si>
  <si>
    <t>12/19/2019 04:30:31</t>
  </si>
  <si>
    <t>12/19/2019 04:26:45</t>
  </si>
  <si>
    <t>12/19/2019 04:27:51</t>
  </si>
  <si>
    <t>12/19/2019 04:31:30</t>
  </si>
  <si>
    <t>12/19/2019 04:30:34</t>
  </si>
  <si>
    <t>12/19/2019 04:35:31</t>
  </si>
  <si>
    <t>12/19/2019 04:31:54</t>
  </si>
  <si>
    <t>12/19/2019 04:34:17</t>
  </si>
  <si>
    <t>12/19/2019 04:36:34</t>
  </si>
  <si>
    <t>12/19/2019 04:40:31</t>
  </si>
  <si>
    <t>12/19/2019 04:39:32</t>
  </si>
  <si>
    <t>12/19/2019 04:44:31</t>
  </si>
  <si>
    <t>12/19/2019 04:39:40</t>
  </si>
  <si>
    <t>12/19/2019 04:45:31</t>
  </si>
  <si>
    <t>12/19/2019 04:42:06</t>
  </si>
  <si>
    <t>12/19/2019 04:42:34</t>
  </si>
  <si>
    <t>12/19/2019 04:42:41</t>
  </si>
  <si>
    <t>12/19/2019 04:47:32</t>
  </si>
  <si>
    <t>12/19/2019 04:45:56</t>
  </si>
  <si>
    <t>mail.google.com/_/upload?authuser=0&amp;dcp=asu-n&amp;upload_id=AEnB2Uq9uA5zSEXpxZRrRxHiIqzGYHPYbOGj_V7NBNEEw0R7y44cZtKuIxtGto8iMV2Jd2E-bKf0lxbHEtCFo2wAmhG_wB9S8V8xPM4dYduW60edBHsEEQ8&amp;upload_protocol=resumable</t>
  </si>
  <si>
    <t>fernanda.abilel@how2pay.com.br;</t>
  </si>
  <si>
    <t>Revisão Salarial_Diretoria de Gente_Dez2019.xlsx</t>
  </si>
  <si>
    <t>fernanda.abilel@how2pay.com.br</t>
  </si>
  <si>
    <t>12/19/2019 04:47:11</t>
  </si>
  <si>
    <t>12/19/2019 04:50:31</t>
  </si>
  <si>
    <t>12/19/2019 04:47:37</t>
  </si>
  <si>
    <t>12/19/2019 04:47:38</t>
  </si>
  <si>
    <t>12/19/2019 04:47:39</t>
  </si>
  <si>
    <t>12/19/2019 04:47:40</t>
  </si>
  <si>
    <t>12/19/2019 04:47:41</t>
  </si>
  <si>
    <t>12/19/2019 04:47:42</t>
  </si>
  <si>
    <t>12/19/2019 04:47:43</t>
  </si>
  <si>
    <t>12/19/2019 04:47:48</t>
  </si>
  <si>
    <t>12/19/2019 04:47:51</t>
  </si>
  <si>
    <t>12/19/2019 04:47:52</t>
  </si>
  <si>
    <t>12/19/2019 04:47:57</t>
  </si>
  <si>
    <t>12/19/2019 04:47:58</t>
  </si>
  <si>
    <t>12/19/2019 04:48:01</t>
  </si>
  <si>
    <t>12/19/2019 04:48:02</t>
  </si>
  <si>
    <t>12/19/2019 04:48:12</t>
  </si>
  <si>
    <t>12/19/2019 04:48:15</t>
  </si>
  <si>
    <t>12/19/2019 04:50:46</t>
  </si>
  <si>
    <t>12/19/2019 04:55:30</t>
  </si>
  <si>
    <t>12/19/2019 04:54:05</t>
  </si>
  <si>
    <t>12/19/2019 04:55:53</t>
  </si>
  <si>
    <t>12/19/2019 04:59:30</t>
  </si>
  <si>
    <t>12/19/2019 04:58:17</t>
  </si>
  <si>
    <t>12/19/2019 05:00:30</t>
  </si>
  <si>
    <t>12/19/2019 04:58:12</t>
  </si>
  <si>
    <t>12/19/2019 05:01:30</t>
  </si>
  <si>
    <t>12/19/2019 04:56:13</t>
  </si>
  <si>
    <t>12/19/2019 04:59:42</t>
  </si>
  <si>
    <t>12/19/2019 05:03:30</t>
  </si>
  <si>
    <t>12/19/2019 04:59:07</t>
  </si>
  <si>
    <t>12/19/2019 05:04:30</t>
  </si>
  <si>
    <t>12/19/2019 05:00:05</t>
  </si>
  <si>
    <t>12/19/2019 05:05:30</t>
  </si>
  <si>
    <t>12/19/2019 05:03:12</t>
  </si>
  <si>
    <t>12/19/2019 05:08:30</t>
  </si>
  <si>
    <t>12/19/2019 05:05:48</t>
  </si>
  <si>
    <t>12/19/2019 05:10:30</t>
  </si>
  <si>
    <t>12/19/2019 05:06:05</t>
  </si>
  <si>
    <t>12/19/2019 05:08:01</t>
  </si>
  <si>
    <t>12/19/2019 05:08:02</t>
  </si>
  <si>
    <t>12/19/2019 05:10:50</t>
  </si>
  <si>
    <t>12/19/2019 05:15:30</t>
  </si>
  <si>
    <t>12/19/2019 05:12:18</t>
  </si>
  <si>
    <t>12/19/2019 05:12:24</t>
  </si>
  <si>
    <t>12/19/2019 05:12:25</t>
  </si>
  <si>
    <t>12/19/2019 05:12:26</t>
  </si>
  <si>
    <t>12/19/2019 05:12:27</t>
  </si>
  <si>
    <t>12/19/2019 05:12:40</t>
  </si>
  <si>
    <t>12/19/2019 05:12:41</t>
  </si>
  <si>
    <t>12/19/2019 05:12:42</t>
  </si>
  <si>
    <t>12/19/2019 05:12:43</t>
  </si>
  <si>
    <t>12/19/2019 05:12:44</t>
  </si>
  <si>
    <t>12/19/2019 05:12:45</t>
  </si>
  <si>
    <t>12/19/2019 05:12:46</t>
  </si>
  <si>
    <t>12/19/2019 05:12:52</t>
  </si>
  <si>
    <t>12/19/2019 05:15:26</t>
  </si>
  <si>
    <t>12/19/2019 05:20:29</t>
  </si>
  <si>
    <t>12/19/2019 05:18:02</t>
  </si>
  <si>
    <t>12/19/2019 05:15:29</t>
  </si>
  <si>
    <t>12/19/2019 05:18:47</t>
  </si>
  <si>
    <t>12/19/2019 05:22:29</t>
  </si>
  <si>
    <t>12/19/2019 05:20:11</t>
  </si>
  <si>
    <t>12/19/2019 05:21:12</t>
  </si>
  <si>
    <t>12/19/2019 05:24:30</t>
  </si>
  <si>
    <t>12/19/2019 05:20:22</t>
  </si>
  <si>
    <t>12/19/2019 05:25:30</t>
  </si>
  <si>
    <t>12/19/2019 05:23:15</t>
  </si>
  <si>
    <t>12/19/2019 05:24:02</t>
  </si>
  <si>
    <t>12/19/2019 05:26:41</t>
  </si>
  <si>
    <t>12/19/2019 05:29:30</t>
  </si>
  <si>
    <t>12/19/2019 05:28:44</t>
  </si>
  <si>
    <t>12/19/2019 05:30:30</t>
  </si>
  <si>
    <t>12/19/2019 05:30:02</t>
  </si>
  <si>
    <t>12/19/2019 05:35:30</t>
  </si>
  <si>
    <t>12/19/2019 05:31:19</t>
  </si>
  <si>
    <t>12/19/2019 05:35:27</t>
  </si>
  <si>
    <t>12/19/2019 05:37:29</t>
  </si>
  <si>
    <t>Meritocracia - Marcelo e Carlos Maurício_jan2020.xlsx</t>
  </si>
  <si>
    <t>12/19/2019 05:35:43</t>
  </si>
  <si>
    <t>12/19/2019 05:40:30</t>
  </si>
  <si>
    <t>12/19/2019 05:35:44</t>
  </si>
  <si>
    <t>12/19/2019 05:36:14</t>
  </si>
  <si>
    <t>12/19/2019 05:38:38</t>
  </si>
  <si>
    <t>12/19/2019 05:42:30</t>
  </si>
  <si>
    <t>ACT Manual_Marco Aurélio_jan2020.xlsx</t>
  </si>
  <si>
    <t>12/19/2019 05:40:37</t>
  </si>
  <si>
    <t>Diária de Viagem_Marco Aurélio_jan2020.xlsx</t>
  </si>
  <si>
    <t>12/19/2019 05:41:01</t>
  </si>
  <si>
    <t>12/19/2019 05:45:31</t>
  </si>
  <si>
    <t>12/19/2019 05:43:45</t>
  </si>
  <si>
    <t>12/19/2019 05:47:18</t>
  </si>
  <si>
    <t>12/19/2019 05:49:31</t>
  </si>
  <si>
    <t>12/19/2019 05:47:01</t>
  </si>
  <si>
    <t>12/19/2019 05:50:31</t>
  </si>
  <si>
    <t>12/19/2019 05:51:56</t>
  </si>
  <si>
    <t>12/19/2019 05:55:31</t>
  </si>
  <si>
    <t>12/19/2019 05:53:01</t>
  </si>
  <si>
    <t>12/19/2019 05:54:32</t>
  </si>
  <si>
    <t>12/19/2019 05:57:52</t>
  </si>
  <si>
    <t>12/19/2019 06:00:31</t>
  </si>
  <si>
    <t>12/19/2019 05:59:01</t>
  </si>
  <si>
    <t>12/19/2019 05:59:33</t>
  </si>
  <si>
    <t>12/19/2019 06:05:01</t>
  </si>
  <si>
    <t>12/19/2019 06:10:31</t>
  </si>
  <si>
    <t>12/19/2019 06:05:32</t>
  </si>
  <si>
    <t>12/19/2019 06:07:03</t>
  </si>
  <si>
    <t>12/19/2019 06:11:01</t>
  </si>
  <si>
    <t>12/19/2019 06:15:31</t>
  </si>
  <si>
    <t>12/19/2019 06:13:13</t>
  </si>
  <si>
    <t>12/19/2019 06:15:01</t>
  </si>
  <si>
    <t>12/19/2019 06:20:31</t>
  </si>
  <si>
    <t>12/19/2019 06:17:01</t>
  </si>
  <si>
    <t>12/19/2019 06:22:32</t>
  </si>
  <si>
    <t>12/19/2019 06:25:31</t>
  </si>
  <si>
    <t>12/19/2019 06:23:01</t>
  </si>
  <si>
    <t>12/19/2019 06:28:50</t>
  </si>
  <si>
    <t>12/19/2019 06:30:31</t>
  </si>
  <si>
    <t>12/19/2019 06:29:01</t>
  </si>
  <si>
    <t>12/19/2019 06:27:20</t>
  </si>
  <si>
    <t>12/19/2019 06:27:15</t>
  </si>
  <si>
    <t>12/19/2019 06:31:31</t>
  </si>
  <si>
    <t>12/19/2019 06:30:19</t>
  </si>
  <si>
    <t>12/19/2019 06:35:31</t>
  </si>
  <si>
    <t>12/19/2019 06:35:01</t>
  </si>
  <si>
    <t>12/19/2019 06:40:31</t>
  </si>
  <si>
    <t>12/19/2019 06:36:21</t>
  </si>
  <si>
    <t>12/19/2019 06:37:50</t>
  </si>
  <si>
    <t>12/19/2019 06:41:46</t>
  </si>
  <si>
    <t>12/19/2019 06:44:31</t>
  </si>
  <si>
    <t>12/19/2019 06:41:01</t>
  </si>
  <si>
    <t>12/19/2019 06:45:30</t>
  </si>
  <si>
    <t>12/19/2019 06:43:13</t>
  </si>
  <si>
    <t>12/19/2019 06:44:11</t>
  </si>
  <si>
    <t>12/19/2019 06:46:31</t>
  </si>
  <si>
    <t>12/19/2019 06:45:11</t>
  </si>
  <si>
    <t>12/19/2019 06:49:31</t>
  </si>
  <si>
    <t>12/19/2019 06:45:33</t>
  </si>
  <si>
    <t>Dimensionamento_Dezembro 1 (2).xlsx</t>
  </si>
  <si>
    <t>\\acsfs\DEPTOS\Operacao\Banco_Votorantim\Qualidade\Anderson\Dimensionamento Elii kk\Dimensionamento_Dezembro 1 (2).xlsx</t>
  </si>
  <si>
    <t>\\acsfs\DEPTOS\Operacao\Banco_Votorantim\Qualidade\Anderson\Dimensionamento Elii kk\Dimensionamento_Dezembro 1 (2).xlsx\</t>
  </si>
  <si>
    <t>\\acsfs\DEPTOS\Operacao\Banco_Votorantim\Qualidade\Anderson\Dimensionamento Elii kk\Dimensionamento_Dezembro 1 (2).xlsx\:Zone.Identifier:$DATA</t>
  </si>
  <si>
    <t>12/19/2019 06:45:38</t>
  </si>
  <si>
    <t>12/19/2019 06:50:31</t>
  </si>
  <si>
    <t>12/19/2019 06:47:01</t>
  </si>
  <si>
    <t>12/19/2019 06:47:02</t>
  </si>
  <si>
    <t>12/19/2019 06:48:14</t>
  </si>
  <si>
    <t>12/19/2019 06:49:43</t>
  </si>
  <si>
    <t>12/19/2019 06:51:31</t>
  </si>
  <si>
    <t>\\acsfs\profiles$\brendavdoa\My Documents\$RECYCLE.BIN\</t>
  </si>
  <si>
    <t>$IYKNBEU.txt</t>
  </si>
  <si>
    <t>\\acsfs\profiles$\brendavdoa\My Documents\$RECYCLE.BIN\$IYKNBEU.txt</t>
  </si>
  <si>
    <t>12/19/2019 06:51:08</t>
  </si>
  <si>
    <t>12/19/2019 06:52:31</t>
  </si>
  <si>
    <t>12/19/2019 06:54:31</t>
  </si>
  <si>
    <t>12/19/2019 06:51:21</t>
  </si>
  <si>
    <t>12/19/2019 06:55:31</t>
  </si>
  <si>
    <t>12/19/2019 06:53:46</t>
  </si>
  <si>
    <t>12/19/2019 06:54:02</t>
  </si>
  <si>
    <t>12/19/2019 06:52:43</t>
  </si>
  <si>
    <t>45721c16-39d7-4db3-8f25-c77221bb6903.tmp</t>
  </si>
  <si>
    <t>\\acsfs\profiles$\vivianealda\Downloads\45721c16-39d7-4db3-8f25-c77221bb6903.tmp</t>
  </si>
  <si>
    <t>12/19/2019 06:53:31</t>
  </si>
  <si>
    <t>9ac6a33d-e479-47ba-be33-729f257abc41.tmp</t>
  </si>
  <si>
    <t>\\acsfs\profiles$\vivianealda\Downloads\9ac6a33d-e479-47ba-be33-729f257abc41.tmp</t>
  </si>
  <si>
    <t>12/19/2019 06:50:48</t>
  </si>
  <si>
    <t>a2d45781-a9c1-461e-8878-f2fd90984a73.tmp</t>
  </si>
  <si>
    <t>\\acsfs\profiles$\nathaliadf\Downloads\a2d45781-a9c1-461e-8878-f2fd90984a73.tmp</t>
  </si>
  <si>
    <t>12/19/2019 06:51:56</t>
  </si>
  <si>
    <t>814f784f-d881-4a58-b5a1-a34a473b689d.tmp</t>
  </si>
  <si>
    <t>\\acsfs\profiles$\nathaliadf\Downloads\814f784f-d881-4a58-b5a1-a34a473b689d.tmp</t>
  </si>
  <si>
    <t>12/19/2019 06:52:44</t>
  </si>
  <si>
    <t>f66a9b5d-3621-4453-b8fd-d57761125b84.tmp</t>
  </si>
  <si>
    <t>\\acsfs\profiles$\nathaliadf\Downloads\f66a9b5d-3621-4453-b8fd-d57761125b84.tmp</t>
  </si>
  <si>
    <t>12/19/2019 06:53:09</t>
  </si>
  <si>
    <t>403bf170-c3df-47b5-997e-4124daf48a9f.tmp</t>
  </si>
  <si>
    <t>\\acsfs\profiles$\nathaliadf\Downloads\403bf170-c3df-47b5-997e-4124daf48a9f.tmp</t>
  </si>
  <si>
    <t>12/19/2019 06:53:20</t>
  </si>
  <si>
    <t>12/19/2019 06:56:30</t>
  </si>
  <si>
    <t>12/19/2019 06:54:52</t>
  </si>
  <si>
    <t>12/19/2019 06:52:13</t>
  </si>
  <si>
    <t>$IH4K16P.txt</t>
  </si>
  <si>
    <t>\\acsfs\profiles$\brendavdoa\My Documents\$RECYCLE.BIN\$IH4K16P.txt</t>
  </si>
  <si>
    <t>12/19/2019 06:52:49</t>
  </si>
  <si>
    <t>$I8X7KTM.txt</t>
  </si>
  <si>
    <t>\\acsfs\profiles$\brendavdoa\My Documents\$RECYCLE.BIN\$I8X7KTM.txt</t>
  </si>
  <si>
    <t>12/19/2019 06:59:31</t>
  </si>
  <si>
    <t>12/19/2019 06:59:34</t>
  </si>
  <si>
    <t>12/19/2019 07:00:30</t>
  </si>
  <si>
    <t>12/19/2019 06:57:25</t>
  </si>
  <si>
    <t>12/19/2019 06:55:42</t>
  </si>
  <si>
    <t>6d1cf42a-af22-4f34-819f-a57cb66df459.tmp</t>
  </si>
  <si>
    <t>\\acsfs\profiles$\vivianealda\Downloads\6d1cf42a-af22-4f34-819f-a57cb66df459.tmp</t>
  </si>
  <si>
    <t>12/19/2019 06:58:22</t>
  </si>
  <si>
    <t>12/19/2019 07:04:30</t>
  </si>
  <si>
    <t>12/19/2019 07:00:02</t>
  </si>
  <si>
    <t>12/19/2019 07:05:31</t>
  </si>
  <si>
    <t>12/19/2019 07:01:55</t>
  </si>
  <si>
    <t>12/19/2019 07:03:24</t>
  </si>
  <si>
    <t>12/19/2019 07:03:29</t>
  </si>
  <si>
    <t>731e7585-231f-48ae-beda-66eecc68e00a.tmp</t>
  </si>
  <si>
    <t>\\acsfs\profiles$\vivianealda\Downloads\731e7585-231f-48ae-beda-66eecc68e00a.tmp</t>
  </si>
  <si>
    <t>12/19/2019 07:09:30</t>
  </si>
  <si>
    <t>12/19/2019 07:06:02</t>
  </si>
  <si>
    <t>12/19/2019 07:10:31</t>
  </si>
  <si>
    <t>12/19/2019 07:07:21</t>
  </si>
  <si>
    <t>12/19/2019 07:06:40</t>
  </si>
  <si>
    <t>12/19/2019 07:09:24</t>
  </si>
  <si>
    <t>12/19/2019 07:08:29</t>
  </si>
  <si>
    <t>12/19/2019 07:11:30</t>
  </si>
  <si>
    <t>12/19/2019 07:14:31</t>
  </si>
  <si>
    <t>12/19/2019 07:09:45</t>
  </si>
  <si>
    <t>12/19/2019 07:15:31</t>
  </si>
  <si>
    <t>12/19/2019 07:12:02</t>
  </si>
  <si>
    <t>12/19/2019 07:15:16</t>
  </si>
  <si>
    <t>12/19/2019 07:17:31</t>
  </si>
  <si>
    <t>12/19/2019 07:15:28</t>
  </si>
  <si>
    <t>12/19/2019 07:16:31</t>
  </si>
  <si>
    <t>7d1a1f85-8a8f-4fa1-9781-c8ae96c1382b.tmp</t>
  </si>
  <si>
    <t>\\acsfs\profiles$\deboraaa\Downloads\7d1a1f85-8a8f-4fa1-9781-c8ae96c1382b.tmp</t>
  </si>
  <si>
    <t>12/19/2019 07:19:31</t>
  </si>
  <si>
    <t>12/19/2019 07:14:52</t>
  </si>
  <si>
    <t>12/19/2019 07:20:31</t>
  </si>
  <si>
    <t>12/19/2019 07:17:16</t>
  </si>
  <si>
    <t>12/19/2019 07:18:02</t>
  </si>
  <si>
    <t>12/19/2019 07:15:24</t>
  </si>
  <si>
    <t>12/19/2019 07:20:04</t>
  </si>
  <si>
    <t>12/19/2019 07:21:30</t>
  </si>
  <si>
    <t>12/19/2019 07:19:52</t>
  </si>
  <si>
    <t>12/19/2019 07:22:31</t>
  </si>
  <si>
    <t>143a40db-c928-43e3-a88e-64fd5d99a564.tmp</t>
  </si>
  <si>
    <t>\\acsfs\profiles$\deboraaa\Downloads\143a40db-c928-43e3-a88e-64fd5d99a564.tmp</t>
  </si>
  <si>
    <t>12/19/2019 07:19:27</t>
  </si>
  <si>
    <t>12/19/2019 07:24:31</t>
  </si>
  <si>
    <t>12/19/2019 07:22:56</t>
  </si>
  <si>
    <t>12/19/2019 07:25:31</t>
  </si>
  <si>
    <t>12/19/2019 07:24:02</t>
  </si>
  <si>
    <t>12/19/2019 07:24:36</t>
  </si>
  <si>
    <t>12/19/2019 07:21:24</t>
  </si>
  <si>
    <t>12/19/2019 07:24:06</t>
  </si>
  <si>
    <t>12/19/2019 07:27:30</t>
  </si>
  <si>
    <t>3103a05f-28cb-4372-ae81-13f960b25447.tmp</t>
  </si>
  <si>
    <t>\\acsfs\profiles$\deboraaa\Downloads\3103a05f-28cb-4372-ae81-13f960b25447.tmp</t>
  </si>
  <si>
    <t>12/19/2019 07:26:00</t>
  </si>
  <si>
    <t>12/19/2019 07:28:31</t>
  </si>
  <si>
    <t>62919de7-8eb6-4127-8480-9dced4a863ea.tmp</t>
  </si>
  <si>
    <t>\\acsfs\profiles$\gabrieleods\Downloads\62919de7-8eb6-4127-8480-9dced4a863ea.tmp</t>
  </si>
  <si>
    <t>12/19/2019 07:26:59</t>
  </si>
  <si>
    <t>19b88c6a-1935-481a-b438-54c289b14590.tmp</t>
  </si>
  <si>
    <t>\\acsfs\profiles$\gabrieleods\Downloads\19b88c6a-1935-481a-b438-54c289b14590.tmp</t>
  </si>
  <si>
    <t>12/19/2019 07:27:18</t>
  </si>
  <si>
    <t>7e209e83-cf61-42e3-bb90-a00b978229c5.tmp</t>
  </si>
  <si>
    <t>\\acsfs\profiles$\gabrieleods\Downloads\7e209e83-cf61-42e3-bb90-a00b978229c5.tmp</t>
  </si>
  <si>
    <t>12/19/2019 07:27:59</t>
  </si>
  <si>
    <t>b36a7681-23ae-4bb5-b53f-2152a44905ab.tmp</t>
  </si>
  <si>
    <t>\\acsfs\profiles$\gabrieleods\Downloads\b36a7681-23ae-4bb5-b53f-2152a44905ab.tmp</t>
  </si>
  <si>
    <t>12/19/2019 07:25:33</t>
  </si>
  <si>
    <t>0c28046d-9720-4c20-9bb5-8defc1b1d710.tmp</t>
  </si>
  <si>
    <t>\\acsfs\profiles$\sarahbal\Downloads\0c28046d-9720-4c20-9bb5-8defc1b1d710.tmp</t>
  </si>
  <si>
    <t>12/19/2019 07:25:35</t>
  </si>
  <si>
    <t>ae41d4d2-3437-4a9e-87f9-38667b090504.tmp</t>
  </si>
  <si>
    <t>\\acsfs\profiles$\sarahbal\Downloads\ae41d4d2-3437-4a9e-87f9-38667b090504.tmp</t>
  </si>
  <si>
    <t>12/19/2019 07:27:31</t>
  </si>
  <si>
    <t>9eb2b57b-5fda-4560-a1b6-b97007809789.tmp</t>
  </si>
  <si>
    <t>\\acsfs\profiles$\sarahbal\Downloads\9eb2b57b-5fda-4560-a1b6-b97007809789.tmp</t>
  </si>
  <si>
    <t>12/19/2019 07:26:04</t>
  </si>
  <si>
    <t>12/19/2019 07:29:31</t>
  </si>
  <si>
    <t>emojis.jpg.crdownload</t>
  </si>
  <si>
    <t>\\acsfs\DEPTOS\Operacao\Banco_Votorantim\Qualidade\Eliane\emojis.jpg.crdownload</t>
  </si>
  <si>
    <t>12/19/2019 07:26:05</t>
  </si>
  <si>
    <t>emojis.jpg:Zone.Identifier</t>
  </si>
  <si>
    <t>\\acsfs\DEPTOS\Operacao\Banco_Votorantim\Qualidade\Eliane\emojis.jpg:Zone.Identifier</t>
  </si>
  <si>
    <t>12/19/2019 07:26:16</t>
  </si>
  <si>
    <t>12/19/2019 07:26:28</t>
  </si>
  <si>
    <t>12/19/2019 07:25:21</t>
  </si>
  <si>
    <t>12/19/2019 07:30:30</t>
  </si>
  <si>
    <t>12/19/2019 07:28:39</t>
  </si>
  <si>
    <t>12/19/2019 07:27:24</t>
  </si>
  <si>
    <t>12/19/2019 07:25:40</t>
  </si>
  <si>
    <t>12/19/2019 07:28:49</t>
  </si>
  <si>
    <t>8d3f1c7f-84dc-42c9-b753-457b2b944452.tmp</t>
  </si>
  <si>
    <t>\\acsfs\profiles$\alicecpbc\Downloads\8d3f1c7f-84dc-42c9-b753-457b2b944452.tmp</t>
  </si>
  <si>
    <t>12/19/2019 07:29:35</t>
  </si>
  <si>
    <t>4fb7a2e6-3b3b-4c25-bf31-bf2fb72d7c70.tmp</t>
  </si>
  <si>
    <t>\\acsfs\profiles$\ERICALSR\Downloads\4fb7a2e6-3b3b-4c25-bf31-bf2fb72d7c70.tmp</t>
  </si>
  <si>
    <t>12/19/2019 07:31:05</t>
  </si>
  <si>
    <t>12/19/2019 07:32:30</t>
  </si>
  <si>
    <t>79917f01-24f2-457d-a924-01ed8e98c221.tmp</t>
  </si>
  <si>
    <t>\\acsfs\profiles$\matheushds\Downloads\79917f01-24f2-457d-a924-01ed8e98c221.tmp</t>
  </si>
  <si>
    <t>12/19/2019 07:28:24</t>
  </si>
  <si>
    <t>79de8a84-4c65-4c8b-9454-9dfad97a37be.tmp</t>
  </si>
  <si>
    <t>\\acsfs\profiles$\deboraaa\Downloads\79de8a84-4c65-4c8b-9454-9dfad97a37be.tmp</t>
  </si>
  <si>
    <t>12/19/2019 07:28:00</t>
  </si>
  <si>
    <t>12/19/2019 07:33:30</t>
  </si>
  <si>
    <t>12/19/2019 07:28:36</t>
  </si>
  <si>
    <t>539bc1e5-3f37-49aa-9cbf-6c8a92dc747b.tmp</t>
  </si>
  <si>
    <t>\\acsfs\profiles$\gabrieleods\Downloads\539bc1e5-3f37-49aa-9cbf-6c8a92dc747b.tmp</t>
  </si>
  <si>
    <t>12/19/2019 07:28:34</t>
  </si>
  <si>
    <t>53c17c95-610d-479b-8589-6478df6f1260.tmp</t>
  </si>
  <si>
    <t>\\acsfs\profiles$\sarahbal\Downloads\53c17c95-610d-479b-8589-6478df6f1260.tmp</t>
  </si>
  <si>
    <t>12/19/2019 07:30:06</t>
  </si>
  <si>
    <t>03834b55-2210-4d72-82c4-ea0611c6ae31.tmp</t>
  </si>
  <si>
    <t>\\acsfs\profiles$\sarahbal\Downloads\03834b55-2210-4d72-82c4-ea0611c6ae31.tmp</t>
  </si>
  <si>
    <t>12/19/2019 07:33:19</t>
  </si>
  <si>
    <t>12/19/2019 07:34:30</t>
  </si>
  <si>
    <t>6f6c077c-c90c-4b44-ba4b-c1d744c3ef19.tmp</t>
  </si>
  <si>
    <t>\\acsfs\profiles$\websondsa\Downloads\6f6c077c-c90c-4b44-ba4b-c1d744c3ef19.tmp</t>
  </si>
  <si>
    <t>12/19/2019 07:33:27</t>
  </si>
  <si>
    <t>768e443e-68c2-43a6-bc1d-9ee4252c22a9.tmp</t>
  </si>
  <si>
    <t>\\acsfs\profiles$\websondsa\Downloads\768e443e-68c2-43a6-bc1d-9ee4252c22a9.tmp</t>
  </si>
  <si>
    <t>12/19/2019 07:30:02</t>
  </si>
  <si>
    <t>12/19/2019 07:35:31</t>
  </si>
  <si>
    <t>12/19/2019 07:33:08</t>
  </si>
  <si>
    <t>12/19/2019 07:33:24</t>
  </si>
  <si>
    <t>12/19/2019 07:30:16</t>
  </si>
  <si>
    <t>9ccfd461-10ee-43ba-9c23-8eef0b21e252.tmp</t>
  </si>
  <si>
    <t>\\acsfs\profiles$\alicecpbc\Downloads\9ccfd461-10ee-43ba-9c23-8eef0b21e252.tmp</t>
  </si>
  <si>
    <t>12/19/2019 07:31:04</t>
  </si>
  <si>
    <t>9f21d953-91e3-4234-af9a-b0cfd7aabb01.tmp</t>
  </si>
  <si>
    <t>\\acsfs\profiles$\alicecpbc\Downloads\9f21d953-91e3-4234-af9a-b0cfd7aabb01.tmp</t>
  </si>
  <si>
    <t>12/19/2019 07:33:40</t>
  </si>
  <si>
    <t>12/19/2019 07:34:23</t>
  </si>
  <si>
    <t>06f1ea34-4969-46a8-b42c-cf7f37b55211.tmp</t>
  </si>
  <si>
    <t>\\acsfs\profiles$\alicecpbc\Downloads\06f1ea34-4969-46a8-b42c-cf7f37b55211.tmp</t>
  </si>
  <si>
    <t>12/19/2019 07:34:54</t>
  </si>
  <si>
    <t>39a8c6b8-610b-48f6-b765-4a31cfdbfb9f.tmp</t>
  </si>
  <si>
    <t>\\acsfs\profiles$\alicecpbc\Downloads\39a8c6b8-610b-48f6-b765-4a31cfdbfb9f.tmp</t>
  </si>
  <si>
    <t>12/19/2019 07:30:44</t>
  </si>
  <si>
    <t>145106b7-ce9c-478a-96d4-92d7bca14c35.tmp</t>
  </si>
  <si>
    <t>\\acsfs\profiles$\ERICALSR\Downloads\145106b7-ce9c-478a-96d4-92d7bca14c35.tmp</t>
  </si>
  <si>
    <t>12/19/2019 07:32:18</t>
  </si>
  <si>
    <t>12/19/2019 07:37:31</t>
  </si>
  <si>
    <t>4f3548bd-0553-469d-9a58-8a1dac1ac660.tmp</t>
  </si>
  <si>
    <t>\\acsfs\profiles$\matheushds\Downloads\4f3548bd-0553-469d-9a58-8a1dac1ac660.tmp</t>
  </si>
  <si>
    <t>12/19/2019 07:32:24</t>
  </si>
  <si>
    <t>db71671b-ccc8-4c80-912b-aad8d164c947.tmp</t>
  </si>
  <si>
    <t>\\acsfs\profiles$\matheushds\Downloads\db71671b-ccc8-4c80-912b-aad8d164c947.tmp</t>
  </si>
  <si>
    <t>4bfbef96-6d8b-482b-bfe1-0407edeca853.tmp</t>
  </si>
  <si>
    <t>\\acsfs\profiles$\matheushds\Downloads\4bfbef96-6d8b-482b-bfe1-0407edeca853.tmp</t>
  </si>
  <si>
    <t>12/19/2019 07:34:16</t>
  </si>
  <si>
    <t>12/19/2019 07:39:31</t>
  </si>
  <si>
    <t>c5e8695e-1f16-4d3f-8b3c-236939a9135f.tmp</t>
  </si>
  <si>
    <t>\\acsfs\profiles$\websondsa\Downloads\c5e8695e-1f16-4d3f-8b3c-236939a9135f.tmp</t>
  </si>
  <si>
    <t>12/19/2019 07:36:18</t>
  </si>
  <si>
    <t>ef7bfb8d-4aac-4b81-a1ab-784ca4e4caa0.tmp</t>
  </si>
  <si>
    <t>\\acsfs\profiles$\websondsa\Downloads\ef7bfb8d-4aac-4b81-a1ab-784ca4e4caa0.tmp</t>
  </si>
  <si>
    <t>12/19/2019 07:36:32</t>
  </si>
  <si>
    <t>a40c382e-ed43-44bb-8412-fc9c61f5a228.tmp</t>
  </si>
  <si>
    <t>\\acsfs\profiles$\websondsa\Downloads\a40c382e-ed43-44bb-8412-fc9c61f5a228.tmp</t>
  </si>
  <si>
    <t>12/19/2019 07:36:02</t>
  </si>
  <si>
    <t>12/19/2019 07:40:32</t>
  </si>
  <si>
    <t>12/19/2019 07:36:10</t>
  </si>
  <si>
    <t>12/19/2019 07:39:00</t>
  </si>
  <si>
    <t>12/19/2019 07:39:24</t>
  </si>
  <si>
    <t>12/19/2019 07:38:54</t>
  </si>
  <si>
    <t>12/19/2019 07:42:32</t>
  </si>
  <si>
    <t>12/19/2019 07:40:02</t>
  </si>
  <si>
    <t>10.12.242.32</t>
  </si>
  <si>
    <t>Base BW % Conversão - Dez -2019 - Parcial - 18 -12-19.xlsm</t>
  </si>
  <si>
    <t>12/19/2019 07:44:32</t>
  </si>
  <si>
    <t>12/19/2019 07:41:14</t>
  </si>
  <si>
    <t>12/19/2019 07:45:31</t>
  </si>
  <si>
    <t>12/19/2019 07:42:02</t>
  </si>
  <si>
    <t>12/19/2019 07:44:15</t>
  </si>
  <si>
    <t>12/19/2019 07:49:32</t>
  </si>
  <si>
    <t>12/19/2019 07:48:02</t>
  </si>
  <si>
    <t>12/19/2019 07:50:32</t>
  </si>
  <si>
    <t>12/19/2019 07:49:20</t>
  </si>
  <si>
    <t>12/19/2019 07:45:24</t>
  </si>
  <si>
    <t>12/19/2019 07:45:59</t>
  </si>
  <si>
    <t>/o=exchangelabs/ou=exchange administrative group (fydibohf23spdlt)/cn=recipients/cn=eae1d23908f040f9bf7661e0ceec4c8f-paula crist;servicedesk@bancovotorantim.com.br;</t>
  </si>
  <si>
    <t>RES: TME- CHAT</t>
  </si>
  <si>
    <t>/o=exchangelabs/ou=exchange administrative group (fydibohf23spdlt)/cn=recipients/cn=eae1d23908f040f9bf7661e0ceec4c8f-paula crist,servicedesk@bancovotorantim.com.br</t>
  </si>
  <si>
    <t>12/18/2019 13:41:56</t>
  </si>
  <si>
    <t>C:\Users\filemoncmj\OneDrive - Grupo Algar\01. Algar Tech\01. Projetos de Clientes\08. Protege\01. Filemon\CA\Requisitos CA\Entrevistas de Negócio - Detalhadas\</t>
  </si>
  <si>
    <t>Levantamento Protege - Francisco.xlsx</t>
  </si>
  <si>
    <t>Levantamento Protege - Gil Arlindo.xlsx</t>
  </si>
  <si>
    <t>Levantamento Protege - Gilberto Gil Camargo.xlsx</t>
  </si>
  <si>
    <t>Levantamento Protege - Guilherme.xlsx</t>
  </si>
  <si>
    <t>Levantamento Protege - Gutembergue de Sa Campos.xlsx</t>
  </si>
  <si>
    <t>Levantamento Protege - Jorge Possinho.xlsx</t>
  </si>
  <si>
    <t>Levantamento Protege - Lucas.xlsx</t>
  </si>
  <si>
    <t>Levantamento Protege - Luiz Fernando Florêncio Lima.xlsx</t>
  </si>
  <si>
    <t>12/18/2019 13:41:57</t>
  </si>
  <si>
    <t>Levantamento Protege - Marcia.xlsx</t>
  </si>
  <si>
    <t>Levantamento Protege - Marcos.xlsx</t>
  </si>
  <si>
    <t>Levantamento Protege - Nelson.xlsx</t>
  </si>
  <si>
    <t>Levantamento Protege - Patricia.xlsx</t>
  </si>
  <si>
    <t>Levantamento Protege - RH.xlsx</t>
  </si>
  <si>
    <t>Levantamento Protege - Robson.xlsx</t>
  </si>
  <si>
    <t>Levantamento Protege - Silvana.xlsx</t>
  </si>
  <si>
    <t>Levantamento Protege - Silvia Algar.xlsx</t>
  </si>
  <si>
    <t>12/19/2019 07:51:32</t>
  </si>
  <si>
    <t>Levantamento Protege - Tatiane.xlsx</t>
  </si>
  <si>
    <t>Levantamento Protege - Wildirson.xlsx</t>
  </si>
  <si>
    <t>12/18/2019 13:41:58</t>
  </si>
  <si>
    <t>Levantamento Protege - João Batista.xlsx</t>
  </si>
  <si>
    <t>12/18/2019 13:42:03</t>
  </si>
  <si>
    <t>C:\Users\filemoncmj\OneDrive - Grupo Algar\01. Algar Tech\01. Projetos de Clientes\08. Protege\01. Filemon\Entrevistas\</t>
  </si>
  <si>
    <t>Agenda de Entrevistas.xlsx</t>
  </si>
  <si>
    <t>Levantamento Protege - Eduardo Luiz Furlan.xlsx</t>
  </si>
  <si>
    <t>Levantamento Protege - Fábio Tecnoset.xlsx</t>
  </si>
  <si>
    <t>12/18/2019 13:42:04</t>
  </si>
  <si>
    <t>Levantamento Protege - Fabrício Cozaki.xlsx</t>
  </si>
  <si>
    <t>C:\Users\filemoncmj\OneDrive - Grupo Algar\01. Algar Tech\01. Projetos de Clientes\08. Protege\01. Filemon\Entrevistas\24.10\</t>
  </si>
  <si>
    <t>Levantamento Protege - Dijone Santos.xlsx</t>
  </si>
  <si>
    <t>Levantamento Protege - Fernanda Ballesteros.xlsx</t>
  </si>
  <si>
    <t>12/18/2019 13:42:06</t>
  </si>
  <si>
    <t>C:\Users\filemoncmj\OneDrive - Grupo Algar\01. Algar Tech\01. Projetos de Clientes\08. Protege\01. Filemon\Comparativo Entre Soluções ITSM\</t>
  </si>
  <si>
    <t>Comparativo Ferramentas ITSM.xlsx</t>
  </si>
  <si>
    <t>12/18/2019 13:42:07</t>
  </si>
  <si>
    <t>C:\Users\filemoncmj\OneDrive - Grupo Algar\01. Algar Tech\01. Projetos de Clientes\08. Protege\01. Filemon\Planilha de Pendências\</t>
  </si>
  <si>
    <t>Planilha de Pendências - Projeto SD Protege.xls</t>
  </si>
  <si>
    <t>12/18/2019 13:42:08</t>
  </si>
  <si>
    <t>Planilha de Atividades - Projeto SD Protege.xls</t>
  </si>
  <si>
    <t>12/18/2019 13:42:20</t>
  </si>
  <si>
    <t>Planilha de Pendências - Projeto SD Protege.xlsx</t>
  </si>
  <si>
    <t>12/18/2019 13:42:34</t>
  </si>
  <si>
    <t>Planilha de Pendências CA Protege.xlsx</t>
  </si>
  <si>
    <t>12/18/2019 13:42:38</t>
  </si>
  <si>
    <t>Projeto Protege - Ponto de Controle 24.11.2016.xlsx</t>
  </si>
  <si>
    <t>12/18/2019 13:42:39</t>
  </si>
  <si>
    <t>C:\Users\filemoncmj\OneDrive - Grupo Algar\01. Algar Tech\01. Projetos de Clientes\08. Protege\01. Filemon\Projeto\</t>
  </si>
  <si>
    <t>Controle de Gastos.xlsx</t>
  </si>
  <si>
    <t>Gastos.xlsx</t>
  </si>
  <si>
    <t>12/18/2019 13:42:43</t>
  </si>
  <si>
    <t>C:\Users\filemoncmj\OneDrive - Grupo Algar\01. Algar Tech\01. Projetos de Clientes\08. Protege\01. Filemon\Propostas\Próspera Consultoria\Documentos do Contrato\</t>
  </si>
  <si>
    <t>ACC Contrato Algar TI e D S de Oliveira.xls</t>
  </si>
  <si>
    <t>12/18/2019 13:42:44</t>
  </si>
  <si>
    <t>C:\Users\filemoncmj\OneDrive - Grupo Algar\01. Algar Tech\01. Projetos de Clientes\08. Protege\01. Filemon\Propostas\Próspera Consultoria\Documentação Para Contrato\</t>
  </si>
  <si>
    <t>ACC - Próspera Consultoria.xls</t>
  </si>
  <si>
    <t>12/18/2019 13:42:45</t>
  </si>
  <si>
    <t>Formulário Avaliação Contratação.xlsx</t>
  </si>
  <si>
    <t>C:\Users\filemoncmj\OneDrive - Grupo Algar\01. Algar Tech\01. Projetos de Clientes\08. Protege\01. Filemon\Propostas\Próspera Consultoria\Contrato Assinado\</t>
  </si>
  <si>
    <t>Cadastro de Fornecedor - Próspera Consultoria.xls</t>
  </si>
  <si>
    <t>12/18/2019 13:42:48</t>
  </si>
  <si>
    <t>C:\Users\filemoncmj\OneDrive - Grupo Algar\01. Algar Tech\01. Projetos de Clientes\08. Protege\01. Filemon\Grupos Solucionadores\</t>
  </si>
  <si>
    <t>Grupo Solucionador - Mapeamento Inicial.xlsx</t>
  </si>
  <si>
    <t>Grupos Solucionadores Protege - Validado Qualidade.xlsx</t>
  </si>
  <si>
    <t>Grupos Solucionadores Protege - Visão com N1, N2 e N3.xlsx</t>
  </si>
  <si>
    <t>Grupos Solucionadores Protege.xlsx</t>
  </si>
  <si>
    <t>C:\Users\filemoncmj\OneDrive - Grupo Algar\01. Algar Tech\01. Projetos de Clientes\08. Protege\01. Filemon\Levantamento de Requisitos\</t>
  </si>
  <si>
    <t>Consolidação Requisitos CA.xlsx</t>
  </si>
  <si>
    <t>12/18/2019 13:42:49</t>
  </si>
  <si>
    <t>Consolidado Protege.xlsx</t>
  </si>
  <si>
    <t>C:\Users\filemoncmj\OneDrive - Grupo Algar\01. Algar Tech\01. Projetos de Clientes\08. Protege\01. Filemon\Relatórios\</t>
  </si>
  <si>
    <t>PTG - CA - QuickView Operação.xlsx</t>
  </si>
  <si>
    <t>PTG - Exemplo de Relatorio.xlsx</t>
  </si>
  <si>
    <t>12/18/2019 13:42:50</t>
  </si>
  <si>
    <t>Extração Todos Chamados CA - 26.09.2016.xls</t>
  </si>
  <si>
    <t>12/18/2019 13:42:51</t>
  </si>
  <si>
    <t>Relatório Chamados 04.10.2016.xls</t>
  </si>
  <si>
    <t>12/18/2019 13:42:52</t>
  </si>
  <si>
    <t>Relatório Chamados 05.10.2016 - Com Inc Critico.xls</t>
  </si>
  <si>
    <t>12/18/2019 13:42:54</t>
  </si>
  <si>
    <t>Relatório Chamados 05.10.2016.xls</t>
  </si>
  <si>
    <t>12/18/2019 13:42:56</t>
  </si>
  <si>
    <t>Relatório Tickets Protege 29.09.2016.xlsx</t>
  </si>
  <si>
    <t>12/18/2019 13:43:00</t>
  </si>
  <si>
    <t>Tabelão Chamados Protege.xls</t>
  </si>
  <si>
    <t>12/18/2019 13:43:04</t>
  </si>
  <si>
    <t>C:\Users\filemoncmj\OneDrive - Grupo Algar\01. Algar Tech\01. Projetos de Clientes\08. Protege\01. Filemon\NFs Gastos SP\</t>
  </si>
  <si>
    <t>Formulário - Protocolo Relatório de Despesas CSC Algar.xls</t>
  </si>
  <si>
    <t>12/18/2019 13:43:06</t>
  </si>
  <si>
    <t>C:\Users\filemoncmj\OneDrive - Grupo Algar\01. Algar Tech\01. Projetos de Clientes\08. Protege\01. Filemon\Lista de Ramais Protege\</t>
  </si>
  <si>
    <t>Lista de Ramais - Consolação e Augusta (Original).xls</t>
  </si>
  <si>
    <t>Lista de Ramais Lapa.xlsx</t>
  </si>
  <si>
    <t>12/18/2019 13:43:07</t>
  </si>
  <si>
    <t>C:\Users\filemoncmj\OneDrive - Grupo Algar\01. Algar Tech\01. Projetos de Clientes\08. Protege\01. Filemon\QlikView\</t>
  </si>
  <si>
    <t>Indicadores Qualidade Protege v1.xlsx</t>
  </si>
  <si>
    <t>Indicadores Qualidade Protege v2.xlsx</t>
  </si>
  <si>
    <t>12/18/2019 13:43:08</t>
  </si>
  <si>
    <t>C:\Users\filemoncmj\OneDrive - Grupo Algar\01. Algar Tech\01. Projetos de Clientes\08. Protege\01. Filemon\Homologação\</t>
  </si>
  <si>
    <t>Check-List Homologação Geral.xlsx</t>
  </si>
  <si>
    <t>C:\Users\filemoncmj\OneDrive - Grupo Algar\01. Algar Tech\01. Projetos de Clientes\08. Protege\01. Filemon\Homologação\Homologação CA.msg\s1\</t>
  </si>
  <si>
    <t>Checklist_Homologação_Geral.xlsx</t>
  </si>
  <si>
    <t>12/18/2019 13:43:11</t>
  </si>
  <si>
    <t>C:\Users\filemoncmj\OneDrive - Grupo Algar\01. Algar Tech\01. Projetos de Clientes\08. Protege\01. Filemon\Venda\</t>
  </si>
  <si>
    <t>PC_PR120232-2016_v9 - Protege - Service Desk - BP Preço C003 B005.xlsb</t>
  </si>
  <si>
    <t>12/18/2019 13:43:12</t>
  </si>
  <si>
    <t>C:\Users\filemoncmj\OneDrive - Grupo Algar\01. Algar Tech\01. Projetos de Clientes\08. Protege\01. Filemon\Solicitação de Mudança\</t>
  </si>
  <si>
    <t>ATEC-2016-0032-010 - Service Desk e Produção Grupo Protege.xlsx</t>
  </si>
  <si>
    <t>12/18/2019 13:43:15</t>
  </si>
  <si>
    <t>C:\Users\filemoncmj\OneDrive - Grupo Algar\01. Algar Tech\01. Projetos de Clientes\08. Protege\01. Filemon\Solicitação de Mudança\RES Projeto Protege - Custos Integrações CA no BP.msg\s1\</t>
  </si>
  <si>
    <t>CALCULO_CUSTO_CERVELLO_E_CA_SDM_v4.xlsx</t>
  </si>
  <si>
    <t>Dimensionamento_ITSM_Junho_2016.xlsx</t>
  </si>
  <si>
    <t>12/18/2019 13:43:24</t>
  </si>
  <si>
    <t>C:\Users\filemoncmj\OneDrive - Grupo Algar\01. Algar Tech\01. Projetos de Clientes\15. BR Distribuidora\1. Central de Serviços\</t>
  </si>
  <si>
    <t>2011_XX_XXXX_nome do solicitante_Breve descrição da change_Cliente_IC.xls</t>
  </si>
  <si>
    <t>2011_11_XXXX_Filemon Candido Machado Junior_Ampliacao_Canais_Voz_BR_Liquigas.xls</t>
  </si>
  <si>
    <t>Servidores BR e Liquigás.xlsx</t>
  </si>
  <si>
    <t>Solicitação de Viagem+ Hospedagem Fabio I1512V1612.xlsx</t>
  </si>
  <si>
    <t>Solicitação de Viagem+ Hospedagem Uilker I1512V1612.xlsx</t>
  </si>
  <si>
    <t>12/18/2019 13:43:28</t>
  </si>
  <si>
    <t>Solicitação de Viagem+ Hospedagem Volnei I1212V1612 - Cópia.xlsx</t>
  </si>
  <si>
    <t>Taxa de Ocupação dos Apartamentos.xlsx</t>
  </si>
  <si>
    <t>12/18/2019 13:43:29</t>
  </si>
  <si>
    <t>C:\Users\filemoncmj\OneDrive - Grupo Algar\01. Algar Tech\01. Projetos de Clientes\15. BR Distribuidora\1. Central de Serviços\Back Log\</t>
  </si>
  <si>
    <t>Modelo Status Report Backoffice.xlsx</t>
  </si>
  <si>
    <t>12/18/2019 13:43:56</t>
  </si>
  <si>
    <t>C:\Users\filemoncmj\OneDrive - Grupo Algar\01. Algar Tech\01. Projetos de Clientes\15. BR Distribuidora\1. Central de Serviços\santarem\Diário de Bordo - Operação Assistida\</t>
  </si>
  <si>
    <t>CHECKLIST.xlsx</t>
  </si>
  <si>
    <t>CONTROLE BACKOFFICE.xlsx</t>
  </si>
  <si>
    <t>Diário de bordo - BR-modelo.xls</t>
  </si>
  <si>
    <t>12/18/2019 13:43:57</t>
  </si>
  <si>
    <t>DIARIO DE BORDO-01-08.xlsx</t>
  </si>
  <si>
    <t>12/18/2019 13:43:59</t>
  </si>
  <si>
    <t>DIARIO DE BORDO-08-08.xlsx</t>
  </si>
  <si>
    <t>Entregas_backoffice 23-08.xlsx</t>
  </si>
  <si>
    <t>Escala Backoffice 07.xlsx</t>
  </si>
  <si>
    <t>Plano de ação semana 3.xlsx</t>
  </si>
  <si>
    <t>12/18/2019 13:44:01</t>
  </si>
  <si>
    <t>C:\Users\filemoncmj\OneDrive - Grupo Algar\01. Algar Tech\01. Projetos de Clientes\15. BR Distribuidora\1. Central de Serviços\santarem\Diário de Bordo - Operação Assistida\EVIDENCIAS FO\</t>
  </si>
  <si>
    <t>Evidência Envio de Pesquisa - Setembro 2011.xls</t>
  </si>
  <si>
    <t>12/18/2019 13:44:02</t>
  </si>
  <si>
    <t>Irregularidade plano de saude.xls</t>
  </si>
  <si>
    <t>Relação_associados_atl_pontas_dependentes.xlsx</t>
  </si>
  <si>
    <t>12/18/2019 13:44:03</t>
  </si>
  <si>
    <t>Relação de Kits ATLs.xls</t>
  </si>
  <si>
    <t>12/18/2019 13:44:04</t>
  </si>
  <si>
    <t>C:\Users\filemoncmj\OneDrive - Grupo Algar\01. Algar Tech\01. Projetos de Clientes\15. BR Distribuidora\1. Central de Serviços\Solicitações de Viagens\</t>
  </si>
  <si>
    <t>Solicitação de Hospdedagem Giovanni I0411V1311.xlsx</t>
  </si>
  <si>
    <t>Solicitação de Viagem + Hospedagem Giovanni I0710V01010.xlsx</t>
  </si>
  <si>
    <t>Solicitação de Viagem + Hospedagem Uilker I0710V01010.xlsx</t>
  </si>
  <si>
    <t>Solicitação de Viagem + Hospedagem Valter I0411V0711.xlsx</t>
  </si>
  <si>
    <t>Solicitação de Viagem Alessandro I1910V2410.xlsx</t>
  </si>
  <si>
    <t>Solicitação de Viagem Anderson I1110.xlsx</t>
  </si>
  <si>
    <t>12/18/2019 13:44:05</t>
  </si>
  <si>
    <t>Solicitação de Hospedagem Valter I2110V0411.xlsx</t>
  </si>
  <si>
    <t>Solicitação de Viagem Anderson V0211.xlsx</t>
  </si>
  <si>
    <t>12/19/2019 07:46:47</t>
  </si>
  <si>
    <t>Solicitação de Viagem Diego Josiano I2810V3110.xlsx</t>
  </si>
  <si>
    <t>Solicitação de Viagem Diego Josiano V2010.xlsx</t>
  </si>
  <si>
    <t>Solicitação de Viagem Elvio V2811.xlsx</t>
  </si>
  <si>
    <t>Solicitação de Viagem Elvio I2010V2610.xlsx</t>
  </si>
  <si>
    <t>Solicitação de Viagem Fausto V2810V3010.xlsx</t>
  </si>
  <si>
    <t>12/18/2019 13:44:06</t>
  </si>
  <si>
    <t>Solicitação de Viagem Filemon I1610.xlsx</t>
  </si>
  <si>
    <t>Solicitação de Viagem Filemon I2710V3010.xlsx</t>
  </si>
  <si>
    <t>Solicitação de Viagem Gustavo I1110.xlsx</t>
  </si>
  <si>
    <t>Solicitação de Viagem Giovanni I2110V2410.xlsx</t>
  </si>
  <si>
    <t>Solicitação de Viagem Gustavo I3010.xlsx</t>
  </si>
  <si>
    <t>Solicitação de Viagem Gustavo V2710V3010.xlsx</t>
  </si>
  <si>
    <t>12/18/2019 13:44:07</t>
  </si>
  <si>
    <t>Solicitação de Viagem Haddan I2810.xlsx</t>
  </si>
  <si>
    <t>Solicitação de Viagem Haddan V2811.xlsx</t>
  </si>
  <si>
    <t>Solicitação de Viagem Gustavo V1610.xlsx</t>
  </si>
  <si>
    <t>Solicitação de Viagem Diego Josiano I1110V1710.xlsx</t>
  </si>
  <si>
    <t>Solicitação de Viagem Henrique I2110V2410.xlsx</t>
  </si>
  <si>
    <t>Solicitação de Viagem Henrique V0411.xlsx</t>
  </si>
  <si>
    <t>Solicitação de Viagem Julio Cesar I0611V1111.xlsx</t>
  </si>
  <si>
    <t>12/18/2019 13:44:08</t>
  </si>
  <si>
    <t>Solicitação de Viagem Keilamar I0411V0611.xlsx</t>
  </si>
  <si>
    <t>Solicitação de Viagem Keilamar I0710V0910.xlsx</t>
  </si>
  <si>
    <t>Solicitação de Viagem Keilamar I2110V2310.xlsx</t>
  </si>
  <si>
    <t>Solicitação de Viagem Luiz Fernando I1511.xlsx</t>
  </si>
  <si>
    <t>Solicitação de Viagem Luiz Fernando I2211.xlsx</t>
  </si>
  <si>
    <t>Solicitação de Viagem Luiz Fernando I2710V3110.xlsx</t>
  </si>
  <si>
    <t>Solicitação de Viagem Quezia I0111.xlsx</t>
  </si>
  <si>
    <t>12/18/2019 13:44:09</t>
  </si>
  <si>
    <t>Solicitação de Viagem Quezia I2010V2410.xlsx</t>
  </si>
  <si>
    <t>Solicitação de Viagem Robespierre I0510V0710.xlsx</t>
  </si>
  <si>
    <t>Solicitação de Viagem Robespierre I3110V0411.xlsx</t>
  </si>
  <si>
    <t>Solicitação de Viagem Thais I0311V0611.xlsx</t>
  </si>
  <si>
    <t>Solicitação de Viagem Thais I0610V0910.xlsx</t>
  </si>
  <si>
    <t>Solicitação de Viagem Thais I2710V3010.xlsx</t>
  </si>
  <si>
    <t>Solicitação de Viagem Thiago I2110.xlsx</t>
  </si>
  <si>
    <t>12/18/2019 13:44:10</t>
  </si>
  <si>
    <t>Solicitação de Viagem Uilker I1410V1610.xlsx</t>
  </si>
  <si>
    <t>Solicitação de Viagem Uilker I2110V2610.xlsx</t>
  </si>
  <si>
    <t>Solicitação de Viagem Volnei I1310V1310.xlsx</t>
  </si>
  <si>
    <t>Solicitação de Viagem Henrique I0710V0910.xlsx</t>
  </si>
  <si>
    <t>C:\Users\filemoncmj\OneDrive - Grupo Algar\01. Algar Tech\01. Projetos de Clientes\15. BR Distribuidora\1. Central de Serviços\Back Log\Consolidado Diário Equipe\</t>
  </si>
  <si>
    <t>Status Report Backoffice Uberlândia 03OUT.xlsx</t>
  </si>
  <si>
    <t>12/18/2019 13:44:11</t>
  </si>
  <si>
    <t>Status Report Backoffice Uberlândia 29SET.xlsx</t>
  </si>
  <si>
    <t>Status Report Backoffice Uberlândia 30SET.xlsx</t>
  </si>
  <si>
    <t>Status Report Backoffice Uberlândia 28SET.xlsx</t>
  </si>
  <si>
    <t>C:\Users\filemoncmj\OneDrive - Grupo Algar\01. Algar Tech\01. Projetos de Clientes\15. BR Distribuidora\1. Central de Serviços\Back Log\Consolidado Pessoal\28.09.2011\</t>
  </si>
  <si>
    <t>Back Log Realizado Filemon 28.09.2011.xlsx</t>
  </si>
  <si>
    <t>Resolução 28.09.2011.xls</t>
  </si>
  <si>
    <t>12/18/2019 13:44:12</t>
  </si>
  <si>
    <t>C:\Users\filemoncmj\OneDrive - Grupo Algar\01. Algar Tech\01. Projetos de Clientes\15. BR Distribuidora\1. Central de Serviços\Back Log\Consolidado Pessoal\30.09.2011\</t>
  </si>
  <si>
    <t>Back Log Realizado Filemon 30.09.2011.xlsx</t>
  </si>
  <si>
    <t>C:\Users\filemoncmj\OneDrive - Grupo Algar\01. Algar Tech\01. Projetos de Clientes\15. BR Distribuidora\1. Central de Serviços\Back Log\Consolidado Pessoal\22.09.2011\</t>
  </si>
  <si>
    <t>Back Log Realizado Filemon 22.09.2011.xlsx</t>
  </si>
  <si>
    <t>Resolução 22.09.2011.xls</t>
  </si>
  <si>
    <t>C:\Users\filemoncmj\OneDrive - Grupo Algar\01. Algar Tech\01. Projetos de Clientes\15. BR Distribuidora\1. Central de Serviços\Back Log\Consolidado Pessoal\27.09.2011\</t>
  </si>
  <si>
    <t>Back Log Realizado Filemon 27.09.2011.xlsx</t>
  </si>
  <si>
    <t>Resolução 27.09.2011.xls</t>
  </si>
  <si>
    <t>12/18/2019 13:44:13</t>
  </si>
  <si>
    <t>C:\Users\filemoncmj\OneDrive - Grupo Algar\01. Algar Tech\01. Projetos de Clientes\15. BR Distribuidora\1. Central de Serviços\Back Log\Consolidado Pessoal\16.09.2011\</t>
  </si>
  <si>
    <t>Back Log 16.09.2011.xlsx</t>
  </si>
  <si>
    <t>Back Log Realizado Filemon 16.09.2011.xlsx</t>
  </si>
  <si>
    <t>C:\Users\filemoncmj\OneDrive - Grupo Algar\01. Algar Tech\01. Projetos de Clientes\15. BR Distribuidora\1. Central de Serviços\Back Log\Consolidado Pessoal\19.09.2011\</t>
  </si>
  <si>
    <t>Back Log Realizado Filemon 19.09.2011.xlsx</t>
  </si>
  <si>
    <t>12/18/2019 13:44:14</t>
  </si>
  <si>
    <t>Back Log 19.09.2011.xls</t>
  </si>
  <si>
    <t>C:\Users\filemoncmj\OneDrive - Grupo Algar\01. Algar Tech\01. Projetos de Clientes\15. BR Distribuidora\1. Central de Serviços\Back Log\Consolidado Pessoal\20.09.2011\</t>
  </si>
  <si>
    <t>Back Log Realizado Filemon 20.09.2011.xlsx</t>
  </si>
  <si>
    <t>Back Log 20.09.2011.xls</t>
  </si>
  <si>
    <t>C:\Users\filemoncmj\OneDrive - Grupo Algar\01. Algar Tech\01. Projetos de Clientes\15. BR Distribuidora\1. Central de Serviços\Back Log\Consolidado Pessoal\23.09.2011\</t>
  </si>
  <si>
    <t>Back Log Realizado Filemon 23.09.2011.xlsx</t>
  </si>
  <si>
    <t>12/18/2019 13:44:15</t>
  </si>
  <si>
    <t>Resolução 23.09.2011.xls</t>
  </si>
  <si>
    <t>C:\Users\filemoncmj\OneDrive - Grupo Algar\01. Algar Tech\01. Projetos de Clientes\15. BR Distribuidora\1. Central de Serviços\Back Log\Consolidado Pessoal\26.09.2011\</t>
  </si>
  <si>
    <t>Back Log Realizado Filemon 26.09.2011.xlsx</t>
  </si>
  <si>
    <t>12/18/2019 13:44:16</t>
  </si>
  <si>
    <t>Resolução 26.09.2011.xls</t>
  </si>
  <si>
    <t>C:\Users\filemoncmj\OneDrive - Grupo Algar\01. Algar Tech\01. Projetos de Clientes\15. BR Distribuidora\1. Central de Serviços\Back Log\Consolidado Pessoal\15.09.2011\</t>
  </si>
  <si>
    <t>Status Report Backoffice.xlsx</t>
  </si>
  <si>
    <t>12/18/2019 13:44:17</t>
  </si>
  <si>
    <t>Back Log 15.09.2011.xls</t>
  </si>
  <si>
    <t>C:\Users\filemoncmj\OneDrive - Grupo Algar\01. Algar Tech\01. Projetos de Clientes\15. BR Distribuidora\1. Central de Serviços\Back Log\Lista de Distribuição\</t>
  </si>
  <si>
    <t>Resolucao 03.10.2011.xls</t>
  </si>
  <si>
    <t>12/18/2019 13:44:18</t>
  </si>
  <si>
    <t>Resolucao 03.10.2011.xlsx</t>
  </si>
  <si>
    <t>12/18/2019 13:44:20</t>
  </si>
  <si>
    <t>C:\Users\filemoncmj\OneDrive - Grupo Algar\01. Algar Tech\01. Projetos de Clientes\15. BR Distribuidora\1. Central de Serviços\Acessos\VPN\</t>
  </si>
  <si>
    <t>Especialistas.xls</t>
  </si>
  <si>
    <t>Lista dos Associados.xlsx</t>
  </si>
  <si>
    <t>12/18/2019 13:44:21</t>
  </si>
  <si>
    <t>C:\Users\filemoncmj\OneDrive - Grupo Algar\01. Algar Tech\01. Projetos de Clientes\15. BR Distribuidora\1. Central de Serviços\ATL\</t>
  </si>
  <si>
    <t>CONSOLIDADO ATENDIMENTO BASES BR E LQ V2.xlsx</t>
  </si>
  <si>
    <t>C:\Users\filemoncmj\OneDrive - Grupo Algar\01. Algar Tech\01. Projetos de Clientes\15. BR Distribuidora\1. Central de Serviços\Filemon\</t>
  </si>
  <si>
    <t>Uniformes_faltantes.xlsx</t>
  </si>
  <si>
    <t>C:\Users\filemoncmj\OneDrive - Grupo Algar\01. Algar Tech\01. Projetos de Clientes\15. BR Distribuidora\1. Central de Serviços\Filemon\ATL_Pontas\</t>
  </si>
  <si>
    <t>Controle TH ATL Pontas.xlsx</t>
  </si>
  <si>
    <t>Emails ATL.xls</t>
  </si>
  <si>
    <t>Inclusao dpt saude.xls</t>
  </si>
  <si>
    <t>12/18/2019 13:44:22</t>
  </si>
  <si>
    <t>Status TH BR.xlsx</t>
  </si>
  <si>
    <t>Usuários PETROBRÁS.xlsx</t>
  </si>
  <si>
    <t>12/18/2019 13:44:25</t>
  </si>
  <si>
    <t>C:\Users\filemoncmj\OneDrive - Grupo Algar\01. Algar Tech\01. Projetos de Clientes\15. BR Distribuidora\1. Central de Serviços\Relatórios do Qlikview\Histórico de alteração do status das ORDENS DE SERVIÇO.zip\</t>
  </si>
  <si>
    <t>Hist¢rico de altera‡Æo do status das ORDENS DE SERVI€O.xls</t>
  </si>
  <si>
    <t>C:\Users\filemoncmj\OneDrive - Grupo Algar\01. Algar Tech\01. Projetos de Clientes\15. BR Distribuidora\1. Central de Serviços\Relatórios do Qlikview\Histórico de alteração do status dos INCIDENTES E SOLICITAÇÕES DE SERVIÇOS.zip\</t>
  </si>
  <si>
    <t>Hist¢rico de altera‡Æo do status dos INCIDENTES E SOLICITA€åES DE SERVI€OS.xls</t>
  </si>
  <si>
    <t>12/18/2019 13:44:29</t>
  </si>
  <si>
    <t>C:\Users\filemoncmj\OneDrive - Grupo Algar\01. Algar Tech\01. Projetos de Clientes\15. BR Distribuidora\1. Central de Serviços\Reuniões\</t>
  </si>
  <si>
    <t>Pendências para 26.10.2011.xlsx</t>
  </si>
  <si>
    <t>C:\Users\filemoncmj\OneDrive - Grupo Algar\01. Algar Tech\01. Projetos de Clientes\15. BR Distribuidora\1. Central de Serviços\Infraestrutura\VPN\</t>
  </si>
  <si>
    <t>Equipe_VPN_BR.xls</t>
  </si>
  <si>
    <t>12/18/2019 13:44:32</t>
  </si>
  <si>
    <t>C:\Users\filemoncmj\OneDrive - Grupo Algar\01. Algar Tech\01. Projetos de Clientes\15. BR Distribuidora\2. Reestruturação IBM MAXIMO\3. Planos de Ajustes\2. Ajustes Pontuais\2. Plano de Ajustes 2\</t>
  </si>
  <si>
    <t>Ajustes MAXIMO 2.xlsx</t>
  </si>
  <si>
    <t>12/18/2019 13:44:33</t>
  </si>
  <si>
    <t>C:\Users\filemoncmj\OneDrive - Grupo Algar\01. Algar Tech\01. Projetos de Clientes\15. BR Distribuidora\2. Reestruturação IBM MAXIMO\3. Planos de Ajustes\1. Ajustes Globais\1. Proposta Árvore de Classificações\</t>
  </si>
  <si>
    <t>Classificações Liquigas.xlsx</t>
  </si>
  <si>
    <t>Proposta Esqueleto IBMA MAXIMO.xlsx</t>
  </si>
  <si>
    <t>12/18/2019 13:44:35</t>
  </si>
  <si>
    <t>C:\Users\filemoncmj\OneDrive - Grupo Algar\01. Algar Tech\01. Projetos de Clientes\15. BR Distribuidora\2. Reestruturação IBM MAXIMO\5. Ações de Rentabilização\</t>
  </si>
  <si>
    <t>Formulário de Solicitação de Requisição - Notebooks Projeto IBM MAXIMO BR.xlsx</t>
  </si>
  <si>
    <t>12/18/2019 13:44:37</t>
  </si>
  <si>
    <t>Pricing BR - Especialistas de Sistemas e Processos com 4 v2.xlsb</t>
  </si>
  <si>
    <t>12/18/2019 13:44:39</t>
  </si>
  <si>
    <t>Pricing BR - Especialistas de Sistemas e Processos FINAL.xlsb</t>
  </si>
  <si>
    <t>12/18/2019 13:44:41</t>
  </si>
  <si>
    <t>Pricing BR - Especialistas de Sistemas e Processos FINAL - planilha nova V2.xlsb</t>
  </si>
  <si>
    <t>C:\Users\filemoncmj\OneDrive - Grupo Algar\01. Algar Tech\01. Projetos de Clientes\15. BR Distribuidora\2. Reestruturação IBM MAXIMO\5. Ações de Rentabilização\02. Solicitações de Viagens\</t>
  </si>
  <si>
    <t>Solicitação de Viagem + Hospedagem Matheus Mendes 1106V1506.xlsx</t>
  </si>
  <si>
    <t>12/18/2019 13:44:42</t>
  </si>
  <si>
    <t>Solicitação de Viagem + Hospedagem Matheus Mendes 1806V2206.xlsx</t>
  </si>
  <si>
    <t>Solicitação de Viagem + Hospedagem Matheus Mendes 2506V2906.xlsx</t>
  </si>
  <si>
    <t>Solicitação de Viagem + Hospedagem Pedro Graciano 1806V2206.xlsx</t>
  </si>
  <si>
    <t>Solicitação de Viagem + Hospedagem Pedro Graciano 1106V1506.xlsx</t>
  </si>
  <si>
    <t>12/18/2019 13:44:43</t>
  </si>
  <si>
    <t>C:\Users\filemoncmj\OneDrive - Grupo Algar\01. Algar Tech\01. Projetos de Clientes\15. BR Distribuidora\2. Reestruturação IBM MAXIMO\5. Ações de Rentabilização\06. Solicitações de AD\</t>
  </si>
  <si>
    <t>AD Pedro 18.06.2012.xlsx</t>
  </si>
  <si>
    <t>12/18/2019 13:44:44</t>
  </si>
  <si>
    <t>AD Matheus 18.06.2012.xlsx</t>
  </si>
  <si>
    <t>12/18/2019 13:44:45</t>
  </si>
  <si>
    <t>C:\Users\filemoncmj\OneDrive - Grupo Algar\01. Algar Tech\01. Projetos de Clientes\15. BR Distribuidora\2. Reestruturação IBM MAXIMO\5. Ações de Rentabilização\03. Cadastros OEBS\</t>
  </si>
  <si>
    <t>Cadastro Associado Matheus Gonçalves Mendes.xlsx</t>
  </si>
  <si>
    <t>Cadastro Associado Pedro Henrique Andrade Graciano.xlsx</t>
  </si>
  <si>
    <t>12/18/2019 13:44:46</t>
  </si>
  <si>
    <t>C:\Users\filemoncmj\OneDrive - Grupo Algar\01. Algar Tech\01. Projetos de Clientes\15. BR Distribuidora\6. Link de Contingência\</t>
  </si>
  <si>
    <t>2012_XX_XXXX_RDM_Filemon_Ativacao_Link_Contingencia_BR.xls</t>
  </si>
  <si>
    <t>12/18/2019 13:44:49</t>
  </si>
  <si>
    <t>C:\Users\filemoncmj\OneDrive - Grupo Algar\01. Algar Tech\01. Projetos de Clientes\15. BR Distribuidora\4. Integração VoIP\</t>
  </si>
  <si>
    <t>2012_XX_XXXX_RDM_Filemon_Criar_Maquina_Virtual_Testes_Asterisk_Algar_Tecnologia.xls</t>
  </si>
  <si>
    <t>12/18/2019 13:44:50</t>
  </si>
  <si>
    <t>2012_XX_XXXX_RDM_Filemon_Integração_VoIP_Algar_e_BR.xls</t>
  </si>
  <si>
    <t>12/18/2019 13:44:52</t>
  </si>
  <si>
    <t>C:\Users\filemoncmj\OneDrive - Grupo Algar\01. Algar Tech\01. Projetos de Clientes\16. Bradesco\5. AAYA-EK7YXU RFP TI\02. Aquisições\</t>
  </si>
  <si>
    <t>Aquisições (Silvio).xlsx</t>
  </si>
  <si>
    <t>12/18/2019 13:44:55</t>
  </si>
  <si>
    <t>Controle de Aquisições.xlsx</t>
  </si>
  <si>
    <t>C:\Users\filemoncmj\OneDrive - Grupo Algar\01. Algar Tech\01. Projetos de Clientes\16. Bradesco\5. AAYA-EK7YXU RFP TI\02. Aquisições\01. CAPEX\01. Switches\</t>
  </si>
  <si>
    <t>Espelho de Nota Promon.xlsx</t>
  </si>
  <si>
    <t>Formulário de Solicitação de Compra - Switches V2.xlsx</t>
  </si>
  <si>
    <t>Projeto Bradesco AAYA-EK7YXU RFP TI - Cadastro de Itens (Switches) - V2.xlsx</t>
  </si>
  <si>
    <t>Formulário de Solicitação de Compra - Switches V1.xlsx</t>
  </si>
  <si>
    <t>12/18/2019 13:44:56</t>
  </si>
  <si>
    <t>Projeto Bradesco AAYA-EK7YXU RFP TI - Cadastro de Itens (Switches).xlsx</t>
  </si>
  <si>
    <t>Projeto Bradesco AAYA-EK7YXU RFP TI - Detalhamentos Técnicos Switches.xlsx</t>
  </si>
  <si>
    <t>Formulário de Solicitação de Compra - Switches V3.xlsx</t>
  </si>
  <si>
    <t>C:\Users\filemoncmj\OneDrive - Grupo Algar\01. Algar Tech\01. Projetos de Clientes\16. Bradesco\5. AAYA-EK7YXU RFP TI\02. Aquisições\01. CAPEX\04. Firewall\</t>
  </si>
  <si>
    <t>Formulário de Solicitação de Compra - Firewall V2.xlsx</t>
  </si>
  <si>
    <t>Formulário de Solicitação de Compra - Firewall V3.xlsx</t>
  </si>
  <si>
    <t>Projeto Bradesco AAYA-EK7YXU RFP TI - Cadastro de Itens (Firewall).xlsx</t>
  </si>
  <si>
    <t>Formulário de Solicitação de Compra - Firewall.xlsx</t>
  </si>
  <si>
    <t>C:\Users\filemoncmj\OneDrive - Grupo Algar\01. Algar Tech\01. Projetos de Clientes\16. Bradesco\5. AAYA-EK7YXU RFP TI\02. Aquisições\01. CAPEX\05. Storage\</t>
  </si>
  <si>
    <t>Formulário de Solicitação de Compra - Storage.xlsx</t>
  </si>
  <si>
    <t>Projeto Bradesco AAYA-EK7YXU RFP TI - Cadastro de Itens (Storage).xlsx</t>
  </si>
  <si>
    <t>C:\Users\filemoncmj\OneDrive - Grupo Algar\01. Algar Tech\01. Projetos de Clientes\16. Bradesco\5. AAYA-EK7YXU RFP TI\02. Aquisições\01. CAPEX\06. URA\</t>
  </si>
  <si>
    <t>Formulário de Solicitação de Compra - Placas C-LAN.xlsx</t>
  </si>
  <si>
    <t>Formulário de Solicitação de Compra - URA V2.xlsx</t>
  </si>
  <si>
    <t>12/18/2019 13:44:58</t>
  </si>
  <si>
    <t>Formulário de Solicitação de Compra - URA.xlsx</t>
  </si>
  <si>
    <t>Projeto Bradesco AAYA-EK7YXU RFP TI - Cadastro de Itens (URA) V2.xlsx</t>
  </si>
  <si>
    <t>Projeto Bradesco AAYA-EK7YXU RFP TI - Cadastro de Itens (URA).xlsx</t>
  </si>
  <si>
    <t>Projeto Bradesco AAYA-EK7YXU RFP TI - Especificações Técnicas.xlsx</t>
  </si>
  <si>
    <t>12/18/2019 13:44:59</t>
  </si>
  <si>
    <t>C:\Users\filemoncmj\OneDrive - Grupo Algar\01. Algar Tech\01. Projetos de Clientes\16. Bradesco\5. AAYA-EK7YXU RFP TI\02. Aquisições\01. CAPEX\02. Servidores Dell PowerEdge R720\</t>
  </si>
  <si>
    <t>Formulário de Solicitação de Compra - Servidores Dell PowerEdge R720 V2.xlsx</t>
  </si>
  <si>
    <t>Formulário de Solicitação de Compra - Servidores Dell PowerEdge R720 V3.xlsx</t>
  </si>
  <si>
    <t>Formulário de Solicitação de Compra - Servidores Dell PowerEdge R720 V4.xlsx</t>
  </si>
  <si>
    <t>Formulário de Solicitação de Compra - Servidores Dell PowerEdge R720.xlsx</t>
  </si>
  <si>
    <t>RFP 2012 - Quadro Final.xls</t>
  </si>
  <si>
    <t>12/18/2019 13:45:00</t>
  </si>
  <si>
    <t>C:\Users\filemoncmj\OneDrive - Grupo Algar\01. Algar Tech\01. Projetos de Clientes\16. Bradesco\5. AAYA-EK7YXU RFP TI\02. Aquisições\02. OPEX\01. Patch Cords\</t>
  </si>
  <si>
    <t>Formulário de Solicitação de Compra - Patch Cords - Segunda Remessa.xlsx</t>
  </si>
  <si>
    <t>Formulário de Solicitação de Compra - Patch Cords V2.xlsx</t>
  </si>
  <si>
    <t>Formulário de Solicitação de Compra - Patch Cords.xlsx</t>
  </si>
  <si>
    <t>C:\Users\filemoncmj\OneDrive - Grupo Algar\01. Algar Tech\01. Projetos de Clientes\16. Bradesco\5. AAYA-EK7YXU RFP TI\01. Iniciação\</t>
  </si>
  <si>
    <t>Cronograma Macro Aquisições (Silvio).xls</t>
  </si>
  <si>
    <t>12/18/2019 13:45:02</t>
  </si>
  <si>
    <t>C:\Users\filemoncmj\OneDrive - Grupo Algar\01. Algar Tech\01. Projetos de Clientes\16. Bradesco\6. AAYA-J2I9MI\1. Planejamento\04. RDM\</t>
  </si>
  <si>
    <t>2013_XX_XXXX_Filemon_Ativacao_5_PAs_e_Remanejamento_46_PA's_Bradesco.xls</t>
  </si>
  <si>
    <t>Alteração SD Corporativo.xlsx</t>
  </si>
  <si>
    <t>C:\Users\filemoncmj\OneDrive - Grupo Algar\01. Algar Tech\01. Projetos de Clientes\16. Bradesco\6. AAYA-J2I9MI\2. Execução\3. Aquisições\03. Desktops\</t>
  </si>
  <si>
    <t>Formulário de Solicitação de Compra - Projeto Bradesco AAYA-J2I9MI HD GOE - Desktops.xls</t>
  </si>
  <si>
    <t>C:\Users\filemoncmj\OneDrive - Grupo Algar\01. Algar Tech\01. Projetos de Clientes\16. Bradesco\3. CA Unicenter Bradesco Trial\</t>
  </si>
  <si>
    <t>CA - Unicenter - Help Desk.xlsx</t>
  </si>
  <si>
    <t>Carga Empresas.xlsx</t>
  </si>
  <si>
    <t>12/18/2019 13:45:04</t>
  </si>
  <si>
    <t>Catálogo de Serviços.xlsx</t>
  </si>
  <si>
    <t>12/18/2019 13:45:05</t>
  </si>
  <si>
    <t>C:\Users\filemoncmj\OneDrive - Grupo Algar\01. Algar Tech\01. Projetos de Clientes\16. Bradesco\3. CA Unicenter Bradesco Trial\Documentações CA Unicenter Bradesco Trial.rar\</t>
  </si>
  <si>
    <t>CatÃ¡logo de ServiÃ§os.xlsx</t>
  </si>
  <si>
    <t>12/18/2019 13:45:07</t>
  </si>
  <si>
    <t>C:\Users\filemoncmj\OneDrive - Grupo Algar\01. Algar Tech\01. Projetos de Clientes\18. Service Desk Algar Telecom\4. Monitoramento e Controle\2. Apresentações de Reunião\</t>
  </si>
  <si>
    <t>Status Report.xlsx</t>
  </si>
  <si>
    <t>C:\Users\filemoncmj\OneDrive - Grupo Algar\01. Algar Tech\01. Projetos de Clientes\18. Service Desk Algar Telecom\1. Iniciação\</t>
  </si>
  <si>
    <t>Anexo I - Planilha de Especificações - ALGAR TECNOLOGIA (V2).xls</t>
  </si>
  <si>
    <t>Anexo I - Planilha de Especificações - ALGAR TECNOLOGIA.xls</t>
  </si>
  <si>
    <t>Anexo I - Planilha de Especificações.xls</t>
  </si>
  <si>
    <t>12/18/2019 13:45:10</t>
  </si>
  <si>
    <t>C:\Users\filemoncmj\OneDrive - Grupo Algar\01. Algar Tech\01. Projetos de Clientes\33. MCTI\20 - Escritório de Projetos\01 - Controle de CAPEX e OPEX\</t>
  </si>
  <si>
    <t>Controle de CAPEX e OPEX.xlsx</t>
  </si>
  <si>
    <t>12/18/2019 13:45:12</t>
  </si>
  <si>
    <t>C:\Users\filemoncmj\OneDrive - Grupo Algar\01. Algar Tech\01. Projetos de Clientes\33. MCTI\20 - Escritório de Projetos\01 - Controle de CAPEX e OPEX\01 - Solicitações de Viagens e Hospedagens\</t>
  </si>
  <si>
    <t>Solicitação de Hospedagem Gustavo 0811a1111.xlsx</t>
  </si>
  <si>
    <t>Solicitação de Viagem Gustavo I1511.xlsx</t>
  </si>
  <si>
    <t>Solicitação de Viagem I1601V2701.xlsx</t>
  </si>
  <si>
    <t>Solicitação de Viagem Volnei I0201V1301.xlsx</t>
  </si>
  <si>
    <t>12/18/2019 13:45:13</t>
  </si>
  <si>
    <t>C:\Users\filemoncmj\OneDrive - Grupo Algar\01. Algar Tech\01. Projetos de Clientes\33. MCTI\19 - Dimensionamento de Suporte\</t>
  </si>
  <si>
    <t>Escala Oficial Operação MCTI.xlsx</t>
  </si>
  <si>
    <t>12/18/2019 13:45:28</t>
  </si>
  <si>
    <t>C:\Users\filemoncmj\OneDrive - Grupo Algar\01. Algar Tech\01. Projetos de Clientes\33. MCTI\01. Comercial\Preços\</t>
  </si>
  <si>
    <t>planilha molde STEFANINI.xlsx</t>
  </si>
  <si>
    <t>12/18/2019 13:45:29</t>
  </si>
  <si>
    <t>Planilha de Custos - Algar Tecnologia.xlsx</t>
  </si>
  <si>
    <t>planilha stefanini - final MDA.xlsx</t>
  </si>
  <si>
    <t>12/18/2019 13:45:30</t>
  </si>
  <si>
    <t>Planilha_de_Custo MCT _-_versão 02.xlsx</t>
  </si>
  <si>
    <t>Planilha molde MCT.xlsx</t>
  </si>
  <si>
    <t>12/18/2019 13:45:51</t>
  </si>
  <si>
    <t>C:\Users\filemoncmj\OneDrive - Grupo Algar\01. Algar Tech\01. Projetos de Clientes\31. Notebook Tricard\</t>
  </si>
  <si>
    <t>Solicitação de compras Algar Tecnologia_Projeto_Tricard_Notebook.xls</t>
  </si>
  <si>
    <t>C:\Users\filemoncmj\OneDrive - Grupo Algar\01. Algar Tech\01. Projetos de Clientes\16. Bradesco\5. AAYA-EK7YXU RFP TI\02. Aquisições\01. CAPEX\03. Profissional em Gerenciamento de Projetos\</t>
  </si>
  <si>
    <t>Formulário de Solicitação de Compra - Gerente de Projetos.xlsx</t>
  </si>
  <si>
    <t>12/18/2019 13:45:52</t>
  </si>
  <si>
    <t>C:\Users\filemoncmj\OneDrive - Grupo Algar\01. Algar Tech\01. Projetos de Clientes\16. Bradesco\5. AAYA-EK7YXU RFP TI\02. Aquisições\01. CAPEX\08. Placas C-LAN\</t>
  </si>
  <si>
    <t>C:\Users\filemoncmj\OneDrive - Grupo Algar\01. Algar Tech\01. Projetos de Clientes\16. Bradesco\5. AAYA-EK7YXU RFP TI\02. Aquisições\01. CAPEX\07. Racks\</t>
  </si>
  <si>
    <t>Formulário de Solicitação de Compra - Racks V2.xlsx</t>
  </si>
  <si>
    <t>12/19/2019 07:52:32</t>
  </si>
  <si>
    <t>Formulário de Solicitação de Compra - Racks.xlsx</t>
  </si>
  <si>
    <t>12/18/2019 13:45:53</t>
  </si>
  <si>
    <t>Projeto Bradesco AAYA-EK7YXU RFP TI - Cadastro de Itens (Racks).xlsx</t>
  </si>
  <si>
    <t>C:\Users\filemoncmj\OneDrive - Grupo Algar\01. Algar Tech\01. Projetos de Clientes\16. Bradesco\6. AAYA-J2I9MI\2. Execução\3. Aquisições\02. Ramais\</t>
  </si>
  <si>
    <t>Formulário de Solicitação de Compra - Projeto Bradesco AAYA-J2I9MI HD GOE - Ramais.xls</t>
  </si>
  <si>
    <t>C:\Users\filemoncmj\OneDrive - Grupo Algar\01. Algar Tech\01. Projetos de Clientes\16. Bradesco\6. AAYA-J2I9MI\2. Execução\3. Aquisições\01. Notebooks\</t>
  </si>
  <si>
    <t>Formulário de Solicitação de Compra - Projeto Bradesco AAYA-J2I9MI HD GOE - Notebooks.xls</t>
  </si>
  <si>
    <t>12/18/2019 13:45:54</t>
  </si>
  <si>
    <t>Projeto Bradesco AAYA-J2I9MI - Cadastro de Itens.xlsx</t>
  </si>
  <si>
    <t>12/19/2019 07:49:33</t>
  </si>
  <si>
    <t>C:\Users\filemoncmj\OneDrive - Grupo Algar\01. Algar Tech\01. Projetos de Clientes\16. Bradesco\4. Bolsão Cartões Bradesco\</t>
  </si>
  <si>
    <t>Formulário de Solicitação de Requisição - Bolsão Notebooks Bradesco.xlsx</t>
  </si>
  <si>
    <t>C:\Users\filemoncmj\OneDrive - Grupo Algar\01. Algar Tech\01. Projetos de Clientes\16. Bradesco\2. TS Bradesco\</t>
  </si>
  <si>
    <t>Formulario_Solicitacao_de_Requisicao.xls</t>
  </si>
  <si>
    <t>12/18/2019 13:45:55</t>
  </si>
  <si>
    <t>C:\Users\filemoncmj\OneDrive - Grupo Algar\01. Algar Tech\01. Projetos de Clientes\16. Bradesco\1. Notebook Bradesco\</t>
  </si>
  <si>
    <t>GA - Formulário - Movimentação de Notebook - Transporte.xlsx</t>
  </si>
  <si>
    <t>GA - Formulário - Movimentação de Notebook Bradesco - Elton Santos.xlsx</t>
  </si>
  <si>
    <t>Solicitação de Compras Algar Tecnologia Notebook Bradesco.xlsx</t>
  </si>
  <si>
    <t>12/18/2019 13:45:56</t>
  </si>
  <si>
    <t>C:\Users\filemoncmj\OneDrive - Grupo Algar\01. Algar Tech\01. Projetos de Clientes\33. MCTI\09 - Processos - Procedimentos\9.2 - Procedimentos\</t>
  </si>
  <si>
    <t>ESTRUTURA DE DOCUMENTAÇÃO.xlsx</t>
  </si>
  <si>
    <t>C:\Users\filemoncmj\OneDrive - Grupo Algar\01. Algar Tech\01. Projetos de Clientes\33. MCTI\04 - Lista de Contatos e Áreas Envolvidas\</t>
  </si>
  <si>
    <t>Relação Associados MCTI.xls</t>
  </si>
  <si>
    <t>Controle de R&amp;S MCTI.xlsx</t>
  </si>
  <si>
    <t>12/18/2019 13:45:59</t>
  </si>
  <si>
    <t>C:\Users\filemoncmj\OneDrive - Grupo Algar\01. Algar Tech\01. Projetos de Clientes\33. MCTI\08 - Ferramenta - Tecnologia\</t>
  </si>
  <si>
    <t>PACOTE CA-MCTI-v3.xls</t>
  </si>
  <si>
    <t>C:\Users\filemoncmj\OneDrive - Grupo Algar\01. Algar Tech\01. Projetos de Clientes\33. MCTI\07 - CATÁLOGO DE SERVIÇOS\7.1 - Em construção\</t>
  </si>
  <si>
    <t>CATALOGO DE TAREFAS MCTI - COMPLEXIDADES.xlsx</t>
  </si>
  <si>
    <t>12/18/2019 13:46:04</t>
  </si>
  <si>
    <t>CATALOGO DE TAREFAS MCTI.xlsx</t>
  </si>
  <si>
    <t>CATALOGO DE TAREFAS MCTI-V2.xlsx</t>
  </si>
  <si>
    <t>12/18/2019 13:46:05</t>
  </si>
  <si>
    <t>CATALOGO DE TAREFAS MCTI-V3.xlsx</t>
  </si>
  <si>
    <t>CATALOGO DE TAREFAS MCTI-V4.xlsx</t>
  </si>
  <si>
    <t>12/18/2019 13:46:06</t>
  </si>
  <si>
    <t>CATALOGO DE TAREFAS MCTI-V5.xlsx</t>
  </si>
  <si>
    <t>12/18/2019 13:46:07</t>
  </si>
  <si>
    <t>CATALOGO DE TAREFAS MCTI-V7.xlsx</t>
  </si>
  <si>
    <t>12/18/2019 13:46:08</t>
  </si>
  <si>
    <t>CATALOGO DE TAREFAS MCTI-V8.xlsx</t>
  </si>
  <si>
    <t>C:\Users\filemoncmj\OneDrive - Grupo Algar\01. Algar Tech\01. Projetos de Clientes\18. Service Desk Algar Telecom\3. Execução\</t>
  </si>
  <si>
    <t>GA - Formulário - Movimentação de Notebook - Clejair Braz Ferreira.xlsx</t>
  </si>
  <si>
    <t>12/18/2019 13:46:09</t>
  </si>
  <si>
    <t>C:\Users\filemoncmj\OneDrive - Grupo Algar\01. Algar Tech\01. Projetos de Clientes\15. BR Distribuidora\7. Treinamento SharePoint\</t>
  </si>
  <si>
    <t>Formulário de Solicitação de Requisição - Treinamento SharePoint.xlsx</t>
  </si>
  <si>
    <t>STPIF 007 - CR - Treinamento - MS 10174.xls</t>
  </si>
  <si>
    <t>STPIF 008 - CR - Treinamento - MS 10231.xls</t>
  </si>
  <si>
    <t>12/18/2019 13:46:11</t>
  </si>
  <si>
    <t>C:\Users\filemoncmj\OneDrive - Grupo Algar\01. Algar Tech\01. Projetos de Clientes\15. BR Distribuidora\8. Transportes de Materiais\</t>
  </si>
  <si>
    <t>Formulário de Solicitação de Requisição - Transporte de Materiais.xlsx</t>
  </si>
  <si>
    <t>Protocolo para Envio de Notas Fiscais.xlsx</t>
  </si>
  <si>
    <t>12/18/2019 13:46:12</t>
  </si>
  <si>
    <t>C:\Users\filemoncmj\OneDrive - Grupo Algar\01. Algar Tech\01. Projetos de Clientes\37. SVN TOPTI\.svn\pristine\77\</t>
  </si>
  <si>
    <t>7799af71e418170b00684e445e5fe2c11f91eea1.svn-base</t>
  </si>
  <si>
    <t>12/18/2019 13:46:13</t>
  </si>
  <si>
    <t>C:\Users\filemoncmj\OneDrive - Grupo Algar\01. Algar Tech\01. Projetos de Clientes\37. SVN TOPTI\.svn\pristine\77\77ebad73eef72916d9e020d11b1b7fde0c5a3e2d.svn-base\s4\</t>
  </si>
  <si>
    <t>12/18/2019 13:46:18</t>
  </si>
  <si>
    <t>C:\Users\filemoncmj\OneDrive - Grupo Algar\01. Algar Tech\01. Projetos de Clientes\37. SVN TOPTI\.svn\pristine\0c\0c5be43f7d698267d2a541aeeb05bca1daa7dc4a.svn-base\s4\</t>
  </si>
  <si>
    <t>12/19/2019 07:53:32</t>
  </si>
  <si>
    <t>12/18/2019 13:46:19</t>
  </si>
  <si>
    <t>12/19/2019 07:54:32</t>
  </si>
  <si>
    <t>12/19/2019 07:51:46</t>
  </si>
  <si>
    <t>12/19/2019 07:55:31</t>
  </si>
  <si>
    <t>12/19/2019 07:54:02</t>
  </si>
  <si>
    <t>12/19/2019 07:51:24</t>
  </si>
  <si>
    <t>12/19/2019 07:53:18</t>
  </si>
  <si>
    <t>12/19/2019 07:53:17</t>
  </si>
  <si>
    <t>12/19/2019 07:56:32</t>
  </si>
  <si>
    <t>0a271df8-11b6-483c-a37a-a86762875764.tmp</t>
  </si>
  <si>
    <t>\\acsfs\profiles$\gabrielarb\Downloads\0a271df8-11b6-483c-a37a-a86762875764.tmp</t>
  </si>
  <si>
    <t>4db7b894-c63f-4909-ac62-9533a9b46396.tmp</t>
  </si>
  <si>
    <t>\\acsfs\profiles$\gabrielarb\Downloads\4db7b894-c63f-4909-ac62-9533a9b46396.tmp</t>
  </si>
  <si>
    <t>12/19/2019 07:54:23</t>
  </si>
  <si>
    <t>5bc147fd-c7ba-4276-891d-1cfe135835bb.tmp</t>
  </si>
  <si>
    <t>\\acsfs\profiles$\gabrielarb\Downloads\5bc147fd-c7ba-4276-891d-1cfe135835bb.tmp</t>
  </si>
  <si>
    <t>12/19/2019 07:55:22</t>
  </si>
  <si>
    <t>2232ded6-7ca5-4558-a10a-971c07974420.tmp</t>
  </si>
  <si>
    <t>\\acsfs\profiles$\gabrielarb\Downloads\2232ded6-7ca5-4558-a10a-971c07974420.tmp</t>
  </si>
  <si>
    <t>12/19/2019 07:53:08</t>
  </si>
  <si>
    <t>d83bf5cb-21a1-4ab8-aa46-071487e11220.tmp</t>
  </si>
  <si>
    <t>\\acsfs\profiles$\valeriasda\Downloads\d83bf5cb-21a1-4ab8-aa46-071487e11220.tmp</t>
  </si>
  <si>
    <t>b4a103d3-1f56-4075-b0c0-967af07cb186.tmp</t>
  </si>
  <si>
    <t>\\acsfs\profiles$\valeriasda\Downloads\b4a103d3-1f56-4075-b0c0-967af07cb186.tmp</t>
  </si>
  <si>
    <t>12/19/2019 07:53:58</t>
  </si>
  <si>
    <t>12/19/2019 07:55:15</t>
  </si>
  <si>
    <t>12/19/2019 07:58:32</t>
  </si>
  <si>
    <t>\\acsfs\profiles$\luanarda\My Documents\My Pictures\</t>
  </si>
  <si>
    <t>\\acsfs\profiles$\luanarda\My Documents\My Videos\desktop.ini</t>
  </si>
  <si>
    <t>12/19/2019 07:55:18</t>
  </si>
  <si>
    <t>\\acsfs\profiles$\luanarda\My Documents\My Videos\</t>
  </si>
  <si>
    <t>12/19/2019 07:55:20</t>
  </si>
  <si>
    <t>12/19/2019 07:55:21</t>
  </si>
  <si>
    <t>12/19/2019 07:55:23</t>
  </si>
  <si>
    <t>\\acsfs\profiles$\luanarda\My Documents\My Music\</t>
  </si>
  <si>
    <t>\\acsfs\profiles$\luanarda\My Documents\My Pictures\desktop.ini</t>
  </si>
  <si>
    <t>12/19/2019 07:55:25</t>
  </si>
  <si>
    <t>12/19/2019 07:55:27</t>
  </si>
  <si>
    <t>12/19/2019 07:55:29</t>
  </si>
  <si>
    <t>12/19/2019 07:55:30</t>
  </si>
  <si>
    <t>12/19/2019 07:55:32</t>
  </si>
  <si>
    <t>\\acsfs\profiles$\luanarda\Contacts\</t>
  </si>
  <si>
    <t>\\acsfs\profiles$\luanarda\Contacts\desktop.ini</t>
  </si>
  <si>
    <t>12/19/2019 07:55:33</t>
  </si>
  <si>
    <t>12/19/2019 07:55:34</t>
  </si>
  <si>
    <t>12/19/2019 07:55:35</t>
  </si>
  <si>
    <t>12/19/2019 07:55:37</t>
  </si>
  <si>
    <t>12/19/2019 07:55:38</t>
  </si>
  <si>
    <t>12/19/2019 07:55:39</t>
  </si>
  <si>
    <t>\\acsfs\profiles$\luanarda\My Documents\</t>
  </si>
  <si>
    <t>\\acsfs\profiles$\luanarda\Favorites\desktop.ini</t>
  </si>
  <si>
    <t>12/19/2019 07:55:40</t>
  </si>
  <si>
    <t>12/19/2019 07:55:41</t>
  </si>
  <si>
    <t>12/19/2019 07:55:42</t>
  </si>
  <si>
    <t>12/19/2019 07:55:44</t>
  </si>
  <si>
    <t>12/19/2019 07:55:45</t>
  </si>
  <si>
    <t>12/19/2019 07:55:46</t>
  </si>
  <si>
    <t>12/19/2019 07:55:47</t>
  </si>
  <si>
    <t>\\acsfs\profiles$\luanarda\My Documents\My Music\desktop.ini</t>
  </si>
  <si>
    <t>12/19/2019 07:55:49</t>
  </si>
  <si>
    <t>12/19/2019 07:55:50</t>
  </si>
  <si>
    <t>12/19/2019 07:55:51</t>
  </si>
  <si>
    <t>12/19/2019 07:55:52</t>
  </si>
  <si>
    <t>12/19/2019 07:55:54</t>
  </si>
  <si>
    <t>\\acsfs\profiles$\luanarda\Searches\</t>
  </si>
  <si>
    <t>\\acsfs\profiles$\luanarda\Searches\desktop.ini</t>
  </si>
  <si>
    <t>12/19/2019 07:55:56</t>
  </si>
  <si>
    <t>12/19/2019 07:55:58</t>
  </si>
  <si>
    <t>12/19/2019 07:55:59</t>
  </si>
  <si>
    <t>12/19/2019 07:56:00</t>
  </si>
  <si>
    <t>12/19/2019 07:56:03</t>
  </si>
  <si>
    <t>\\acsfs\profiles$\luanarda\Downloads\desktop.ini</t>
  </si>
  <si>
    <t>12/19/2019 07:56:04</t>
  </si>
  <si>
    <t>12/19/2019 07:56:06</t>
  </si>
  <si>
    <t>\\acsfs\profiles$\luanarda\Favorites\</t>
  </si>
  <si>
    <t>\\acsfs\profiles$\luanarda\My Documents\desktop.ini</t>
  </si>
  <si>
    <t>12/19/2019 07:56:09</t>
  </si>
  <si>
    <t>12/19/2019 07:56:11</t>
  </si>
  <si>
    <t>12/19/2019 07:56:12</t>
  </si>
  <si>
    <t>12/19/2019 07:56:14</t>
  </si>
  <si>
    <t>12/19/2019 07:56:15</t>
  </si>
  <si>
    <t>12/19/2019 07:56:17</t>
  </si>
  <si>
    <t>\\acsfs\profiles$\luanarda\Saved Games\desktop.ini</t>
  </si>
  <si>
    <t>12/19/2019 07:56:20</t>
  </si>
  <si>
    <t>12/19/2019 07:56:40</t>
  </si>
  <si>
    <t>winrt--{S-1-5-21-602162358-764733703-839522115-358565}-.searchconnector-ms</t>
  </si>
  <si>
    <t>\\acsfs\profiles$\luanarda\Searches\winrt--{S-1-5-21-602162358-764733703-839522115-358565}-.searchconnector-ms</t>
  </si>
  <si>
    <t>12/19/2019 07:53:01</t>
  </si>
  <si>
    <t>mail.google.com/_/upload?authuser=0&amp;dcp=asu-n&amp;upload_id=AEnB2UoQAtyHbd1z2uxyV-DWvw8nymDnTPFzjgXFO-Dk-35A0jV_UScg5-PFTrY_6YSkxs4Qq5DxB771JorlG1AdZnb3NJNVfQ-PlHP98tkzJD8emkywuew&amp;upload_protocol=resumable</t>
  </si>
  <si>
    <t>12/19/2019 07:53:22</t>
  </si>
  <si>
    <t>mail.google.com/_/upload?authuser=0&amp;dcp=asu-n&amp;upload_id=AEnB2UoES33aHxhIFo9_OBkZaPX5nZH804S-R3gw1U9d58O8iLHmR0zuZgs1fJM4Hgu7OYrWKoj8G1vPQi4Q1-FbKIxVhcvo19ptIFETuiWv2q5Fr8XfRaI&amp;upload_protocol=resumable</t>
  </si>
  <si>
    <t>12/19/2019 07:54:42</t>
  </si>
  <si>
    <t>12/19/2019 07:57:36</t>
  </si>
  <si>
    <t>efa549f9-b03d-44e2-8fcb-f530a371d337.tmp</t>
  </si>
  <si>
    <t>\\acsfs\profiles$\paulovadc\Downloads\efa549f9-b03d-44e2-8fcb-f530a371d337.tmp</t>
  </si>
  <si>
    <t>12/19/2019 07:55:02</t>
  </si>
  <si>
    <t>quindaizaagds</t>
  </si>
  <si>
    <t>\\acsfs\profiles$\quindaizaagds\My Documents\My Pictures\</t>
  </si>
  <si>
    <t>\\acsfs\profiles$\quindaizaagds\My Documents\My Videos\desktop.ini</t>
  </si>
  <si>
    <t>12/19/2019 07:55:43</t>
  </si>
  <si>
    <t>\\acsfs\profiles$\quindaizaagds\My Documents\My Videos\</t>
  </si>
  <si>
    <t>\\acsfs\profiles$\quindaizaagds\My Documents\My Music\</t>
  </si>
  <si>
    <t>\\acsfs\profiles$\quindaizaagds\My Documents\My Pictures\desktop.ini</t>
  </si>
  <si>
    <t>12/19/2019 07:55:55</t>
  </si>
  <si>
    <t>12/19/2019 07:56:01</t>
  </si>
  <si>
    <t>\\acsfs\profiles$\quindaizaagds\Contacts\</t>
  </si>
  <si>
    <t>\\acsfs\profiles$\quindaizaagds\Contacts\desktop.ini</t>
  </si>
  <si>
    <t>12/19/2019 07:56:23</t>
  </si>
  <si>
    <t>12/19/2019 07:56:24</t>
  </si>
  <si>
    <t>12/19/2019 07:56:27</t>
  </si>
  <si>
    <t>12/19/2019 07:56:28</t>
  </si>
  <si>
    <t>12/19/2019 07:56:31</t>
  </si>
  <si>
    <t>\\acsfs\profiles$\quindaizaagds\My Documents\</t>
  </si>
  <si>
    <t>\\acsfs\profiles$\quindaizaagds\Favorites\desktop.ini</t>
  </si>
  <si>
    <t>12/19/2019 07:56:37</t>
  </si>
  <si>
    <t>12/19/2019 07:56:43</t>
  </si>
  <si>
    <t>12/19/2019 07:56:45</t>
  </si>
  <si>
    <t>12/19/2019 07:56:46</t>
  </si>
  <si>
    <t>12/19/2019 07:56:48</t>
  </si>
  <si>
    <t>\\acsfs\profiles$\quindaizaagds\My Documents\My Music\desktop.ini</t>
  </si>
  <si>
    <t>12/19/2019 07:56:52</t>
  </si>
  <si>
    <t>12/19/2019 07:56:53</t>
  </si>
  <si>
    <t>12/19/2019 07:56:55</t>
  </si>
  <si>
    <t>12/19/2019 07:56:56</t>
  </si>
  <si>
    <t>12/19/2019 07:56:58</t>
  </si>
  <si>
    <t>\\acsfs\profiles$\quindaizaagds\Searches\</t>
  </si>
  <si>
    <t>\\acsfs\profiles$\quindaizaagds\Searches\desktop.ini</t>
  </si>
  <si>
    <t>12/19/2019 07:57:00</t>
  </si>
  <si>
    <t>12/19/2019 07:57:02</t>
  </si>
  <si>
    <t>12/19/2019 07:57:03</t>
  </si>
  <si>
    <t>12/19/2019 07:59:31</t>
  </si>
  <si>
    <t>12/19/2019 07:57:05</t>
  </si>
  <si>
    <t>12/19/2019 07:57:06</t>
  </si>
  <si>
    <t>\\acsfs\profiles$\quindaizaagds\Downloads\</t>
  </si>
  <si>
    <t>\\acsfs\profiles$\quindaizaagds\Downloads\desktop.ini</t>
  </si>
  <si>
    <t>12/19/2019 07:57:07</t>
  </si>
  <si>
    <t>12/19/2019 07:57:09</t>
  </si>
  <si>
    <t>\\acsfs\profiles$\quindaizaagds\Favorites\</t>
  </si>
  <si>
    <t>\\acsfs\profiles$\quindaizaagds\My Documents\desktop.ini</t>
  </si>
  <si>
    <t>12/19/2019 07:57:11</t>
  </si>
  <si>
    <t>12/19/2019 07:57:12</t>
  </si>
  <si>
    <t>12/19/2019 07:57:14</t>
  </si>
  <si>
    <t>12/19/2019 07:57:15</t>
  </si>
  <si>
    <t>12/19/2019 07:57:17</t>
  </si>
  <si>
    <t>\\acsfs\profiles$\quindaizaagds\Saved Games\desktop.ini</t>
  </si>
  <si>
    <t>12/19/2019 07:57:19</t>
  </si>
  <si>
    <t>12/19/2019 07:57:45</t>
  </si>
  <si>
    <t>winrt--{S-1-5-21-602162358-764733703-839522115-330524}-.searchconnector-ms</t>
  </si>
  <si>
    <t>\\acsfs\profiles$\quindaizaagds\Searches\winrt--{S-1-5-21-602162358-764733703-839522115-330524}-.searchconnector-ms</t>
  </si>
  <si>
    <t>12/18/2019 17:05:09</t>
  </si>
  <si>
    <t>camila.guasco@bradesco.com.br;</t>
  </si>
  <si>
    <t>camila.guasco@bradesco.com.br</t>
  </si>
  <si>
    <t>12/19/2019 07:56:29</t>
  </si>
  <si>
    <t>11182931-1da8-4177-a569-3c83065c1f2d.tmp</t>
  </si>
  <si>
    <t>\\acsfs\profiles$\adrielyas\Downloads\11182931-1da8-4177-a569-3c83065c1f2d.tmp</t>
  </si>
  <si>
    <t>12/19/2019 07:57:51</t>
  </si>
  <si>
    <t>9098f38a-9f1a-43b5-aacd-efd4e015bf0f.tmp</t>
  </si>
  <si>
    <t>\\acsfs\profiles$\adrielyas\Downloads\9098f38a-9f1a-43b5-aacd-efd4e015bf0f.tmp</t>
  </si>
  <si>
    <t>12/19/2019 07:58:36</t>
  </si>
  <si>
    <t>12/19/2019 07:58:11</t>
  </si>
  <si>
    <t>cinthiacsda</t>
  </si>
  <si>
    <t>\\acsfs\profiles$\cinthiacsda\Contacts\</t>
  </si>
  <si>
    <t>CINTHIA CRISTYELLE SANTOS DE ARAUJO (35).contact</t>
  </si>
  <si>
    <t>\\acsfs\profiles$\cinthiacsda\Contacts\CINTHIA CRISTYELLE SANTOS DE ARAUJO (35).contact</t>
  </si>
  <si>
    <t>12/19/2019 07:58:12</t>
  </si>
  <si>
    <t>12/19/2019 07:58:28</t>
  </si>
  <si>
    <t>\\acsfs\profiles$\cinthiacsda\My Documents\My Videos\</t>
  </si>
  <si>
    <t>\\acsfs\profiles$\cinthiacsda\My Documents\My Videos\desktop.ini</t>
  </si>
  <si>
    <t>\\acsfs\profiles$\cinthiacsda\My Documents\My Pictures\</t>
  </si>
  <si>
    <t>\\acsfs\profiles$\cinthiacsda\My Documents\My Pictures\desktop.ini</t>
  </si>
  <si>
    <t>12/19/2019 07:58:29</t>
  </si>
  <si>
    <t>12/19/2019 07:58:30</t>
  </si>
  <si>
    <t>\\acsfs\profiles$\cinthiacsda\Contacts\desktop.ini</t>
  </si>
  <si>
    <t>12/19/2019 07:58:31</t>
  </si>
  <si>
    <t>\\acsfs\profiles$\cinthiacsda\Favorites\</t>
  </si>
  <si>
    <t>\\acsfs\profiles$\cinthiacsda\Favorites\desktop.ini</t>
  </si>
  <si>
    <t>\\acsfs\profiles$\cinthiacsda\My Documents\My Music\</t>
  </si>
  <si>
    <t>\\acsfs\profiles$\cinthiacsda\My Documents\My Music\desktop.ini</t>
  </si>
  <si>
    <t>12/19/2019 07:58:33</t>
  </si>
  <si>
    <t>12/19/2019 07:58:34</t>
  </si>
  <si>
    <t>\\acsfs\profiles$\cinthiacsda\Searches\</t>
  </si>
  <si>
    <t>\\acsfs\profiles$\cinthiacsda\Searches\desktop.ini</t>
  </si>
  <si>
    <t>12/19/2019 07:58:35</t>
  </si>
  <si>
    <t>\\acsfs\profiles$\cinthiacsda\Downloads\</t>
  </si>
  <si>
    <t>\\acsfs\profiles$\cinthiacsda\Downloads\desktop.ini</t>
  </si>
  <si>
    <t>\\acsfs\profiles$\cinthiacsda\My Documents\</t>
  </si>
  <si>
    <t>\\acsfs\profiles$\cinthiacsda\My Documents\desktop.ini</t>
  </si>
  <si>
    <t>12/19/2019 07:58:37</t>
  </si>
  <si>
    <t>12/19/2019 07:58:38</t>
  </si>
  <si>
    <t>\\acsfs\profiles$\cinthiacsda\Saved Games\</t>
  </si>
  <si>
    <t>\\acsfs\profiles$\cinthiacsda\Saved Games\desktop.ini</t>
  </si>
  <si>
    <t>12/19/2019 07:58:50</t>
  </si>
  <si>
    <t>12/19/2019 07:58:51</t>
  </si>
  <si>
    <t>12/19/2019 07:58:52</t>
  </si>
  <si>
    <t>12/19/2019 07:58:53</t>
  </si>
  <si>
    <t>12/19/2019 07:58:54</t>
  </si>
  <si>
    <t>12/19/2019 07:58:55</t>
  </si>
  <si>
    <t>12/19/2019 07:58:56</t>
  </si>
  <si>
    <t>12/19/2019 07:58:57</t>
  </si>
  <si>
    <t>12/19/2019 07:58:58</t>
  </si>
  <si>
    <t>12/19/2019 07:58:59</t>
  </si>
  <si>
    <t>12/19/2019 07:59:00</t>
  </si>
  <si>
    <t>12/19/2019 08:00:32</t>
  </si>
  <si>
    <t>12/19/2019 07:59:33</t>
  </si>
  <si>
    <t>12/19/2019 07:57:24</t>
  </si>
  <si>
    <t>12/19/2019 07:56:47</t>
  </si>
  <si>
    <t>12/19/2019 07:57:31</t>
  </si>
  <si>
    <t>059d128a-f016-4abb-890a-f12b5469b7de.tmp</t>
  </si>
  <si>
    <t>\\acsfs\profiles$\marcellewdl\Downloads\059d128a-f016-4abb-890a-f12b5469b7de.tmp</t>
  </si>
  <si>
    <t>12/19/2019 07:58:49</t>
  </si>
  <si>
    <t>0d2cbb85-a728-47be-a180-c6aa9e4c2f20.tmp</t>
  </si>
  <si>
    <t>\\acsfs\profiles$\marcellewdl\Downloads\0d2cbb85-a728-47be-a180-c6aa9e4c2f20.tmp</t>
  </si>
  <si>
    <t>12/19/2019 08:00:09</t>
  </si>
  <si>
    <t>12/19/2019 07:58:46</t>
  </si>
  <si>
    <t>12/19/2019 07:55:53</t>
  </si>
  <si>
    <t>12/19/2019 08:01:31</t>
  </si>
  <si>
    <t>7de4392b-7368-4574-b668-57cb42e90160.tmp</t>
  </si>
  <si>
    <t>\\acsfs\profiles$\gabrielarb\Downloads\7de4392b-7368-4574-b668-57cb42e90160.tmp</t>
  </si>
  <si>
    <t>6bc2d36a-8c54-483a-956d-7ee26a73e2d7.tmp</t>
  </si>
  <si>
    <t>\\acsfs\profiles$\gabrielarb\Downloads\6bc2d36a-8c54-483a-956d-7ee26a73e2d7.tmp</t>
  </si>
  <si>
    <t>12/19/2019 07:57:56</t>
  </si>
  <si>
    <t>\\acsfs\profiles$\gabrielarb\Contacts\</t>
  </si>
  <si>
    <t>GABRIELA RODRIGUES BARREIRO (22851).contact</t>
  </si>
  <si>
    <t>\\acsfs\profiles$\gabrielarb\Contacts\GABRIELA RODRIGUES BARREIRO (22851).contact</t>
  </si>
  <si>
    <t>12/19/2019 07:56:54</t>
  </si>
  <si>
    <t>b5e27d04-1614-4bc4-82ff-3b7a966bf0b8.tmp</t>
  </si>
  <si>
    <t>\\acsfs\profiles$\deborahsi\Downloads\b5e27d04-1614-4bc4-82ff-3b7a966bf0b8.tmp</t>
  </si>
  <si>
    <t>39994083-2fdb-471e-842e-e7218ae324c2.tmp</t>
  </si>
  <si>
    <t>\\acsfs\profiles$\deborahsi\Downloads\39994083-2fdb-471e-842e-e7218ae324c2.tmp</t>
  </si>
  <si>
    <t>12/19/2019 07:59:26</t>
  </si>
  <si>
    <t>b4dcd347-df94-4e31-a4ba-5b1fe1141213.tmp</t>
  </si>
  <si>
    <t>\\acsfs\profiles$\deborahsi\Downloads\b4dcd347-df94-4e31-a4ba-5b1fe1141213.tmp</t>
  </si>
  <si>
    <t>12/19/2019 07:59:18</t>
  </si>
  <si>
    <t>12/19/2019 07:59:22</t>
  </si>
  <si>
    <t>12/19/2019 07:59:23</t>
  </si>
  <si>
    <t>12/19/2019 07:59:27</t>
  </si>
  <si>
    <t>12/19/2019 07:59:28</t>
  </si>
  <si>
    <t>12/19/2019 07:59:30</t>
  </si>
  <si>
    <t>12/19/2019 07:59:34</t>
  </si>
  <si>
    <t>12/19/2019 07:59:39</t>
  </si>
  <si>
    <t>12/19/2019 07:59:41</t>
  </si>
  <si>
    <t>12/19/2019 07:59:46</t>
  </si>
  <si>
    <t>12/19/2019 07:59:47</t>
  </si>
  <si>
    <t>12/19/2019 07:59:50</t>
  </si>
  <si>
    <t>12/19/2019 07:59:51</t>
  </si>
  <si>
    <t>12/19/2019 07:59:52</t>
  </si>
  <si>
    <t>12/19/2019 07:59:53</t>
  </si>
  <si>
    <t>12/19/2019 07:59:54</t>
  </si>
  <si>
    <t>12/19/2019 07:59:56</t>
  </si>
  <si>
    <t>12/19/2019 07:59:57</t>
  </si>
  <si>
    <t>12/19/2019 07:59:58</t>
  </si>
  <si>
    <t>12/19/2019 07:59:59</t>
  </si>
  <si>
    <t>12/19/2019 08:00:01</t>
  </si>
  <si>
    <t>12/19/2019 08:00:02</t>
  </si>
  <si>
    <t>12/19/2019 08:00:03</t>
  </si>
  <si>
    <t>12/19/2019 08:00:04</t>
  </si>
  <si>
    <t>12/19/2019 08:00:06</t>
  </si>
  <si>
    <t>12/19/2019 08:00:07</t>
  </si>
  <si>
    <t>12/19/2019 08:00:08</t>
  </si>
  <si>
    <t>12/19/2019 08:00:11</t>
  </si>
  <si>
    <t>12/19/2019 08:00:13</t>
  </si>
  <si>
    <t>12/19/2019 08:00:14</t>
  </si>
  <si>
    <t>12/19/2019 08:00:15</t>
  </si>
  <si>
    <t>12/19/2019 08:00:17</t>
  </si>
  <si>
    <t>12/19/2019 08:00:18</t>
  </si>
  <si>
    <t>12/19/2019 08:00:19</t>
  </si>
  <si>
    <t>12/19/2019 08:00:20</t>
  </si>
  <si>
    <t>12/19/2019 08:00:22</t>
  </si>
  <si>
    <t>12/19/2019 08:00:24</t>
  </si>
  <si>
    <t>12/19/2019 08:00:58</t>
  </si>
  <si>
    <t>12/19/2019 07:59:48</t>
  </si>
  <si>
    <t>12/19/2019 07:59:49</t>
  </si>
  <si>
    <t>12/19/2019 07:59:55</t>
  </si>
  <si>
    <t>12/19/2019 08:00:00</t>
  </si>
  <si>
    <t>12/19/2019 08:00:05</t>
  </si>
  <si>
    <t>12/19/2019 07:57:33</t>
  </si>
  <si>
    <t>12/19/2019 08:02:32</t>
  </si>
  <si>
    <t>4d83f5b6-a2c1-4a83-afed-97cee48e1e5d.tmp</t>
  </si>
  <si>
    <t>\\acsfs\profiles$\raicabog\Downloads\4d83f5b6-a2c1-4a83-afed-97cee48e1e5d.tmp</t>
  </si>
  <si>
    <t>3ed9eda8-1666-48c0-9799-cab3afc699d4.tmp</t>
  </si>
  <si>
    <t>\\acsfs\profiles$\raicabog\Downloads\3ed9eda8-1666-48c0-9799-cab3afc699d4.tmp</t>
  </si>
  <si>
    <t>12/19/2019 07:58:17</t>
  </si>
  <si>
    <t>57f379e5-0b09-47a7-a399-573fa5122ece.tmp</t>
  </si>
  <si>
    <t>\\acsfs\profiles$\raicabog\Downloads\57f379e5-0b09-47a7-a399-573fa5122ece.tmp</t>
  </si>
  <si>
    <t>f17e7a7d-bb07-4974-8f69-540843c6813f.tmp</t>
  </si>
  <si>
    <t>\\acsfs\profiles$\raicabog\Downloads\f17e7a7d-bb07-4974-8f69-540843c6813f.tmp</t>
  </si>
  <si>
    <t>28bd92fa-fda5-44ca-90e3-bf5d8013d113.tmp</t>
  </si>
  <si>
    <t>\\acsfs\profiles$\raicabog\Downloads\28bd92fa-fda5-44ca-90e3-bf5d8013d113.tmp</t>
  </si>
  <si>
    <t>12/19/2019 08:03:31</t>
  </si>
  <si>
    <t>12/19/2019 08:01:06</t>
  </si>
  <si>
    <t>10.200.66.20</t>
  </si>
  <si>
    <t>ulog_AcroARM2_Reader_22bb18ef-a0cc-4985-b2f1-d8449a05e1d0_7f4066ad-bea8-47a4-a6d8-dc629ccaa2d9_0.log</t>
  </si>
  <si>
    <t>C:\Users\Jordanarb\AppData\Roaming\Adobe\LogTransport2\Logs\ulog_AcroARM2_Reader_22bb18ef-a0cc-4985-b2f1-d8449a05e1d0_7f4066ad-bea8-47a4-a6d8-dc629ccaa2d9_0.log\</t>
  </si>
  <si>
    <t>ulog_HeadlightsOptinProductFamily_HeadlightsOptinProduct_00000000-0000-0000-0000-000000000000_1dff7995-6b0d-4317-a30b-d0be966ac42e.log</t>
  </si>
  <si>
    <t>C:\Users\Jordanarb\AppData\Roaming\Adobe\LogTransport2\Logs\ulog_HeadlightsOptinProductFamily_HeadlightsOptinProduct_00000000-0000-0000-0000-000000000000_1dff7995-6b0d-4317-a30b-d0be966ac42e.log\</t>
  </si>
  <si>
    <t>f560af83-6cb7-4705-8a12-b489d5cb169e.tmp</t>
  </si>
  <si>
    <t>\\acsfs\profiles$\paulovadc\Downloads\f560af83-6cb7-4705-8a12-b489d5cb169e.tmp</t>
  </si>
  <si>
    <t>12/19/2019 08:04:32</t>
  </si>
  <si>
    <t>12/19/2019 08:00:54</t>
  </si>
  <si>
    <t>12/19/2019 08:00:12</t>
  </si>
  <si>
    <t>12/19/2019 08:00:26</t>
  </si>
  <si>
    <t>12/19/2019 08:00:27</t>
  </si>
  <si>
    <t>12/19/2019 08:00:28</t>
  </si>
  <si>
    <t>12/19/2019 08:00:30</t>
  </si>
  <si>
    <t>12/19/2019 08:01:09</t>
  </si>
  <si>
    <t>12/19/2019 08:01:43</t>
  </si>
  <si>
    <t>12/19/2019 07:59:19</t>
  </si>
  <si>
    <t>\\acsfs\profiles$\cinthiacsda\Favorites\Links for Brasil\</t>
  </si>
  <si>
    <t>\\acsfs\profiles$\cinthiacsda\Favorites\Links for Brasil\desktop.ini</t>
  </si>
  <si>
    <t>12/19/2019 07:59:21</t>
  </si>
  <si>
    <t>\\acsfs\profiles$\cinthiacsda\Favorites\Links for Brasil\Microsoft Brasil.url</t>
  </si>
  <si>
    <t>\\acsfs\profiles$\cinthiacsda\Favorites\Links for Brasil\Windows Brasil.url</t>
  </si>
  <si>
    <t>\\acsfs\profiles$\cinthiacsda\Favorites\Links for Brasil\MSN Brasil.url</t>
  </si>
  <si>
    <t>12/19/2019 08:05:31</t>
  </si>
  <si>
    <t>12/19/2019 08:00:52</t>
  </si>
  <si>
    <t>12/19/2019 08:03:24</t>
  </si>
  <si>
    <t>12/19/2019 08:03:53</t>
  </si>
  <si>
    <t>cinthiaa.txt</t>
  </si>
  <si>
    <t>\\acsfs\profiles$\cinthiacsda\My Documents\cinthiaa.txt</t>
  </si>
  <si>
    <t>12/19/2019 08:03:59</t>
  </si>
  <si>
    <t>12/19/2019 08:01:37</t>
  </si>
  <si>
    <t>12/19/2019 08:06:31</t>
  </si>
  <si>
    <t>35844da5-7ae2-4260-bc86-93a1dfb28c0d.tmp</t>
  </si>
  <si>
    <t>\\acsfs\profiles$\gabrielarb\Downloads\35844da5-7ae2-4260-bc86-93a1dfb28c0d.tmp</t>
  </si>
  <si>
    <t>12/19/2019 08:03:16</t>
  </si>
  <si>
    <t>12/19/2019 08:02:31</t>
  </si>
  <si>
    <t>12/19/2019 08:07:31</t>
  </si>
  <si>
    <t>12/19/2019 08:02:55</t>
  </si>
  <si>
    <t>12/19/2019 08:02:56</t>
  </si>
  <si>
    <t>12/19/2019 08:02:57</t>
  </si>
  <si>
    <t>12/19/2019 08:02:58</t>
  </si>
  <si>
    <t>12/19/2019 08:02:59</t>
  </si>
  <si>
    <t>12/19/2019 08:03:00</t>
  </si>
  <si>
    <t>12/19/2019 08:03:01</t>
  </si>
  <si>
    <t>12/19/2019 08:03:02</t>
  </si>
  <si>
    <t>12/19/2019 08:03:03</t>
  </si>
  <si>
    <t>12/19/2019 08:03:04</t>
  </si>
  <si>
    <t>12/19/2019 08:03:05</t>
  </si>
  <si>
    <t>12/19/2019 08:03:06</t>
  </si>
  <si>
    <t>12/19/2019 08:03:07</t>
  </si>
  <si>
    <t>12/19/2019 08:03:08</t>
  </si>
  <si>
    <t>12/19/2019 08:03:09</t>
  </si>
  <si>
    <t>12/19/2019 08:03:10</t>
  </si>
  <si>
    <t>12/19/2019 08:03:11</t>
  </si>
  <si>
    <t>12/19/2019 08:03:12</t>
  </si>
  <si>
    <t>12/19/2019 08:03:13</t>
  </si>
  <si>
    <t>12/19/2019 08:03:14</t>
  </si>
  <si>
    <t>12/19/2019 08:03:15</t>
  </si>
  <si>
    <t>12/19/2019 08:03:17</t>
  </si>
  <si>
    <t>12/19/2019 08:03:18</t>
  </si>
  <si>
    <t>12/19/2019 08:03:19</t>
  </si>
  <si>
    <t>12/19/2019 08:04:23</t>
  </si>
  <si>
    <t>a27d701a-3d7f-47a1-ba4c-c01ce03fe8b9.tmp</t>
  </si>
  <si>
    <t>\\acsfs\profiles$\raicabog\Downloads\a27d701a-3d7f-47a1-ba4c-c01ce03fe8b9.tmp</t>
  </si>
  <si>
    <t>12/19/2019 08:08:31</t>
  </si>
  <si>
    <t>5b02f1c1-f852-483c-98cd-2989528e2845.tmp</t>
  </si>
  <si>
    <t>\\acsfs\profiles$\luanarda\Downloads\5b02f1c1-f852-483c-98cd-2989528e2845.tmp</t>
  </si>
  <si>
    <t>12/19/2019 08:04:08</t>
  </si>
  <si>
    <t>51f5b897-2953-4b46-ac88-62d0dd05bacb.tmp</t>
  </si>
  <si>
    <t>\\acsfs\profiles$\luanarda\Downloads\51f5b897-2953-4b46-ac88-62d0dd05bacb.tmp</t>
  </si>
  <si>
    <t>12/19/2019 08:04:36</t>
  </si>
  <si>
    <t>1807b4e6-a128-4b8e-b6ea-d189a29d3f1e.tmp</t>
  </si>
  <si>
    <t>\\acsfs\profiles$\geovannasm\Downloads\1807b4e6-a128-4b8e-b6ea-d189a29d3f1e.tmp</t>
  </si>
  <si>
    <t>12/19/2019 08:04:49</t>
  </si>
  <si>
    <t>1d333557-66ef-4906-b654-f548adac88ca.tmp</t>
  </si>
  <si>
    <t>\\acsfs\profiles$\geovannasm\Downloads\1d333557-66ef-4906-b654-f548adac88ca.tmp</t>
  </si>
  <si>
    <t>12/19/2019 08:05:05</t>
  </si>
  <si>
    <t>a4cbd1c1-d7c0-400c-8d7f-55b6d0ac07e4.tmp</t>
  </si>
  <si>
    <t>\\acsfs\profiles$\geovannasm\Downloads\a4cbd1c1-d7c0-400c-8d7f-55b6d0ac07e4.tmp</t>
  </si>
  <si>
    <t>12/19/2019 08:06:39</t>
  </si>
  <si>
    <t>5f938b18-1f04-4c98-a029-c8679bc6c0bb.tmp</t>
  </si>
  <si>
    <t>\\acsfs\profiles$\geovannasm\Downloads\5f938b18-1f04-4c98-a029-c8679bc6c0bb.tmp</t>
  </si>
  <si>
    <t>12/19/2019 08:05:35</t>
  </si>
  <si>
    <t>12/19/2019 08:09:31</t>
  </si>
  <si>
    <t>12/19/2019 08:06:35</t>
  </si>
  <si>
    <t>12/19/2019 08:04:57</t>
  </si>
  <si>
    <t>12/19/2019 08:10:31</t>
  </si>
  <si>
    <t>12/19/2019 08:06:03</t>
  </si>
  <si>
    <t>12/19/2019 08:07:20</t>
  </si>
  <si>
    <t>12/19/2019 08:06:56</t>
  </si>
  <si>
    <t>12/19/2019 08:09:25</t>
  </si>
  <si>
    <t>12/19/2019 08:07:29</t>
  </si>
  <si>
    <t>12/19/2019 08:10:12</t>
  </si>
  <si>
    <t>12/19/2019 08:11:31</t>
  </si>
  <si>
    <t>8d4808c9-eee9-4f0e-b5c9-1440bd8a8309.tmp</t>
  </si>
  <si>
    <t>\\acsfs\profiles$\alicecpbc\Downloads\8d4808c9-eee9-4f0e-b5c9-1440bd8a8309.tmp</t>
  </si>
  <si>
    <t>12/19/2019 08:07:50</t>
  </si>
  <si>
    <t>Unconfirmed 256094.crdownload</t>
  </si>
  <si>
    <t>\\acsfs\profiles$\alicecpbc\Downloads\Unconfirmed 256094.crdownload</t>
  </si>
  <si>
    <t>12/19/2019 08:10:27</t>
  </si>
  <si>
    <t>0d06c2c6-e820-4229-a57b-134981add60e.tmp</t>
  </si>
  <si>
    <t>\\acsfs\profiles$\alicecpbc\Downloads\0d06c2c6-e820-4229-a57b-134981add60e.tmp</t>
  </si>
  <si>
    <t>12/19/2019 08:10:49</t>
  </si>
  <si>
    <t>Unconfirmed 961171.crdownload</t>
  </si>
  <si>
    <t>\\acsfs\profiles$\alicecpbc\Downloads\Unconfirmed 961171.crdownload</t>
  </si>
  <si>
    <t>12/19/2019 08:10:51</t>
  </si>
  <si>
    <t>c519976e-2299-4650-b748-9a92014b00f6.tmp</t>
  </si>
  <si>
    <t>\\acsfs\profiles$\alicecpbc\Downloads\c519976e-2299-4650-b748-9a92014b00f6.tmp</t>
  </si>
  <si>
    <t>12/19/2019 08:10:55</t>
  </si>
  <si>
    <t>89ff6988-0761-4720-a134-65872cfaae07.tmp</t>
  </si>
  <si>
    <t>\\acsfs\profiles$\alicecpbc\Downloads\89ff6988-0761-4720-a134-65872cfaae07.tmp</t>
  </si>
  <si>
    <t>12/19/2019 08:08:52</t>
  </si>
  <si>
    <t>12/19/2019 08:09:11</t>
  </si>
  <si>
    <t>b733870a-a67e-498b-b009-d5045b830d5e.tmp</t>
  </si>
  <si>
    <t>\\acsfs\profiles$\jonatanls\Downloads\b733870a-a67e-498b-b009-d5045b830d5e.tmp</t>
  </si>
  <si>
    <t>12/19/2019 08:11:03</t>
  </si>
  <si>
    <t>b6e101d5-13ed-43e3-a6cc-94a4d3269eb0.tmp</t>
  </si>
  <si>
    <t>\\acsfs\profiles$\jonatanls\Downloads\b6e101d5-13ed-43e3-a6cc-94a4d3269eb0.tmp</t>
  </si>
  <si>
    <t>12/19/2019 00:58:44</t>
  </si>
  <si>
    <t>12/19/2019 08:12:31</t>
  </si>
  <si>
    <t>Crescimento_Vegetativo_Ultimos06_meses_Banco_BMG.xlsx</t>
  </si>
  <si>
    <t>12/19/2019 08:08:37</t>
  </si>
  <si>
    <t>12/19/2019 08:13:31</t>
  </si>
  <si>
    <t>Novo(a) Planilha OpenDocument.ods</t>
  </si>
  <si>
    <t>\\acsfs\profiles$\paulovadc\Novo(a) Planilha OpenDocument.ods</t>
  </si>
  <si>
    <t>\\acsfs\profiles$\paulovadc\Novo(a) Planilha OpenDocument.ods\</t>
  </si>
  <si>
    <t>\\acsfs\profiles$\paulovadc\Novo(a) Planilha OpenDocument.ods\META-INF\</t>
  </si>
  <si>
    <t>\\acsfs\profiles$\paulovadc\Novo(a) Planilha OpenDocument.ods\Thumbnails\</t>
  </si>
  <si>
    <t>12/19/2019 08:08:47</t>
  </si>
  <si>
    <t>.~lock.Novo(a) Planilha OpenDocument.ods#</t>
  </si>
  <si>
    <t>\\acsfs\profiles$\paulovadc\.~lock.Novo(a) Planilha OpenDocument.ods#</t>
  </si>
  <si>
    <t>12/19/2019 08:10:19</t>
  </si>
  <si>
    <t>55c4cace-e7b7-452d-969e-37ee349aa9c4.tmp</t>
  </si>
  <si>
    <t>\\acsfs\profiles$\geovannasm\Downloads\55c4cace-e7b7-452d-969e-37ee349aa9c4.tmp</t>
  </si>
  <si>
    <t>12/19/2019 08:12:07</t>
  </si>
  <si>
    <t>e7aa8cff-82fb-4770-b923-1edacef43279.tmp</t>
  </si>
  <si>
    <t>\\acsfs\profiles$\geovannasm\Downloads\e7aa8cff-82fb-4770-b923-1edacef43279.tmp</t>
  </si>
  <si>
    <t>12/19/2019 08:11:35</t>
  </si>
  <si>
    <t>12/19/2019 08:14:31</t>
  </si>
  <si>
    <t>12/19/2019 08:12:35</t>
  </si>
  <si>
    <t>12/19/2019 08:12:03</t>
  </si>
  <si>
    <t>12/19/2019 08:15:31</t>
  </si>
  <si>
    <t>12/19/2019 08:12:28</t>
  </si>
  <si>
    <t>12/19/2019 08:14:13</t>
  </si>
  <si>
    <t>12/19/2019 08:10:16</t>
  </si>
  <si>
    <t>12/19/2019 08:14:58</t>
  </si>
  <si>
    <t>12/19/2019 08:12:48</t>
  </si>
  <si>
    <t>\\acsfs\profiles$\cinthiacsda\My Documents\scripts.txt</t>
  </si>
  <si>
    <t>12/19/2019 08:12:44</t>
  </si>
  <si>
    <t>12/19/2019 08:16:31</t>
  </si>
  <si>
    <t>Anotações Importantes.txt</t>
  </si>
  <si>
    <t>\\acsfs\profiles$\diosquellysc\Anotações Importantes.txt</t>
  </si>
  <si>
    <t>12/19/2019 08:12:43</t>
  </si>
  <si>
    <t>cea3dec4-8062-4159-8f10-995c7f7d7f86.tmp</t>
  </si>
  <si>
    <t>\\acsfs\profiles$\alicecpbc\Downloads\cea3dec4-8062-4159-8f10-995c7f7d7f86.tmp</t>
  </si>
  <si>
    <t>12/19/2019 08:13:09</t>
  </si>
  <si>
    <t>12/19/2019 08:15:10</t>
  </si>
  <si>
    <t>b72b6b18-e9a7-46de-8a6d-f52f3be68cd4.tmp</t>
  </si>
  <si>
    <t>\\acsfs\profiles$\felipetds\Downloads\b72b6b18-e9a7-46de-8a6d-f52f3be68cd4.tmp</t>
  </si>
  <si>
    <t>12/19/2019 08:13:41</t>
  </si>
  <si>
    <t>12/19/2019 08:13:08</t>
  </si>
  <si>
    <t>9de4518c-7c07-470a-92c9-8f98a2b7553e.tmp</t>
  </si>
  <si>
    <t>\\acsfs\profiles$\larissaad\Downloads\9de4518c-7c07-470a-92c9-8f98a2b7553e.tmp</t>
  </si>
  <si>
    <t>12/19/2019 08:13:32</t>
  </si>
  <si>
    <t>3320c9d6-e598-41e0-8464-7a269c3f7b94.tmp</t>
  </si>
  <si>
    <t>\\acsfs\profiles$\larissaad\Downloads\3320c9d6-e598-41e0-8464-7a269c3f7b94.tmp</t>
  </si>
  <si>
    <t>12/18/2019 17:13:41</t>
  </si>
  <si>
    <t>12/19/2019 08:17:31</t>
  </si>
  <si>
    <t>12/19/2019 08:15:23</t>
  </si>
  <si>
    <t>12/19/2019 08:18:31</t>
  </si>
  <si>
    <t>12/19/2019 08:17:38</t>
  </si>
  <si>
    <t>https://udpmailboxap01.acs.com.br:8443/h/search?si=0&amp;so=0&amp;sc=48651&amp;st=conversation&amp;action=compose&amp;paction=paneview</t>
  </si>
  <si>
    <t>12/19/2019 08:15:33</t>
  </si>
  <si>
    <t>12/19/2019 08:19:31</t>
  </si>
  <si>
    <t>12/19/2019 08:17:35</t>
  </si>
  <si>
    <t>12/19/2019 08:18:34</t>
  </si>
  <si>
    <t>12/19/2019 08:18:03</t>
  </si>
  <si>
    <t>12/19/2019 08:20:32</t>
  </si>
  <si>
    <t>12/19/2019 08:15:01</t>
  </si>
  <si>
    <t>12/19/2019 08:19:15</t>
  </si>
  <si>
    <t>12/19/2019 08:19:21</t>
  </si>
  <si>
    <t>12/19/2019 08:19:34</t>
  </si>
  <si>
    <t>12/19/2019 08:19:35</t>
  </si>
  <si>
    <t>12/19/2019 08:19:36</t>
  </si>
  <si>
    <t>12/19/2019 08:16:24</t>
  </si>
  <si>
    <t>12/19/2019 08:21:32</t>
  </si>
  <si>
    <t>12/19/2019 08:17:08</t>
  </si>
  <si>
    <t>31d06e8a-a47b-49f7-b57b-914a9da9248e.tmp</t>
  </si>
  <si>
    <t>\\acsfs\profiles$\felipetds\Downloads\31d06e8a-a47b-49f7-b57b-914a9da9248e.tmp</t>
  </si>
  <si>
    <t>12/19/2019 08:18:13</t>
  </si>
  <si>
    <t>12/19/2019 08:18:45</t>
  </si>
  <si>
    <t>12/19/2019 08:16:20</t>
  </si>
  <si>
    <t>85ed0a51-5d90-40a2-8c40-1e6314d3de4d.tmp</t>
  </si>
  <si>
    <t>\\acsfs\profiles$\larissaad\Downloads\85ed0a51-5d90-40a2-8c40-1e6314d3de4d.tmp</t>
  </si>
  <si>
    <t>12/19/2019 08:18:00</t>
  </si>
  <si>
    <t>12/19/2019 08:19:25</t>
  </si>
  <si>
    <t>\\acsfs\profiles$\rosileiam\My Documents\My Pictures\</t>
  </si>
  <si>
    <t>\\acsfs\profiles$\rosileiam\My Documents\My Videos\desktop.ini</t>
  </si>
  <si>
    <t>12/19/2019 08:19:27</t>
  </si>
  <si>
    <t>\\acsfs\profiles$\rosileiam\My Documents\My Videos\</t>
  </si>
  <si>
    <t>12/19/2019 08:19:38</t>
  </si>
  <si>
    <t>\\acsfs\profiles$\rosileiam\My Documents\My Music\</t>
  </si>
  <si>
    <t>\\acsfs\profiles$\rosileiam\My Documents\My Pictures\desktop.ini</t>
  </si>
  <si>
    <t>12/19/2019 08:19:41</t>
  </si>
  <si>
    <t>12/19/2019 08:19:43</t>
  </si>
  <si>
    <t>12/19/2019 08:19:44</t>
  </si>
  <si>
    <t>12/19/2019 08:19:47</t>
  </si>
  <si>
    <t>12/19/2019 08:19:56</t>
  </si>
  <si>
    <t>\\acsfs\profiles$\rosileiam\Contacts\</t>
  </si>
  <si>
    <t>\\acsfs\profiles$\rosileiam\Contacts\desktop.ini</t>
  </si>
  <si>
    <t>12/19/2019 08:19:57</t>
  </si>
  <si>
    <t>12/19/2019 08:19:58</t>
  </si>
  <si>
    <t>12/19/2019 08:19:59</t>
  </si>
  <si>
    <t>12/19/2019 08:20:05</t>
  </si>
  <si>
    <t>12/19/2019 08:20:08</t>
  </si>
  <si>
    <t>12/19/2019 08:20:15</t>
  </si>
  <si>
    <t>\\acsfs\profiles$\rosileiam\My Documents\</t>
  </si>
  <si>
    <t>\\acsfs\profiles$\rosileiam\Favorites\desktop.ini</t>
  </si>
  <si>
    <t>12/19/2019 08:20:16</t>
  </si>
  <si>
    <t>12/19/2019 08:20:18</t>
  </si>
  <si>
    <t>12/19/2019 08:20:19</t>
  </si>
  <si>
    <t>12/19/2019 08:20:20</t>
  </si>
  <si>
    <t>12/19/2019 08:20:21</t>
  </si>
  <si>
    <t>12/19/2019 08:20:22</t>
  </si>
  <si>
    <t>12/19/2019 08:20:24</t>
  </si>
  <si>
    <t>\\acsfs\profiles$\rosileiam\My Documents\My Music\desktop.ini</t>
  </si>
  <si>
    <t>12/19/2019 08:20:26</t>
  </si>
  <si>
    <t>12/19/2019 08:20:27</t>
  </si>
  <si>
    <t>12/19/2019 08:20:28</t>
  </si>
  <si>
    <t>12/19/2019 08:20:29</t>
  </si>
  <si>
    <t>12/19/2019 08:20:31</t>
  </si>
  <si>
    <t>\\acsfs\profiles$\rosileiam\Searches\</t>
  </si>
  <si>
    <t>\\acsfs\profiles$\rosileiam\Searches\desktop.ini</t>
  </si>
  <si>
    <t>12/19/2019 08:20:33</t>
  </si>
  <si>
    <t>12/19/2019 08:20:35</t>
  </si>
  <si>
    <t>12/19/2019 08:20:36</t>
  </si>
  <si>
    <t>12/19/2019 08:20:38</t>
  </si>
  <si>
    <t>12/19/2019 08:20:39</t>
  </si>
  <si>
    <t>\\acsfs\profiles$\rosileiam\Downloads\desktop.ini</t>
  </si>
  <si>
    <t>12/19/2019 08:20:40</t>
  </si>
  <si>
    <t>12/19/2019 08:20:42</t>
  </si>
  <si>
    <t>\\acsfs\profiles$\rosileiam\Favorites\</t>
  </si>
  <si>
    <t>\\acsfs\profiles$\rosileiam\My Documents\desktop.ini</t>
  </si>
  <si>
    <t>12/19/2019 08:20:44</t>
  </si>
  <si>
    <t>12/19/2019 08:20:45</t>
  </si>
  <si>
    <t>12/19/2019 08:20:46</t>
  </si>
  <si>
    <t>12/19/2019 08:20:47</t>
  </si>
  <si>
    <t>12/19/2019 08:20:48</t>
  </si>
  <si>
    <t>12/19/2019 08:20:51</t>
  </si>
  <si>
    <t>\\acsfs\profiles$\rosileiam\Saved Games\desktop.ini</t>
  </si>
  <si>
    <t>12/19/2019 08:20:52</t>
  </si>
  <si>
    <t>12/19/2019 08:21:19</t>
  </si>
  <si>
    <t>winrt--{S-1-5-21-602162358-764733703-839522115-286585}-.searchconnector-ms</t>
  </si>
  <si>
    <t>\\acsfs\profiles$\rosileiam\Searches\winrt--{S-1-5-21-602162358-764733703-839522115-286585}-.searchconnector-ms</t>
  </si>
  <si>
    <t>12/19/2019 08:22:32</t>
  </si>
  <si>
    <t>1487a6b2-757d-4e1e-8ad0-a777a2b76829.tmp</t>
  </si>
  <si>
    <t>\\acsfs\profiles$\raicabog\Downloads\1487a6b2-757d-4e1e-8ad0-a777a2b76829.tmp</t>
  </si>
  <si>
    <t>12/19/2019 08:18:38</t>
  </si>
  <si>
    <t>12/19/2019 08:23:32</t>
  </si>
  <si>
    <t>12/19/2019 08:19:08</t>
  </si>
  <si>
    <t>12/19/2019 08:21:38</t>
  </si>
  <si>
    <t>12/19/2019 08:22:08</t>
  </si>
  <si>
    <t>12/19/2019 08:23:08</t>
  </si>
  <si>
    <t>12/19/2019 08:19:33</t>
  </si>
  <si>
    <t>94f10633-7dad-45d8-9d68-d038b7153855.tmp</t>
  </si>
  <si>
    <t>\\acsfs\profiles$\sarahbal\Downloads\94f10633-7dad-45d8-9d68-d038b7153855.tmp</t>
  </si>
  <si>
    <t>12/19/2019 08:24:31</t>
  </si>
  <si>
    <t>12/19/2019 08:25:32</t>
  </si>
  <si>
    <t>12/19/2019 08:21:45</t>
  </si>
  <si>
    <t>12/19/2019 08:24:03</t>
  </si>
  <si>
    <t>12/19/2019 08:22:28</t>
  </si>
  <si>
    <t>55882739-a043-42f4-821c-f9ec9f676cec.tmp</t>
  </si>
  <si>
    <t>\\acsfs\profiles$\ayalabfi\Downloads\55882739-a043-42f4-821c-f9ec9f676cec.tmp</t>
  </si>
  <si>
    <t>1fe35f44-a917-4d11-b7b4-b36e94556d9e.tmp</t>
  </si>
  <si>
    <t>\\acsfs\profiles$\ayalabfi\Downloads\1fe35f44-a917-4d11-b7b4-b36e94556d9e.tmp</t>
  </si>
  <si>
    <t>12/19/2019 08:22:30</t>
  </si>
  <si>
    <t>5249ea20-9384-4720-b723-77b9d0c55887.tmp</t>
  </si>
  <si>
    <t>\\acsfs\profiles$\ayalabfi\Downloads\5249ea20-9384-4720-b723-77b9d0c55887.tmp</t>
  </si>
  <si>
    <t>12/19/2019 08:23:50</t>
  </si>
  <si>
    <t>db49deaa-9ab5-4024-8d61-614335e94cf5.tmp</t>
  </si>
  <si>
    <t>\\acsfs\profiles$\ayalabfi\Downloads\db49deaa-9ab5-4024-8d61-614335e94cf5.tmp</t>
  </si>
  <si>
    <t>12/19/2019 08:24:56</t>
  </si>
  <si>
    <t>12/19/2019 08:27:32</t>
  </si>
  <si>
    <t>12/19/2019 08:24:38</t>
  </si>
  <si>
    <t>12/19/2019 08:28:32</t>
  </si>
  <si>
    <t>12/19/2019 08:23:35</t>
  </si>
  <si>
    <t>12/19/2019 08:29:32</t>
  </si>
  <si>
    <t>12/19/2019 08:24:35</t>
  </si>
  <si>
    <t>12/19/2019 08:27:41</t>
  </si>
  <si>
    <t>12/19/2019 08:27:43</t>
  </si>
  <si>
    <t>12/19/2019 08:27:51</t>
  </si>
  <si>
    <t>12/19/2019 08:27:52</t>
  </si>
  <si>
    <t>12/19/2019 08:28:03</t>
  </si>
  <si>
    <t>12/19/2019 08:30:32</t>
  </si>
  <si>
    <t>12/19/2019 08:29:33</t>
  </si>
  <si>
    <t>12/19/2019 08:27:07</t>
  </si>
  <si>
    <t>12/19/2019 08:30:06</t>
  </si>
  <si>
    <t>f29ca9dd-6065-4a22-ad3d-46d5ef8e3df4.tmp</t>
  </si>
  <si>
    <t>\\acsfs\profiles$\ayalabfi\Downloads\f29ca9dd-6065-4a22-ad3d-46d5ef8e3df4.tmp</t>
  </si>
  <si>
    <t>12/19/2019 08:28:21</t>
  </si>
  <si>
    <t>12/19/2019 08:28:25</t>
  </si>
  <si>
    <t>https://outlook.office365.com/owa/qualidadealgarbv@algartech.com/service.svc?action=updateitem&amp;app=mail&amp;n=147</t>
  </si>
  <si>
    <t>12/19/2019 08:31:32</t>
  </si>
  <si>
    <t>12/19/2019 08:27:29</t>
  </si>
  <si>
    <t>12/19/2019 08:32:32</t>
  </si>
  <si>
    <t>12/19/2019 08:27:31</t>
  </si>
  <si>
    <t>12/19/2019 08:27:33</t>
  </si>
  <si>
    <t>12/19/2019 08:27:34</t>
  </si>
  <si>
    <t>12/19/2019 08:27:35</t>
  </si>
  <si>
    <t>12/19/2019 08:27:38</t>
  </si>
  <si>
    <t>12/19/2019 08:27:42</t>
  </si>
  <si>
    <t>12/19/2019 08:27:44</t>
  </si>
  <si>
    <t>12/19/2019 08:27:45</t>
  </si>
  <si>
    <t>12/19/2019 08:27:48</t>
  </si>
  <si>
    <t>12/19/2019 08:27:50</t>
  </si>
  <si>
    <t>12/19/2019 08:27:55</t>
  </si>
  <si>
    <t>12/19/2019 08:27:57</t>
  </si>
  <si>
    <t>12/19/2019 08:27:59</t>
  </si>
  <si>
    <t>12/19/2019 08:28:00</t>
  </si>
  <si>
    <t>12/19/2019 08:28:02</t>
  </si>
  <si>
    <t>12/19/2019 08:28:07</t>
  </si>
  <si>
    <t>12/19/2019 08:28:09</t>
  </si>
  <si>
    <t>12/19/2019 08:28:10</t>
  </si>
  <si>
    <t>12/19/2019 08:28:14</t>
  </si>
  <si>
    <t>12/19/2019 08:28:16</t>
  </si>
  <si>
    <t>12/19/2019 08:28:19</t>
  </si>
  <si>
    <t>12/19/2019 08:28:20</t>
  </si>
  <si>
    <t>12/19/2019 08:28:22</t>
  </si>
  <si>
    <t>12/19/2019 08:28:23</t>
  </si>
  <si>
    <t>12/19/2019 08:28:27</t>
  </si>
  <si>
    <t>12/19/2019 08:28:28</t>
  </si>
  <si>
    <t>12/19/2019 08:28:30</t>
  </si>
  <si>
    <t>12/19/2019 08:28:31</t>
  </si>
  <si>
    <t>12/19/2019 08:28:33</t>
  </si>
  <si>
    <t>12/19/2019 08:28:35</t>
  </si>
  <si>
    <t>12/19/2019 08:28:37</t>
  </si>
  <si>
    <t>12/19/2019 08:28:38</t>
  </si>
  <si>
    <t>12/19/2019 08:28:39</t>
  </si>
  <si>
    <t>12/19/2019 08:28:41</t>
  </si>
  <si>
    <t>12/19/2019 08:28:42</t>
  </si>
  <si>
    <t>12/19/2019 08:28:45</t>
  </si>
  <si>
    <t>12/19/2019 08:28:48</t>
  </si>
  <si>
    <t>12/19/2019 08:29:06</t>
  </si>
  <si>
    <t>12/19/2019 08:30:37</t>
  </si>
  <si>
    <t>f02eff53-ebe2-48ba-ae52-cd3663f303d1.tmp</t>
  </si>
  <si>
    <t>\\acsfs\profiles$\YASMINSC\Downloads\f02eff53-ebe2-48ba-ae52-cd3663f303d1.tmp</t>
  </si>
  <si>
    <t>12/19/2019 08:31:31</t>
  </si>
  <si>
    <t>ddcce911-956b-4c67-bc47-92c0cced5e49.tmp</t>
  </si>
  <si>
    <t>\\acsfs\profiles$\YASMINSC\Downloads\ddcce911-956b-4c67-bc47-92c0cced5e49.tmp</t>
  </si>
  <si>
    <t>12/19/2019 08:31:15</t>
  </si>
  <si>
    <t>12/19/2019 08:33:32</t>
  </si>
  <si>
    <t>fbcb8505-5bce-4f02-a22e-cce7c2024054.tmp</t>
  </si>
  <si>
    <t>\\acsfs\profiles$\luanarda\Downloads\fbcb8505-5bce-4f02-a22e-cce7c2024054.tmp</t>
  </si>
  <si>
    <t>12/19/2019 08:32:16</t>
  </si>
  <si>
    <t>64dd4dd9-bf52-41cf-b85c-56bd477608c0.tmp</t>
  </si>
  <si>
    <t>\\acsfs\profiles$\luanarda\Downloads\64dd4dd9-bf52-41cf-b85c-56bd477608c0.tmp</t>
  </si>
  <si>
    <t>12/19/2019 08:31:10</t>
  </si>
  <si>
    <t>12/19/2019 08:31:11</t>
  </si>
  <si>
    <t>12/19/2019 08:32:08</t>
  </si>
  <si>
    <t>12/19/2019 08:30:34</t>
  </si>
  <si>
    <t>12/19/2019 08:34:32</t>
  </si>
  <si>
    <t>12/19/2019 08:33:34</t>
  </si>
  <si>
    <t>12/19/2019 08:30:03</t>
  </si>
  <si>
    <t>12/19/2019 08:35:32</t>
  </si>
  <si>
    <t>12/18/2019 19:12:30</t>
  </si>
  <si>
    <t>mail.google.com/_/upload?authuser=0&amp;dcp=asu-n&amp;upload_id=AEnB2UqYJg-e-bwp6JS4SbKy7sRwoeawnylCwpo_BqDWNmO6jaR4sS51m5sdFTGZ3WUWQuzVRbjZr6Qx80w8DG1C7BaPPI5DOg9JItLJWqz6QDweqQpMfmA&amp;upload_protocol=resumable</t>
  </si>
  <si>
    <t>C:\Users\lucianabo\Desktop\2019\11 - Novembro\FECHAMENTO CONTÁBIL\RAO SLIDE CAIXA + YOUSE\</t>
  </si>
  <si>
    <t>112019_RAO_GRC V2.xlsx</t>
  </si>
  <si>
    <t>12/19/2019 08:35:02</t>
  </si>
  <si>
    <t>12/19/2019 08:32:44</t>
  </si>
  <si>
    <t>\\acsfs\profiles$\isabellegtds\My Documents\My Pictures\</t>
  </si>
  <si>
    <t>\\acsfs\profiles$\isabellegtds\My Documents\My Videos\desktop.ini</t>
  </si>
  <si>
    <t>12/19/2019 08:32:45</t>
  </si>
  <si>
    <t>\\acsfs\profiles$\isabellegtds\My Documents\My Videos\</t>
  </si>
  <si>
    <t>12/19/2019 08:32:51</t>
  </si>
  <si>
    <t>12/19/2019 08:32:53</t>
  </si>
  <si>
    <t>12/19/2019 08:32:58</t>
  </si>
  <si>
    <t>12/19/2019 08:33:00</t>
  </si>
  <si>
    <t>\\acsfs\profiles$\isabellegtds\My Documents\My Music\</t>
  </si>
  <si>
    <t>\\acsfs\profiles$\isabellegtds\My Documents\My Pictures\desktop.ini</t>
  </si>
  <si>
    <t>12/19/2019 08:33:01</t>
  </si>
  <si>
    <t>12/19/2019 08:33:02</t>
  </si>
  <si>
    <t>12/19/2019 08:33:04</t>
  </si>
  <si>
    <t>12/19/2019 08:33:06</t>
  </si>
  <si>
    <t>\\acsfs\profiles$\isabellegtds\Contacts\</t>
  </si>
  <si>
    <t>\\acsfs\profiles$\isabellegtds\Contacts\desktop.ini</t>
  </si>
  <si>
    <t>12/19/2019 08:33:07</t>
  </si>
  <si>
    <t>12/19/2019 08:33:09</t>
  </si>
  <si>
    <t>12/19/2019 08:33:10</t>
  </si>
  <si>
    <t>12/19/2019 08:33:11</t>
  </si>
  <si>
    <t>12/19/2019 08:33:12</t>
  </si>
  <si>
    <t>12/19/2019 08:33:13</t>
  </si>
  <si>
    <t>\\acsfs\profiles$\isabellegtds\My Documents\</t>
  </si>
  <si>
    <t>\\acsfs\profiles$\isabellegtds\Favorites\desktop.ini</t>
  </si>
  <si>
    <t>12/19/2019 08:33:14</t>
  </si>
  <si>
    <t>12/19/2019 08:33:15</t>
  </si>
  <si>
    <t>12/19/2019 08:33:16</t>
  </si>
  <si>
    <t>12/19/2019 08:33:17</t>
  </si>
  <si>
    <t>12/19/2019 08:33:18</t>
  </si>
  <si>
    <t>12/19/2019 08:33:19</t>
  </si>
  <si>
    <t>\\acsfs\profiles$\isabellegtds\My Documents\My Music\desktop.ini</t>
  </si>
  <si>
    <t>12/19/2019 08:33:20</t>
  </si>
  <si>
    <t>12/19/2019 08:33:21</t>
  </si>
  <si>
    <t>12/19/2019 08:33:22</t>
  </si>
  <si>
    <t>12/19/2019 08:33:24</t>
  </si>
  <si>
    <t>\\acsfs\profiles$\isabellegtds\Searches\</t>
  </si>
  <si>
    <t>\\acsfs\profiles$\isabellegtds\Searches\desktop.ini</t>
  </si>
  <si>
    <t>12/19/2019 08:33:25</t>
  </si>
  <si>
    <t>12/19/2019 08:33:26</t>
  </si>
  <si>
    <t>12/19/2019 08:33:27</t>
  </si>
  <si>
    <t>12/19/2019 08:33:28</t>
  </si>
  <si>
    <t>12/19/2019 08:33:30</t>
  </si>
  <si>
    <t>\\acsfs\profiles$\isabellegtds\Downloads\desktop.ini</t>
  </si>
  <si>
    <t>12/19/2019 08:33:31</t>
  </si>
  <si>
    <t>\\acsfs\profiles$\isabellegtds\Favorites\</t>
  </si>
  <si>
    <t>\\acsfs\profiles$\isabellegtds\My Documents\desktop.ini</t>
  </si>
  <si>
    <t>12/19/2019 08:33:35</t>
  </si>
  <si>
    <t>12/19/2019 08:33:36</t>
  </si>
  <si>
    <t>12/19/2019 08:33:37</t>
  </si>
  <si>
    <t>12/19/2019 08:33:39</t>
  </si>
  <si>
    <t>\\acsfs\profiles$\isabellegtds\Saved Games\desktop.ini</t>
  </si>
  <si>
    <t>12/19/2019 08:33:44</t>
  </si>
  <si>
    <t>12/19/2019 08:33:55</t>
  </si>
  <si>
    <t>winrt--{S-1-5-21-602162358-764733703-839522115-350547}-.searchconnector-ms</t>
  </si>
  <si>
    <t>\\acsfs\profiles$\isabellegtds\Searches\winrt--{S-1-5-21-602162358-764733703-839522115-350547}-.searchconnector-ms</t>
  </si>
  <si>
    <t>12/19/2019 08:34:05</t>
  </si>
  <si>
    <t>12/19/2019 08:36:32</t>
  </si>
  <si>
    <t>969685fc-159f-4b1d-b83b-a83aad7f030a.tmp</t>
  </si>
  <si>
    <t>\\acsfs\profiles$\valeriasda\Downloads\969685fc-159f-4b1d-b83b-a83aad7f030a.tmp</t>
  </si>
  <si>
    <t>12/19/2019 08:34:03</t>
  </si>
  <si>
    <t>014b133e-a9a2-4248-a597-95c61423c459.tmp</t>
  </si>
  <si>
    <t>\\acsfs\profiles$\valeriasda\Downloads\014b133e-a9a2-4248-a597-95c61423c459.tmp</t>
  </si>
  <si>
    <t>12/19/2019 08:33:41</t>
  </si>
  <si>
    <t>783759f0-fd36-4748-aa88-5e0a9160bb18.tmp</t>
  </si>
  <si>
    <t>\\acsfs\profiles$\wenderbnm\Downloads\783759f0-fd36-4748-aa88-5e0a9160bb18.tmp</t>
  </si>
  <si>
    <t>12/19/2019 08:33:42</t>
  </si>
  <si>
    <t>3b8b8a18-1c85-44a0-a0f7-cea572f8d396.tmp</t>
  </si>
  <si>
    <t>\\acsfs\profiles$\wenderbnm\Downloads\3b8b8a18-1c85-44a0-a0f7-cea572f8d396.tmp</t>
  </si>
  <si>
    <t>12/19/2019 08:34:02</t>
  </si>
  <si>
    <t>0cf33ac7-6b9c-44e4-a325-4a34eb6b82f2.tmp</t>
  </si>
  <si>
    <t>\\acsfs\profiles$\wenderbnm\Downloads\0cf33ac7-6b9c-44e4-a325-4a34eb6b82f2.tmp</t>
  </si>
  <si>
    <t>12/19/2019 08:34:57</t>
  </si>
  <si>
    <t>a56d2601-21fb-4c4c-8c99-daab5760f703.tmp</t>
  </si>
  <si>
    <t>\\acsfs\profiles$\wenderbnm\Downloads\a56d2601-21fb-4c4c-8c99-daab5760f703.tmp</t>
  </si>
  <si>
    <t>12/19/2019 08:35:54</t>
  </si>
  <si>
    <t>12/19/2019 08:37:32</t>
  </si>
  <si>
    <t>12/19/2019 08:35:55</t>
  </si>
  <si>
    <t>12/19/2019 08:35:56</t>
  </si>
  <si>
    <t>12/19/2019 08:35:57</t>
  </si>
  <si>
    <t>12/19/2019 08:35:58</t>
  </si>
  <si>
    <t>12/19/2019 08:35:59</t>
  </si>
  <si>
    <t>12/19/2019 08:36:00</t>
  </si>
  <si>
    <t>12/19/2019 08:36:01</t>
  </si>
  <si>
    <t>12/19/2019 08:36:02</t>
  </si>
  <si>
    <t>12/19/2019 08:36:03</t>
  </si>
  <si>
    <t>12/19/2019 08:36:04</t>
  </si>
  <si>
    <t>12/19/2019 08:36:05</t>
  </si>
  <si>
    <t>12/19/2019 08:36:06</t>
  </si>
  <si>
    <t>12/19/2019 08:36:07</t>
  </si>
  <si>
    <t>12/19/2019 08:36:08</t>
  </si>
  <si>
    <t>12/19/2019 08:36:09</t>
  </si>
  <si>
    <t>12/19/2019 08:36:10</t>
  </si>
  <si>
    <t>12/19/2019 08:36:11</t>
  </si>
  <si>
    <t>12/19/2019 08:36:12</t>
  </si>
  <si>
    <t>12/19/2019 08:36:13</t>
  </si>
  <si>
    <t>12/19/2019 08:36:14</t>
  </si>
  <si>
    <t>12/19/2019 08:36:15</t>
  </si>
  <si>
    <t>12/19/2019 08:36:16</t>
  </si>
  <si>
    <t>12/19/2019 08:32:56</t>
  </si>
  <si>
    <t>12/19/2019 08:38:32</t>
  </si>
  <si>
    <t>12/19/2019 08:34:52</t>
  </si>
  <si>
    <t>Lucasbs</t>
  </si>
  <si>
    <t>\\acsfs\profiles$\Lucasbs\My Documents\My Pictures\</t>
  </si>
  <si>
    <t>\\acsfs\profiles$\LUCASBS\My Documents\My Videos\desktop.ini</t>
  </si>
  <si>
    <t>12/19/2019 08:34:56</t>
  </si>
  <si>
    <t>\\acsfs\profiles$\LUCASBS\My Documents\My Videos\</t>
  </si>
  <si>
    <t>12/19/2019 08:34:59</t>
  </si>
  <si>
    <t>12/19/2019 08:35:01</t>
  </si>
  <si>
    <t>12/19/2019 08:35:06</t>
  </si>
  <si>
    <t>\\acsfs\profiles$\Lucasbs\My Documents\My Music\</t>
  </si>
  <si>
    <t>\\acsfs\profiles$\LUCASBS\My Documents\My Pictures\desktop.ini</t>
  </si>
  <si>
    <t>12/19/2019 08:35:08</t>
  </si>
  <si>
    <t>\\acsfs\profiles$\Lucasbs\My Documents\My Videos\</t>
  </si>
  <si>
    <t>12/19/2019 08:35:10</t>
  </si>
  <si>
    <t>12/19/2019 08:35:11</t>
  </si>
  <si>
    <t>12/19/2019 08:35:12</t>
  </si>
  <si>
    <t>\\acsfs\profiles$\LUCASBS\Contacts\</t>
  </si>
  <si>
    <t>\\acsfs\profiles$\LUCASBS\Contacts\desktop.ini</t>
  </si>
  <si>
    <t>12/19/2019 08:35:15</t>
  </si>
  <si>
    <t>12/19/2019 08:35:16</t>
  </si>
  <si>
    <t>12/19/2019 08:35:17</t>
  </si>
  <si>
    <t>12/19/2019 08:35:18</t>
  </si>
  <si>
    <t>12/19/2019 08:35:19</t>
  </si>
  <si>
    <t>12/19/2019 08:35:21</t>
  </si>
  <si>
    <t>\\acsfs\profiles$\Lucasbs\My Documents\</t>
  </si>
  <si>
    <t>\\acsfs\profiles$\LUCASBS\Favorites\desktop.ini</t>
  </si>
  <si>
    <t>12/19/2019 08:35:22</t>
  </si>
  <si>
    <t>12/19/2019 08:35:23</t>
  </si>
  <si>
    <t>12/19/2019 08:35:24</t>
  </si>
  <si>
    <t>12/19/2019 08:35:26</t>
  </si>
  <si>
    <t>12/19/2019 08:35:27</t>
  </si>
  <si>
    <t>12/19/2019 08:35:28</t>
  </si>
  <si>
    <t>12/19/2019 08:35:29</t>
  </si>
  <si>
    <t>\\acsfs\profiles$\LUCASBS\My Documents\My Music\desktop.ini</t>
  </si>
  <si>
    <t>12/19/2019 08:35:31</t>
  </si>
  <si>
    <t>\\acsfs\profiles$\LUCASBS\My Documents\My Music\</t>
  </si>
  <si>
    <t>12/19/2019 08:35:33</t>
  </si>
  <si>
    <t>12/19/2019 08:35:35</t>
  </si>
  <si>
    <t>12/19/2019 08:35:36</t>
  </si>
  <si>
    <t>\\acsfs\profiles$\Lucasbs\Searches\</t>
  </si>
  <si>
    <t>\\acsfs\profiles$\LUCASBS\Searches\desktop.ini</t>
  </si>
  <si>
    <t>12/19/2019 08:35:37</t>
  </si>
  <si>
    <t>\\acsfs\profiles$\LUCASBS\Searches\</t>
  </si>
  <si>
    <t>12/19/2019 08:35:39</t>
  </si>
  <si>
    <t>12/19/2019 08:35:40</t>
  </si>
  <si>
    <t>12/19/2019 08:35:42</t>
  </si>
  <si>
    <t>\\acsfs\profiles$\LUCASBS\Downloads\</t>
  </si>
  <si>
    <t>\\acsfs\profiles$\LUCASBS\Downloads\desktop.ini</t>
  </si>
  <si>
    <t>12/19/2019 08:35:43</t>
  </si>
  <si>
    <t>12/19/2019 08:35:45</t>
  </si>
  <si>
    <t>\\acsfs\profiles$\Lucasbs\Favorites\</t>
  </si>
  <si>
    <t>\\acsfs\profiles$\LUCASBS\My Documents\desktop.ini</t>
  </si>
  <si>
    <t>12/19/2019 08:35:47</t>
  </si>
  <si>
    <t>\\acsfs\profiles$\LUCASBS\My Documents\</t>
  </si>
  <si>
    <t>12/19/2019 08:35:49</t>
  </si>
  <si>
    <t>12/19/2019 08:35:50</t>
  </si>
  <si>
    <t>12/19/2019 08:35:52</t>
  </si>
  <si>
    <t>12/19/2019 08:35:53</t>
  </si>
  <si>
    <t>\\acsfs\profiles$\Lucasbs\Downloads\</t>
  </si>
  <si>
    <t>\\acsfs\profiles$\LUCASBS\Saved Games\desktop.ini</t>
  </si>
  <si>
    <t>12/19/2019 08:36:23</t>
  </si>
  <si>
    <t>winrt--{S-1-5-21-602162358-764733703-839522115-332620}-.searchconnector-ms</t>
  </si>
  <si>
    <t>\\acsfs\profiles$\LUCASBS\Searches\winrt--{S-1-5-21-602162358-764733703-839522115-332620}-.searchconnector-ms</t>
  </si>
  <si>
    <t>12/19/2019 08:33:23</t>
  </si>
  <si>
    <t>956c33ba-24a7-451c-8b8e-19673e11352e.tmp</t>
  </si>
  <si>
    <t>\\acsfs\profiles$\luanarda\Downloads\956c33ba-24a7-451c-8b8e-19673e11352e.tmp</t>
  </si>
  <si>
    <t>12/19/2019 08:34:09</t>
  </si>
  <si>
    <t>12/19/2019 08:36:38</t>
  </si>
  <si>
    <t>12/19/2019 08:37:08</t>
  </si>
  <si>
    <t>12/19/2019 08:37:38</t>
  </si>
  <si>
    <t>12/19/2019 08:38:08</t>
  </si>
  <si>
    <t>12/19/2019 08:36:35</t>
  </si>
  <si>
    <t>12/19/2019 08:39:32</t>
  </si>
  <si>
    <t>claudiajca</t>
  </si>
  <si>
    <t>\\acsfs\profiles$\claudiajca\My Documents\My Pictures\</t>
  </si>
  <si>
    <t>\\acsfs\profiles$\claudiajca\My Documents\My Videos\desktop.ini</t>
  </si>
  <si>
    <t>12/19/2019 08:33:57</t>
  </si>
  <si>
    <t>\\acsfs\profiles$\claudiajca\My Documents\My Videos\</t>
  </si>
  <si>
    <t>12/19/2019 08:33:59</t>
  </si>
  <si>
    <t>12/19/2019 08:34:00</t>
  </si>
  <si>
    <t>\\acsfs\profiles$\claudiajca\My Documents\My Music\</t>
  </si>
  <si>
    <t>\\acsfs\profiles$\claudiajca\My Documents\My Pictures\desktop.ini</t>
  </si>
  <si>
    <t>12/19/2019 08:34:04</t>
  </si>
  <si>
    <t>\\acsfs\profiles$\claudiajca\Contacts\</t>
  </si>
  <si>
    <t>\\acsfs\profiles$\claudiajca\Contacts\desktop.ini</t>
  </si>
  <si>
    <t>12/19/2019 08:34:06</t>
  </si>
  <si>
    <t>12/19/2019 08:34:07</t>
  </si>
  <si>
    <t>12/19/2019 08:34:08</t>
  </si>
  <si>
    <t>12/19/2019 08:34:10</t>
  </si>
  <si>
    <t>\\acsfs\profiles$\claudiajca\My Documents\</t>
  </si>
  <si>
    <t>\\acsfs\profiles$\claudiajca\Favorites\desktop.ini</t>
  </si>
  <si>
    <t>12/19/2019 08:34:12</t>
  </si>
  <si>
    <t>12/19/2019 08:34:13</t>
  </si>
  <si>
    <t>12/19/2019 08:34:15</t>
  </si>
  <si>
    <t>12/19/2019 08:34:16</t>
  </si>
  <si>
    <t>12/19/2019 08:34:18</t>
  </si>
  <si>
    <t>12/19/2019 08:34:19</t>
  </si>
  <si>
    <t>\\acsfs\profiles$\claudiajca\My Documents\My Music\desktop.ini</t>
  </si>
  <si>
    <t>12/19/2019 08:34:20</t>
  </si>
  <si>
    <t>12/19/2019 08:34:21</t>
  </si>
  <si>
    <t>12/19/2019 08:34:22</t>
  </si>
  <si>
    <t>12/19/2019 08:34:25</t>
  </si>
  <si>
    <t>\\acsfs\profiles$\claudiajca\Searches\</t>
  </si>
  <si>
    <t>\\acsfs\profiles$\claudiajca\Searches\desktop.ini</t>
  </si>
  <si>
    <t>12/19/2019 08:34:26</t>
  </si>
  <si>
    <t>12/19/2019 08:34:27</t>
  </si>
  <si>
    <t>12/19/2019 08:34:28</t>
  </si>
  <si>
    <t>12/19/2019 08:34:29</t>
  </si>
  <si>
    <t>12/19/2019 08:34:33</t>
  </si>
  <si>
    <t>\\acsfs\profiles$\claudiajca\Downloads\</t>
  </si>
  <si>
    <t>\\acsfs\profiles$\claudiajca\Downloads\desktop.ini</t>
  </si>
  <si>
    <t>12/19/2019 08:34:34</t>
  </si>
  <si>
    <t>\\acsfs\profiles$\claudiajca\Favorites\</t>
  </si>
  <si>
    <t>\\acsfs\profiles$\claudiajca\My Documents\desktop.ini</t>
  </si>
  <si>
    <t>12/19/2019 08:34:35</t>
  </si>
  <si>
    <t>12/19/2019 08:34:37</t>
  </si>
  <si>
    <t>12/19/2019 08:34:39</t>
  </si>
  <si>
    <t>12/19/2019 08:34:40</t>
  </si>
  <si>
    <t>12/19/2019 08:34:42</t>
  </si>
  <si>
    <t>\\acsfs\profiles$\claudiajca\Saved Games\desktop.ini</t>
  </si>
  <si>
    <t>12/19/2019 08:34:43</t>
  </si>
  <si>
    <t>winrt--{S-1-5-21-602162358-764733703-839522115-332504}-.searchconnector-ms</t>
  </si>
  <si>
    <t>\\acsfs\profiles$\claudiajca\Searches\winrt--{S-1-5-21-602162358-764733703-839522115-332504}-.searchconnector-ms</t>
  </si>
  <si>
    <t>12/19/2019 08:40:32</t>
  </si>
  <si>
    <t>12/19/2019 08:37:39</t>
  </si>
  <si>
    <t>12/19/2019 08:36:45</t>
  </si>
  <si>
    <t>12/19/2019 08:41:31</t>
  </si>
  <si>
    <t>1f526c5f-e921-4699-b83f-ea02d1e44c10.tmp</t>
  </si>
  <si>
    <t>\\acsfs\profiles$\deborahsi\Downloads\1f526c5f-e921-4699-b83f-ea02d1e44c10.tmp</t>
  </si>
  <si>
    <t>12/19/2019 08:38:01</t>
  </si>
  <si>
    <t>06786602-9a5d-4f71-ad39-4e85beba6e87.tmp</t>
  </si>
  <si>
    <t>\\acsfs\profiles$\deborahsi\Downloads\06786602-9a5d-4f71-ad39-4e85beba6e87.tmp</t>
  </si>
  <si>
    <t>12/19/2019 08:39:03</t>
  </si>
  <si>
    <t>cadf7181-612c-48ed-a028-c145e9256b65.tmp</t>
  </si>
  <si>
    <t>\\acsfs\profiles$\gabrieleods\Downloads\cadf7181-612c-48ed-a028-c145e9256b65.tmp</t>
  </si>
  <si>
    <t>12/19/2019 08:38:23</t>
  </si>
  <si>
    <t>528c7ca3-ecc2-47cf-b7fc-d224ecb527b4.tmp</t>
  </si>
  <si>
    <t>\\acsfs\profiles$\alicecpbc\Downloads\528c7ca3-ecc2-47cf-b7fc-d224ecb527b4.tmp</t>
  </si>
  <si>
    <t>12/19/2019 08:39:19</t>
  </si>
  <si>
    <t>12/19/2019 08:39:55</t>
  </si>
  <si>
    <t>12/19/2019 08:42:32</t>
  </si>
  <si>
    <t>4c5160f9-bb46-463b-bbf8-23b50592160b.tmp</t>
  </si>
  <si>
    <t>\\acsfs\profiles$\deboraaa\Downloads\4c5160f9-bb46-463b-bbf8-23b50592160b.tmp</t>
  </si>
  <si>
    <t>12/19/2019 08:38:25</t>
  </si>
  <si>
    <t>12/19/2019 08:43:31</t>
  </si>
  <si>
    <t>https://udpwfmniceap02/pt_br/web/guest/home?p_auth=oza78rt8&amp;p_p_id=58&amp;p_p_lifecycle=1&amp;p_p_state=maximized&amp;p_p_mode=view&amp;savelastpath=0&amp;_58_struts_action=/login/forgot_password</t>
  </si>
  <si>
    <t>12/19/2019 08:38:38</t>
  </si>
  <si>
    <t>12/19/2019 08:39:35</t>
  </si>
  <si>
    <t>12/19/2019 08:44:32</t>
  </si>
  <si>
    <t>12/19/2019 08:42:35</t>
  </si>
  <si>
    <t>12/19/2019 08:42:03</t>
  </si>
  <si>
    <t>12/19/2019 08:45:32</t>
  </si>
  <si>
    <t>12/19/2019 08:43:21</t>
  </si>
  <si>
    <t>12/19/2019 08:42:33</t>
  </si>
  <si>
    <t>12/19/2019 08:44:03</t>
  </si>
  <si>
    <t>XLOG_anacdos_19122019_083543.log</t>
  </si>
  <si>
    <t>\\acsfs\profiles$\anacdos\My Documents\xworkcenter\logs\XLOG_anacdos_19122019_083543.log</t>
  </si>
  <si>
    <t>12/19/2019 08:43:39</t>
  </si>
  <si>
    <t>12/19/2019 08:46:32</t>
  </si>
  <si>
    <t>24d236fb-5682-490a-b9e0-a81aab9bee76.tmp</t>
  </si>
  <si>
    <t>\\acsfs\profiles$\PEDROHAB\Downloads\24d236fb-5682-490a-b9e0-a81aab9bee76.tmp</t>
  </si>
  <si>
    <t>12/19/2019 08:43:40</t>
  </si>
  <si>
    <t>f5916cb6-02a4-4f2a-a206-c784cba90e47.tmp</t>
  </si>
  <si>
    <t>\\acsfs\profiles$\PEDROHAB\Downloads\f5916cb6-02a4-4f2a-a206-c784cba90e47.tmp</t>
  </si>
  <si>
    <t>12/19/2019 08:44:52</t>
  </si>
  <si>
    <t>12/19/2019 08:47:32</t>
  </si>
  <si>
    <t>mail.google.com/_/upload?authuser=1&amp;dcp=asu-n&amp;upload_id=AEnB2Up0zUdkEkkUFFZeuMaiNdj2wIER-7gAawAV2cwO6EUaO6tjOa10O2q_9d5oOoLxaADNUYR3lPtvvGUOfOn7LopcphBKiK4SSC1e8b_S1XA5oQRYNHs&amp;upload_protocol=resumable</t>
  </si>
  <si>
    <t>C:\Users\marcelof\Desktop\consolidação dos termos x ativos\planilhas gerais\planilhas gerais.rar\</t>
  </si>
  <si>
    <t>ATUALIZAÃ‡ÃƒO SET-2019 Marcio Rogerio.xlsx</t>
  </si>
  <si>
    <t>planilha contagem geral Sandro Matsuno.xlsx</t>
  </si>
  <si>
    <t>Planilha de Contagem - BA - Atualizada (1).xlsx</t>
  </si>
  <si>
    <t>Planilha de Contagem final Moises.xlsx</t>
  </si>
  <si>
    <t>Planilha de Contagem geral Wesley.xlsx</t>
  </si>
  <si>
    <t>Planilha de Contagem Marcelo.xlsx</t>
  </si>
  <si>
    <t>Planilha de Contagem_GERAL Marilia.xlsx</t>
  </si>
  <si>
    <t>12/19/2019 08:46:36</t>
  </si>
  <si>
    <t>mail.google.com/_/upload?authuser=1&amp;dcp=asu-n&amp;upload_id=AEnB2UruG8wizs7HZnmc6ge9AUu6Rb5r_VY3bYi7BNQsCGveh7SwTau3UA6xz3HgzvKqj8ktP4Z98lxgpJYwOZHugU_k4VBANUXQR29RnYfMZX7m9gsnTz4&amp;upload_protocol=resumable</t>
  </si>
  <si>
    <t>C:\Users\marcelof\Desktop\consolidação dos termos x ativos\</t>
  </si>
  <si>
    <t>consolidado geral ferramentas Brasil.xlsx</t>
  </si>
  <si>
    <t>12/19/2019 08:45:56</t>
  </si>
  <si>
    <t>08ed1142-e966-4cb0-8ba4-0435e35aef49.tmp</t>
  </si>
  <si>
    <t>\\acsfs\profiles$\matheushds\Downloads\08ed1142-e966-4cb0-8ba4-0435e35aef49.tmp</t>
  </si>
  <si>
    <t>12/19/2019 08:46:52</t>
  </si>
  <si>
    <t>12/19/2019 08:48:32</t>
  </si>
  <si>
    <t>12/19/2019 08:44:08</t>
  </si>
  <si>
    <t>12/19/2019 08:45:38</t>
  </si>
  <si>
    <t>12/19/2019 08:46:08</t>
  </si>
  <si>
    <t>12/19/2019 08:46:38</t>
  </si>
  <si>
    <t>12/19/2019 08:45:35</t>
  </si>
  <si>
    <t>12/19/2019 08:49:33</t>
  </si>
  <si>
    <t>12/19/2019 08:48:35</t>
  </si>
  <si>
    <t>12/19/2019 08:45:45</t>
  </si>
  <si>
    <t>12/19/2019 08:50:32</t>
  </si>
  <si>
    <t>12/19/2019 08:48:03</t>
  </si>
  <si>
    <t>12/19/2019 08:45:27</t>
  </si>
  <si>
    <t>\\acsfs\profiles$\stefaniasdf\Favorites\</t>
  </si>
  <si>
    <t>SinergyRH.url</t>
  </si>
  <si>
    <t>\\acsfs\profiles$\stefaniasdf\Favorites\SinergyRH.url</t>
  </si>
  <si>
    <t>12/19/2019 08:45:29</t>
  </si>
  <si>
    <t>SinergyRH.url:favicon</t>
  </si>
  <si>
    <t>\\acsfs\profiles$\stefaniasdf\Favorites\SinergyRH.url:favicon</t>
  </si>
  <si>
    <t>\\acsfs\profiles$\stefaniasdf\Favorites\SinergyRH.url\</t>
  </si>
  <si>
    <t>\\acsfs\profiles$\stefaniasdf\Favorites\SinergyRH.url\:favicon:$DATA</t>
  </si>
  <si>
    <t>12/19/2019 08:46:18</t>
  </si>
  <si>
    <t>12/19/2019 08:46:19</t>
  </si>
  <si>
    <t>12/19/2019 08:46:21</t>
  </si>
  <si>
    <t>12/19/2019 08:46:22</t>
  </si>
  <si>
    <t>12/19/2019 08:46:23</t>
  </si>
  <si>
    <t>12/19/2019 08:46:24</t>
  </si>
  <si>
    <t>12/19/2019 08:46:25</t>
  </si>
  <si>
    <t>12/19/2019 08:46:26</t>
  </si>
  <si>
    <t>12/19/2019 08:46:27</t>
  </si>
  <si>
    <t>12/19/2019 08:46:28</t>
  </si>
  <si>
    <t>12/19/2019 08:46:29</t>
  </si>
  <si>
    <t>12/19/2019 08:46:30</t>
  </si>
  <si>
    <t>12/19/2019 08:46:31</t>
  </si>
  <si>
    <t>12/19/2019 08:46:33</t>
  </si>
  <si>
    <t>12/19/2019 08:46:34</t>
  </si>
  <si>
    <t>12/19/2019 08:46:35</t>
  </si>
  <si>
    <t>12/19/2019 08:46:37</t>
  </si>
  <si>
    <t>12/19/2019 08:46:39</t>
  </si>
  <si>
    <t>12/19/2019 08:46:40</t>
  </si>
  <si>
    <t>12/19/2019 08:46:41</t>
  </si>
  <si>
    <t>12/19/2019 08:46:42</t>
  </si>
  <si>
    <t>12/19/2019 08:46:43</t>
  </si>
  <si>
    <t>12/19/2019 08:46:44</t>
  </si>
  <si>
    <t>12/19/2019 08:46:45</t>
  </si>
  <si>
    <t>12/19/2019 08:46:46</t>
  </si>
  <si>
    <t>12/19/2019 08:46:47</t>
  </si>
  <si>
    <t>12/19/2019 08:46:48</t>
  </si>
  <si>
    <t>12/19/2019 08:46:49</t>
  </si>
  <si>
    <t>12/19/2019 08:46:50</t>
  </si>
  <si>
    <t>12/19/2019 08:46:51</t>
  </si>
  <si>
    <t>12/19/2019 08:49:12</t>
  </si>
  <si>
    <t>12/19/2019 08:45:54</t>
  </si>
  <si>
    <t>lista de presença nr17 - avon (19-12-2019).xlsx</t>
  </si>
  <si>
    <t>12/19/2019 08:47:40</t>
  </si>
  <si>
    <t>12/19/2019 08:51:32</t>
  </si>
  <si>
    <t>cfd43848-60ae-431c-8f60-0ebab6d6d943.tmp</t>
  </si>
  <si>
    <t>\\acsfs\profiles$\PEDROHAB\Downloads\cfd43848-60ae-431c-8f60-0ebab6d6d943.tmp</t>
  </si>
  <si>
    <t>12/19/2019 08:48:43</t>
  </si>
  <si>
    <t>12/19/2019 08:48:38</t>
  </si>
  <si>
    <t>10.16.72.50</t>
  </si>
  <si>
    <t>mail.google.com/_/upload?authuser=0&amp;dcp=asu-n&amp;upload_id=AEnB2Ur95tnPKdcSvu6bwLiFXpVeV2vStgIDDSRf1nSedlvgg1sxt-yR8pIiRwZIP2-j0HQkgMd4xkc-E5xdSg2QYrx0sP6QSxMAWr4oAx-sKCo8BqWzHyQ&amp;upload_protocol=resumable</t>
  </si>
  <si>
    <t>CHAVES ANF-31 JULIANO.xlsx</t>
  </si>
  <si>
    <t>12/19/2019 08:47:16</t>
  </si>
  <si>
    <t>e253ce2f-1647-4a63-b017-73bd32594a0f.tmp</t>
  </si>
  <si>
    <t>\\acsfs\profiles$\larissaad\Downloads\e253ce2f-1647-4a63-b017-73bd32594a0f.tmp</t>
  </si>
  <si>
    <t>12/19/2019 08:50:10</t>
  </si>
  <si>
    <t>9a355292-a0a6-4fa0-b50b-7fbc400bb05d.tmp</t>
  </si>
  <si>
    <t>\\acsfs\profiles$\larissaad\Downloads\9a355292-a0a6-4fa0-b50b-7fbc400bb05d.tmp</t>
  </si>
  <si>
    <t>12/19/2019 08:52:32</t>
  </si>
  <si>
    <t>mail.google.com/_/upload?authuser=1&amp;dcp=asu-n&amp;upload_id=AEnB2Uqp1PX-lMLJFiVFTuTQsBELHuw7yBg79jcAK3yKaxEbw3S3d2w7Nen8Z5wIPkQBNm7h8Pk-Sla3rBQdWKmRX50tY6UCNbInK13w2JoCSLplGjQfxXE&amp;upload_protocol=resumable</t>
  </si>
  <si>
    <t>consolidado geral ativos Brasil.xlsx</t>
  </si>
  <si>
    <t>12/19/2019 08:47:24</t>
  </si>
  <si>
    <t>12/19/2019 08:51:35</t>
  </si>
  <si>
    <t>12/19/2019 08:54:32</t>
  </si>
  <si>
    <t>12/19/2019 08:53:15</t>
  </si>
  <si>
    <t>12/19/2019 08:53:28</t>
  </si>
  <si>
    <t>12/19/2019 08:53:33</t>
  </si>
  <si>
    <t>12/19/2019 08:53:11</t>
  </si>
  <si>
    <t>12/19/2019 08:50:12</t>
  </si>
  <si>
    <t>KAREN DE SOUZA RODRIGUES (18).contact</t>
  </si>
  <si>
    <t>\\acsfs\profiles$\KARENDSR\Contacts\KAREN DE SOUZA RODRIGUES (18).contact</t>
  </si>
  <si>
    <t>12/19/2019 08:50:24</t>
  </si>
  <si>
    <t>12/19/2019 08:50:25</t>
  </si>
  <si>
    <t>12/19/2019 08:50:26</t>
  </si>
  <si>
    <t>12/19/2019 08:50:27</t>
  </si>
  <si>
    <t>12/19/2019 08:50:28</t>
  </si>
  <si>
    <t>12/19/2019 08:50:29</t>
  </si>
  <si>
    <t>12/19/2019 08:50:30</t>
  </si>
  <si>
    <t>12/19/2019 08:50:31</t>
  </si>
  <si>
    <t>12/19/2019 08:50:33</t>
  </si>
  <si>
    <t>12/19/2019 08:50:46</t>
  </si>
  <si>
    <t>12/19/2019 08:50:47</t>
  </si>
  <si>
    <t>12/19/2019 08:51:55</t>
  </si>
  <si>
    <t>421b518d-b82e-4ba6-852d-462d27b2f8b7.tmp</t>
  </si>
  <si>
    <t>\\acsfs\profiles$\KARENDSR\Downloads\421b518d-b82e-4ba6-852d-462d27b2f8b7.tmp</t>
  </si>
  <si>
    <t>12/19/2019 08:53:03</t>
  </si>
  <si>
    <t>74e7d5f1-280c-4601-a055-386bdcee4fb6.tmp</t>
  </si>
  <si>
    <t>\\acsfs\profiles$\KARENDSR\Downloads\74e7d5f1-280c-4601-a055-386bdcee4fb6.tmp</t>
  </si>
  <si>
    <t>12/19/2019 08:53:46</t>
  </si>
  <si>
    <t>2371fd44-8604-42b5-bf91-fcce86d4c737.tmp</t>
  </si>
  <si>
    <t>\\acsfs\profiles$\KARENDSR\Downloads\2371fd44-8604-42b5-bf91-fcce86d4c737.tmp</t>
  </si>
  <si>
    <t>12/19/2019 08:53:54</t>
  </si>
  <si>
    <t>7be484fe-84d9-4b21-ba8e-daeb3940d158.tmp</t>
  </si>
  <si>
    <t>\\acsfs\profiles$\KARENDSR\Downloads\7be484fe-84d9-4b21-ba8e-daeb3940d158.tmp</t>
  </si>
  <si>
    <t>12/19/2019 08:49:36</t>
  </si>
  <si>
    <t>12/19/2019 08:51:08</t>
  </si>
  <si>
    <t>12/19/2019 08:55:33</t>
  </si>
  <si>
    <t>12/19/2019 08:53:32</t>
  </si>
  <si>
    <t>12/19/2019 08:54:03</t>
  </si>
  <si>
    <t>12/19/2019 08:50:20</t>
  </si>
  <si>
    <t>12/19/2019 08:51:45</t>
  </si>
  <si>
    <t>12/19/2019 08:50:45</t>
  </si>
  <si>
    <t>7bf9bbc8-beaa-4eb0-9c2b-efd61408eb08.tmp</t>
  </si>
  <si>
    <t>\\acsfs\profiles$\nathaliadf\Downloads\7bf9bbc8-beaa-4eb0-9c2b-efd61408eb08.tmp</t>
  </si>
  <si>
    <t>3c79956f-2510-4816-b316-251b3c06fc63.tmp</t>
  </si>
  <si>
    <t>\\acsfs\profiles$\nathaliadf\Downloads\3c79956f-2510-4816-b316-251b3c06fc63.tmp</t>
  </si>
  <si>
    <t>12/19/2019 08:53:02</t>
  </si>
  <si>
    <t>12/19/2019 08:56:32</t>
  </si>
  <si>
    <t>a4f1516f-2902-4f29-a27f-2b47e064a00e.tmp</t>
  </si>
  <si>
    <t>\\acsfs\profiles$\gabrieleods\Downloads\a4f1516f-2902-4f29-a27f-2b47e064a00e.tmp</t>
  </si>
  <si>
    <t>12/19/2019 08:54:47</t>
  </si>
  <si>
    <t>1a4f1c19-2654-4921-aca3-86e881efa73c.tmp</t>
  </si>
  <si>
    <t>\\acsfs\profiles$\gabrieleods\Downloads\1a4f1c19-2654-4921-aca3-86e881efa73c.tmp</t>
  </si>
  <si>
    <t>12/19/2019 08:55:00</t>
  </si>
  <si>
    <t>0eb0397e-4a53-43c9-bf0b-20c59e3c90a6.tmp</t>
  </si>
  <si>
    <t>\\acsfs\profiles$\gabrieleods\Downloads\0eb0397e-4a53-43c9-bf0b-20c59e3c90a6.tmp</t>
  </si>
  <si>
    <t>12/19/2019 08:55:19</t>
  </si>
  <si>
    <t>cb9f2910-7b3b-4c01-99eb-b98cd98e0dd4.tmp</t>
  </si>
  <si>
    <t>\\acsfs\profiles$\PEDROHAB\Downloads\cb9f2910-7b3b-4c01-99eb-b98cd98e0dd4.tmp</t>
  </si>
  <si>
    <t>12/19/2019 08:55:38</t>
  </si>
  <si>
    <t>12/19/2019 08:58:32</t>
  </si>
  <si>
    <t>12/19/2019 08:56:11</t>
  </si>
  <si>
    <t>0c6e222c-72ea-45d6-b660-4e5695329a2c.tmp</t>
  </si>
  <si>
    <t>\\acsfs\profiles$\paulovadc\Downloads\0c6e222c-72ea-45d6-b660-4e5695329a2c.tmp</t>
  </si>
  <si>
    <t>12/19/2019 08:57:04</t>
  </si>
  <si>
    <t>67ec332d-37d0-4b17-8954-b3c28b5ec4d7.tmp</t>
  </si>
  <si>
    <t>\\acsfs\profiles$\paulovadc\Downloads\67ec332d-37d0-4b17-8954-b3c28b5ec4d7.tmp</t>
  </si>
  <si>
    <t>12/19/2019 08:54:16</t>
  </si>
  <si>
    <t>12/19/2019 08:59:32</t>
  </si>
  <si>
    <t>12/19/2019 08:54:34</t>
  </si>
  <si>
    <t>12/19/2019 08:54:35</t>
  </si>
  <si>
    <t>12/19/2019 08:54:37</t>
  </si>
  <si>
    <t>12/19/2019 08:54:46</t>
  </si>
  <si>
    <t>12/19/2019 08:55:18</t>
  </si>
  <si>
    <t>12/19/2019 08:55:27</t>
  </si>
  <si>
    <t>12/19/2019 08:55:36</t>
  </si>
  <si>
    <t>12/19/2019 08:55:42</t>
  </si>
  <si>
    <t>12/19/2019 08:55:53</t>
  </si>
  <si>
    <t>12/19/2019 08:56:03</t>
  </si>
  <si>
    <t>12/19/2019 08:56:31</t>
  </si>
  <si>
    <t>12/19/2019 08:56:53</t>
  </si>
  <si>
    <t>12/19/2019 08:57:35</t>
  </si>
  <si>
    <t>12/19/2019 09:00:32</t>
  </si>
  <si>
    <t>2f10eec3-1a9f-4da2-aef2-23c3f3236f1c.tmp</t>
  </si>
  <si>
    <t>\\acsfs\profiles$\laianear\Downloads\2f10eec3-1a9f-4da2-aef2-23c3f3236f1c.tmp</t>
  </si>
  <si>
    <t>12/19/2019 08:57:12</t>
  </si>
  <si>
    <t>52dc008b-8252-43a3-9f9a-5076e9720fea.tmp</t>
  </si>
  <si>
    <t>\\acsfs\profiles$\laianear\Downloads\52dc008b-8252-43a3-9f9a-5076e9720fea.tmp</t>
  </si>
  <si>
    <t>12/19/2019 08:57:16</t>
  </si>
  <si>
    <t>abd6f9ea-650b-4fa6-9c91-5b621dd609ea.tmp</t>
  </si>
  <si>
    <t>\\acsfs\profiles$\laianear\Downloads\abd6f9ea-650b-4fa6-9c91-5b621dd609ea.tmp</t>
  </si>
  <si>
    <t>12/19/2019 08:58:57</t>
  </si>
  <si>
    <t>12/19/2019 08:59:28</t>
  </si>
  <si>
    <t>12/19/2019 08:59:34</t>
  </si>
  <si>
    <t>12/19/2019 09:01:33</t>
  </si>
  <si>
    <t>7b3bed23-5444-4609-81a6-5b33e94bb363.tmp</t>
  </si>
  <si>
    <t>\\acsfs\profiles$\deborahsi\Downloads\7b3bed23-5444-4609-81a6-5b33e94bb363.tmp</t>
  </si>
  <si>
    <t>12/19/2019 08:56:51</t>
  </si>
  <si>
    <t>efcc259c-4eb5-4a51-a551-339a4285e4e0.tmp</t>
  </si>
  <si>
    <t>\\acsfs\profiles$\gabrieleods\Downloads\efcc259c-4eb5-4a51-a551-339a4285e4e0.tmp</t>
  </si>
  <si>
    <t>12/19/2019 08:57:18</t>
  </si>
  <si>
    <t>ed822c3d-542e-4ba4-8c83-9321a296bd6e.tmp</t>
  </si>
  <si>
    <t>\\acsfs\profiles$\gabrieleods\Downloads\ed822c3d-542e-4ba4-8c83-9321a296bd6e.tmp</t>
  </si>
  <si>
    <t>12/19/2019 08:58:08</t>
  </si>
  <si>
    <t>12/19/2019 08:58:39</t>
  </si>
  <si>
    <t>12/19/2019 08:58:40</t>
  </si>
  <si>
    <t>12/19/2019 08:58:41</t>
  </si>
  <si>
    <t>12/19/2019 08:58:42</t>
  </si>
  <si>
    <t>12/19/2019 08:58:43</t>
  </si>
  <si>
    <t>12/19/2019 08:58:44</t>
  </si>
  <si>
    <t>12/19/2019 08:58:45</t>
  </si>
  <si>
    <t>12/19/2019 08:58:46</t>
  </si>
  <si>
    <t>12/19/2019 08:58:47</t>
  </si>
  <si>
    <t>12/19/2019 08:58:48</t>
  </si>
  <si>
    <t>12/19/2019 08:58:49</t>
  </si>
  <si>
    <t>12/19/2019 08:58:50</t>
  </si>
  <si>
    <t>12/19/2019 08:58:51</t>
  </si>
  <si>
    <t>12/19/2019 08:58:52</t>
  </si>
  <si>
    <t>12/19/2019 08:58:53</t>
  </si>
  <si>
    <t>12/19/2019 08:58:54</t>
  </si>
  <si>
    <t>12/19/2019 08:58:55</t>
  </si>
  <si>
    <t>12/19/2019 08:58:56</t>
  </si>
  <si>
    <t>12/19/2019 08:58:58</t>
  </si>
  <si>
    <t>12/19/2019 08:58:59</t>
  </si>
  <si>
    <t>12/19/2019 08:59:00</t>
  </si>
  <si>
    <t>12/19/2019 08:59:01</t>
  </si>
  <si>
    <t>12/19/2019 08:59:02</t>
  </si>
  <si>
    <t>\\acsfs\profiles$\tiagosno\My Documents\dbxwc\</t>
  </si>
  <si>
    <t>\\acsfs\profiles$\tiagosno\My Documents\dbxwc\dbxwc.xwc</t>
  </si>
  <si>
    <t>12/19/2019 08:59:07</t>
  </si>
  <si>
    <t>12/19/2019 09:02:32</t>
  </si>
  <si>
    <t>ESTRUTURA IPO.xlsx</t>
  </si>
  <si>
    <t>mail.google.com/_/upload?authuser=1&amp;dcp=asu-n&amp;upload_id=AEnB2Up5h7iT5lFlWq8ixY-s-NXZgdIfiUKOsjDgX0DYHTmavlO5ptPKEDjsEJOwSAIUFCYx-lAwD1m_FvOCHPdAoQSxwgs0O9i8-AIiKCG4mlEPm_ERlTw&amp;upload_protocol=resumable</t>
  </si>
  <si>
    <t>12/19/2019 09:02:43</t>
  </si>
  <si>
    <t>12/19/2019 09:03:33</t>
  </si>
  <si>
    <t>Cronograma Dynamics Ecohouse (3).xlsx</t>
  </si>
  <si>
    <t>12/19/2019 09:02:45</t>
  </si>
  <si>
    <t>mail.google.com/_/upload?authuser=1&amp;dcp=asu-n&amp;upload_id=AEnB2UpRVu1kr2fG3i2X9l56e4YP4TteKw5FwkLjALcEwXoIorAF7Tj2pcAKc7fczn9N0NykGwahmyOTdmMceoM6IN6Pdr4vb4hh9bRqbMUWTXub7AlhY84&amp;upload_protocol=resumable</t>
  </si>
  <si>
    <t>C:\Users\rosilenedlf\Desktop\WHP 27-05\DYNAMICS\</t>
  </si>
  <si>
    <t>12/19/2019 09:00:09</t>
  </si>
  <si>
    <t>12/19/2019 09:00:38</t>
  </si>
  <si>
    <t>12/19/2019 09:01:08</t>
  </si>
  <si>
    <t>12/19/2019 08:59:38</t>
  </si>
  <si>
    <t>b907a817-95e8-4edc-93a8-5b29ea74f611.tmp</t>
  </si>
  <si>
    <t>\\acsfs\profiles$\sarahbal\Downloads\b907a817-95e8-4edc-93a8-5b29ea74f611.tmp</t>
  </si>
  <si>
    <t>12/19/2019 09:02:53</t>
  </si>
  <si>
    <t>4546c8d2-9a0d-4e90-8e7f-2cdb8560e9d4.tmp</t>
  </si>
  <si>
    <t>\\acsfs\profiles$\sarahbal\Downloads\4546c8d2-9a0d-4e90-8e7f-2cdb8560e9d4.tmp</t>
  </si>
  <si>
    <t>12/19/2019 08:59:35</t>
  </si>
  <si>
    <t>12/19/2019 09:04:32</t>
  </si>
  <si>
    <t>12/19/2019 09:00:35</t>
  </si>
  <si>
    <t>12/19/2019 09:03:10</t>
  </si>
  <si>
    <t>12/19/2019 09:03:20</t>
  </si>
  <si>
    <t>12/19/2019 09:03:35</t>
  </si>
  <si>
    <t>12/19/2019 09:00:05</t>
  </si>
  <si>
    <t>12/19/2019 09:05:33</t>
  </si>
  <si>
    <t>12/19/2019 09:02:55</t>
  </si>
  <si>
    <t>12/19/2019 09:06:32</t>
  </si>
  <si>
    <t>kesiadof</t>
  </si>
  <si>
    <t>12/19/2019 09:03:03</t>
  </si>
  <si>
    <t>eduardo.santana@bv;fernandaab@algartech.com;mirianppb@algartech.com;</t>
  </si>
  <si>
    <t>eduardo.santana@bv,fernandaab@algartech.com,mirianppb@algartech.com</t>
  </si>
  <si>
    <t>12/19/2019 09:03:07</t>
  </si>
  <si>
    <t>eduardo.santana@bv.;fernandaab@algartech.com;mirianppb@algartech.com;</t>
  </si>
  <si>
    <t>eduardo.santana@bv.,fernandaab@algartech.com,mirianppb@algartech.com</t>
  </si>
  <si>
    <t>12/19/2019 09:03:11</t>
  </si>
  <si>
    <t>eduardo.santana@bv.;eduardo.santana@bv.com.br;fernandaab@algartech.com;mirianppb@algartech.com;</t>
  </si>
  <si>
    <t>eduardo.santana@bv.,eduardo.santana@bv.com.br,fernandaab@algartech.com,mirianppb@algartech.com</t>
  </si>
  <si>
    <t>12/19/2019 09:03:15</t>
  </si>
  <si>
    <t>12/19/2019 09:03:16</t>
  </si>
  <si>
    <t>12/19/2019 09:03:29</t>
  </si>
  <si>
    <t>eduardo.santana@bv.com.br;fabio.ernest@bv.com.br;fernandaab@algartech.com;mirianppb@algartech.com;thiagord@algartech.com;</t>
  </si>
  <si>
    <t>eduardo.santana@bv.com.br,fabio.ernest@bv.com.br,fernandaab@algartech.com,mirianppb@algartech.com,thiagord@algartech.com</t>
  </si>
  <si>
    <t>12/19/2019 09:03:50</t>
  </si>
  <si>
    <t>mail.google.com/_/upload?authuser=0&amp;dcp=asu-n&amp;upload_id=AEnB2UqiLJbAB5VQs2zlxnO44KxSqJYk-rziRqzs6WgrPWmvT_XDwsv1k2GmQTuIamclHHGOdSj5JWhWde0FmXj1U9x1g9oB-Hmf9Qb2Wra47FVA3Jy6q1Q&amp;upload_protocol=resumable</t>
  </si>
  <si>
    <t>C:\Users\TEMP\</t>
  </si>
  <si>
    <t>CPF 02044286882 - OPERADOR LUCAS QUITONIO DE SOUZA SILVA_1_6769173250933067415_1_32.wav</t>
  </si>
  <si>
    <t>12/19/2019 09:03:56</t>
  </si>
  <si>
    <t>eduardo.santana@bv.;eduardo.santana@bv.com.br;fabio.ernest@bv.com.br;fernandaab@algartech.com;mirianppb@algartech.com;thiagord@algartech.com;</t>
  </si>
  <si>
    <t>eduardo.santana@bv.,eduardo.santana@bv.com.br,fabio.ernest@bv.com.br,fernandaab@algartech.com,mirianppb@algartech.com,thiagord@algartech.com</t>
  </si>
  <si>
    <t>12/19/2019 09:04:13</t>
  </si>
  <si>
    <t>12/19/2019 09:04:31</t>
  </si>
  <si>
    <t>12/19/2019 09:04:50</t>
  </si>
  <si>
    <t>12/19/2019 09:04:54</t>
  </si>
  <si>
    <t>12/19/2019 09:05:09</t>
  </si>
  <si>
    <t>12/19/2019 09:03:22</t>
  </si>
  <si>
    <t>fe55dffa-d1b0-4a7f-84de-79b2613edd37.tmp</t>
  </si>
  <si>
    <t>\\acsfs\profiles$\gabrieleods\Downloads\fe55dffa-d1b0-4a7f-84de-79b2613edd37.tmp</t>
  </si>
  <si>
    <t>12/19/2019 09:04:24</t>
  </si>
  <si>
    <t>12/19/2019 09:07:33</t>
  </si>
  <si>
    <t>e5a76271-d719-40b6-96cd-dc94efd4002c.tmp</t>
  </si>
  <si>
    <t>\\acsfs\profiles$\gabrielhca\Downloads\e5a76271-d719-40b6-96cd-dc94efd4002c.tmp</t>
  </si>
  <si>
    <t>12/19/2019 09:04:52</t>
  </si>
  <si>
    <t>f56f0801-2416-401d-b44d-900ffe902d8d.tmp</t>
  </si>
  <si>
    <t>\\acsfs\profiles$\gabrielhca\Downloads\f56f0801-2416-401d-b44d-900ffe902d8d.tmp</t>
  </si>
  <si>
    <t>8451de06-9225-4058-917d-94fb5515033b.tmp</t>
  </si>
  <si>
    <t>\\acsfs\profiles$\gabrielhca\Downloads\8451de06-9225-4058-917d-94fb5515033b.tmp</t>
  </si>
  <si>
    <t>12/19/2019 09:04:35</t>
  </si>
  <si>
    <t>12/19/2019 09:08:32</t>
  </si>
  <si>
    <t>12/19/2019 09:06:56</t>
  </si>
  <si>
    <t>bf0a6e47-087e-4abf-a66f-764facbda8dd.tmp</t>
  </si>
  <si>
    <t>\\acsfs\profiles$\kellzylenneasr\Downloads\bf0a6e47-087e-4abf-a66f-764facbda8dd.tmp</t>
  </si>
  <si>
    <t>12/19/2019 09:07:50</t>
  </si>
  <si>
    <t>bab4e5ff-5183-45b4-b03a-d3c5c945d4e4.tmp</t>
  </si>
  <si>
    <t>\\acsfs\profiles$\kellzylenneasr\Downloads\bab4e5ff-5183-45b4-b03a-d3c5c945d4e4.tmp</t>
  </si>
  <si>
    <t>12/19/2019 09:05:38</t>
  </si>
  <si>
    <t>12/19/2019 09:06:38</t>
  </si>
  <si>
    <t>12/19/2019 09:07:08</t>
  </si>
  <si>
    <t>12/19/2019 09:07:38</t>
  </si>
  <si>
    <t>12/19/2019 09:03:40</t>
  </si>
  <si>
    <t>12/19/2019 09:09:33</t>
  </si>
  <si>
    <t>12/19/2019 09:03:52</t>
  </si>
  <si>
    <t>12/19/2019 09:04:02</t>
  </si>
  <si>
    <t>12/19/2019 09:04:07</t>
  </si>
  <si>
    <t>12/19/2019 09:04:15</t>
  </si>
  <si>
    <t>12/19/2019 09:04:59</t>
  </si>
  <si>
    <t>12/19/2019 09:05:07</t>
  </si>
  <si>
    <t>12/19/2019 09:05:18</t>
  </si>
  <si>
    <t>12/19/2019 09:06:35</t>
  </si>
  <si>
    <t>12/19/2019 09:08:19</t>
  </si>
  <si>
    <t>12/19/2019 09:08:20</t>
  </si>
  <si>
    <t>12/19/2019 09:08:22</t>
  </si>
  <si>
    <t>12/19/2019 09:08:23</t>
  </si>
  <si>
    <t>12/19/2019 09:08:24</t>
  </si>
  <si>
    <t>12/19/2019 09:08:25</t>
  </si>
  <si>
    <t>12/19/2019 09:07:21</t>
  </si>
  <si>
    <t>12/19/2019 09:06:03</t>
  </si>
  <si>
    <t>12/19/2019 09:10:32</t>
  </si>
  <si>
    <t>12/19/2019 09:06:30</t>
  </si>
  <si>
    <t>12/19/2019 09:07:01</t>
  </si>
  <si>
    <t>12/19/2019 09:09:38</t>
  </si>
  <si>
    <t>12/19/2019 09:13:32</t>
  </si>
  <si>
    <t>12/19/2019 09:10:09</t>
  </si>
  <si>
    <t>12/19/2019 09:10:38</t>
  </si>
  <si>
    <t>12/19/2019 09:11:09</t>
  </si>
  <si>
    <t>12/19/2019 09:11:39</t>
  </si>
  <si>
    <t>12/19/2019 09:12:09</t>
  </si>
  <si>
    <t>12/19/2019 09:10:52</t>
  </si>
  <si>
    <t>12/19/2019 09:14:33</t>
  </si>
  <si>
    <t>12/19/2019 09:12:37</t>
  </si>
  <si>
    <t>12/19/2019 09:13:35</t>
  </si>
  <si>
    <t>12/19/2019 09:12:03</t>
  </si>
  <si>
    <t>12/19/2019 09:15:32</t>
  </si>
  <si>
    <t>12/19/2019 09:14:15</t>
  </si>
  <si>
    <t>12/19/2019 09:15:45</t>
  </si>
  <si>
    <t>12/19/2019 09:16:33</t>
  </si>
  <si>
    <t>12/19/2019 09:13:08</t>
  </si>
  <si>
    <t>eb5ad269-a8f2-4d61-8555-fb002a205b87.tmp</t>
  </si>
  <si>
    <t>\\acsfs\profiles$\larissaad\Downloads\eb5ad269-a8f2-4d61-8555-fb002a205b87.tmp</t>
  </si>
  <si>
    <t>12/19/2019 09:17:08</t>
  </si>
  <si>
    <t>12/19/2019 09:18:33</t>
  </si>
  <si>
    <t>12/19/2019 09:17:31</t>
  </si>
  <si>
    <t>12/19/2019 09:19:32</t>
  </si>
  <si>
    <t>9eb13096-42e0-45aa-83c0-1aa6a8f02f49.tmp</t>
  </si>
  <si>
    <t>\\acsfs\profiles$\quindaizaagds\Downloads\9eb13096-42e0-45aa-83c0-1aa6a8f02f49.tmp</t>
  </si>
  <si>
    <t>12/19/2019 09:18:03</t>
  </si>
  <si>
    <t>camila.guasco@bradesco.com.br;camila.guasco@next.b.br;eliamardo@algartech.com.br;flaviamas@algartech.com.br;</t>
  </si>
  <si>
    <t>Falhas Graves_ SACL</t>
  </si>
  <si>
    <t>Falhas graves_SACL.xls</t>
  </si>
  <si>
    <t>camila.guasco@bradesco.com.br,camila.guasco@next.b.br,eliamardo@algartech.com.br,flaviamas@algartech.com.br</t>
  </si>
  <si>
    <t>12/19/2019 09:18:35</t>
  </si>
  <si>
    <t>12/19/2019 09:14:46</t>
  </si>
  <si>
    <t>12/19/2019 09:20:33</t>
  </si>
  <si>
    <t>12/19/2019 09:19:45</t>
  </si>
  <si>
    <t>12/19/2019 09:17:20</t>
  </si>
  <si>
    <t>12/19/2019 09:21:32</t>
  </si>
  <si>
    <t>1a6d4c3c-fb30-4849-97e6-bee17af27469.tmp</t>
  </si>
  <si>
    <t>\\acsfs\profiles$\gabrielarb\Downloads\1a6d4c3c-fb30-4849-97e6-bee17af27469.tmp</t>
  </si>
  <si>
    <t>12/19/2019 09:19:07</t>
  </si>
  <si>
    <t>12/19/2019 09:22:33</t>
  </si>
  <si>
    <t>12/19/2019 09:19:08</t>
  </si>
  <si>
    <t>12/19/2019 09:23:32</t>
  </si>
  <si>
    <t>12/19/2019 09:19:20</t>
  </si>
  <si>
    <t>12/19/2019 09:20:32</t>
  </si>
  <si>
    <t>\\acsfs\profiles$\geovanaasa\My Documents\My Pictures\</t>
  </si>
  <si>
    <t>\\acsfs\profiles$\geovanaasa\My Documents\My Videos\desktop.ini</t>
  </si>
  <si>
    <t>12/19/2019 09:20:36</t>
  </si>
  <si>
    <t>\\acsfs\profiles$\geovanaasa\My Documents\My Videos\</t>
  </si>
  <si>
    <t>12/19/2019 09:20:39</t>
  </si>
  <si>
    <t>12/19/2019 09:20:53</t>
  </si>
  <si>
    <t>12/19/2019 09:20:54</t>
  </si>
  <si>
    <t>12/19/2019 09:20:56</t>
  </si>
  <si>
    <t>\\acsfs\profiles$\geovanaasa\My Documents\My Music\</t>
  </si>
  <si>
    <t>\\acsfs\profiles$\geovanaasa\My Documents\My Pictures\desktop.ini</t>
  </si>
  <si>
    <t>12/19/2019 09:20:57</t>
  </si>
  <si>
    <t>12/19/2019 09:21:03</t>
  </si>
  <si>
    <t>12/19/2019 09:21:13</t>
  </si>
  <si>
    <t>12/19/2019 09:22:05</t>
  </si>
  <si>
    <t>\\acsfs\profiles$\geovanaasa\Contacts\</t>
  </si>
  <si>
    <t>\\acsfs\profiles$\geovanaasa\Contacts\desktop.ini</t>
  </si>
  <si>
    <t>12/19/2019 09:22:07</t>
  </si>
  <si>
    <t>12/19/2019 09:22:10</t>
  </si>
  <si>
    <t>12/19/2019 09:22:12</t>
  </si>
  <si>
    <t>12/19/2019 09:22:13</t>
  </si>
  <si>
    <t>12/19/2019 09:22:16</t>
  </si>
  <si>
    <t>12/19/2019 09:22:17</t>
  </si>
  <si>
    <t>\\acsfs\profiles$\geovanaasa\My Documents\</t>
  </si>
  <si>
    <t>\\acsfs\profiles$\geovanaasa\Favorites\desktop.ini</t>
  </si>
  <si>
    <t>12/19/2019 09:22:19</t>
  </si>
  <si>
    <t>12/19/2019 09:22:20</t>
  </si>
  <si>
    <t>12/19/2019 09:22:22</t>
  </si>
  <si>
    <t>12/19/2019 09:22:24</t>
  </si>
  <si>
    <t>12/19/2019 09:22:25</t>
  </si>
  <si>
    <t>12/19/2019 09:22:26</t>
  </si>
  <si>
    <t>12/19/2019 09:22:28</t>
  </si>
  <si>
    <t>\\acsfs\profiles$\geovanaasa\My Documents\My Music\desktop.ini</t>
  </si>
  <si>
    <t>12/19/2019 09:22:30</t>
  </si>
  <si>
    <t>12/19/2019 09:22:31</t>
  </si>
  <si>
    <t>12/19/2019 09:22:32</t>
  </si>
  <si>
    <t>12/19/2019 09:22:35</t>
  </si>
  <si>
    <t>\\acsfs\profiles$\geovanaasa\Searches\desktop.ini</t>
  </si>
  <si>
    <t>12/19/2019 09:22:36</t>
  </si>
  <si>
    <t>12/19/2019 09:22:37</t>
  </si>
  <si>
    <t>12/19/2019 09:22:38</t>
  </si>
  <si>
    <t>12/19/2019 09:22:39</t>
  </si>
  <si>
    <t>12/19/2019 09:22:41</t>
  </si>
  <si>
    <t>C:\Users\geovanaasa\Desktop\</t>
  </si>
  <si>
    <t>\\acsfs\profiles$\geovanaasa\Downloads\desktop.ini</t>
  </si>
  <si>
    <t>12/19/2019 09:22:42</t>
  </si>
  <si>
    <t>12/19/2019 09:22:44</t>
  </si>
  <si>
    <t>\\acsfs\profiles$\geovanaasa\Favorites\</t>
  </si>
  <si>
    <t>\\acsfs\profiles$\geovanaasa\My Documents\desktop.ini</t>
  </si>
  <si>
    <t>12/19/2019 09:22:47</t>
  </si>
  <si>
    <t>12/19/2019 09:22:48</t>
  </si>
  <si>
    <t>12/19/2019 09:22:49</t>
  </si>
  <si>
    <t>12/19/2019 09:22:50</t>
  </si>
  <si>
    <t>12/19/2019 09:22:51</t>
  </si>
  <si>
    <t>12/19/2019 09:22:54</t>
  </si>
  <si>
    <t>\\acsfs\profiles$\geovanaasa\Saved Games\desktop.ini</t>
  </si>
  <si>
    <t>12/19/2019 09:22:55</t>
  </si>
  <si>
    <t>12/19/2019 09:23:17</t>
  </si>
  <si>
    <t>6a3096e0-a0df-460e-828f-ea58c665025b.tmp</t>
  </si>
  <si>
    <t>\\acsfs\profiles$\geovannasm\Downloads\6a3096e0-a0df-460e-828f-ea58c665025b.tmp</t>
  </si>
  <si>
    <t>12/19/2019 09:23:26</t>
  </si>
  <si>
    <t>e37ad075-c322-45aa-a7dd-c4e407449e12.tmp</t>
  </si>
  <si>
    <t>\\acsfs\profiles$\geovannasm\Downloads\e37ad075-c322-45aa-a7dd-c4e407449e12.tmp</t>
  </si>
  <si>
    <t>12/19/2019 09:19:09</t>
  </si>
  <si>
    <t>12/19/2019 09:20:31</t>
  </si>
  <si>
    <t>12/19/2019 09:24:32</t>
  </si>
  <si>
    <t>78bd75da-3cd1-4441-97e7-36c0131c77a0.tmp</t>
  </si>
  <si>
    <t>\\acsfs\profiles$\quindaizaagds\Downloads\78bd75da-3cd1-4441-97e7-36c0131c77a0.tmp</t>
  </si>
  <si>
    <t>50a9ae75-4638-4437-887b-22926a0c3ac6.tmp</t>
  </si>
  <si>
    <t>\\acsfs\profiles$\quindaizaagds\Downloads\50a9ae75-4638-4437-887b-22926a0c3ac6.tmp</t>
  </si>
  <si>
    <t>12/19/2019 09:20:49</t>
  </si>
  <si>
    <t>52ac8b76-c234-40b6-82c6-c0c4830281f5.tmp</t>
  </si>
  <si>
    <t>\\acsfs\profiles$\quindaizaagds\Downloads\52ac8b76-c234-40b6-82c6-c0c4830281f5.tmp</t>
  </si>
  <si>
    <t>12/19/2019 09:19:10</t>
  </si>
  <si>
    <t>12/19/2019 09:22:53</t>
  </si>
  <si>
    <t>fc749417-8038-4841-b6d9-39144f8c0eec.tmp</t>
  </si>
  <si>
    <t>\\acsfs\profiles$\claudiajca\Downloads\fc749417-8038-4841-b6d9-39144f8c0eec.tmp</t>
  </si>
  <si>
    <t>12/19/2019 09:19:35</t>
  </si>
  <si>
    <t>12/19/2019 09:20:08</t>
  </si>
  <si>
    <t>12/19/2019 09:25:32</t>
  </si>
  <si>
    <t>e0f3d8ca-36e2-4798-b844-36db725317f3.tmp</t>
  </si>
  <si>
    <t>\\acsfs\profiles$\laianear\Downloads\e0f3d8ca-36e2-4798-b844-36db725317f3.tmp</t>
  </si>
  <si>
    <t>12/19/2019 09:22:03</t>
  </si>
  <si>
    <t>12/19/2019 09:22:34</t>
  </si>
  <si>
    <t>12/19/2019 09:24:03</t>
  </si>
  <si>
    <t>12/19/2019 09:24:47</t>
  </si>
  <si>
    <t>315cf5c4-e540-45c4-abcb-52e88dd51b2c.tmp</t>
  </si>
  <si>
    <t>\\acsfs\profiles$\isabellegtds\Downloads\315cf5c4-e540-45c4-abcb-52e88dd51b2c.tmp</t>
  </si>
  <si>
    <t>12/19/2019 09:24:33</t>
  </si>
  <si>
    <t>52ba729a-8f62-4e95-a8c4-1f9d17c3122c.tmp</t>
  </si>
  <si>
    <t>\\acsfs\profiles$\marcellewdl\Downloads\52ba729a-8f62-4e95-a8c4-1f9d17c3122c.tmp</t>
  </si>
  <si>
    <t>12/19/2019 09:26:32</t>
  </si>
  <si>
    <t>d4b6ab74-535d-4efa-802d-569e724cadad.tmp</t>
  </si>
  <si>
    <t>\\acsfs\profiles$\alicecpbc\Downloads\d4b6ab74-535d-4efa-802d-569e724cadad.tmp</t>
  </si>
  <si>
    <t>12/19/2019 09:22:57</t>
  </si>
  <si>
    <t>1afc1a93-028b-4d45-9ec3-d5bcbd23e4b9.tmp</t>
  </si>
  <si>
    <t>\\acsfs\profiles$\felipetds\Downloads\1afc1a93-028b-4d45-9ec3-d5bcbd23e4b9.tmp</t>
  </si>
  <si>
    <t>12/19/2019 09:23:59</t>
  </si>
  <si>
    <t>12/19/2019 09:27:32</t>
  </si>
  <si>
    <t>D2C_OA_V3.xlsb</t>
  </si>
  <si>
    <t>12/19/2019 09:23:27</t>
  </si>
  <si>
    <t>12/19/2019 09:28:32</t>
  </si>
  <si>
    <t>12/19/2019 09:23:57</t>
  </si>
  <si>
    <t>18edc94f-8ae0-46e4-b8a4-57ff7ba6661f.tmp</t>
  </si>
  <si>
    <t>\\acsfs\profiles$\geovannasm\Downloads\18edc94f-8ae0-46e4-b8a4-57ff7ba6661f.tmp</t>
  </si>
  <si>
    <t>12/19/2019 09:23:39</t>
  </si>
  <si>
    <t>12/19/2019 09:24:09</t>
  </si>
  <si>
    <t>12/19/2019 09:26:46</t>
  </si>
  <si>
    <t>d80aae0a-ce7f-4f85-b795-fe17fee2c1bf.tmp</t>
  </si>
  <si>
    <t>\\acsfs\profiles$\sarahbal\Downloads\d80aae0a-ce7f-4f85-b795-fe17fee2c1bf.tmp</t>
  </si>
  <si>
    <t>12/19/2019 09:24:39</t>
  </si>
  <si>
    <t>12/19/2019 09:29:32</t>
  </si>
  <si>
    <t>12/19/2019 09:25:15</t>
  </si>
  <si>
    <t>12/19/2019 09:24:35</t>
  </si>
  <si>
    <t>12/19/2019 09:27:44</t>
  </si>
  <si>
    <t>3b093557-d9c0-40a9-91c1-28c1af1263f4.tmp</t>
  </si>
  <si>
    <t>\\acsfs\profiles$\claudiajca\Downloads\3b093557-d9c0-40a9-91c1-28c1af1263f4.tmp</t>
  </si>
  <si>
    <t>12/19/2019 09:25:35</t>
  </si>
  <si>
    <t>12/19/2019 09:27:00</t>
  </si>
  <si>
    <t>12/19/2019 09:30:32</t>
  </si>
  <si>
    <t>33305761-aed6-45c1-baeb-fc3ab89078b2.tmp</t>
  </si>
  <si>
    <t>\\acsfs\profiles$\leticiala\Downloads\33305761-aed6-45c1-baeb-fc3ab89078b2.tmp</t>
  </si>
  <si>
    <t>12/19/2019 09:27:05</t>
  </si>
  <si>
    <t>2ff31e20-4fd3-4d73-9fe4-0903135b0821.tmp</t>
  </si>
  <si>
    <t>\\acsfs\profiles$\leticiala\Downloads\2ff31e20-4fd3-4d73-9fe4-0903135b0821.tmp</t>
  </si>
  <si>
    <t>12/19/2019 09:27:39</t>
  </si>
  <si>
    <t>f98c3e9c-01e8-446a-8e67-c831902bfd26.tmp</t>
  </si>
  <si>
    <t>\\acsfs\profiles$\leticiala\Downloads\f98c3e9c-01e8-446a-8e67-c831902bfd26.tmp</t>
  </si>
  <si>
    <t>12/19/2019 09:28:11</t>
  </si>
  <si>
    <t>8366e14b-11a9-4c58-a2cf-a82aaa1fc15c.tmp</t>
  </si>
  <si>
    <t>\\acsfs\profiles$\leticiala\Downloads\8366e14b-11a9-4c58-a2cf-a82aaa1fc15c.tmp</t>
  </si>
  <si>
    <t>12/19/2019 09:28:54</t>
  </si>
  <si>
    <t>fda053d6-60ab-44e0-abc5-2a3975ea0cc4.tmp</t>
  </si>
  <si>
    <t>\\acsfs\profiles$\leticiala\Downloads\fda053d6-60ab-44e0-abc5-2a3975ea0cc4.tmp</t>
  </si>
  <si>
    <t>12/19/2019 09:27:22</t>
  </si>
  <si>
    <t>aefb8c1e-06da-4c3a-8de8-26dc29a5f828.tmp</t>
  </si>
  <si>
    <t>\\acsfs\profiles$\isabellegtds\Downloads\aefb8c1e-06da-4c3a-8de8-26dc29a5f828.tmp</t>
  </si>
  <si>
    <t>12/19/2019 09:26:00</t>
  </si>
  <si>
    <t>8b424cea-f031-4695-ac91-f5ced0a06337.tmp</t>
  </si>
  <si>
    <t>\\acsfs\profiles$\JOAOVAL\Downloads\8b424cea-f031-4695-ac91-f5ced0a06337.tmp</t>
  </si>
  <si>
    <t>12/19/2019 09:26:11</t>
  </si>
  <si>
    <t>e1c86703-61d7-40f2-9257-68f5da308865.tmp</t>
  </si>
  <si>
    <t>\\acsfs\profiles$\JOAOVAL\Downloads\e1c86703-61d7-40f2-9257-68f5da308865.tmp</t>
  </si>
  <si>
    <t>12/19/2019 09:27:01</t>
  </si>
  <si>
    <t>7566a1d4-5b7b-417a-a938-7cf3a57267f3.tmp</t>
  </si>
  <si>
    <t>\\acsfs\profiles$\JOAOVAL\Downloads\7566a1d4-5b7b-417a-a938-7cf3a57267f3.tmp</t>
  </si>
  <si>
    <t>b7c82904-bcae-4d0b-ab6d-64fa548f340b.tmp</t>
  </si>
  <si>
    <t>\\acsfs\profiles$\JOAOVAL\Downloads\b7c82904-bcae-4d0b-ab6d-64fa548f340b.tmp</t>
  </si>
  <si>
    <t>12/19/2019 09:30:01</t>
  </si>
  <si>
    <t>12/19/2019 09:28:36</t>
  </si>
  <si>
    <t>12/19/2019 09:31:32</t>
  </si>
  <si>
    <t>12/19/2019 09:27:24</t>
  </si>
  <si>
    <t>97035c1f-d9a4-4de7-9c8d-14f315189331.tmp</t>
  </si>
  <si>
    <t>\\acsfs\profiles$\larissaad\Downloads\97035c1f-d9a4-4de7-9c8d-14f315189331.tmp</t>
  </si>
  <si>
    <t>12/19/2019 09:31:39</t>
  </si>
  <si>
    <t>12/19/2019 09:33:32</t>
  </si>
  <si>
    <t>12/19/2019 09:31:40</t>
  </si>
  <si>
    <t>12/19/2019 09:31:41</t>
  </si>
  <si>
    <t>12/19/2019 09:31:42</t>
  </si>
  <si>
    <t>12/19/2019 09:31:43</t>
  </si>
  <si>
    <t>12/19/2019 09:31:44</t>
  </si>
  <si>
    <t>12/19/2019 09:31:45</t>
  </si>
  <si>
    <t>12/19/2019 09:31:46</t>
  </si>
  <si>
    <t>12/19/2019 09:31:47</t>
  </si>
  <si>
    <t>12/19/2019 09:31:48</t>
  </si>
  <si>
    <t>12/19/2019 09:31:49</t>
  </si>
  <si>
    <t>12/19/2019 09:31:50</t>
  </si>
  <si>
    <t>12/19/2019 09:31:51</t>
  </si>
  <si>
    <t>12/19/2019 09:31:52</t>
  </si>
  <si>
    <t>12/19/2019 09:31:53</t>
  </si>
  <si>
    <t>433a6d2f-227a-4e0e-8f01-90aa79d3d92d.tmp</t>
  </si>
  <si>
    <t>\\acsfs\profiles$\geovannasm\Downloads\433a6d2f-227a-4e0e-8f01-90aa79d3d92d.tmp</t>
  </si>
  <si>
    <t>12/19/2019 09:28:39</t>
  </si>
  <si>
    <t>12/19/2019 09:29:09</t>
  </si>
  <si>
    <t>12/19/2019 09:29:39</t>
  </si>
  <si>
    <t>12/19/2019 09:29:51</t>
  </si>
  <si>
    <t>12/19/2019 09:34:32</t>
  </si>
  <si>
    <t>4194b156-d92d-43c1-a05f-713846444b12.tmp</t>
  </si>
  <si>
    <t>\\acsfs\profiles$\claudiajca\Downloads\4194b156-d92d-43c1-a05f-713846444b12.tmp</t>
  </si>
  <si>
    <t>12/19/2019 09:30:35</t>
  </si>
  <si>
    <t>12/19/2019 09:31:35</t>
  </si>
  <si>
    <t>12/19/2019 09:33:45</t>
  </si>
  <si>
    <t>\\acsfs\profiles$\CLAUDIAJCA\</t>
  </si>
  <si>
    <t>.~lock.VENDAS.ods#</t>
  </si>
  <si>
    <t>\\acsfs\profiles$\CLAUDIAJCA\.~lock.VENDAS.ods#</t>
  </si>
  <si>
    <t>12/19/2019 09:33:35</t>
  </si>
  <si>
    <t>12/19/2019 09:35:32</t>
  </si>
  <si>
    <t>/o=exchangelabs/ou=exchange administrative group (fydibohf23spdlt)/cn=recipients/cn=0b12aab521944ecb8b32eb8c0929be5c-rafael gonz;/o=exchangelabs/ou=exchange administrative group (fydibohf23spdlt)/cn=recipients/cn=eae1d23908f040f9bf7661e0ceec4c8f-paula crist;bvservicedesk@bancovotorantim.com.br;</t>
  </si>
  <si>
    <t>Erro alteração de Skill</t>
  </si>
  <si>
    <t>/o=exchangelabs/ou=exchange administrative group (fydibohf23spdlt)/cn=recipients/cn=0b12aab521944ecb8b32eb8c0929be5c-rafael gonz,/o=exchangelabs/ou=exchange administrative group (fydibohf23spdlt)/cn=recipients/cn=eae1d23908f040f9bf7661e0ceec4c8f-paula crist,bvservicedesk@bancovotorantim.com.br</t>
  </si>
  <si>
    <t>12/19/2019 09:34:46</t>
  </si>
  <si>
    <t>12/19/2019 09:36:32</t>
  </si>
  <si>
    <t>2e17ed62-e631-4d80-a986-688cec58c51e.tmp</t>
  </si>
  <si>
    <t>\\acsfs\profiles$\larissaad\Downloads\2e17ed62-e631-4d80-a986-688cec58c51e.tmp</t>
  </si>
  <si>
    <t>12/19/2019 09:32:33</t>
  </si>
  <si>
    <t>12/19/2019 09:32:52</t>
  </si>
  <si>
    <t>12/19/2019 09:37:33</t>
  </si>
  <si>
    <t>\\acsfs\profiles$\alessandraan\Contacts\</t>
  </si>
  <si>
    <t>ALESSANDRA APARECIDA NUNES (36).contact</t>
  </si>
  <si>
    <t>\\acsfs\profiles$\alessandraan\Contacts\ALESSANDRA APARECIDA NUNES (36).contact</t>
  </si>
  <si>
    <t>12/19/2019 09:33:07</t>
  </si>
  <si>
    <t>\\acsfs\profiles$\alessandraan\My Documents\My Videos\</t>
  </si>
  <si>
    <t>\\acsfs\profiles$\alessandraan\My Documents\My Videos\desktop.ini</t>
  </si>
  <si>
    <t>12/19/2019 09:33:08</t>
  </si>
  <si>
    <t>\\acsfs\profiles$\alessandraan\My Documents\My Pictures\</t>
  </si>
  <si>
    <t>\\acsfs\profiles$\alessandraan\My Documents\My Pictures\desktop.ini</t>
  </si>
  <si>
    <t>12/19/2019 09:33:09</t>
  </si>
  <si>
    <t>\\acsfs\profiles$\alessandraan\Contacts\desktop.ini</t>
  </si>
  <si>
    <t>12/19/2019 09:33:10</t>
  </si>
  <si>
    <t>\\acsfs\profiles$\alessandraan\Favorites\</t>
  </si>
  <si>
    <t>\\acsfs\profiles$\alessandraan\Favorites\desktop.ini</t>
  </si>
  <si>
    <t>12/19/2019 09:33:11</t>
  </si>
  <si>
    <t>\\acsfs\profiles$\alessandraan\My Documents\My Music\</t>
  </si>
  <si>
    <t>\\acsfs\profiles$\alessandraan\My Documents\My Music\desktop.ini</t>
  </si>
  <si>
    <t>12/19/2019 09:33:12</t>
  </si>
  <si>
    <t>\\acsfs\profiles$\alessandraan\Searches\</t>
  </si>
  <si>
    <t>\\acsfs\profiles$\alessandraan\Searches\desktop.ini</t>
  </si>
  <si>
    <t>\\acsfs\profiles$\alessandraan\Downloads\desktop.ini</t>
  </si>
  <si>
    <t>12/19/2019 09:33:13</t>
  </si>
  <si>
    <t>\\acsfs\profiles$\alessandraan\My Documents\desktop.ini</t>
  </si>
  <si>
    <t>12/19/2019 09:33:14</t>
  </si>
  <si>
    <t>\\acsfs\profiles$\alessandraan\Saved Games\</t>
  </si>
  <si>
    <t>\\acsfs\profiles$\alessandraan\Saved Games\desktop.ini</t>
  </si>
  <si>
    <t>12/19/2019 09:33:23</t>
  </si>
  <si>
    <t>\\acsfs\profiles$\alessandraan\Favorites\Links for Brasil\</t>
  </si>
  <si>
    <t>\\acsfs\profiles$\alessandraan\Favorites\Links for Brasil\desktop.ini</t>
  </si>
  <si>
    <t>12/19/2019 09:33:24</t>
  </si>
  <si>
    <t>\\acsfs\profiles$\alessandraan\Favorites\Links for Brasil\Microsoft Brasil.url</t>
  </si>
  <si>
    <t>\\acsfs\profiles$\alessandraan\Favorites\Links for Brasil\Windows Brasil.url</t>
  </si>
  <si>
    <t>\\acsfs\profiles$\alessandraan\Favorites\Links for Brasil\MSN Brasil.url</t>
  </si>
  <si>
    <t>12/19/2019 09:33:47</t>
  </si>
  <si>
    <t>12/19/2019 09:38:32</t>
  </si>
  <si>
    <t>mail.google.com/_/upload?authuser=0&amp;dcp=asu-n&amp;upload_id=AEnB2Uq-G_RlhUJiQ0Kh8Nih2RVRc-hD7aLoViOn4MeAu5B80f99exYtt0BiTIBYr0j9Fd49mhwU5l02IwE7RGIXoZAxsgbu-xHyO_pEdk7VDa3VmNlfSH0&amp;upload_protocol=resumable</t>
  </si>
  <si>
    <t>Consolidado Tarefas v consolidada.xlsx</t>
  </si>
  <si>
    <t>12/19/2019 09:36:39</t>
  </si>
  <si>
    <t>12/19/2019 09:37:09</t>
  </si>
  <si>
    <t>12/19/2019 09:37:39</t>
  </si>
  <si>
    <t>12/19/2019 09:38:09</t>
  </si>
  <si>
    <t>12/19/2019 09:36:35</t>
  </si>
  <si>
    <t>12/19/2019 09:39:32</t>
  </si>
  <si>
    <t>12/19/2019 09:37:35</t>
  </si>
  <si>
    <t>12/19/2019 09:36:02</t>
  </si>
  <si>
    <t>12/19/2019 09:35:42</t>
  </si>
  <si>
    <t>12/19/2019 09:40:32</t>
  </si>
  <si>
    <t>12/19/2019 09:39:25</t>
  </si>
  <si>
    <t>12/19/2019 09:41:32</t>
  </si>
  <si>
    <t>0bf9fbd9-9b31-4709-a143-d0edca8275a3.tmp</t>
  </si>
  <si>
    <t>\\acsfs\profiles$\gabrielarb\Downloads\0bf9fbd9-9b31-4709-a143-d0edca8275a3.tmp</t>
  </si>
  <si>
    <t>12/19/2019 09:37:31</t>
  </si>
  <si>
    <t>12/19/2019 09:38:20</t>
  </si>
  <si>
    <t>12/19/2019 09:42:32</t>
  </si>
  <si>
    <t>ef947d83-a028-4b51-8d3b-7c5918a328da.tmp</t>
  </si>
  <si>
    <t>\\acsfs\profiles$\alessandraan\Downloads\ef947d83-a028-4b51-8d3b-7c5918a328da.tmp</t>
  </si>
  <si>
    <t>12/19/2019 09:38:22</t>
  </si>
  <si>
    <t>0cf53ea4-ca35-4262-a4e7-397c03ffff10.tmp</t>
  </si>
  <si>
    <t>\\acsfs\profiles$\alessandraan\Downloads\0cf53ea4-ca35-4262-a4e7-397c03ffff10.tmp</t>
  </si>
  <si>
    <t>12/19/2019 09:38:23</t>
  </si>
  <si>
    <t>ccd1e429-3ee8-42ba-9e18-065e01260cf6.tmp</t>
  </si>
  <si>
    <t>\\acsfs\profiles$\alessandraan\Downloads\ccd1e429-3ee8-42ba-9e18-065e01260cf6.tmp</t>
  </si>
  <si>
    <t>12/19/2019 09:38:25</t>
  </si>
  <si>
    <t>75dd8309-3e69-40b6-b015-4b9c06bf0649.tmp</t>
  </si>
  <si>
    <t>\\acsfs\profiles$\alessandraan\Downloads\75dd8309-3e69-40b6-b015-4b9c06bf0649.tmp</t>
  </si>
  <si>
    <t>12/19/2019 09:41:11</t>
  </si>
  <si>
    <t>12/19/2019 09:41:25</t>
  </si>
  <si>
    <t>3abe3b6f-5609-46b0-b531-123c9e6cf817.tmp</t>
  </si>
  <si>
    <t>\\acsfs\profiles$\alessandraan\Downloads\3abe3b6f-5609-46b0-b531-123c9e6cf817.tmp</t>
  </si>
  <si>
    <t>12/19/2019 09:39:17</t>
  </si>
  <si>
    <t>12/19/2019 09:39:54</t>
  </si>
  <si>
    <t>https://udpmailboxap01.acs.com.br:8443/h/search;jsessionid=4smsr9iibk1s1up9ddblb0mhu?si=0&amp;so=0&amp;sc=48802&amp;st=conversation&amp;action=compose</t>
  </si>
  <si>
    <t>12/19/2019 09:39:49</t>
  </si>
  <si>
    <t>12/19/2019 09:43:32</t>
  </si>
  <si>
    <t>12/19/2019 09:40:45</t>
  </si>
  <si>
    <t>e0a851ff-bc94-419e-856e-dad52c5ce6ae.tmp</t>
  </si>
  <si>
    <t>\\acsfs\profiles$\paulovadc\Downloads\e0a851ff-bc94-419e-856e-dad52c5ce6ae.tmp</t>
  </si>
  <si>
    <t>12/19/2019 09:38:39</t>
  </si>
  <si>
    <t>12/19/2019 09:40:09</t>
  </si>
  <si>
    <t>12/19/2019 09:42:51</t>
  </si>
  <si>
    <t>12/19/2019 09:44:32</t>
  </si>
  <si>
    <t>3° CICLO DEZEMBRO.txt</t>
  </si>
  <si>
    <t>\\acsfs\DEPTOS\Operacao\Banco_Votorantim\Qualidade\Eliane\Monitorias DEZEMBRO\3° CICLO DEZEMBRO.txt</t>
  </si>
  <si>
    <t>12/19/2019 09:43:05</t>
  </si>
  <si>
    <t>12/19/2019 09:43:29</t>
  </si>
  <si>
    <t>12/19/2019 09:42:35</t>
  </si>
  <si>
    <t>12/19/2019 09:43:35</t>
  </si>
  <si>
    <t>12/19/2019 09:42:22</t>
  </si>
  <si>
    <t>34759d69-4545-4bc1-9f49-46131ab84920.tmp</t>
  </si>
  <si>
    <t>\\acsfs\profiles$\adrielyas\Downloads\34759d69-4545-4bc1-9f49-46131ab84920.tmp</t>
  </si>
  <si>
    <t>12/19/2019 09:40:35</t>
  </si>
  <si>
    <t>12/19/2019 09:45:32</t>
  </si>
  <si>
    <t>7195a994-63f9-4243-a20b-4bdefc9315db.tmp</t>
  </si>
  <si>
    <t>\\acsfs\profiles$\leticiala\Downloads\7195a994-63f9-4243-a20b-4bdefc9315db.tmp</t>
  </si>
  <si>
    <t>12/19/2019 09:41:34</t>
  </si>
  <si>
    <t>8e13e51c-1a1e-47cb-b061-9477988ebe22.tmp</t>
  </si>
  <si>
    <t>\\acsfs\profiles$\leticiala\Downloads\8e13e51c-1a1e-47cb-b061-9477988ebe22.tmp</t>
  </si>
  <si>
    <t>12/19/2019 09:43:14</t>
  </si>
  <si>
    <t>12/19/2019 09:46:31</t>
  </si>
  <si>
    <t>12/19/2019 09:42:09</t>
  </si>
  <si>
    <t>d8ce4977-9a9e-47f3-8b4b-be2d6ecc5706.tmp</t>
  </si>
  <si>
    <t>\\acsfs\profiles$\geovanaasa\Downloads\d8ce4977-9a9e-47f3-8b4b-be2d6ecc5706.tmp</t>
  </si>
  <si>
    <t>12/19/2019 09:43:25</t>
  </si>
  <si>
    <t>ae4478ed-4173-4c53-a325-298ae1fc57a9.tmp</t>
  </si>
  <si>
    <t>\\acsfs\profiles$\geovanaasa\Downloads\ae4478ed-4173-4c53-a325-298ae1fc57a9.tmp</t>
  </si>
  <si>
    <t>12/19/2019 09:42:37</t>
  </si>
  <si>
    <t>12/19/2019 09:47:32</t>
  </si>
  <si>
    <t>ddf57614-a856-4596-841a-e4993aad719b.tmp</t>
  </si>
  <si>
    <t>\\acsfs\profiles$\gabrielhca\Downloads\ddf57614-a856-4596-841a-e4993aad719b.tmp</t>
  </si>
  <si>
    <t>12/19/2019 09:42:36</t>
  </si>
  <si>
    <t>12/19/2019 09:43:48</t>
  </si>
  <si>
    <t>12/19/2019 09:44:28</t>
  </si>
  <si>
    <t>12/19/2019 09:47:45</t>
  </si>
  <si>
    <t>12/19/2019 09:49:32</t>
  </si>
  <si>
    <t>c228c440-911d-4b49-a5a8-9cf566f1778c.tmp</t>
  </si>
  <si>
    <t>\\acsfs\profiles$\quindaizaagds\Downloads\c228c440-911d-4b49-a5a8-9cf566f1778c.tmp</t>
  </si>
  <si>
    <t>12/19/2019 09:48:35</t>
  </si>
  <si>
    <t>12/19/2019 09:47:37</t>
  </si>
  <si>
    <t>mail.google.com/_/upload?authuser=0&amp;dcp=asu-n&amp;upload_id=AEnB2UrHy9mYM7zo3ks7pFO3y7q__ajiIeTcSrN-Om_FzYRNRZcBBxNI--s7WxNGye3LRdJD5LXFYoPUXO08psfgYYbP9QxoK9vaFdTqlh5Duua7w5xJGqw&amp;upload_protocol=resumable</t>
  </si>
  <si>
    <t>alcenirss@algartech.com;daniloleal@petrobras.com.br;edvaljdcn@algartech.com;franciscoebf@algartecnologia.com.br;janio.laurindo@petrobras.com.br;luciano.moraes@petrobras.com.br;robson.antunes@petrobras.com.br;rosanapccb@algartech.com;</t>
  </si>
  <si>
    <t>ISS Microsiga_Atualizado.xlsx</t>
  </si>
  <si>
    <t>alcenirss@algartech.com,daniloleal@petrobras.com.br,edvaljdcn@algartech.com,franciscoebf@algartecnologia.com.br,janio.laurindo@petrobras.com.br,luciano.moraes@petrobras.com.br,robson.antunes@petrobras.com.br,rosanapccb@algartech.com</t>
  </si>
  <si>
    <t>12/19/2019 09:48:00</t>
  </si>
  <si>
    <t>TALITA SANTOS SILVA CASTRO (946).contact</t>
  </si>
  <si>
    <t>\\acsfs\profiles$\talitassc\Contacts\TALITA SANTOS SILVA CASTRO (946).contact</t>
  </si>
  <si>
    <t>12/19/2019 09:48:12</t>
  </si>
  <si>
    <t>12/19/2019 09:48:13</t>
  </si>
  <si>
    <t>12/19/2019 09:48:14</t>
  </si>
  <si>
    <t>12/19/2019 09:48:15</t>
  </si>
  <si>
    <t>12/19/2019 09:48:16</t>
  </si>
  <si>
    <t>12/19/2019 09:48:17</t>
  </si>
  <si>
    <t>12/19/2019 09:48:18</t>
  </si>
  <si>
    <t>12/19/2019 09:48:30</t>
  </si>
  <si>
    <t>12/19/2019 09:48:31</t>
  </si>
  <si>
    <t>12/19/2019 09:45:16</t>
  </si>
  <si>
    <t>12/19/2019 09:50:32</t>
  </si>
  <si>
    <t>12/19/2019 09:45:24</t>
  </si>
  <si>
    <t>12/19/2019 09:47:44</t>
  </si>
  <si>
    <t>12/19/2019 09:46:47</t>
  </si>
  <si>
    <t>12/19/2019 09:51:31</t>
  </si>
  <si>
    <t>b3d5e989-ca1c-4cdf-aa49-0396c2e6b5ae.tmp</t>
  </si>
  <si>
    <t>\\acsfs\profiles$\wenderbnm\Downloads\b3d5e989-ca1c-4cdf-aa49-0396c2e6b5ae.tmp</t>
  </si>
  <si>
    <t>12/19/2019 09:50:29</t>
  </si>
  <si>
    <t>12/19/2019 09:49:02</t>
  </si>
  <si>
    <t>12/19/2019 09:52:32</t>
  </si>
  <si>
    <t>12/19/2019 09:49:03</t>
  </si>
  <si>
    <t>12/19/2019 09:49:04</t>
  </si>
  <si>
    <t>12/19/2019 09:49:49</t>
  </si>
  <si>
    <t>12/19/2019 09:49:51</t>
  </si>
  <si>
    <t>12/19/2019 09:49:52</t>
  </si>
  <si>
    <t>12/19/2019 09:49:54</t>
  </si>
  <si>
    <t>12/19/2019 09:50:00</t>
  </si>
  <si>
    <t>12/18/2019 17:30:50</t>
  </si>
  <si>
    <t>12/19/2019 09:51:39</t>
  </si>
  <si>
    <t>12/19/2019 09:53:32</t>
  </si>
  <si>
    <t>12/19/2019 09:52:09</t>
  </si>
  <si>
    <t>12/19/2019 09:52:39</t>
  </si>
  <si>
    <t>12/19/2019 09:49:35</t>
  </si>
  <si>
    <t>12/19/2019 09:54:32</t>
  </si>
  <si>
    <t>12/19/2019 09:53:59</t>
  </si>
  <si>
    <t>Capturar.PNG</t>
  </si>
  <si>
    <t>\\acsfs\profiles$\cinthiacsda\My Documents\My Pictures\Capturar.PNG</t>
  </si>
  <si>
    <t>12/19/2019 09:49:45</t>
  </si>
  <si>
    <t>12/19/2019 09:55:32</t>
  </si>
  <si>
    <t>def8d54d-c2a3-4d39-bad3-2f025a5eb574.tmp</t>
  </si>
  <si>
    <t>\\acsfs\profiles$\leticiala\Downloads\def8d54d-c2a3-4d39-bad3-2f025a5eb574.tmp</t>
  </si>
  <si>
    <t>12/19/2019 09:54:48</t>
  </si>
  <si>
    <t>12/19/2019 09:52:59</t>
  </si>
  <si>
    <t>12/19/2019 09:57:32</t>
  </si>
  <si>
    <t>12/19/2019 09:53:00</t>
  </si>
  <si>
    <t>12/19/2019 09:55:12</t>
  </si>
  <si>
    <t>12/19/2019 09:55:18</t>
  </si>
  <si>
    <t>12/19/2019 09:58:32</t>
  </si>
  <si>
    <t>a68b7a5b-4b7d-4f87-9ad1-5aca086219f6.tmp</t>
  </si>
  <si>
    <t>\\acsfs\profiles$\LUCASBS\Downloads\a68b7a5b-4b7d-4f87-9ad1-5aca086219f6.tmp</t>
  </si>
  <si>
    <t>12/19/2019 09:57:51</t>
  </si>
  <si>
    <t>10.200.58.52</t>
  </si>
  <si>
    <t>mail.google.com/_/upload?authuser=0&amp;dcp=asu-n&amp;upload_id=AEnB2UpwEW-CRtbnnyqlfZv4QG1kWjhfsiQ0GOHPBK9UgobHrN-aZVMZF2bmZA04ZfnNO9rgXc4VI2oTuauIkxwtoQ1z6QvZ3-ZEvbk-AvWRloaf4kRfybw&amp;upload_protocol=resumable</t>
  </si>
  <si>
    <t>bu financeira 2020 (2).xlsx</t>
  </si>
  <si>
    <t>12/19/2019 09:56:22</t>
  </si>
  <si>
    <t>XLOG_vanessacgs_19122019_093133.log</t>
  </si>
  <si>
    <t>\\acsfs\profiles$\vanessacgs\My Documents\xworkcenter\logs\XLOG_vanessacgs_19122019_093133.log</t>
  </si>
  <si>
    <t>XLOG_vanessacgs_19122019_093112.log</t>
  </si>
  <si>
    <t>\\acsfs\profiles$\vanessacgs\My Documents\xworkcenter\logs\XLOG_vanessacgs_19122019_093112.log</t>
  </si>
  <si>
    <t>12/19/2019 09:57:45</t>
  </si>
  <si>
    <t>12/19/2019 09:58:07</t>
  </si>
  <si>
    <t>12/19/2019 09:59:32</t>
  </si>
  <si>
    <t>12/19/2019 09:54:35</t>
  </si>
  <si>
    <t>12/19/2019 09:55:35</t>
  </si>
  <si>
    <t>12/19/2019 09:55:01</t>
  </si>
  <si>
    <t>foto.PNG</t>
  </si>
  <si>
    <t>\\acsfs\profiles$\cinthiacsda\My Documents\My Pictures\foto.PNG</t>
  </si>
  <si>
    <t>12/19/2019 09:59:18</t>
  </si>
  <si>
    <t>12/19/2019 10:00:32</t>
  </si>
  <si>
    <t>f72482f2-8389-4afc-9ad7-ab846bf7f5f0.tmp</t>
  </si>
  <si>
    <t>\\acsfs\profiles$\claudiajca\Downloads\f72482f2-8389-4afc-9ad7-ab846bf7f5f0.tmp</t>
  </si>
  <si>
    <t>12/19/2019 09:59:45</t>
  </si>
  <si>
    <t>12/19/2019 09:59:55</t>
  </si>
  <si>
    <t>12/19/2019 09:59:59</t>
  </si>
  <si>
    <t>12/19/2019 09:56:09</t>
  </si>
  <si>
    <t>78ee3369-eace-46be-babf-c50debff0e5a.tmp</t>
  </si>
  <si>
    <t>\\acsfs\profiles$\kamilamrc\Downloads\78ee3369-eace-46be-babf-c50debff0e5a.tmp</t>
  </si>
  <si>
    <t>12/19/2019 09:57:04</t>
  </si>
  <si>
    <t>a2a78c8f-622a-44d5-b733-2a5ee82c31b6.tmp</t>
  </si>
  <si>
    <t>\\acsfs\profiles$\kamilamrc\Downloads\a2a78c8f-622a-44d5-b733-2a5ee82c31b6.tmp</t>
  </si>
  <si>
    <t>12/19/2019 09:57:54</t>
  </si>
  <si>
    <t>ff853730-eb98-4d4d-bf5a-1d4ca96f56d4.tmp</t>
  </si>
  <si>
    <t>\\acsfs\profiles$\kamilamrc\Downloads\ff853730-eb98-4d4d-bf5a-1d4ca96f56d4.tmp</t>
  </si>
  <si>
    <t>12/19/2019 09:58:29</t>
  </si>
  <si>
    <t>9a482162-12c2-4bca-ae68-c08dddba421b.tmp</t>
  </si>
  <si>
    <t>\\acsfs\profiles$\kamilamrc\Downloads\9a482162-12c2-4bca-ae68-c08dddba421b.tmp</t>
  </si>
  <si>
    <t>12/19/2019 09:58:35</t>
  </si>
  <si>
    <t>a429ffba-c6c2-4ef4-8d7c-9286198548a1.tmp</t>
  </si>
  <si>
    <t>\\acsfs\profiles$\kamilamrc\Downloads\a429ffba-c6c2-4ef4-8d7c-9286198548a1.tmp</t>
  </si>
  <si>
    <t>12/19/2019 09:58:39</t>
  </si>
  <si>
    <t>04269d5f-e951-4bd5-97e6-734bdc2b1784.tmp</t>
  </si>
  <si>
    <t>\\acsfs\profiles$\kamilamrc\Downloads\04269d5f-e951-4bd5-97e6-734bdc2b1784.tmp</t>
  </si>
  <si>
    <t>12/19/2019 09:55:54</t>
  </si>
  <si>
    <t>12/19/2019 09:58:24</t>
  </si>
  <si>
    <t>12/19/2019 10:00:06</t>
  </si>
  <si>
    <t>12/19/2019 10:01:32</t>
  </si>
  <si>
    <t>12/19/2019 09:59:51</t>
  </si>
  <si>
    <t>flaviojmm</t>
  </si>
  <si>
    <t>d5ca65d9-1654-409f-841d-c78dccb1ded9.tmp</t>
  </si>
  <si>
    <t>\\acsfs\profiles$\Flaviojmm\Downloads\d5ca65d9-1654-409f-841d-c78dccb1ded9.tmp</t>
  </si>
  <si>
    <t>12/19/2019 09:59:20</t>
  </si>
  <si>
    <t>12/19/2019 10:00:14</t>
  </si>
  <si>
    <t>lu215322o5g67.tmp</t>
  </si>
  <si>
    <t>\\acsfs\profiles$\jonatanls\My Documents\lu215322o5g67.tmp</t>
  </si>
  <si>
    <t>12/19/2019 09:57:12</t>
  </si>
  <si>
    <t>12/19/2019 10:02:32</t>
  </si>
  <si>
    <t>SC 217561 - Questionamentos_19122019.xlsx</t>
  </si>
  <si>
    <t>12/19/2019 09:57:01</t>
  </si>
  <si>
    <t>12/19/2019 09:59:30</t>
  </si>
  <si>
    <t>12/19/2019 10:00:33</t>
  </si>
  <si>
    <t>12/19/2019 10:00:37</t>
  </si>
  <si>
    <t>12/19/2019 10:00:42</t>
  </si>
  <si>
    <t>12/19/2019 09:59:21</t>
  </si>
  <si>
    <t>12/19/2019 10:03:31</t>
  </si>
  <si>
    <t>12/19/2019 09:59:31</t>
  </si>
  <si>
    <t>10fb184a-4396-4ee4-8976-b1fc28824b34.tmp</t>
  </si>
  <si>
    <t>\\acsfs\profiles$\LUCASBS\Downloads\10fb184a-4396-4ee4-8976-b1fc28824b34.tmp</t>
  </si>
  <si>
    <t>12/19/2019 10:00:34</t>
  </si>
  <si>
    <t>f2dc7716-4e23-4536-9d02-f9aaecd8d4de.tmp</t>
  </si>
  <si>
    <t>\\acsfs\profiles$\LUCASBS\Downloads\f2dc7716-4e23-4536-9d02-f9aaecd8d4de.tmp</t>
  </si>
  <si>
    <t>12/19/2019 09:58:17</t>
  </si>
  <si>
    <t>\\acsfs\profiles$\leydianeamd\Contacts\</t>
  </si>
  <si>
    <t>LEYDIANE APARECIDA MOREIRA DUARTE (30).contact</t>
  </si>
  <si>
    <t>\\acsfs\profiles$\leydianeamd\Contacts\LEYDIANE APARECIDA MOREIRA DUARTE (30).contact</t>
  </si>
  <si>
    <t>12/19/2019 09:58:36</t>
  </si>
  <si>
    <t>\\acsfs\profiles$\leydianeamd\My Documents\My Videos\</t>
  </si>
  <si>
    <t>\\acsfs\profiles$\leydianeamd\My Documents\My Videos\desktop.ini</t>
  </si>
  <si>
    <t>\\acsfs\profiles$\leydianeamd\My Documents\My Pictures\</t>
  </si>
  <si>
    <t>\\acsfs\profiles$\leydianeamd\My Documents\My Pictures\desktop.ini</t>
  </si>
  <si>
    <t>12/19/2019 09:58:37</t>
  </si>
  <si>
    <t>\\acsfs\profiles$\leydianeamd\Contacts\desktop.ini</t>
  </si>
  <si>
    <t>\\acsfs\profiles$\leydianeamd\Favorites\</t>
  </si>
  <si>
    <t>\\acsfs\profiles$\leydianeamd\Favorites\desktop.ini</t>
  </si>
  <si>
    <t>12/19/2019 09:58:38</t>
  </si>
  <si>
    <t>\\acsfs\profiles$\leydianeamd\My Documents\My Music\</t>
  </si>
  <si>
    <t>\\acsfs\profiles$\leydianeamd\My Documents\My Music\desktop.ini</t>
  </si>
  <si>
    <t>\\acsfs\profiles$\leydianeamd\Searches\</t>
  </si>
  <si>
    <t>\\acsfs\profiles$\leydianeamd\Searches\desktop.ini</t>
  </si>
  <si>
    <t>\\acsfs\profiles$\leydianeamd\Downloads\desktop.ini</t>
  </si>
  <si>
    <t>12/19/2019 09:58:40</t>
  </si>
  <si>
    <t>\\acsfs\profiles$\leydianeamd\My Documents\desktop.ini</t>
  </si>
  <si>
    <t>12/19/2019 09:58:41</t>
  </si>
  <si>
    <t>\\acsfs\profiles$\leydianeamd\Saved Games\</t>
  </si>
  <si>
    <t>\\acsfs\profiles$\leydianeamd\Saved Games\desktop.ini</t>
  </si>
  <si>
    <t>12/19/2019 09:59:04</t>
  </si>
  <si>
    <t>\\acsfs\profiles$\leydianeamd\Favorites\Links for Brasil\</t>
  </si>
  <si>
    <t>\\acsfs\profiles$\leydianeamd\Favorites\Links for Brasil\desktop.ini</t>
  </si>
  <si>
    <t>12/19/2019 09:59:05</t>
  </si>
  <si>
    <t>\\acsfs\profiles$\leydianeamd\Favorites\Links for Brasil\Microsoft Brasil.url</t>
  </si>
  <si>
    <t>\\acsfs\profiles$\leydianeamd\Favorites\Links for Brasil\Windows Brasil.url</t>
  </si>
  <si>
    <t>\\acsfs\profiles$\leydianeamd\Favorites\Links for Brasil\MSN Brasil.url</t>
  </si>
  <si>
    <t>12/19/2019 09:59:06</t>
  </si>
  <si>
    <t>12/19/2019 10:03:16</t>
  </si>
  <si>
    <t>10.200.60.72</t>
  </si>
  <si>
    <t>80-86-F2-FD-43-E1</t>
  </si>
  <si>
    <t>2018-06 _A100 Energy Bil-TOTAL CAMPINAS.xlsx</t>
  </si>
  <si>
    <t>0]s,1363836129,1576760217746,7,90r4ptfvzuhtxnvws0xthc5rsahb_vdimeecrgavbvndklnrv9meubmvlro5ev3yw6isvnzhdc4-b6m0llvzrbjphb2h4t34j0nrct-lokglxkrgun9xovtnqgwe-vq66szmn0b8q7cpqvvo1exgfqgst_szposmy_h7jsu6phcvu_pg8e-bhbbqddattx36tiptzacg7f3-ax_6wbkb8ptm6eym-fqpzykgo1d4ao_hacbvvxgso4ytj10ankfub8smzh9gquo9-u_vrfendowz7c0obkwft52wz5cd8f1flkq9masvt_5xiw9j5vhj0ykrhozuuhztohcniveh5eq\",[],[]]],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emailaddress,explicitlytrashed,false,fileextension,filesize,flaggedforabuse,foldercolor,folderfeatures,hasaugmentedpermissions,haschildfolders,hasthumbnail,hasvisitorpermissions,hcniveh5eq\",hidden,id,id),items(kind,ken,labels(star</t>
  </si>
  <si>
    <t>12/19/2019 10:01:39</t>
  </si>
  <si>
    <t>12/19/2019 10:02:09</t>
  </si>
  <si>
    <t>12/19/2019 10:02:39</t>
  </si>
  <si>
    <t>12/19/2019 10:03:09</t>
  </si>
  <si>
    <t>12/19/2019 10:00:35</t>
  </si>
  <si>
    <t>12/19/2019 10:04:32</t>
  </si>
  <si>
    <t>12/19/2019 10:01:35</t>
  </si>
  <si>
    <t>12/19/2019 10:01:27</t>
  </si>
  <si>
    <t>\\acsfs\profiles$\vanessacgs\Contacts\</t>
  </si>
  <si>
    <t>VANESSA CARDOSO GARCIA SILVA (15).contact</t>
  </si>
  <si>
    <t>\\acsfs\profiles$\vanessacgs\Contacts\VANESSA CARDOSO GARCIA SILVA (15).contact</t>
  </si>
  <si>
    <t>\\acsfs\profiles$\vanessacgs\My Documents\My Videos\</t>
  </si>
  <si>
    <t>\\acsfs\profiles$\vanessacgs\My Documents\My Videos\desktop.ini</t>
  </si>
  <si>
    <t>12/19/2019 10:01:40</t>
  </si>
  <si>
    <t>12/19/2019 10:01:41</t>
  </si>
  <si>
    <t>12/19/2019 10:05:31</t>
  </si>
  <si>
    <t>\\acsfs\profiles$\vanessacgs\My Documents\My Pictures\</t>
  </si>
  <si>
    <t>\\acsfs\profiles$\vanessacgs\My Documents\My Pictures\desktop.ini</t>
  </si>
  <si>
    <t>12/19/2019 10:01:42</t>
  </si>
  <si>
    <t>\\acsfs\profiles$\vanessacgs\Contacts\desktop.ini</t>
  </si>
  <si>
    <t>12/19/2019 10:01:43</t>
  </si>
  <si>
    <t>\\acsfs\profiles$\vanessacgs\Favorites\desktop.ini</t>
  </si>
  <si>
    <t>12/19/2019 10:01:44</t>
  </si>
  <si>
    <t>\\acsfs\profiles$\vanessacgs\My Documents\My Music\</t>
  </si>
  <si>
    <t>\\acsfs\profiles$\vanessacgs\My Documents\My Music\desktop.ini</t>
  </si>
  <si>
    <t>12/19/2019 10:01:45</t>
  </si>
  <si>
    <t>12/19/2019 10:01:46</t>
  </si>
  <si>
    <t>\\acsfs\profiles$\vanessacgs\Searches\</t>
  </si>
  <si>
    <t>\\acsfs\profiles$\vanessacgs\Searches\desktop.ini</t>
  </si>
  <si>
    <t>\\acsfs\profiles$\vanessacgs\Downloads\</t>
  </si>
  <si>
    <t>\\acsfs\profiles$\vanessacgs\Downloads\desktop.ini</t>
  </si>
  <si>
    <t>12/19/2019 10:01:47</t>
  </si>
  <si>
    <t>\\acsfs\profiles$\vanessacgs\My Documents\</t>
  </si>
  <si>
    <t>\\acsfs\profiles$\vanessacgs\My Documents\desktop.ini</t>
  </si>
  <si>
    <t>12/19/2019 10:01:48</t>
  </si>
  <si>
    <t>\\acsfs\profiles$\vanessacgs\Saved Games\</t>
  </si>
  <si>
    <t>\\acsfs\profiles$\vanessacgs\Saved Games\desktop.ini</t>
  </si>
  <si>
    <t>12/19/2019 10:01:49</t>
  </si>
  <si>
    <t>12/19/2019 10:02:12</t>
  </si>
  <si>
    <t>\\acsfs\profiles$\vanessacgs\Favorites\Links for Brasil\</t>
  </si>
  <si>
    <t>\\acsfs\profiles$\vanessacgs\Favorites\Links for Brasil\desktop.ini</t>
  </si>
  <si>
    <t>12/19/2019 10:02:13</t>
  </si>
  <si>
    <t>\\acsfs\profiles$\vanessacgs\Favorites\Links for Brasil\Microsoft Brasil.url</t>
  </si>
  <si>
    <t>\\acsfs\profiles$\vanessacgs\Favorites\Links for Brasil\Windows Brasil.url</t>
  </si>
  <si>
    <t>\\acsfs\profiles$\vanessacgs\Favorites\Links for Brasil\MSN Brasil.url</t>
  </si>
  <si>
    <t>12/19/2019 10:02:14</t>
  </si>
  <si>
    <t>12/19/2019 10:00:40</t>
  </si>
  <si>
    <t>0];0]l;0]mg;1576095602;1576690818741;1576691977159;1576692024173;1576692042194;1576692058201;1742395574;1905447630;2;48485885;6;[];[]]];bg4f7hpo4uuezqv1hpsj6dejxsejf9dl9ce3zbbwhi1qt6bfj1lrhad8gbmgx0ej_ucfhkduuadqj_qcs-apbygfiuxg-k880q1klrjkag_ih0un_6gpvlgfe\";d2omgsrdbyizmbr35fkge72smjvolgr3qlattifzqmqh3c1zca8tk3eaxfi-ylfdq42xfqgonhwxjv94zex-gfvmkjizblr2my\";false;n6yx3j93r7loo71ybnmgkp9ur6mpdb9xdqjeewzabkfgyejrudgcdjtxlrrmfwyubnoulxhl7m3pxbtjf54ffe5amot6wrideoqc--im7ixcm9sj-bnzxszlg89vhotqtuuxhk0r_urqxryvjc9vu_2nmbcwltn7xzwjuezj_xeyfk8qsp0rkq\";n6yx3j93r7loo71ybnmgkp9ur6mpdb9xdqjeewzabkfgyejrudgcdjtxlrrmfwyubnoulxhl7m3pxbtjf54ffe5amot6wrideoqc--im7ixcm9sj-bnzxszlg89vhotqtuuxhk0r_uruxryvyunot6vhczets7xwb08ekgzlkwkninnhqw22ka\";nul;null;qj5-xm8pdf6sl72gv5urpin4-sxj5l7txbkyocdiio257clgwey4itbbq4iezcpzlvkymusxlqs8xv-pfddw4j1df19tpj9rkg37mjz5mi9mvkykda316y692u6pidprtv3lad3vmq7jmmauf9jpzlaxxf3rnuotuxxy2sx6hckxlvm6dhgp3bmk_sz51jlicnk1cbwetaybsgfl5olrtxsauaau-0gtrrwjjhvizf_tflpobxthebpys6nexnquderetxic6vaa2cogsd2t1_</t>
  </si>
  <si>
    <t>C:\Users\TEMP.ACS.000\Desktop\</t>
  </si>
  <si>
    <t>Dimensionamento_Dezembro_Cartões (1).xlsx</t>
  </si>
  <si>
    <t>0],0]l,0]mg,1576095602,1576690818741,1576691977159,1576692024173,1576692042194,1576692058201,1742395574,1905447630,2,48485885,6,[],[]]],bg4f7hpo4uuezqv1hpsj6dejxsejf9dl9ce3zbbwhi1qt6bfj1lrhad8gbmgx0ej_ucfhkduuadqj_qcs-apbygfiuxg-k880q1klrjkag_ih0un_6gpvlgfe\",d2omgsrdbyizmbr35fkge72smjvolgr3qlattifzqmqh3c1zca8tk3eaxfi-ylfdq42xfqgonhwxjv94zex-gfvmkjizblr2my\",false,n6yx3j93r7loo71ybnmgkp9ur6mpdb9xdqjeewzabkfgyejrudgcdjtxlrrmfwyubnoulxhl7m3pxbtjf54ffe5amot6wrideoqc--im7ixcm9sj-bnzxszlg89vhotqtuuxhk0r_urqxryvjc9vu_2nmbcwltn7xzwjuezj_xeyfk8qsp0rkq\",n6yx3j93r7loo71ybnmgkp9ur6mpdb9xdqjeewzabkfgyejrudgcdjtxlrrmfwyubnoulxhl7m3pxbtjf54ffe5amot6wrideoqc--im7ixcm9sj-bnzxszlg89vhotqtuuxhk0r_uruxryvyunot6vhczets7xwb08ekgzlkwkninnhqw22ka\",nul,null,qj5-xm8pdf6sl72gv5urpin4-sxj5l7txbkyocdiio257clgwey4itbbq4iezcpzlvkymusxlqs8xv-pfddw4j1df19tpj9rkg37mjz5mi9mvkykda316y692u6pidprtv3lad3vmq7jmmauf9jpzlaxxf3rnuotuxxy2sx6hckxlvm6dhgp3bmk_sz51jlicnk1cbwetaybsgfl5olrtxsauaau-0gtrrwjjhvizf_tflpobxthebpys6nexnquderetxic6vaa2cogsd2t1_</t>
  </si>
  <si>
    <t>12/19/2019 10:00:50</t>
  </si>
  <si>
    <t>12/19/2019 10:00:59</t>
  </si>
  <si>
    <t>1576691455085;1905447630;4;856315767;[];[]]];false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;null;qj5-xm8pdf6sl72gv5urpin4-sxj5l7txbkyocdiio257clgwey4itbbq4iezcpzlvkymusxlqs8xv-pfddw4j1df19tpj9rkg37mjz5mi9mvkykda316y692u6pidprtv3lad3vmq7jmmauf9jpzlaxxf3rnuotuxxy2sx6hckxlvm6dhgp3bmk_sz51jlicnk1cbwetaybsgfl5o</t>
  </si>
  <si>
    <t>1576691455085,1905447630,4,856315767,[],[]]],false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,null,qj5-xm8pdf6sl72gv5urpin4-sxj5l7txbkyocdiio257clgwey4itbbq4iezcpzlvkymusxlqs8xv-pfddw4j1df19tpj9rkg37mjz5mi9mvkykda316y692u6pidprtv3lad3vmq7jmmauf9jpzlaxxf3rnuotuxxy2sx6hckxlvm6dhgp3bmk_sz51jlicnk1cbwetaybsgfl5o</t>
  </si>
  <si>
    <t>12/19/2019 10:01:20</t>
  </si>
  <si>
    <t>mail.google.com/sync/u/0/i/s?hl=pt-BR&amp;c=200</t>
  </si>
  <si>
    <t>0]��;0]��p��a��&lt;;1;1260776949;1576680524301;1750086782;3;[];[]]];false;lkbmfy63ut1hnhtpjhv_qv27a6o4uvryslvet-p-egas6-6pilcyq0rjrjwx4a9e9fnnzpgfrhku-qvzwgradnofb6szilg83lqznkgncmzb8xphicq_jxk81zhxldq0cp1ld1bxcnuxvfg4euhibxlelvefswcdlzczyoqtdls75gxmmpfb6zhabpjfbpifeg2tdmtlz6rkldj-lhxd7rtquvafapfy4c_ypugvwgyqyhy4_h8rath93oomdmvomnsuq67z_yhbtaqtoipqnfptwlsf\";null;qbnj4nk2hjw71apejugzsxrli8wcqkbsswnhiv1oc57cayxmagenhlbfwlzn0tgmkkapcqc4kqn0doahtwbt-cvml3us4kq1sj7knka8mtawmiwdl4aawrzroqtjto53rrdlb1w7z_ybu2m1hahb1m-y2a9ucqqmztuyoq2ii54khludkvn5sxsth_tbjc9daies7uq0ytj9rwdhbvi5-8sgpy_kzhtbm9mskdis6dthu29fzbdglasepvozknbwsi1d68-ebnzhv0i-cs0qbxfpy5vvjh4jlqqj0quz4k0qomrlg-znfefbmwop2zx-hipndjd4fshkfv2qdm70-htojo5;tb7_zdchmx5vm95ogxvno9pq9fmdrifmzxyvjjigzvx-jjjc3hiqiyl4lk8-smygmwriibsasguqr3tgbu9xbuvsqgayolhyoe6gya5ahkz7qi12tfxspvc8jronliqobxei4h4ocqezg2rpacanc4nm77nmjq0zq8sz3yskneck4fxwaquuxnbq-rzuddahbyubq-omgocytixcegm7ilnkgamfmmtnwzdely3reyvemn84npxce4bmmiwju3conb0t8dvsvvaoen4hg9jkxgvjosowai0q2owitqf6oedxg0zfoibdymflk</t>
  </si>
  <si>
    <t>0]��,0]��p��a��&lt;,1,1260776949,1576680524301,1750086782,3,[],[]]],false,lkbmfy63ut1hnhtpjhv_qv27a6o4uvryslvet-p-egas6-6pilcyq0rjrjwx4a9e9fnnzpgfrhku-qvzwgradnofb6szilg83lqznkgncmzb8xphicq_jxk81zhxldq0cp1ld1bxcnuxvfg4euhibxlelvefswcdlzczyoqtdls75gxmmpfb6zhabpjfbpifeg2tdmtlz6rkldj-lhxd7rtquvafapfy4c_ypugvwgyqyhy4_h8rath93oomdmvomnsuq67z_yhbtaqtoipqnfptwlsf\",null,qbnj4nk2hjw71apejugzsxrli8wcqkbsswnhiv1oc57cayxmagenhlbfwlzn0tgmkkapcqc4kqn0doahtwbt-cvml3us4kq1sj7knka8mtawmiwdl4aawrzroqtjto53rrdlb1w7z_ybu2m1hahb1m-y2a9ucqqmztuyoq2ii54khludkvn5sxsth_tbjc9daies7uq0ytj9rwdhbvi5-8sgpy_kzhtbm9mskdis6dthu29fzbdglasepvozknbwsi1d68-ebnzhv0i-cs0qbxfpy5vvjh4jlqqj0quz4k0qomrlg-znfefbmwop2zx-hipndjd4fshkfv2qdm70-htojo5,tb7_zdchmx5vm95ogxvno9pq9fmdrifmzxyvjjigzvx-jjjc3hiqiyl4lk8-smygmwriibsasguqr3tgbu9xbuvsqgayolhyoe6gya5ahkz7qi12tfxspvc8jronliqobxei4h4ocqezg2rpacanc4nm77nmjq0zq8sz3yskneck4fxwaquuxnbq-rzuddahbyubq-omgocytixcegm7ilnkgamfmmtnwzdely3reyvemn84npxce4bmmiwju3conb0t8dvsvvaoen4hg9jkxgvjosowai0q2owitqf6oedxg0zfoibdymflk</t>
  </si>
  <si>
    <t>12/19/2019 10:01:21</t>
  </si>
  <si>
    <t>12/19/2019 10:01:38</t>
  </si>
  <si>
    <t>4c90a49d-3f5e-40bd-a75c-8bccec027065.tmp</t>
  </si>
  <si>
    <t>\\acsfs\profiles$\kamilamrc\Downloads\4c90a49d-3f5e-40bd-a75c-8bccec027065.tmp</t>
  </si>
  <si>
    <t>12/19/2019 10:02:35</t>
  </si>
  <si>
    <t>12/19/2019 10:02:36</t>
  </si>
  <si>
    <t>12/19/2019 10:04:05</t>
  </si>
  <si>
    <t>12/19/2019 10:04:28</t>
  </si>
  <si>
    <t>876f247d-9af8-4f06-af3e-059c12974ad1.tmp</t>
  </si>
  <si>
    <t>\\acsfs\profiles$\JOAOVAL\Downloads\876f247d-9af8-4f06-af3e-059c12974ad1.tmp</t>
  </si>
  <si>
    <t>12/19/2019 10:04:39</t>
  </si>
  <si>
    <t>37d895a5-5116-4618-a094-2ef500c861b2.tmp</t>
  </si>
  <si>
    <t>\\acsfs\profiles$\JOAOVAL\Downloads\37d895a5-5116-4618-a094-2ef500c861b2.tmp</t>
  </si>
  <si>
    <t>12/19/2019 10:03:53</t>
  </si>
  <si>
    <t>b8f857a4-c1c5-4577-89a5-8e092438c67e.tmp</t>
  </si>
  <si>
    <t>\\acsfs\profiles$\gabrielafs\Downloads\b8f857a4-c1c5-4577-89a5-8e092438c67e.tmp</t>
  </si>
  <si>
    <t>12/19/2019 10:03:54</t>
  </si>
  <si>
    <t>69e255bb-15c5-4ddf-bed4-9f1831364452.tmp</t>
  </si>
  <si>
    <t>\\acsfs\profiles$\gabrielafs\Downloads\69e255bb-15c5-4ddf-bed4-9f1831364452.tmp</t>
  </si>
  <si>
    <t>12/19/2019 10:03:55</t>
  </si>
  <si>
    <t>6308208f-d39e-4cf6-8fb3-03f373805b34.tmp</t>
  </si>
  <si>
    <t>\\acsfs\profiles$\gabrielafs\Downloads\6308208f-d39e-4cf6-8fb3-03f373805b34.tmp</t>
  </si>
  <si>
    <t>12/19/2019 10:03:56</t>
  </si>
  <si>
    <t>055fa74d-c253-40db-978f-45a587fb6189.tmp</t>
  </si>
  <si>
    <t>\\acsfs\profiles$\gabrielafs\Downloads\055fa74d-c253-40db-978f-45a587fb6189.tmp</t>
  </si>
  <si>
    <t>12/19/2019 10:04:42</t>
  </si>
  <si>
    <t>51112c23-6f10-4fd4-a3ff-6a96efde234e.tmp</t>
  </si>
  <si>
    <t>\\acsfs\profiles$\gabrielafs\Downloads\51112c23-6f10-4fd4-a3ff-6a96efde234e.tmp</t>
  </si>
  <si>
    <t>12/19/2019 10:04:43</t>
  </si>
  <si>
    <t>3f1d08d7-ed67-4c3d-80a0-4445ef1864f7.tmp</t>
  </si>
  <si>
    <t>\\acsfs\profiles$\gabrielafs\Downloads\3f1d08d7-ed67-4c3d-80a0-4445ef1864f7.tmp</t>
  </si>
  <si>
    <t>12/19/2019 10:04:44</t>
  </si>
  <si>
    <t>1f56d238-db26-4baf-89d4-7cb454f521af.tmp</t>
  </si>
  <si>
    <t>\\acsfs\profiles$\gabrielafs\Downloads\1f56d238-db26-4baf-89d4-7cb454f521af.tmp</t>
  </si>
  <si>
    <t>12/19/2019 10:06:32</t>
  </si>
  <si>
    <t>12/19/2019 10:04:46</t>
  </si>
  <si>
    <t>12/19/2019 10:06:19</t>
  </si>
  <si>
    <t>12/19/2019 10:07:32</t>
  </si>
  <si>
    <t>12/19/2019 10:06:35</t>
  </si>
  <si>
    <t>12/19/2019 10:03:58</t>
  </si>
  <si>
    <t>12/19/2019 10:08:32</t>
  </si>
  <si>
    <t>185d4c63-0e1b-4045-9329-41f9d869d9b6.tmp</t>
  </si>
  <si>
    <t>\\acsfs\profiles$\leydianeamd\Downloads\185d4c63-0e1b-4045-9329-41f9d869d9b6.tmp</t>
  </si>
  <si>
    <t>12/19/2019 10:04:10</t>
  </si>
  <si>
    <t>Não confirmado 545656.crdownload</t>
  </si>
  <si>
    <t>\\acsfs\profiles$\leydianeamd\Downloads\Não confirmado 545656.crdownload</t>
  </si>
  <si>
    <t>12/19/2019 10:04:45</t>
  </si>
  <si>
    <t>4b58fd04-4b4b-4bb7-ae62-2a13c0b90044.tmp</t>
  </si>
  <si>
    <t>\\acsfs\profiles$\leydianeamd\Downloads\4b58fd04-4b4b-4bb7-ae62-2a13c0b90044.tmp</t>
  </si>
  <si>
    <t>12/19/2019 10:05:51</t>
  </si>
  <si>
    <t>45af2038-5fca-4c82-ad90-e4838d88fdd8.tmp</t>
  </si>
  <si>
    <t>\\acsfs\profiles$\leydianeamd\Downloads\45af2038-5fca-4c82-ad90-e4838d88fdd8.tmp</t>
  </si>
  <si>
    <t>12/19/2019 10:06:04</t>
  </si>
  <si>
    <t>ef7194ed-ae13-4e47-9a33-f5099219fb21.tmp</t>
  </si>
  <si>
    <t>\\acsfs\profiles$\leydianeamd\Downloads\ef7194ed-ae13-4e47-9a33-f5099219fb21.tmp</t>
  </si>
  <si>
    <t>12/19/2019 10:06:09</t>
  </si>
  <si>
    <t>d5144998-a9b3-41d5-aba2-b8fbc3dabe46.tmp</t>
  </si>
  <si>
    <t>\\acsfs\profiles$\leydianeamd\Downloads\d5144998-a9b3-41d5-aba2-b8fbc3dabe46.tmp</t>
  </si>
  <si>
    <t>12/19/2019 10:07:11</t>
  </si>
  <si>
    <t>3e53cde6-2806-4ab3-a36f-c39a8f0882fc.tmp</t>
  </si>
  <si>
    <t>\\acsfs\profiles$\leydianeamd\Downloads\3e53cde6-2806-4ab3-a36f-c39a8f0882fc.tmp</t>
  </si>
  <si>
    <t>12/19/2019 10:03:45</t>
  </si>
  <si>
    <t>relatorio_gabriel3.xlsx</t>
  </si>
  <si>
    <t>12/19/2019 10:04:11</t>
  </si>
  <si>
    <t>12/19/2019 10:04:14</t>
  </si>
  <si>
    <t>C:\Users\gabrieljst\Desktop\GRU2 Energy Billing\</t>
  </si>
  <si>
    <t>12/19/2019 10:05:09</t>
  </si>
  <si>
    <t>12/19/2019 10:05:39</t>
  </si>
  <si>
    <t>12/19/2019 10:05:28</t>
  </si>
  <si>
    <t>12/19/2019 10:09:32</t>
  </si>
  <si>
    <t>12/19/2019 10:05:30</t>
  </si>
  <si>
    <t>12/19/2019 10:05:57</t>
  </si>
  <si>
    <t>12/19/2019 10:07:35</t>
  </si>
  <si>
    <t>12/19/2019 10:06:27</t>
  </si>
  <si>
    <t>12/19/2019 10:08:15</t>
  </si>
  <si>
    <t>12/19/2019 10:05:45</t>
  </si>
  <si>
    <t>\\acsfs\profiles$\cinthiacsda\My Documents\Capturar.PNG</t>
  </si>
  <si>
    <t>12/19/2019 10:06:06</t>
  </si>
  <si>
    <t>cinthiacsda@bv.algartech.com</t>
  </si>
  <si>
    <t>https://udpmailboxap01/h/search?si=16&amp;so=50&amp;sc=48821&amp;st=conversation&amp;action=compose&amp;paction=paneview</t>
  </si>
  <si>
    <t>12/19/2019 10:07:37</t>
  </si>
  <si>
    <t>camillarl@algartech.com;rodr;</t>
  </si>
  <si>
    <t>https://camillarl@algartech.com,rodr</t>
  </si>
  <si>
    <t>12/19/2019 10:08:07</t>
  </si>
  <si>
    <t>12/19/2019 10:08:13</t>
  </si>
  <si>
    <t>12/19/2019 10:04:36</t>
  </si>
  <si>
    <t>12/19/2019 10:10:32</t>
  </si>
  <si>
    <t>12/19/2019 10:06:12</t>
  </si>
  <si>
    <t>CitrixReceiverWeb (2).exe.mabijne.partial</t>
  </si>
  <si>
    <t>\\acsfs\profiles$\vanessacgs\Downloads\CitrixReceiverWeb (2).exe.mabijne.partial</t>
  </si>
  <si>
    <t>12/19/2019 10:06:01</t>
  </si>
  <si>
    <t>633cc551-69b4-46fe-ae41-8d8e91c7d0d6.tmp</t>
  </si>
  <si>
    <t>\\acsfs\profiles$\gabrielafs\Downloads\633cc551-69b4-46fe-ae41-8d8e91c7d0d6.tmp</t>
  </si>
  <si>
    <t>12/19/2019 10:11:32</t>
  </si>
  <si>
    <t>12/19/2019 10:07:12</t>
  </si>
  <si>
    <t>12/19/2019 10:12:31</t>
  </si>
  <si>
    <t>12/19/2019 10:08:20</t>
  </si>
  <si>
    <t>12/19/2019 10:08:21</t>
  </si>
  <si>
    <t>12/19/2019 10:08:22</t>
  </si>
  <si>
    <t>12/18/2019 12:02:51</t>
  </si>
  <si>
    <t>12/19/2019 10:13:32</t>
  </si>
  <si>
    <t>C:\Users\leonardo.caetano\OneDrive - Grupo Algar\Mesa Digital - GAT\_ISD\Componetizações Operações\ASSAI\</t>
  </si>
  <si>
    <t>ISD - Componentização dos Custos-Assaí.xlsx</t>
  </si>
  <si>
    <t>12/19/2019 10:12:52</t>
  </si>
  <si>
    <t>45433721-3adc-4af5-ab37-7bf016892a77.tmp</t>
  </si>
  <si>
    <t>\\acsfs\profiles$\sarahbal\Downloads\45433721-3adc-4af5-ab37-7bf016892a77.tmp</t>
  </si>
  <si>
    <t>12/19/2019 10:12:35</t>
  </si>
  <si>
    <t>12/19/2019 10:14:32</t>
  </si>
  <si>
    <t>12/19/2019 10:13:35</t>
  </si>
  <si>
    <t>12/19/2019 10:13:39</t>
  </si>
  <si>
    <t>Holerite_122019_2074676.pdf.30byr8w.partial</t>
  </si>
  <si>
    <t>\\acsfs\profiles$\cinthiacsda\Downloads\Holerite_122019_2074676.pdf.30byr8w.partial</t>
  </si>
  <si>
    <t>12/19/2019 10:11:36</t>
  </si>
  <si>
    <t>12/19/2019 10:15:32</t>
  </si>
  <si>
    <t>12/19/2019 10:11:10</t>
  </si>
  <si>
    <t>12/19/2019 10:16:33</t>
  </si>
  <si>
    <t>mail.google.com/mail/u/0/?hl=pt-BR#inbox?compose=CllgCKCGmKbrmSZpjSbWRdTtPzszhVpkfjMgmFGlhTRphqfclVlLWTlqNzCbpKNwtGKRMXDGZnV</t>
  </si>
  <si>
    <t>Inventario Nov2019.xlsx</t>
  </si>
  <si>
    <t>12/19/2019 10:13:09</t>
  </si>
  <si>
    <t>4997b363-d4cd-4f30-9b84-bae964b15a45.tmp</t>
  </si>
  <si>
    <t>\\acsfs\profiles$\deborahsi\Downloads\4997b363-d4cd-4f30-9b84-bae964b15a45.tmp</t>
  </si>
  <si>
    <t>12/19/2019 10:11:52</t>
  </si>
  <si>
    <t>Default.rdp</t>
  </si>
  <si>
    <t>\\acsfs\profiles$\geovanaasa\My Documents\Default.rdp</t>
  </si>
  <si>
    <t>12/19/2019 10:16:12</t>
  </si>
  <si>
    <t>12/19/2019 10:17:32</t>
  </si>
  <si>
    <t>3179bb53-aca9-4461-9047-e1aee7485dd0.tmp</t>
  </si>
  <si>
    <t>\\acsfs\profiles$\alessandraan\Downloads\3179bb53-aca9-4461-9047-e1aee7485dd0.tmp</t>
  </si>
  <si>
    <t>12/19/2019 10:15:39</t>
  </si>
  <si>
    <t>12/19/2019 10:18:33</t>
  </si>
  <si>
    <t>12/19/2019 10:15:17</t>
  </si>
  <si>
    <t>\\acsfs\profiles$\leydianeamd\My Documents\xworkcenter\lex\</t>
  </si>
  <si>
    <t>\\acsfs\profiles$\leydianeamd\My Documents\xworkcenter\lex\temp.tlx</t>
  </si>
  <si>
    <t>12/19/2019 10:15:18</t>
  </si>
  <si>
    <t>12/19/2019 10:15:19</t>
  </si>
  <si>
    <t>12/19/2019 10:15:20</t>
  </si>
  <si>
    <t>12/19/2019 10:15:21</t>
  </si>
  <si>
    <t>12/19/2019 10:15:23</t>
  </si>
  <si>
    <t>12/19/2019 10:15:24</t>
  </si>
  <si>
    <t>12/19/2019 10:15:25</t>
  </si>
  <si>
    <t>12/19/2019 10:15:26</t>
  </si>
  <si>
    <t>12/19/2019 10:15:27</t>
  </si>
  <si>
    <t>12/19/2019 10:15:28</t>
  </si>
  <si>
    <t>12/19/2019 10:15:29</t>
  </si>
  <si>
    <t>12/19/2019 10:15:30</t>
  </si>
  <si>
    <t>12/19/2019 10:15:31</t>
  </si>
  <si>
    <t>cdceb68d-9111-48a9-ba74-b4d562251278.tmp</t>
  </si>
  <si>
    <t>\\acsfs\profiles$\leydianeamd\Downloads\cdceb68d-9111-48a9-ba74-b4d562251278.tmp</t>
  </si>
  <si>
    <t>12/19/2019 10:15:33</t>
  </si>
  <si>
    <t>12/19/2019 10:15:34</t>
  </si>
  <si>
    <t>12/19/2019 10:15:35</t>
  </si>
  <si>
    <t>12/19/2019 10:15:36</t>
  </si>
  <si>
    <t>12/19/2019 10:15:37</t>
  </si>
  <si>
    <t>12/19/2019 10:15:38</t>
  </si>
  <si>
    <t>12/19/2019 10:15:40</t>
  </si>
  <si>
    <t>12/19/2019 10:15:41</t>
  </si>
  <si>
    <t>12/19/2019 10:15:42</t>
  </si>
  <si>
    <t>12/19/2019 10:15:44</t>
  </si>
  <si>
    <t>12/19/2019 10:15:45</t>
  </si>
  <si>
    <t>12/19/2019 10:15:46</t>
  </si>
  <si>
    <t>12/19/2019 10:19:32</t>
  </si>
  <si>
    <t>10.200.66.146</t>
  </si>
  <si>
    <t>74-86-7A-FB-17-F1</t>
  </si>
  <si>
    <t>VOTORANT-AFB003</t>
  </si>
  <si>
    <t>wedersonbadr</t>
  </si>
  <si>
    <t>\\acsfs\profiles$\wedersonbadr\My Documents\My Music\</t>
  </si>
  <si>
    <t>aa32c78b-d797-4502-8e58-363300c00659.tmp</t>
  </si>
  <si>
    <t>\\acsfs\profiles$\wedersonbadr\My Documents\My Music\aa32c78b-d797-4502-8e58-363300c00659.tmp</t>
  </si>
  <si>
    <t>12/19/2019 10:16:59</t>
  </si>
  <si>
    <t>\\acsfs\profiles$\wedersonbadr\Downloads\</t>
  </si>
  <si>
    <t>.~lock.Cópia de Controle de Erros operacionais - Outubro EQUIPE MARTA.xlsb#</t>
  </si>
  <si>
    <t>\\acsfs\profiles$\wedersonbadr\Downloads\.~lock.Cópia de Controle de Erros operacionais - Outubro EQUIPE MARTA.xlsb#</t>
  </si>
  <si>
    <t>12/19/2019 10:18:35</t>
  </si>
  <si>
    <t>12/19/2019 10:14:43</t>
  </si>
  <si>
    <t>12/19/2019 10:17:48</t>
  </si>
  <si>
    <t>12/19/2019 10:20:33</t>
  </si>
  <si>
    <t>12/19/2019 10:17:49</t>
  </si>
  <si>
    <t>12/19/2019 10:17:50</t>
  </si>
  <si>
    <t>12/19/2019 10:17:51</t>
  </si>
  <si>
    <t>12/19/2019 10:17:52</t>
  </si>
  <si>
    <t>12/19/2019 10:17:53</t>
  </si>
  <si>
    <t>12/19/2019 10:17:54</t>
  </si>
  <si>
    <t>12/19/2019 10:17:55</t>
  </si>
  <si>
    <t>12/19/2019 10:17:56</t>
  </si>
  <si>
    <t>12/19/2019 10:17:57</t>
  </si>
  <si>
    <t>12/19/2019 10:17:58</t>
  </si>
  <si>
    <t>12/19/2019 10:17:59</t>
  </si>
  <si>
    <t>12/19/2019 10:18:00</t>
  </si>
  <si>
    <t>12/19/2019 10:18:01</t>
  </si>
  <si>
    <t>12/19/2019 10:18:02</t>
  </si>
  <si>
    <t>12/19/2019 10:18:03</t>
  </si>
  <si>
    <t>12/19/2019 10:18:04</t>
  </si>
  <si>
    <t>12/19/2019 10:18:05</t>
  </si>
  <si>
    <t>12/19/2019 10:18:06</t>
  </si>
  <si>
    <t>12/19/2019 10:18:07</t>
  </si>
  <si>
    <t>12/19/2019 10:18:08</t>
  </si>
  <si>
    <t>12/19/2019 10:18:09</t>
  </si>
  <si>
    <t>12/19/2019 10:18:10</t>
  </si>
  <si>
    <t>12/19/2019 10:18:11</t>
  </si>
  <si>
    <t>12/19/2019 10:18:12</t>
  </si>
  <si>
    <t>12/19/2019 10:18:13</t>
  </si>
  <si>
    <t>12/19/2019 10:17:04</t>
  </si>
  <si>
    <t>100014299414656;</t>
  </si>
  <si>
    <t>https://100014299414656</t>
  </si>
  <si>
    <t>12/19/2019 10:19:08</t>
  </si>
  <si>
    <t>12/19/2019 10:15:50</t>
  </si>
  <si>
    <t>ba5ee90f-5e69-40bc-91e5-8bb67ea6d727.tmp</t>
  </si>
  <si>
    <t>\\acsfs\profiles$\JOAOVAL\Downloads\ba5ee90f-5e69-40bc-91e5-8bb67ea6d727.tmp</t>
  </si>
  <si>
    <t>12/19/2019 10:21:32</t>
  </si>
  <si>
    <t>12/19/2019 10:21:07</t>
  </si>
  <si>
    <t>12/19/2019 10:21:11</t>
  </si>
  <si>
    <t>12/19/2019 10:22:33</t>
  </si>
  <si>
    <t>12/19/2019 10:21:40</t>
  </si>
  <si>
    <t>12/19/2019 10:23:33</t>
  </si>
  <si>
    <t>Auditoria operador Patrick.xlsx</t>
  </si>
  <si>
    <t>12/19/2019 10:20:23</t>
  </si>
  <si>
    <t>bf36a7c3-a7ec-49d1-9adc-5152aefba178.tmp</t>
  </si>
  <si>
    <t>\\acsfs\profiles$\sarahbal\Downloads\bf36a7c3-a7ec-49d1-9adc-5152aefba178.tmp</t>
  </si>
  <si>
    <t>12/19/2019 10:21:09</t>
  </si>
  <si>
    <t>12/19/2019 10:21:39</t>
  </si>
  <si>
    <t>12/19/2019 10:22:09</t>
  </si>
  <si>
    <t>12/19/2019 10:22:40</t>
  </si>
  <si>
    <t>12/19/2019 10:19:35</t>
  </si>
  <si>
    <t>12/19/2019 10:24:33</t>
  </si>
  <si>
    <t>12/19/2019 10:22:49</t>
  </si>
  <si>
    <t>18714442-5661-4974-b338-97b2918b04e7.tmp</t>
  </si>
  <si>
    <t>\\acsfs\profiles$\KARENDSR\Downloads\18714442-5661-4974-b338-97b2918b04e7.tmp</t>
  </si>
  <si>
    <t>12/19/2019 10:23:41</t>
  </si>
  <si>
    <t>12/19/2019 10:25:33</t>
  </si>
  <si>
    <t>12/19/2019 10:23:46</t>
  </si>
  <si>
    <t>510c9599-bc23-4fbd-9e0f-563547bf9198.tmp</t>
  </si>
  <si>
    <t>\\acsfs\profiles$\marcellewdl\Downloads\510c9599-bc23-4fbd-9e0f-563547bf9198.tmp</t>
  </si>
  <si>
    <t>12/19/2019 10:26:33</t>
  </si>
  <si>
    <t>12/19/2019 10:22:39</t>
  </si>
  <si>
    <t>12/19/2019 10:28:33</t>
  </si>
  <si>
    <t>VOTORANT-CB014</t>
  </si>
  <si>
    <t>Marianna.txt</t>
  </si>
  <si>
    <t>\\acsfs\DEPTOS\Operacao\Banco_Votorantim\Qualidade\Anderson\Jose\Marianna.txt</t>
  </si>
  <si>
    <t>12/19/2019 10:24:16</t>
  </si>
  <si>
    <t>4da861db-7091-44d1-be47-c73e25595743.tmp</t>
  </si>
  <si>
    <t>\\acsfs\profiles$\geovannasm\Downloads\4da861db-7091-44d1-be47-c73e25595743.tmp</t>
  </si>
  <si>
    <t>12/19/2019 10:23:39</t>
  </si>
  <si>
    <t>12/19/2019 10:24:09</t>
  </si>
  <si>
    <t>12/19/2019 10:24:39</t>
  </si>
  <si>
    <t>12/19/2019 10:25:40</t>
  </si>
  <si>
    <t>12/19/2019 10:28:10</t>
  </si>
  <si>
    <t>12/19/2019 10:24:35</t>
  </si>
  <si>
    <t>12/19/2019 10:29:33</t>
  </si>
  <si>
    <t>12/19/2019 10:25:35</t>
  </si>
  <si>
    <t>12/19/2019 10:26:38</t>
  </si>
  <si>
    <t>12/19/2019 10:30:33</t>
  </si>
  <si>
    <t>12/19/2019 10:26:55</t>
  </si>
  <si>
    <t>12/19/2019 10:31:34</t>
  </si>
  <si>
    <t>12/19/2019 10:26:21</t>
  </si>
  <si>
    <t>12/19/2019 10:28:18</t>
  </si>
  <si>
    <t>ESTRUTURA IPO -TELEFONES.xlsx</t>
  </si>
  <si>
    <t>12/19/2019 10:28:41</t>
  </si>
  <si>
    <t>12/19/2019 10:28:54</t>
  </si>
  <si>
    <t>12/19/2019 10:28:40</t>
  </si>
  <si>
    <t>12/19/2019 10:33:34</t>
  </si>
  <si>
    <t>12/19/2019 10:29:40</t>
  </si>
  <si>
    <t>12/19/2019 10:30:35</t>
  </si>
  <si>
    <t>12/19/2019 10:34:33</t>
  </si>
  <si>
    <t>12/19/2019 10:31:35</t>
  </si>
  <si>
    <t>12/19/2019 10:31:04</t>
  </si>
  <si>
    <t>12/19/2019 10:35:34</t>
  </si>
  <si>
    <t>626d421c-139d-4e9d-9072-189c4e769c0d.tmp</t>
  </si>
  <si>
    <t>\\acsfs\profiles$\leticiala\Downloads\626d421c-139d-4e9d-9072-189c4e769c0d.tmp</t>
  </si>
  <si>
    <t>12/19/2019 10:34:24</t>
  </si>
  <si>
    <t>12/19/2019 10:33:58</t>
  </si>
  <si>
    <t>12/19/2019 10:34:46</t>
  </si>
  <si>
    <t>12/19/2019 10:36:33</t>
  </si>
  <si>
    <t>12/19/2019 10:31:06</t>
  </si>
  <si>
    <t>C:\A2\PAULAO\REUNIÕES\BOM DIA - JULHO\</t>
  </si>
  <si>
    <t>BOM DIA 19-12-2019.xlsx</t>
  </si>
  <si>
    <t>12/19/2019 10:32:41</t>
  </si>
  <si>
    <t>12/19/2019 10:31:52</t>
  </si>
  <si>
    <t>12/19/2019 10:32:59</t>
  </si>
  <si>
    <t>12/19/2019 10:37:34</t>
  </si>
  <si>
    <t>12/19/2019 10:33:06</t>
  </si>
  <si>
    <t>12/19/2019 10:33:07</t>
  </si>
  <si>
    <t>12/19/2019 10:33:17</t>
  </si>
  <si>
    <t>12/19/2019 10:33:21</t>
  </si>
  <si>
    <t>12/19/2019 10:33:23</t>
  </si>
  <si>
    <t>12/19/2019 10:33:24</t>
  </si>
  <si>
    <t>12/19/2019 10:34:15</t>
  </si>
  <si>
    <t>12/19/2019 10:38:33</t>
  </si>
  <si>
    <t>79d579db-5767-4f93-95c9-69a8848f8712.tmp</t>
  </si>
  <si>
    <t>\\acsfs\profiles$\leydianeamd\Downloads\79d579db-5767-4f93-95c9-69a8848f8712.tmp</t>
  </si>
  <si>
    <t>12/19/2019 10:35:48</t>
  </si>
  <si>
    <t>44465a49-7812-453e-afeb-b798fbf8431f.tmp</t>
  </si>
  <si>
    <t>\\acsfs\profiles$\leydianeamd\Downloads\44465a49-7812-453e-afeb-b798fbf8431f.tmp</t>
  </si>
  <si>
    <t>12/19/2019 10:37:12</t>
  </si>
  <si>
    <t>c15be38e-0750-470b-a517-a0b760e841c8.tmp</t>
  </si>
  <si>
    <t>\\acsfs\profiles$\geovannasm\Downloads\c15be38e-0750-470b-a517-a0b760e841c8.tmp</t>
  </si>
  <si>
    <t>12/19/2019 10:36:18</t>
  </si>
  <si>
    <t>https://udpmailboxap01.acs.com.br:8443/h/search;jsessionid=1wm2tjclol6z91n09vr4jfv5yb?si=0&amp;so=0&amp;sc=48949&amp;st=conversation&amp;action=compose</t>
  </si>
  <si>
    <t>12/19/2019 10:36:36</t>
  </si>
  <si>
    <t>12/19/2019 10:39:33</t>
  </si>
  <si>
    <t>12/19/2019 10:37:36</t>
  </si>
  <si>
    <t>12/19/2019 10:38:16</t>
  </si>
  <si>
    <t>andrelpsa@algartech.com;flora.lira@bv.com.br;jose.gomes@bv.com.br;renata.farina@bv.com.br;supervisaobancovotorantim@algartech.com;</t>
  </si>
  <si>
    <t>andrelpsa@algartech.com,flora.lira@bv.com.br,jose.gomes@bv.com.br,renata.farina@bv.com.br,supervisaobancovotorantim@algartech.com</t>
  </si>
  <si>
    <t>12/19/2019 10:38:38</t>
  </si>
  <si>
    <t>12/19/2019 10:38:41</t>
  </si>
  <si>
    <t>12/19/2019 10:37:48</t>
  </si>
  <si>
    <t>12/19/2019 10:40:33</t>
  </si>
  <si>
    <t>Relatorio de Vendas - Auditoria BV Cartoes (Dezembro)__10.xlsx</t>
  </si>
  <si>
    <t>\\acsfs\DEPTOS\Operacao\Banco_Votorantim\Qualidade\Anderson\Jose\Relatorio de Vendas - Auditoria BV Cartoes (Dezembro)__10.xlsx</t>
  </si>
  <si>
    <t>12/19/2019 10:41:34</t>
  </si>
  <si>
    <t>12/19/2019 10:36:19</t>
  </si>
  <si>
    <t>12/19/2019 10:36:26</t>
  </si>
  <si>
    <t>12/19/2019 10:43:18</t>
  </si>
  <si>
    <t>12/19/2019 10:43:34</t>
  </si>
  <si>
    <t>12/19/2019 10:38:52</t>
  </si>
  <si>
    <t>12/19/2019 10:44:33</t>
  </si>
  <si>
    <t>12/19/2019 10:38:56</t>
  </si>
  <si>
    <t>12/19/2019 10:40:47</t>
  </si>
  <si>
    <t>12/19/2019 10:41:45</t>
  </si>
  <si>
    <t>12/19/2019 10:41:55</t>
  </si>
  <si>
    <t>12/19/2019 10:41:56</t>
  </si>
  <si>
    <t>12/19/2019 10:41:59</t>
  </si>
  <si>
    <t>12/19/2019 10:42:36</t>
  </si>
  <si>
    <t>12/19/2019 10:42:59</t>
  </si>
  <si>
    <t>12/19/2019 10:43:36</t>
  </si>
  <si>
    <t>12/19/2019 10:42:51</t>
  </si>
  <si>
    <t>9fd508d3-44a4-4922-8bc3-bd91906bf50c.tmp</t>
  </si>
  <si>
    <t>\\acsfs\profiles$\KARENDSR\Downloads\9fd508d3-44a4-4922-8bc3-bd91906bf50c.tmp</t>
  </si>
  <si>
    <t>12/19/2019 10:42:53</t>
  </si>
  <si>
    <t>12/19/2019 10:45:33</t>
  </si>
  <si>
    <t>12/19/2019 10:42:02</t>
  </si>
  <si>
    <t>12/19/2019 10:44:37</t>
  </si>
  <si>
    <t>12/19/2019 10:46:33</t>
  </si>
  <si>
    <t>SLA GRC Nov 19.xlsx</t>
  </si>
  <si>
    <t>12/19/2019 10:42:39</t>
  </si>
  <si>
    <t>12/19/2019 10:43:39</t>
  </si>
  <si>
    <t>12/19/2019 10:47:33</t>
  </si>
  <si>
    <t>12/19/2019 10:45:48</t>
  </si>
  <si>
    <t>12/19/2019 10:48:33</t>
  </si>
  <si>
    <t>12/19/2019 10:46:18</t>
  </si>
  <si>
    <t>12/19/2019 10:46:48</t>
  </si>
  <si>
    <t>12/19/2019 10:48:18</t>
  </si>
  <si>
    <t>12/19/2019 10:46:38</t>
  </si>
  <si>
    <t>12/19/2019 10:49:33</t>
  </si>
  <si>
    <t>andrelps@algartech.com;leonardoao@algartech.com;</t>
  </si>
  <si>
    <t>andrelps@algartech.com,leonardoao@algartech.com</t>
  </si>
  <si>
    <t>12/19/2019 10:46:47</t>
  </si>
  <si>
    <t>12/19/2019 10:48:36</t>
  </si>
  <si>
    <t>12/19/2019 10:45:12</t>
  </si>
  <si>
    <t>12/19/2019 10:50:34</t>
  </si>
  <si>
    <t>12/19/2019 10:45:56</t>
  </si>
  <si>
    <t>Wender Bruno - Data 10-12-2019 horas 14-22-40 as 14-47-22.wav</t>
  </si>
  <si>
    <t>\\acsfs\DEPTOS\EDUCACAO EMPRESARIAL\2 - Operações\0 - BV\5 - QUALIDADE\Nova pasta\Wender Bruno - Data 10-12-2019 horas 14-22-40 as 14-47-22.wav</t>
  </si>
  <si>
    <t>12/19/2019 10:46:09</t>
  </si>
  <si>
    <t>\\acsfs\DEPTOS\EDUCACAO EMPRESARIAL\2 - Operações\0 - BV\5 - QUALIDADE\Nova pasta\Marianna.txt</t>
  </si>
  <si>
    <t>12/19/2019 10:48:40</t>
  </si>
  <si>
    <t>12/19/2019 10:48:51</t>
  </si>
  <si>
    <t>12/19/2019 10:50:00</t>
  </si>
  <si>
    <t>12/19/2019 10:47:22</t>
  </si>
  <si>
    <t>12/19/2019 10:51:33</t>
  </si>
  <si>
    <t>d0bc54d7-3c97-4cfe-af0f-1a78829d1fcd.tmp</t>
  </si>
  <si>
    <t>\\acsfs\profiles$\gabrielarb\Downloads\d0bc54d7-3c97-4cfe-af0f-1a78829d1fcd.tmp</t>
  </si>
  <si>
    <t>12/19/2019 10:48:45</t>
  </si>
  <si>
    <t>12/19/2019 10:52:34</t>
  </si>
  <si>
    <t>\\acsfs\profiles$\YASMINSC\</t>
  </si>
  <si>
    <t>Comandos Avaya.txt</t>
  </si>
  <si>
    <t>\\acsfs\profiles$\YASMINSC\Comandos Avaya.txt</t>
  </si>
  <si>
    <t>12/19/2019 10:51:48</t>
  </si>
  <si>
    <t>12/19/2019 10:53:33</t>
  </si>
  <si>
    <t>79bf7201-9952-4b54-beca-56d9d6e3e377.tmp</t>
  </si>
  <si>
    <t>\\acsfs\profiles$\LUCASBS\Downloads\79bf7201-9952-4b54-beca-56d9d6e3e377.tmp</t>
  </si>
  <si>
    <t>12/19/2019 10:49:18</t>
  </si>
  <si>
    <t>12/19/2019 10:49:48</t>
  </si>
  <si>
    <t>12/19/2019 10:54:33</t>
  </si>
  <si>
    <t>12/19/2019 10:50:48</t>
  </si>
  <si>
    <t>12/19/2019 10:49:36</t>
  </si>
  <si>
    <t>12/19/2019 10:51:24</t>
  </si>
  <si>
    <t>12/19/2019 10:51:43</t>
  </si>
  <si>
    <t>12/19/2019 10:52:14</t>
  </si>
  <si>
    <t>12/19/2019 10:52:36</t>
  </si>
  <si>
    <t>12/19/2019 10:52:50</t>
  </si>
  <si>
    <t>12/19/2019 10:53:05</t>
  </si>
  <si>
    <t>12/19/2019 10:53:08</t>
  </si>
  <si>
    <t>12/19/2019 10:53:14</t>
  </si>
  <si>
    <t>12/19/2019 10:53:19</t>
  </si>
  <si>
    <t>12/19/2019 10:53:24</t>
  </si>
  <si>
    <t>12/19/2019 10:53:35</t>
  </si>
  <si>
    <t>12/19/2019 10:53:38</t>
  </si>
  <si>
    <t>12/19/2019 10:52:01</t>
  </si>
  <si>
    <t>12/19/2019 10:55:33</t>
  </si>
  <si>
    <t>12/19/2019 10:54:19</t>
  </si>
  <si>
    <t>12/19/2019 10:56:33</t>
  </si>
  <si>
    <t>d0b11bf4-cf1c-492f-aa1c-261f8e54d909.tmp</t>
  </si>
  <si>
    <t>\\acsfs\profiles$\gabrielarb\Downloads\d0b11bf4-cf1c-492f-aa1c-261f8e54d909.tmp</t>
  </si>
  <si>
    <t>lu215322o5g6q.tmp</t>
  </si>
  <si>
    <t>\\acsfs\profiles$\jonatanls\My Documents\lu215322o5g6q.tmp</t>
  </si>
  <si>
    <t>lu215322o5g6w.tmp</t>
  </si>
  <si>
    <t>\\acsfs\profiles$\jonatanls\My Documents\lu215322o5g6w.tmp</t>
  </si>
  <si>
    <t>12/19/2019 10:53:21</t>
  </si>
  <si>
    <t>12/19/2019 10:53:22</t>
  </si>
  <si>
    <t>lu215322o5g72.tmp</t>
  </si>
  <si>
    <t>\\acsfs\profiles$\jonatanls\My Documents\lu215322o5g72.tmp</t>
  </si>
  <si>
    <t>12/19/2019 10:54:03</t>
  </si>
  <si>
    <t>lu215322o5g78.tmp</t>
  </si>
  <si>
    <t>\\acsfs\profiles$\jonatanls\My Documents\lu215322o5g78.tmp</t>
  </si>
  <si>
    <t>12/19/2019 10:52:17</t>
  </si>
  <si>
    <t>12/19/2019 10:57:34</t>
  </si>
  <si>
    <t>12/19/2019 10:53:44</t>
  </si>
  <si>
    <t>12/19/2019 10:56:45</t>
  </si>
  <si>
    <t>12/19/2019 10:56:46</t>
  </si>
  <si>
    <t>12/19/2019 10:56:52</t>
  </si>
  <si>
    <t>12/19/2019 10:56:57</t>
  </si>
  <si>
    <t>12/19/2019 10:56:58</t>
  </si>
  <si>
    <t>12/19/2019 10:56:59</t>
  </si>
  <si>
    <t>12/19/2019 10:57:01</t>
  </si>
  <si>
    <t>12/19/2019 10:54:48</t>
  </si>
  <si>
    <t>12/19/2019 10:58:33</t>
  </si>
  <si>
    <t>12/19/2019 10:55:48</t>
  </si>
  <si>
    <t>12/19/2019 10:56:18</t>
  </si>
  <si>
    <t>12/19/2019 10:54:01</t>
  </si>
  <si>
    <t>12/19/2019 10:59:34</t>
  </si>
  <si>
    <t>12/19/2019 10:54:06</t>
  </si>
  <si>
    <t>12/19/2019 10:54:36</t>
  </si>
  <si>
    <t>12/19/2019 10:55:00</t>
  </si>
  <si>
    <t>andrelps@algartech.com;leonardoao@algartech.com;pdf;</t>
  </si>
  <si>
    <t>andrelps@algartech.com,leonardoao@algartech.com,pdf</t>
  </si>
  <si>
    <t>12/19/2019 10:55:06</t>
  </si>
  <si>
    <t>12/19/2019 10:55:20</t>
  </si>
  <si>
    <t>12/19/2019 10:55:25</t>
  </si>
  <si>
    <t>12/19/2019 10:55:37</t>
  </si>
  <si>
    <t>12/19/2019 10:55:42</t>
  </si>
  <si>
    <t>12/19/2019 10:55:49</t>
  </si>
  <si>
    <t>12/19/2019 10:56:24</t>
  </si>
  <si>
    <t>12/19/2019 10:56:27</t>
  </si>
  <si>
    <t>12/19/2019 10:56:34</t>
  </si>
  <si>
    <t>12/19/2019 10:56:38</t>
  </si>
  <si>
    <t>12/19/2019 10:56:42</t>
  </si>
  <si>
    <t>12/19/2019 11:00:33</t>
  </si>
  <si>
    <t>318fd869-32ea-4dea-bd7f-81bf18c42d1c.tmp</t>
  </si>
  <si>
    <t>\\acsfs\profiles$\leticiala\Downloads\318fd869-32ea-4dea-bd7f-81bf18c42d1c.tmp</t>
  </si>
  <si>
    <t>12/19/2019 10:57:31</t>
  </si>
  <si>
    <t>12/19/2019 11:01:33</t>
  </si>
  <si>
    <t>12/19/2019 10:59:03</t>
  </si>
  <si>
    <t>12/19/2019 11:02:33</t>
  </si>
  <si>
    <t>12/19/2019 10:59:14</t>
  </si>
  <si>
    <t>12/19/2019 10:59:15</t>
  </si>
  <si>
    <t>12/19/2019 10:58:35</t>
  </si>
  <si>
    <t>12/19/2019 11:03:33</t>
  </si>
  <si>
    <t>Reneg - Vcto 20 - 2 parc ou mais.xlsx</t>
  </si>
  <si>
    <t>\\acsfs\DEPTOS\Operacao\Banco_Votorantim\Comum\00 - COMUM - BV CARTÕES\EQUIPE ADILSON\Aspect\Reneg - Vcto 20 - 2 parc ou mais.xlsx</t>
  </si>
  <si>
    <t>12/19/2019 10:58:36</t>
  </si>
  <si>
    <t>\\acsfs\DEPTOS\Operacao\Banco_Votorantim\Comum\00 - COMUM - BV CARTÕES\EQUIPE ADILSON\Aspect\Reneg - Vcto 20 - 2 parc ou mais.xlsx\</t>
  </si>
  <si>
    <t>\\acsfs\DEPTOS\Operacao\Banco_Votorantim\Comum\00 - COMUM - BV CARTÕES\EQUIPE ADILSON\Aspect\Reneg - Vcto 20 - 2 parc ou mais.xlsx\:Zone.Identifier:$DATA</t>
  </si>
  <si>
    <t>12/19/2019 11:00:48</t>
  </si>
  <si>
    <t>12/19/2019 11:01:18</t>
  </si>
  <si>
    <t>12/19/2019 11:02:18</t>
  </si>
  <si>
    <t>12/19/2019 11:03:18</t>
  </si>
  <si>
    <t>12/19/2019 11:00:36</t>
  </si>
  <si>
    <t>12/19/2019 11:04:33</t>
  </si>
  <si>
    <t>12/19/2019 11:01:36</t>
  </si>
  <si>
    <t>12/19/2019 11:06:33</t>
  </si>
  <si>
    <t>12/19/2019 11:01:16</t>
  </si>
  <si>
    <t>Rotinas para importação AMANDA VALE.csv</t>
  </si>
  <si>
    <t>12/19/2019 11:03:47</t>
  </si>
  <si>
    <t>12/19/2019 11:08:33</t>
  </si>
  <si>
    <t>1b31bbfa-e8e9-4a0b-a6a6-379da110deaf.tmp</t>
  </si>
  <si>
    <t>\\acsfs\profiles$\raicabog\Downloads\1b31bbfa-e8e9-4a0b-a6a6-379da110deaf.tmp</t>
  </si>
  <si>
    <t>12/19/2019 11:07:43</t>
  </si>
  <si>
    <t>12/19/2019 11:03:48</t>
  </si>
  <si>
    <t>12/19/2019 11:09:33</t>
  </si>
  <si>
    <t>12/19/2019 11:04:48</t>
  </si>
  <si>
    <t>12/19/2019 11:05:18</t>
  </si>
  <si>
    <t>12/19/2019 11:05:48</t>
  </si>
  <si>
    <t>12/19/2019 11:06:18</t>
  </si>
  <si>
    <t>12/19/2019 11:06:36</t>
  </si>
  <si>
    <t>12/19/2019 11:07:36</t>
  </si>
  <si>
    <t>12/19/2019 11:09:57</t>
  </si>
  <si>
    <t>12/19/2019 11:10:32</t>
  </si>
  <si>
    <t>12/19/2019 11:11:33</t>
  </si>
  <si>
    <t>12/19/2019 11:07:14</t>
  </si>
  <si>
    <t>12/19/2019 11:12:32</t>
  </si>
  <si>
    <t>12/19/2019 11:07:16</t>
  </si>
  <si>
    <t>12/19/2019 11:07:17</t>
  </si>
  <si>
    <t>12/19/2019 11:07:19</t>
  </si>
  <si>
    <t>12/19/2019 11:07:24</t>
  </si>
  <si>
    <t>12/19/2019 11:07:25</t>
  </si>
  <si>
    <t>12/19/2019 11:07:27</t>
  </si>
  <si>
    <t>12/19/2019 11:07:31</t>
  </si>
  <si>
    <t>12/19/2019 11:07:32</t>
  </si>
  <si>
    <t>12/19/2019 11:08:04</t>
  </si>
  <si>
    <t>12/19/2019 11:08:06</t>
  </si>
  <si>
    <t>12/19/2019 11:08:07</t>
  </si>
  <si>
    <t>12/19/2019 11:08:09</t>
  </si>
  <si>
    <t>12/19/2019 11:11:28</t>
  </si>
  <si>
    <t>12/19/2019 11:11:29</t>
  </si>
  <si>
    <t>12/19/2019 11:10:44</t>
  </si>
  <si>
    <t>12/19/2019 11:13:32</t>
  </si>
  <si>
    <t>12/19/2019 11:12:31</t>
  </si>
  <si>
    <t>4e5dde33-ce9f-4279-a815-daac0ba13bda.tmp</t>
  </si>
  <si>
    <t>\\acsfs\profiles$\leydianeamd\Downloads\4e5dde33-ce9f-4279-a815-daac0ba13bda.tmp</t>
  </si>
  <si>
    <t>12/19/2019 11:13:18</t>
  </si>
  <si>
    <t>12/19/2019 11:14:32</t>
  </si>
  <si>
    <t>12/19/2019 11:12:36</t>
  </si>
  <si>
    <t>12/19/2019 11:13:36</t>
  </si>
  <si>
    <t>12/19/2019 11:12:38</t>
  </si>
  <si>
    <t>12/19/2019 11:15:33</t>
  </si>
  <si>
    <t>12/19/2019 11:15:08</t>
  </si>
  <si>
    <t>12/19/2019 11:13:24</t>
  </si>
  <si>
    <t>e78f76bd-dbc1-4143-838b-744ff22d1b7a.tmp</t>
  </si>
  <si>
    <t>\\acsfs\profiles$\gabrielafs\Downloads\e78f76bd-dbc1-4143-838b-744ff22d1b7a.tmp</t>
  </si>
  <si>
    <t>12/19/2019 11:16:32</t>
  </si>
  <si>
    <t>12/19/2019 11:14:46</t>
  </si>
  <si>
    <t>12/19/2019 11:15:29</t>
  </si>
  <si>
    <t>12/19/2019 11:17:33</t>
  </si>
  <si>
    <t>12/19/2019 11:15:30</t>
  </si>
  <si>
    <t>12/19/2019 11:15:31</t>
  </si>
  <si>
    <t>12/19/2019 11:15:32</t>
  </si>
  <si>
    <t>12/19/2019 11:15:38</t>
  </si>
  <si>
    <t>12/19/2019 11:15:47</t>
  </si>
  <si>
    <t>12/19/2019 11:13:35</t>
  </si>
  <si>
    <t>0];0]]&lt;�3_x0003_$�3;0]l;0]p;0]ull;1300016222;1576096600549;1576096901578;1576097804679;38;39;42;[];[]]];alessandrar@algartech.com;alessiors@algartech.com;false;false]";hdp_iqsgywsydumjfwaiwagpa4gmyo8a_0a7zculsc0o7unxxjfrdyfwj4io\";hdp_iqsgywsydumjfzaiwagm4n6vmb5dtjvxu8peoqqxjwu39dquxo_1uwyk\";hdp_iqsgywsydumjfzkiwagocot5nswmkqs60eq2ztmyj1qh4er0h5cjpxwy\";humbertopj@algartech.com;null;priscilacy@algartech.com;sh3ji7zufm_d8ps8kywvntarryoljfrkvewxpxx9z-k-2u1lmy5_zduzaahjomwmamtnvymq0jzcaknzdstqgniwxakd5laq2bd3kbdtuftpif-eixi9gsrfq-cbj_jhydujjgb4oluc9fhr8f7xrxklycxxfkkaov3tbchnkq4inbs5smt1jlstbb1n2hubjurxqxjq7vbs5r5ugmetqxvcyl1zjrfoafllc;</t>
  </si>
  <si>
    <t>C:\Users\marcelacpe\Downloads\</t>
  </si>
  <si>
    <t>0],0]]&lt;�3_x0003_$�3,0]l,0]p,0]ull,1300016222,1576096600549,1576096901578,1576097804679,38,39,42,[],[]]],alessandrar@algartech.com,alessiors@algartech.com,false,false]",hdp_iqsgywsydumjfwaiwagpa4gmyo8a_0a7zculsc0o7unxxjfrdyfwj4io\",hdp_iqsgywsydumjfzaiwagm4n6vmb5dtjvxu8peoqqxjwu39dquxo_1uwyk\",hdp_iqsgywsydumjfzkiwagocot5nswmkqs60eq2ztmyj1qh4er0h5cjpxwy\",humbertopj@algartech.com,null,priscilacy@algartech.com,sh3ji7zufm_d8ps8kywvntarryoljfrkvewxpxx9z-k-2u1lmy5_zduzaahjomwmamtnvymq0jzcaknzdstqgniwxakd5laq2bd3kbdtuftpif-eixi9gsrfq-cbj_jhydujjgb4oluc9fhr8f7xrxklycxxfkkaov3tbchnkq4inbs5smt1jlstbb1n2hubjurxqxjq7vbs5r5ugmetqxvcyl1zjrfoafllc</t>
  </si>
  <si>
    <t>12/19/2019 11:12:19</t>
  </si>
  <si>
    <t>12/19/2019 11:12:20</t>
  </si>
  <si>
    <t>12/19/2019 11:13:17</t>
  </si>
  <si>
    <t>12/19/2019 11:18:32</t>
  </si>
  <si>
    <t>b94b30ab-6e73-44be-99e2-c46e97b44b61.tmp</t>
  </si>
  <si>
    <t>\\acsfs\profiles$\LUCASBS\Downloads\b94b30ab-6e73-44be-99e2-c46e97b44b61.tmp</t>
  </si>
  <si>
    <t>12/19/2019 11:13:48</t>
  </si>
  <si>
    <t>12/19/2019 11:19:32</t>
  </si>
  <si>
    <t>12/19/2019 11:15:48</t>
  </si>
  <si>
    <t>12/19/2019 11:16:18</t>
  </si>
  <si>
    <t>12/19/2019 11:18:55</t>
  </si>
  <si>
    <t>784dc639-90cc-4dce-8bcd-1a2b005bd84b.tmp</t>
  </si>
  <si>
    <t>\\acsfs\profiles$\KARENDSR\Downloads\784dc639-90cc-4dce-8bcd-1a2b005bd84b.tmp</t>
  </si>
  <si>
    <t>12/19/2019 11:18:36</t>
  </si>
  <si>
    <t>12/19/2019 11:19:08</t>
  </si>
  <si>
    <t>12/19/2019 11:20:32</t>
  </si>
  <si>
    <t>a9a836c8-e555-41fc-8433-d37baefb77e0.tmp</t>
  </si>
  <si>
    <t>\\acsfs\profiles$\claudiajca\Downloads\a9a836c8-e555-41fc-8433-d37baefb77e0.tmp</t>
  </si>
  <si>
    <t>12/19/2019 11:19:25</t>
  </si>
  <si>
    <t>12/19/2019 11:18:06</t>
  </si>
  <si>
    <t>12/19/2019 11:21:32</t>
  </si>
  <si>
    <t>20e81995-9f46-45e7-bc9b-673ff0a189f5.tmp</t>
  </si>
  <si>
    <t>\\acsfs\profiles$\Flaviojmm\Downloads\20e81995-9f46-45e7-bc9b-673ff0a189f5.tmp</t>
  </si>
  <si>
    <t>12/19/2019 11:17:46</t>
  </si>
  <si>
    <t>ESTRUTURA IPO - GREVY DEZEMBRO 2019.xlsx</t>
  </si>
  <si>
    <t>12/19/2019 11:21:03</t>
  </si>
  <si>
    <t>12/19/2019 11:21:04</t>
  </si>
  <si>
    <t>12/19/2019 11:22:32</t>
  </si>
  <si>
    <t>12/19/2019 11:17:35</t>
  </si>
  <si>
    <t>12/19/2019 11:18:04</t>
  </si>
  <si>
    <t>12/19/2019 11:18:05</t>
  </si>
  <si>
    <t>12/19/2019 11:18:10</t>
  </si>
  <si>
    <t>12/19/2019 11:21:33</t>
  </si>
  <si>
    <t>12/19/2019 11:21:35</t>
  </si>
  <si>
    <t>12/19/2019 11:21:37</t>
  </si>
  <si>
    <t>12/19/2019 11:21:40</t>
  </si>
  <si>
    <t>12/19/2019 11:21:50</t>
  </si>
  <si>
    <t>12/19/2019 11:21:51</t>
  </si>
  <si>
    <t>12/19/2019 11:21:49</t>
  </si>
  <si>
    <t>12/19/2019 11:23:32</t>
  </si>
  <si>
    <t>Gestão de Reajustes 2019 v8.1 19_12.xlsx</t>
  </si>
  <si>
    <t>mail.google.com/_/upload?authuser=1&amp;dcp=asu-n&amp;upload_id=AEnB2UoGzQSRVYjPuceUQjyR7mB_9z5mDe8va0CwotlGRKXkQJ-CXV7YGJ2gnxz7kkN9L6GTmjzM_wV622vtY4__RjUJSbPk7mGOdpSmgmc6FzTeJ-M4ioc&amp;upload_protocol=resumable</t>
  </si>
  <si>
    <t>Associados_Desmobilização.xlsx</t>
  </si>
  <si>
    <t>12/19/2019 11:22:18</t>
  </si>
  <si>
    <t>12/19/2019 11:24:32</t>
  </si>
  <si>
    <t>12/19/2019 11:22:48</t>
  </si>
  <si>
    <t>12/19/2019 11:23:18</t>
  </si>
  <si>
    <t>12/19/2019 11:19:36</t>
  </si>
  <si>
    <t>12/19/2019 11:20:55</t>
  </si>
  <si>
    <t>12/19/2019 11:21:14</t>
  </si>
  <si>
    <t>12/19/2019 11:21:55</t>
  </si>
  <si>
    <t>12/19/2019 11:22:17</t>
  </si>
  <si>
    <t>12/19/2019 11:22:38</t>
  </si>
  <si>
    <t>mail.google.com/sync/u/0/i/s?hl=pt-BR&amp;c=216</t>
  </si>
  <si>
    <t>12/19/2019 11:23:17</t>
  </si>
  <si>
    <t>12/19/2019 11:20:24</t>
  </si>
  <si>
    <t>12/19/2019 11:25:32</t>
  </si>
  <si>
    <t>12/19/2019 11:26:32</t>
  </si>
  <si>
    <t>12/19/2019 11:23:48</t>
  </si>
  <si>
    <t>12/19/2019 11:29:32</t>
  </si>
  <si>
    <t>12/19/2019 11:24:18</t>
  </si>
  <si>
    <t>12/19/2019 11:26:48</t>
  </si>
  <si>
    <t>12/19/2019 11:27:18</t>
  </si>
  <si>
    <t>12/19/2019 11:28:18</t>
  </si>
  <si>
    <t>12/19/2019 11:24:01</t>
  </si>
  <si>
    <t>12/19/2019 11:24:02</t>
  </si>
  <si>
    <t>12/19/2019 11:24:05</t>
  </si>
  <si>
    <t>12/19/2019 11:24:06</t>
  </si>
  <si>
    <t>12/19/2019 11:24:07</t>
  </si>
  <si>
    <t>12/19/2019 11:24:36</t>
  </si>
  <si>
    <t>12/19/2019 11:25:36</t>
  </si>
  <si>
    <t>12/19/2019 11:27:33</t>
  </si>
  <si>
    <t>12/19/2019 11:30:32</t>
  </si>
  <si>
    <t>Mapa de Logs de Navegação - URA Whirlpool Sinergia (4).xlsx</t>
  </si>
  <si>
    <t>12/19/2019 11:26:10</t>
  </si>
  <si>
    <t>12/19/2019 11:28:32</t>
  </si>
  <si>
    <t>12/19/2019 11:28:51</t>
  </si>
  <si>
    <t>12/19/2019 11:31:33</t>
  </si>
  <si>
    <t>12/19/2019 11:27:04</t>
  </si>
  <si>
    <t>12/19/2019 11:32:32</t>
  </si>
  <si>
    <t>12/19/2019 11:27:52</t>
  </si>
  <si>
    <t>mail.google.com/_/upload?authuser=2&amp;dcp=asu-n&amp;upload_id=AEnB2Upc5AsBhQy87LWgnQarhXGIORiTSGVxAw0JTqpqPbt1c0MfuTeeaZaIjOEV2aCAeK8X2Y-K3zZRQcJOPqIMABRjp1DMKi0U7o9z1xX9ai_yN_rB0zk&amp;upload_protocol=resumable</t>
  </si>
  <si>
    <t>Relatório SAMANTA.xlsx</t>
  </si>
  <si>
    <t>12/19/2019 11:28:17</t>
  </si>
  <si>
    <t>12/19/2019 11:28:19</t>
  </si>
  <si>
    <t>12/19/2019 11:28:35</t>
  </si>
  <si>
    <t>12/19/2019 11:28:37</t>
  </si>
  <si>
    <t>12/19/2019 11:28:38</t>
  </si>
  <si>
    <t>12/19/2019 11:30:41</t>
  </si>
  <si>
    <t>12/19/2019 11:30:49</t>
  </si>
  <si>
    <t>12/19/2019 11:30:50</t>
  </si>
  <si>
    <t>12/19/2019 11:31:00</t>
  </si>
  <si>
    <t>12/19/2019 11:29:13</t>
  </si>
  <si>
    <t>12/19/2019 11:33:32</t>
  </si>
  <si>
    <t>12/19/2019 11:29:15</t>
  </si>
  <si>
    <t>12/19/2019 11:28:48</t>
  </si>
  <si>
    <t>12/19/2019 11:34:32</t>
  </si>
  <si>
    <t>12/19/2019 11:29:18</t>
  </si>
  <si>
    <t>12/19/2019 11:29:48</t>
  </si>
  <si>
    <t>12/19/2019 11:30:18</t>
  </si>
  <si>
    <t>12/19/2019 11:30:48</t>
  </si>
  <si>
    <t>12/19/2019 11:33:18</t>
  </si>
  <si>
    <t>12/19/2019 11:30:36</t>
  </si>
  <si>
    <t>12/19/2019 11:31:36</t>
  </si>
  <si>
    <t>12/19/2019 11:34:26</t>
  </si>
  <si>
    <t>12/19/2019 11:35:32</t>
  </si>
  <si>
    <t>e693a5d3-7f5b-4687-856f-4e4efa7cc38a.tmp</t>
  </si>
  <si>
    <t>\\acsfs\profiles$\nathaliadf\Downloads\e693a5d3-7f5b-4687-856f-4e4efa7cc38a.tmp</t>
  </si>
  <si>
    <t>12/19/2019 11:36:32</t>
  </si>
  <si>
    <t>12/19/2019 11:35:55</t>
  </si>
  <si>
    <t>12/19/2019 11:33:04</t>
  </si>
  <si>
    <t>12/19/2019 11:37:32</t>
  </si>
  <si>
    <t>12/19/2019 11:33:06</t>
  </si>
  <si>
    <t>12/19/2019 11:33:07</t>
  </si>
  <si>
    <t>12/19/2019 11:35:49</t>
  </si>
  <si>
    <t>12/19/2019 11:38:32</t>
  </si>
  <si>
    <t>10.200.66.136</t>
  </si>
  <si>
    <t>74-86-7A-FB-15-90</t>
  </si>
  <si>
    <t>VOTORANT-ZB006</t>
  </si>
  <si>
    <t>\\acsfs\profiles$\wedersonbadr\Contacts\</t>
  </si>
  <si>
    <t>WEDERSON BRUNO ALVES DOS REIS (3810).contact</t>
  </si>
  <si>
    <t>\\acsfs\profiles$\wedersonbadr\Contacts\WEDERSON BRUNO ALVES DOS REIS (3810).contact</t>
  </si>
  <si>
    <t>12/19/2019 11:35:50</t>
  </si>
  <si>
    <t>12/19/2019 11:36:24</t>
  </si>
  <si>
    <t>\\acsfs\profiles$\wedersonbadr\My Documents\My Videos\</t>
  </si>
  <si>
    <t>\\acsfs\profiles$\wedersonbadr\My Documents\My Videos\desktop.ini</t>
  </si>
  <si>
    <t>12/19/2019 11:36:25</t>
  </si>
  <si>
    <t>\\acsfs\profiles$\wedersonbadr\My Documents\My Pictures\</t>
  </si>
  <si>
    <t>\\acsfs\profiles$\wedersonbadr\My Documents\My Pictures\desktop.ini</t>
  </si>
  <si>
    <t>12/19/2019 11:36:26</t>
  </si>
  <si>
    <t>\\acsfs\profiles$\wedersonbadr\Contacts\desktop.ini</t>
  </si>
  <si>
    <t>12/19/2019 11:36:27</t>
  </si>
  <si>
    <t>\\acsfs\profiles$\wedersonbadr\Favorites\</t>
  </si>
  <si>
    <t>\\acsfs\profiles$\wedersonbadr\Favorites\desktop.ini</t>
  </si>
  <si>
    <t>12/19/2019 11:36:28</t>
  </si>
  <si>
    <t>\\acsfs\profiles$\wedersonbadr\My Documents\My Music\desktop.ini</t>
  </si>
  <si>
    <t>12/19/2019 11:36:29</t>
  </si>
  <si>
    <t>12/19/2019 11:36:30</t>
  </si>
  <si>
    <t>\\acsfs\profiles$\wedersonbadr\Searches\</t>
  </si>
  <si>
    <t>\\acsfs\profiles$\wedersonbadr\Searches\desktop.ini</t>
  </si>
  <si>
    <t>\\acsfs\profiles$\wedersonbadr\Downloads\desktop.ini</t>
  </si>
  <si>
    <t>12/19/2019 11:36:31</t>
  </si>
  <si>
    <t>\\acsfs\profiles$\wedersonbadr\My Documents\</t>
  </si>
  <si>
    <t>\\acsfs\profiles$\wedersonbadr\My Documents\desktop.ini</t>
  </si>
  <si>
    <t>12/19/2019 11:36:33</t>
  </si>
  <si>
    <t>\\acsfs\profiles$\wedersonbadr\Saved Games\</t>
  </si>
  <si>
    <t>\\acsfs\profiles$\wedersonbadr\Saved Games\desktop.ini</t>
  </si>
  <si>
    <t>12/19/2019 11:37:15</t>
  </si>
  <si>
    <t>\\acsfs\profiles$\wedersonbadr\Favorites\Links for Brasil\</t>
  </si>
  <si>
    <t>\\acsfs\profiles$\wedersonbadr\Favorites\Links for Brasil\desktop.ini</t>
  </si>
  <si>
    <t>\\acsfs\profiles$\wedersonbadr\Favorites\Links for Brasil\Microsoft Brasil.url</t>
  </si>
  <si>
    <t>12/19/2019 11:37:16</t>
  </si>
  <si>
    <t>\\acsfs\profiles$\wedersonbadr\Favorites\Links for Brasil\Windows Brasil.url</t>
  </si>
  <si>
    <t>\\acsfs\profiles$\wedersonbadr\Favorites\Links for Brasil\MSN Brasil.url</t>
  </si>
  <si>
    <t>12/19/2019 11:37:17</t>
  </si>
  <si>
    <t>12/19/2019 11:33:48</t>
  </si>
  <si>
    <t>12/19/2019 11:39:32</t>
  </si>
  <si>
    <t>12/19/2019 11:35:18</t>
  </si>
  <si>
    <t>12/19/2019 11:35:48</t>
  </si>
  <si>
    <t>12/19/2019 11:36:36</t>
  </si>
  <si>
    <t>12/19/2019 11:37:36</t>
  </si>
  <si>
    <t>12/19/2019 11:38:06</t>
  </si>
  <si>
    <t>12/19/2019 11:40:33</t>
  </si>
  <si>
    <t>648b5ca2-df31-4505-9a77-2cc806339710.tmp</t>
  </si>
  <si>
    <t>\\acsfs\profiles$\leticiala\Downloads\648b5ca2-df31-4505-9a77-2cc806339710.tmp</t>
  </si>
  <si>
    <t>12/19/2019 11:36:03</t>
  </si>
  <si>
    <t>12/19/2019 11:38:11</t>
  </si>
  <si>
    <t>12/19/2019 11:41:32</t>
  </si>
  <si>
    <t>12/19/2019 11:39:29</t>
  </si>
  <si>
    <t>12/19/2019 11:38:58</t>
  </si>
  <si>
    <t>6b6c613e-0c30-41cc-9c99-f662160f77b1.tmp</t>
  </si>
  <si>
    <t>\\acsfs\profiles$\larissaad\Downloads\6b6c613e-0c30-41cc-9c99-f662160f77b1.tmp</t>
  </si>
  <si>
    <t>12/19/2019 11:39:04</t>
  </si>
  <si>
    <t>12/19/2019 11:42:33</t>
  </si>
  <si>
    <t>12/19/2019 11:39:27</t>
  </si>
  <si>
    <t>12/19/2019 11:43:33</t>
  </si>
  <si>
    <t>12/19/2019 11:40:18</t>
  </si>
  <si>
    <t>12/19/2019 11:44:33</t>
  </si>
  <si>
    <t>12/19/2019 11:40:48</t>
  </si>
  <si>
    <t>12/19/2019 11:41:18</t>
  </si>
  <si>
    <t>12/19/2019 11:41:48</t>
  </si>
  <si>
    <t>12/19/2019 11:42:36</t>
  </si>
  <si>
    <t>12/19/2019 11:43:36</t>
  </si>
  <si>
    <t>12/19/2019 11:43:54</t>
  </si>
  <si>
    <t>12/19/2019 11:45:34</t>
  </si>
  <si>
    <t>12/19/2019 11:42:44</t>
  </si>
  <si>
    <t>12/19/2019 11:46:33</t>
  </si>
  <si>
    <t>12/19/2019 11:45:18</t>
  </si>
  <si>
    <t>12/19/2019 11:45:17</t>
  </si>
  <si>
    <t>1e4008ae-4578-44c1-9dbb-4e05c4ad31f1.tmp</t>
  </si>
  <si>
    <t>\\acsfs\profiles$\larissaad\Downloads\1e4008ae-4578-44c1-9dbb-4e05c4ad31f1.tmp</t>
  </si>
  <si>
    <t>12/19/2019 11:45:04</t>
  </si>
  <si>
    <t>12/19/2019 11:47:33</t>
  </si>
  <si>
    <t>12/19/2019 11:46:05</t>
  </si>
  <si>
    <t>12/19/2019 11:44:48</t>
  </si>
  <si>
    <t>12/19/2019 11:49:33</t>
  </si>
  <si>
    <t>mail.google.com/_/upload?authuser=1&amp;dcp=asu-n&amp;upload_id=AEnB2UqcbisIxuZQZlB1cqnUgw0FPaBe__bBuVWABr2rqVG1eNdb0XuNcST3bW3XEUU9DKgVE9aiq5gf86bCB2IDcGdjKz6u14EBLB5o97aExqfz6IODDE4&amp;upload_protocol=resumable</t>
  </si>
  <si>
    <t>12/19/2019 11:48:36</t>
  </si>
  <si>
    <t>12/19/2019 11:46:30</t>
  </si>
  <si>
    <t>12/19/2019 11:51:33</t>
  </si>
  <si>
    <t>9e08212f-106f-4dfa-8eb8-32b3bb9b939d.tmp</t>
  </si>
  <si>
    <t>\\acsfs\profiles$\gabrielamdp\Downloads\9e08212f-106f-4dfa-8eb8-32b3bb9b939d.tmp</t>
  </si>
  <si>
    <t>12/19/2019 11:46:31</t>
  </si>
  <si>
    <t>e9e9efa9-748b-4d92-ad83-90eefc29dcbc.tmp</t>
  </si>
  <si>
    <t>\\acsfs\profiles$\gabrielamdp\Downloads\e9e9efa9-748b-4d92-ad83-90eefc29dcbc.tmp</t>
  </si>
  <si>
    <t>94ed1232-d8ac-4674-bdf9-33575c5fb4c8.tmp</t>
  </si>
  <si>
    <t>\\acsfs\profiles$\gabrielamdp\Downloads\94ed1232-d8ac-4674-bdf9-33575c5fb4c8.tmp</t>
  </si>
  <si>
    <t>12/19/2019 11:46:32</t>
  </si>
  <si>
    <t>13bd0449-1709-467d-abe3-af6dc5e8645b.tmp</t>
  </si>
  <si>
    <t>\\acsfs\profiles$\gabrielamdp\Downloads\13bd0449-1709-467d-abe3-af6dc5e8645b.tmp</t>
  </si>
  <si>
    <t>9a5eb287-e585-4086-92c3-b54d4a76129c.tmp</t>
  </si>
  <si>
    <t>\\acsfs\profiles$\gabrielamdp\Downloads\9a5eb287-e585-4086-92c3-b54d4a76129c.tmp</t>
  </si>
  <si>
    <t>12/19/2019 11:50:06</t>
  </si>
  <si>
    <t>2b3ed76a-9eb3-46d5-a2d6-4aa46cbcbf2b.tmp</t>
  </si>
  <si>
    <t>\\acsfs\profiles$\gabrielamdp\Downloads\2b3ed76a-9eb3-46d5-a2d6-4aa46cbcbf2b.tmp</t>
  </si>
  <si>
    <t>12/19/2019 11:48:26</t>
  </si>
  <si>
    <t>d5bceba7-8f2e-4c3f-ba6c-b357b4cd4ff5.tmp</t>
  </si>
  <si>
    <t>\\acsfs\profiles$\Flaviojmm\Downloads\d5bceba7-8f2e-4c3f-ba6c-b357b4cd4ff5.tmp</t>
  </si>
  <si>
    <t>12/19/2019 11:51:04</t>
  </si>
  <si>
    <t>12/19/2019 11:52:34</t>
  </si>
  <si>
    <t>12/19/2019 11:51:02</t>
  </si>
  <si>
    <t>C:\Users\dolvaner\Desktop\Projetos\Precificação\Comitê Diretivo\</t>
  </si>
  <si>
    <t>12/19/2019 11:49:01</t>
  </si>
  <si>
    <t>12/19/2019 11:49:02</t>
  </si>
  <si>
    <t>12/19/2019 11:50:50</t>
  </si>
  <si>
    <t>12/19/2019 11:53:33</t>
  </si>
  <si>
    <t>Tabulações Reneg Cartões.xlsx</t>
  </si>
  <si>
    <t>\\acsfs\DEPTOS\Operacao\Banco_Votorantim\Comum\00 - COMUM - BV CARTÕES\EQUIPE ADILSON\Aspect\Tabulações Reneg Cartões.xlsx</t>
  </si>
  <si>
    <t>\\acsfs\DEPTOS\Operacao\Banco_Votorantim\Comum\00 - COMUM - BV CARTÕES\EQUIPE ADILSON\Aspect\Tabulações Reneg Cartões.xlsx\</t>
  </si>
  <si>
    <t>\\acsfs\DEPTOS\Operacao\Banco_Votorantim\Comum\00 - COMUM - BV CARTÕES\EQUIPE ADILSON\Aspect\Tabulações Reneg Cartões.xlsx\:Zone.Identifier:$DATA</t>
  </si>
  <si>
    <t>12/19/2019 11:50:48</t>
  </si>
  <si>
    <t>12/19/2019 11:54:33</t>
  </si>
  <si>
    <t>12/19/2019 11:51:18</t>
  </si>
  <si>
    <t>12/19/2019 11:51:48</t>
  </si>
  <si>
    <t>12/19/2019 11:52:18</t>
  </si>
  <si>
    <t>12/19/2019 11:49:36</t>
  </si>
  <si>
    <t>12/19/2019 11:50:40</t>
  </si>
  <si>
    <t>12/19/2019 11:55:33</t>
  </si>
  <si>
    <t>Árvore Categorização Whirlpool Ecohouse CAC_Corporativo_ 19_12_v3 (version final).xls</t>
  </si>
  <si>
    <t>12/19/2019 11:52:02</t>
  </si>
  <si>
    <t>12/19/2019 11:52:11</t>
  </si>
  <si>
    <t>12/19/2019 11:54:30</t>
  </si>
  <si>
    <t>lu195562c9iof.tmp</t>
  </si>
  <si>
    <t>\\acsfs\profiles$\kamillacr\My Documents\lu195562c9iof.tmp</t>
  </si>
  <si>
    <t>\\acsfs\profiles$\kamillacr\My Documents\lu195562c9iof.tmp\</t>
  </si>
  <si>
    <t>\\acsfs\profiles$\kamillacr\My Documents\lu195562c9iof.tmp\META-INF\</t>
  </si>
  <si>
    <t>\\acsfs\profiles$\kamillacr\My Documents\lu195562c9iof.tmp\Thumbnails\</t>
  </si>
  <si>
    <t>12/19/2019 11:54:36</t>
  </si>
  <si>
    <t>12/19/2019 11:51:56</t>
  </si>
  <si>
    <t>12/19/2019 11:56:33</t>
  </si>
  <si>
    <t>5e67ca93-e937-436a-adad-f11326966b76.tmp</t>
  </si>
  <si>
    <t>\\acsfs\profiles$\gabrielamdp\Downloads\5e67ca93-e937-436a-adad-f11326966b76.tmp</t>
  </si>
  <si>
    <t>12/19/2019 11:52:43</t>
  </si>
  <si>
    <t>12/19/2019 11:57:33</t>
  </si>
  <si>
    <t>12/19/2019 11:55:48</t>
  </si>
  <si>
    <t>12/19/2019 11:54:18</t>
  </si>
  <si>
    <t>12/19/2019 11:55:18</t>
  </si>
  <si>
    <t>12/19/2019 11:59:32</t>
  </si>
  <si>
    <t>12/19/2019 11:56:18</t>
  </si>
  <si>
    <t>12/19/2019 11:56:48</t>
  </si>
  <si>
    <t>12/19/2019 11:57:18</t>
  </si>
  <si>
    <t>12/19/2019 11:55:37</t>
  </si>
  <si>
    <t>12/19/2019 11:57:36</t>
  </si>
  <si>
    <t>12/19/2019 12:00:33</t>
  </si>
  <si>
    <t>Holerite_122019_2106157.pdf.5m364cr.partial</t>
  </si>
  <si>
    <t>\\acsfs\profiles$\monicargds\Downloads\Holerite_122019_2106157.pdf.5m364cr.partial</t>
  </si>
  <si>
    <t>12/19/2019 11:58:37</t>
  </si>
  <si>
    <t>\\acsfs\profiles$\CLAUDIAJCA\Novo(a) Planilha OpenDocument.ods</t>
  </si>
  <si>
    <t>\\acsfs\profiles$\CLAUDIAJCA\Novo(a) Planilha OpenDocument.ods\</t>
  </si>
  <si>
    <t>\\acsfs\profiles$\CLAUDIAJCA\Novo(a) Planilha OpenDocument.ods\META-INF\</t>
  </si>
  <si>
    <t>\\acsfs\profiles$\CLAUDIAJCA\Novo(a) Planilha OpenDocument.ods\Thumbnails\</t>
  </si>
  <si>
    <t>12/19/2019 11:58:50</t>
  </si>
  <si>
    <t>.~lock.LIGAÇÕES.ods#</t>
  </si>
  <si>
    <t>\\acsfs\profiles$\CLAUDIAJCA\.~lock.LIGAÇÕES.ods#</t>
  </si>
  <si>
    <t>12/19/2019 11:59:45</t>
  </si>
  <si>
    <t>/o=exchangelabs/ou=exchange administrative group (fydibohf23spdlt)/cn=recipients/cn=066f391e261e41d38723bb6e42c3a6b3-josias cava;/o=exchangelabs/ou=exchange administrative group (fydibohf23spdlt)/cn=recipients/cn=0b12aab521944ecb8b32eb8c0929be5c-rafael gonz;/o=exchangelabs/ou=exchange administrative group (fydibohf23spdlt)/cn=recipients/cn=eae1d23908f040f9bf7661e0ceec4c8f-paula crist;rafael.ramos@bv.com.br;</t>
  </si>
  <si>
    <t>ENC: Erro alteração de Skill</t>
  </si>
  <si>
    <t>/o=exchangelabs/ou=exchange administrative group (fydibohf23spdlt)/cn=recipients/cn=066f391e261e41d38723bb6e42c3a6b3-josias cava,/o=exchangelabs/ou=exchange administrative group (fydibohf23spdlt)/cn=recipients/cn=0b12aab521944ecb8b32eb8c0929be5c-rafael gonz,/o=exchangelabs/ou=exchange administrative group (fydibohf23spdlt)/cn=recipients/cn=eae1d23908f040f9bf7661e0ceec4c8f-paula crist,rafael.ramos@bv.com.br</t>
  </si>
  <si>
    <t>12/19/2019 11:59:51</t>
  </si>
  <si>
    <t>12/19/2019 11:57:04</t>
  </si>
  <si>
    <t>12/19/2019 12:02:33</t>
  </si>
  <si>
    <t>12/19/2019 12:01:03</t>
  </si>
  <si>
    <t>12/19/2019 11:59:49</t>
  </si>
  <si>
    <t>12/19/2019 12:00:03</t>
  </si>
  <si>
    <t>12/19/2019 12:00:15</t>
  </si>
  <si>
    <t>12/19/2019 12:03:33</t>
  </si>
  <si>
    <t>12/19/2019 12:00:45</t>
  </si>
  <si>
    <t>12/19/2019 12:00:36</t>
  </si>
  <si>
    <t>12/19/2019 12:04:32</t>
  </si>
  <si>
    <t>12/19/2019 12:01:36</t>
  </si>
  <si>
    <t>12/19/2019 12:02:59</t>
  </si>
  <si>
    <t>12/19/2019 12:06:33</t>
  </si>
  <si>
    <t>c00da36f-a7cd-492d-9089-e2b8c0f74f3f.tmp</t>
  </si>
  <si>
    <t>\\acsfs\profiles$\larissaad\Downloads\c00da36f-a7cd-492d-9089-e2b8c0f74f3f.tmp</t>
  </si>
  <si>
    <t>12/19/2019 12:03:04</t>
  </si>
  <si>
    <t>12/19/2019 12:07:32</t>
  </si>
  <si>
    <t>12/19/2019 12:05:05</t>
  </si>
  <si>
    <t>12/19/2019 12:05:06</t>
  </si>
  <si>
    <t>12/19/2019 12:03:36</t>
  </si>
  <si>
    <t>12/19/2019 12:09:33</t>
  </si>
  <si>
    <t>12/19/2019 12:06:39</t>
  </si>
  <si>
    <t>12/19/2019 12:07:36</t>
  </si>
  <si>
    <t>12/19/2019 12:07:31</t>
  </si>
  <si>
    <t>12/19/2019 12:10:32</t>
  </si>
  <si>
    <t>12/19/2019 12:09:04</t>
  </si>
  <si>
    <t>12/19/2019 12:12:32</t>
  </si>
  <si>
    <t>12/19/2019 12:07:52</t>
  </si>
  <si>
    <t>12/19/2019 12:10:40</t>
  </si>
  <si>
    <t>12/19/2019 12:13:33</t>
  </si>
  <si>
    <t>12/19/2019 12:11:13</t>
  </si>
  <si>
    <t>12/19/2019 12:13:11</t>
  </si>
  <si>
    <t>12/19/2019 12:14:32</t>
  </si>
  <si>
    <t>1d0ab5da-05d8-4ab9-a2fd-bceb8c84887c.tmp</t>
  </si>
  <si>
    <t>\\acsfs\profiles$\quindaizaagds\Downloads\1d0ab5da-05d8-4ab9-a2fd-bceb8c84887c.tmp</t>
  </si>
  <si>
    <t>12/19/2019 12:12:36</t>
  </si>
  <si>
    <t>12/19/2019 12:13:37</t>
  </si>
  <si>
    <t>12/19/2019 12:12:44</t>
  </si>
  <si>
    <t>12/19/2019 12:15:33</t>
  </si>
  <si>
    <t>\\acsfs\DEPTOS\Controladoria\32.Tesouraria\3 - Captações\</t>
  </si>
  <si>
    <t>Template Simulação 4131.xlsx</t>
  </si>
  <si>
    <t>Template Simulação Capital de Giro.xlsx</t>
  </si>
  <si>
    <t>12/19/2019 12:12:53</t>
  </si>
  <si>
    <t>/o=exchangelabs/ou=exchange administrative group (fydibohf23spdlt)/cn=recipients/cn=0b12aab521944ecb8b32eb8c0929be5c-rafael gonz;/o=exchangelabs/ou=exchange administrative group (fydibohf23spdlt)/cn=recipients/cn=28323580acf74fc1b8a136046b9f0fed-joao gabrie;/o=exchangelabs/ou=exchange administrative group (fydibohf23spdlt)/cn=recipients/cn=545f738e0fe740ba856f4eb6ef0135e0-vinicius si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ded6cf0aca5a446984dcc9f11efb43ba-927e5cd9-9f;/o=exchangelabs/ou=exchange administrative group (fydibohf23spdlt)/cn=recipients/cn=df6ea6cc78a840278b1e7acccac67692-thiago rodr;/o=exchangelabs/ou=exchange administrative group (fydibohf23spdlt)/cn=recipients/cn=eae1d23908f040f9bf7661e0ceec4c8f-paul</t>
  </si>
  <si>
    <t>DADOS DE VOLUMETRIA - BV CARTÕES. 12:00 hrs</t>
  </si>
  <si>
    <t>/o=exchangelabs/ou=exchange administrative group (fydibohf23spdlt)/cn=recipients/cn=0b12aab521944ecb8b32eb8c0929be5c-rafael gonz,/o=exchangelabs/ou=exchange administrative group (fydibohf23spdlt)/cn=recipients/cn=28323580acf74fc1b8a136046b9f0fed-joao gabrie,/o=exchangelabs/ou=exchange administrative group (fydibohf23spdlt)/cn=recipients/cn=545f738e0fe740ba856f4eb6ef0135e0-vinicius si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ded6cf0aca5a446984dcc9f11efb43ba-927e5cd9-9f,/o=exchangelabs/ou=exchange administrative group (fydibohf23spdlt)/cn=recipients/cn=df6ea6cc78a840278b1e7acccac67692-thiago rodr,/o=exchangelabs/ou=exchange administrative group (fydibohf23spdlt)/cn=recipients/cn=eae1d23908f040f9bf7661e0ceec4c8f-paul</t>
  </si>
  <si>
    <t>12/19/2019 12:15:03</t>
  </si>
  <si>
    <t>12/19/2019 12:11:50</t>
  </si>
  <si>
    <t>12/19/2019 12:14:38</t>
  </si>
  <si>
    <t>ec7c9a48-727c-4c16-a247-9b440cbdd370.tmp</t>
  </si>
  <si>
    <t>\\acsfs\profiles$\gabrielafs\Downloads\ec7c9a48-727c-4c16-a247-9b440cbdd370.tmp</t>
  </si>
  <si>
    <t>12/19/2019 12:13:44</t>
  </si>
  <si>
    <t>12/19/2019 12:16:33</t>
  </si>
  <si>
    <t>12/19/2019 12:11:37</t>
  </si>
  <si>
    <t>C:\Users\wanessabds\Documents\</t>
  </si>
  <si>
    <t>Lista CR GRC Nao Aplica.xlsx</t>
  </si>
  <si>
    <t>12/19/2019 12:14:04</t>
  </si>
  <si>
    <t>12/19/2019 12:15:05</t>
  </si>
  <si>
    <t>12/19/2019 12:17:33</t>
  </si>
  <si>
    <t>12/19/2019 12:13:25</t>
  </si>
  <si>
    <t>12/19/2019 12:13:27</t>
  </si>
  <si>
    <t>12/19/2019 12:14:00</t>
  </si>
  <si>
    <t>12/19/2019 12:15:38</t>
  </si>
  <si>
    <t>12/19/2019 12:13:19</t>
  </si>
  <si>
    <t>12/19/2019 12:18:34</t>
  </si>
  <si>
    <t>\\acsfs\profiles$\LUCASBS\Planilhas\</t>
  </si>
  <si>
    <t>\\acsfs\profiles$\LUCASBS\Planilhas\Novo Documento RTF.rtf</t>
  </si>
  <si>
    <t>12/19/2019 12:13:43</t>
  </si>
  <si>
    <t>.~lock.Contatos Reneg 19.12.2019.rtf#</t>
  </si>
  <si>
    <t>\\acsfs\profiles$\LUCASBS\Planilhas\.~lock.Contatos Reneg 19.12.2019.rtf#</t>
  </si>
  <si>
    <t>12/19/2019 12:14:44</t>
  </si>
  <si>
    <t>12/19/2019 12:14:55</t>
  </si>
  <si>
    <t>12/19/2019 12:19:33</t>
  </si>
  <si>
    <t>d4639498-8383-4af1-9bb3-dcdbaa0afd2e.tmp</t>
  </si>
  <si>
    <t>\\acsfs\profiles$\quindaizaagds\Downloads\d4639498-8383-4af1-9bb3-dcdbaa0afd2e.tmp</t>
  </si>
  <si>
    <t>12/19/2019 12:14:06</t>
  </si>
  <si>
    <t>eca831b3-11f1-464c-b34d-c20a224717f0.tmp</t>
  </si>
  <si>
    <t>\\acsfs\profiles$\quindaizaagds\Downloads\eca831b3-11f1-464c-b34d-c20a224717f0.tmp</t>
  </si>
  <si>
    <t>12/19/2019 12:15:53</t>
  </si>
  <si>
    <t>265cfd68-a4cb-43fb-a599-2de98be8cf12.tmp</t>
  </si>
  <si>
    <t>\\acsfs\profiles$\quindaizaagds\Downloads\265cfd68-a4cb-43fb-a599-2de98be8cf12.tmp</t>
  </si>
  <si>
    <t>12/19/2019 12:15:57</t>
  </si>
  <si>
    <t>65cf8949-8bda-42c2-8960-30b4c8a6c932.tmp</t>
  </si>
  <si>
    <t>\\acsfs\profiles$\quindaizaagds\Downloads\65cf8949-8bda-42c2-8960-30b4c8a6c932.tmp</t>
  </si>
  <si>
    <t>12/19/2019 12:17:31</t>
  </si>
  <si>
    <t>9c75ecbf-88df-4245-aeaa-9d04c31478ed.tmp</t>
  </si>
  <si>
    <t>\\acsfs\profiles$\quindaizaagds\Downloads\9c75ecbf-88df-4245-aeaa-9d04c31478ed.tmp</t>
  </si>
  <si>
    <t>12/19/2019 12:18:37</t>
  </si>
  <si>
    <t>12/19/2019 12:18:24</t>
  </si>
  <si>
    <t>12/19/2019 12:20:33</t>
  </si>
  <si>
    <t>12/19/2019 12:16:32</t>
  </si>
  <si>
    <t>39c378b8-63d4-48a4-b23a-ab9560cd7664.tmp</t>
  </si>
  <si>
    <t>\\acsfs\profiles$\samldsm\Downloads\39c378b8-63d4-48a4-b23a-ab9560cd7664.tmp</t>
  </si>
  <si>
    <t>12/19/2019 12:16:23</t>
  </si>
  <si>
    <t>12/19/2019 12:21:33</t>
  </si>
  <si>
    <t>4d807952-4a07-4e14-bfae-52e4c445fd82.tmp</t>
  </si>
  <si>
    <t>\\acsfs\profiles$\wenderbnm\Downloads\4d807952-4a07-4e14-bfae-52e4c445fd82.tmp</t>
  </si>
  <si>
    <t>12/19/2019 12:16:29</t>
  </si>
  <si>
    <t>f6e95446-e717-4be9-840c-1ac463dcd176.tmp</t>
  </si>
  <si>
    <t>\\acsfs\profiles$\wenderbnm\Downloads\f6e95446-e717-4be9-840c-1ac463dcd176.tmp</t>
  </si>
  <si>
    <t>12/19/2019 12:17:02</t>
  </si>
  <si>
    <t>c3e379c1-a9a9-460b-a360-1ccd465df8bd.tmp</t>
  </si>
  <si>
    <t>\\acsfs\profiles$\wenderbnm\Downloads\c3e379c1-a9a9-460b-a360-1ccd465df8bd.tmp</t>
  </si>
  <si>
    <t>3236542e-152a-49b0-9fba-2bf3dc6fd1af.tmp</t>
  </si>
  <si>
    <t>\\acsfs\profiles$\wenderbnm\Downloads\3236542e-152a-49b0-9fba-2bf3dc6fd1af.tmp</t>
  </si>
  <si>
    <t>bdc30339-7177-47a1-913d-437309ff90e3.tmp</t>
  </si>
  <si>
    <t>\\acsfs\profiles$\wenderbnm\Downloads\bdc30339-7177-47a1-913d-437309ff90e3.tmp</t>
  </si>
  <si>
    <t>12/19/2019 12:17:23</t>
  </si>
  <si>
    <t>5ce8d74f-33f4-4edd-9232-0cbae05be809.tmp</t>
  </si>
  <si>
    <t>\\acsfs\profiles$\jonatanls\Downloads\5ce8d74f-33f4-4edd-9232-0cbae05be809.tmp</t>
  </si>
  <si>
    <t>12/19/2019 12:21:05</t>
  </si>
  <si>
    <t>12/19/2019 12:22:34</t>
  </si>
  <si>
    <t>12/19/2019 12:19:36</t>
  </si>
  <si>
    <t>12/19/2019 12:24:35</t>
  </si>
  <si>
    <t>12/19/2019 12:20:53</t>
  </si>
  <si>
    <t>mail.google.com/sync/u/0/i/s?hl=pt-BR&amp;c=304</t>
  </si>
  <si>
    <t>maristelavodq@bv.algartech.com;supervisaobancovotorantim@algartech.com;</t>
  </si>
  <si>
    <t>maristelavodq@bv.algartech.com,supervisaobancovotorantim@algartech.com</t>
  </si>
  <si>
    <t>12/19/2019 12:21:44</t>
  </si>
  <si>
    <t>12/19/2019 12:25:35</t>
  </si>
  <si>
    <t>12/19/2019 12:20:56</t>
  </si>
  <si>
    <t>12/19/2019 12:26:34</t>
  </si>
  <si>
    <t>Holerite_122019_2106297.pdf.ho40cli.partial</t>
  </si>
  <si>
    <t>\\acsfs\profiles$\sayharaefs\Downloads\Holerite_122019_2106297.pdf.ho40cli.partial</t>
  </si>
  <si>
    <t>12/19/2019 12:23:14</t>
  </si>
  <si>
    <t>12/19/2019 12:22:37</t>
  </si>
  <si>
    <t>12/19/2019 12:27:35</t>
  </si>
  <si>
    <t>12/19/2019 12:22:38</t>
  </si>
  <si>
    <t>12/19/2019 12:22:39</t>
  </si>
  <si>
    <t>12/19/2019 12:24:37</t>
  </si>
  <si>
    <t>12/19/2019 12:29:35</t>
  </si>
  <si>
    <t>12/19/2019 12:25:37</t>
  </si>
  <si>
    <t>12/19/2019 12:28:20</t>
  </si>
  <si>
    <t>12/19/2019 12:30:34</t>
  </si>
  <si>
    <t>12/19/2019 12:29:52</t>
  </si>
  <si>
    <t>12/19/2019 12:29:04</t>
  </si>
  <si>
    <t>12/19/2019 12:31:35</t>
  </si>
  <si>
    <t>Holerite_122019_2106296.pdf.eweey8w.partial</t>
  </si>
  <si>
    <t>\\acsfs\profiles$\sayharaefs\Downloads\Holerite_122019_2106296.pdf.eweey8w.partial</t>
  </si>
  <si>
    <t>12/19/2019 12:27:07</t>
  </si>
  <si>
    <t>12/19/2019 12:28:06</t>
  </si>
  <si>
    <t>12/19/2019 12:27:05</t>
  </si>
  <si>
    <t>12/19/2019 12:32:34</t>
  </si>
  <si>
    <t>12/19/2019 12:28:30</t>
  </si>
  <si>
    <t>b04cdbd7-e439-4f2b-b4d9-c555fe59c4c3.tmp</t>
  </si>
  <si>
    <t>\\acsfs\profiles$\matheushds\Downloads\b04cdbd7-e439-4f2b-b4d9-c555fe59c4c3.tmp</t>
  </si>
  <si>
    <t>12/19/2019 12:30:10</t>
  </si>
  <si>
    <t>12/19/2019 12:30:11</t>
  </si>
  <si>
    <t>12/19/2019 12:30:26</t>
  </si>
  <si>
    <t>12/19/2019 12:30:27</t>
  </si>
  <si>
    <t>12/19/2019 12:31:24</t>
  </si>
  <si>
    <t>12/19/2019 12:33:34</t>
  </si>
  <si>
    <t>Contatos Reneg 19.12.2019.txt</t>
  </si>
  <si>
    <t>\\acsfs\profiles$\LUCASBS\Planilhas\Contatos Reneg 19.12.2019.txt</t>
  </si>
  <si>
    <t>12/19/2019 12:30:40</t>
  </si>
  <si>
    <t>12/19/2019 12:34:34</t>
  </si>
  <si>
    <t>271142b4-ca91-4b34-8270-2f17b92f4442.tmp</t>
  </si>
  <si>
    <t>\\acsfs\profiles$\quindaizaagds\Downloads\271142b4-ca91-4b34-8270-2f17b92f4442.tmp</t>
  </si>
  <si>
    <t>12/19/2019 12:30:37</t>
  </si>
  <si>
    <t>12/19/2019 12:31:38</t>
  </si>
  <si>
    <t>12/19/2019 12:29:42</t>
  </si>
  <si>
    <t>12/19/2019 12:35:34</t>
  </si>
  <si>
    <t>80205d40-6a05-447e-8ca3-d49ac72c9a4b.tmp</t>
  </si>
  <si>
    <t>\\acsfs\profiles$\leticiala\Downloads\80205d40-6a05-447e-8ca3-d49ac72c9a4b.tmp</t>
  </si>
  <si>
    <t>12/19/2019 12:35:10</t>
  </si>
  <si>
    <t>be45910c-a51f-4bc9-a4f5-defebee91b87.tmp</t>
  </si>
  <si>
    <t>\\acsfs\profiles$\gabrielafs\Downloads\be45910c-a51f-4bc9-a4f5-defebee91b87.tmp</t>
  </si>
  <si>
    <t>12/19/2019 12:33:51</t>
  </si>
  <si>
    <t>12/19/2019 12:36:34</t>
  </si>
  <si>
    <t>12/19/2019 12:33:05</t>
  </si>
  <si>
    <t>12/19/2019 12:37:34</t>
  </si>
  <si>
    <t>12/19/2019 12:36:37</t>
  </si>
  <si>
    <t>12/19/2019 12:39:34</t>
  </si>
  <si>
    <t>12/19/2019 12:37:37</t>
  </si>
  <si>
    <t>12/19/2019 12:09:21</t>
  </si>
  <si>
    <t>19-12 QUINTA.txt</t>
  </si>
  <si>
    <t>\\acsfs\profiles$\gabrielamdp\My Documents\19-12 QUINTA.txt</t>
  </si>
  <si>
    <t>12/19/2019 12:37:22</t>
  </si>
  <si>
    <t>12/19/2019 12:40:35</t>
  </si>
  <si>
    <t>12/19/2019 12:39:05</t>
  </si>
  <si>
    <t>12/19/2019 12:42:34</t>
  </si>
  <si>
    <t>12/19/2019 12:38:21</t>
  </si>
  <si>
    <t>12/19/2019 12:43:34</t>
  </si>
  <si>
    <t>12/19/2019 12:39:25</t>
  </si>
  <si>
    <t>3e40d34d-a4f1-4755-8139-353717b22385.tmp</t>
  </si>
  <si>
    <t>\\acsfs\profiles$\raicabog\Downloads\3e40d34d-a4f1-4755-8139-353717b22385.tmp</t>
  </si>
  <si>
    <t>12/19/2019 12:40:05</t>
  </si>
  <si>
    <t>6e04340e-77c1-48d3-b294-a5d47926db5b.tmp</t>
  </si>
  <si>
    <t>\\acsfs\profiles$\raicabog\Downloads\6e04340e-77c1-48d3-b294-a5d47926db5b.tmp</t>
  </si>
  <si>
    <t>12/19/2019 12:38:30</t>
  </si>
  <si>
    <t>pabliness</t>
  </si>
  <si>
    <t>12/19/2019 12:42:38</t>
  </si>
  <si>
    <t>12/19/2019 12:44:34</t>
  </si>
  <si>
    <t>12/19/2019 12:43:37</t>
  </si>
  <si>
    <t>12/19/2019 12:44:09</t>
  </si>
  <si>
    <t>061f5a6b-73fd-4d3e-8c66-d89dbecdfc0c.tmp</t>
  </si>
  <si>
    <t>\\acsfs\profiles$\gabrielamdp\Downloads\061f5a6b-73fd-4d3e-8c66-d89dbecdfc0c.tmp</t>
  </si>
  <si>
    <t>83c6dee6-25bb-4b61-9361-4aa9c0fa960d.tmp</t>
  </si>
  <si>
    <t>\\acsfs\profiles$\gabrielamdp\Downloads\83c6dee6-25bb-4b61-9361-4aa9c0fa960d.tmp</t>
  </si>
  <si>
    <t>9e07834c-1054-4fc3-9102-08da38bcd788.tmp</t>
  </si>
  <si>
    <t>\\acsfs\profiles$\gabrielamdp\Downloads\9e07834c-1054-4fc3-9102-08da38bcd788.tmp</t>
  </si>
  <si>
    <t>8bf036d1-29fa-4eec-9f28-c724bdf84bcb.tmp</t>
  </si>
  <si>
    <t>\\acsfs\profiles$\gabrielamdp\Downloads\8bf036d1-29fa-4eec-9f28-c724bdf84bcb.tmp</t>
  </si>
  <si>
    <t>6c11d554-6700-4023-a445-7fa699992dc8.tmp</t>
  </si>
  <si>
    <t>\\acsfs\profiles$\gabrielamdp\Downloads\6c11d554-6700-4023-a445-7fa699992dc8.tmp</t>
  </si>
  <si>
    <t>12/19/2019 12:43:15</t>
  </si>
  <si>
    <t>12/19/2019 12:45:35</t>
  </si>
  <si>
    <t>BRUNO.txt</t>
  </si>
  <si>
    <t>\\acsfs\DEPTOS\Operacao\Banco_Votorantim\Qualidade\Anderson\Jose\BRUNO.txt</t>
  </si>
  <si>
    <t>12/19/2019 12:40:49</t>
  </si>
  <si>
    <t>lu7872300af.tmp</t>
  </si>
  <si>
    <t>\\acsfs\profiles$\CLAUDIAJCA\lu7872300af.tmp</t>
  </si>
  <si>
    <t>\\acsfs\profiles$\CLAUDIAJCA\lu7872300af.tmp\</t>
  </si>
  <si>
    <t>12/19/2019 12:40:50</t>
  </si>
  <si>
    <t>\\acsfs\profiles$\CLAUDIAJCA\lu7872300af.tmp\META-INF\</t>
  </si>
  <si>
    <t>\\acsfs\profiles$\CLAUDIAJCA\lu7872300af.tmp\Thumbnails\</t>
  </si>
  <si>
    <t>12/19/2019 12:44:53</t>
  </si>
  <si>
    <t>12/19/2019 12:44:20</t>
  </si>
  <si>
    <t>12/19/2019 12:46:34</t>
  </si>
  <si>
    <t>fa951d6c-458f-4107-b591-15e5ee4fe0e1.tmp</t>
  </si>
  <si>
    <t>\\acsfs\profiles$\gabrielarb\Downloads\fa951d6c-458f-4107-b591-15e5ee4fe0e1.tmp</t>
  </si>
  <si>
    <t>12/19/2019 12:45:12</t>
  </si>
  <si>
    <t>12/19/2019 12:45:05</t>
  </si>
  <si>
    <t>12/19/2019 12:47:35</t>
  </si>
  <si>
    <t>12/19/2019 12:45:07</t>
  </si>
  <si>
    <t>12/19/2019 12:45:17</t>
  </si>
  <si>
    <t>12/19/2019 12:45:19</t>
  </si>
  <si>
    <t>12/19/2019 12:45:36</t>
  </si>
  <si>
    <t>12/19/2019 12:44:04</t>
  </si>
  <si>
    <t>12/19/2019 12:48:34</t>
  </si>
  <si>
    <t>12/19/2019 12:48:37</t>
  </si>
  <si>
    <t>12/19/2019 12:49:34</t>
  </si>
  <si>
    <t>12/19/2019 12:45:49</t>
  </si>
  <si>
    <t>12/19/2019 12:50:35</t>
  </si>
  <si>
    <t>d3d2b27a-cca8-4ce6-8ffb-0793c16456bb.tmp</t>
  </si>
  <si>
    <t>\\acsfs\profiles$\ERICALSR\Downloads\d3d2b27a-cca8-4ce6-8ffb-0793c16456bb.tmp</t>
  </si>
  <si>
    <t>12/19/2019 12:51:05</t>
  </si>
  <si>
    <t>12/19/2019 12:52:35</t>
  </si>
  <si>
    <t>12/19/2019 12:48:16</t>
  </si>
  <si>
    <t>\\acsfs\profiles$\milennyss\Downloads\</t>
  </si>
  <si>
    <t>62511461-60b5-4410-8603-133ca3e7dcca.tmp</t>
  </si>
  <si>
    <t>\\acsfs\profiles$\milennyss\Downloads\62511461-60b5-4410-8603-133ca3e7dcca.tmp</t>
  </si>
  <si>
    <t>12/19/2019 12:50:30</t>
  </si>
  <si>
    <t>cc6e82ce-392f-46b6-a72c-fbd10079ed49.tmp</t>
  </si>
  <si>
    <t>\\acsfs\profiles$\milennyss\Downloads\cc6e82ce-392f-46b6-a72c-fbd10079ed49.tmp</t>
  </si>
  <si>
    <t>12/19/2019 12:51:32</t>
  </si>
  <si>
    <t>720875c9-277e-4d97-8f50-32d338e3d6e5.tmp</t>
  </si>
  <si>
    <t>\\acsfs\profiles$\milennyss\Downloads\720875c9-277e-4d97-8f50-32d338e3d6e5.tmp</t>
  </si>
  <si>
    <t>12/19/2019 12:53:34</t>
  </si>
  <si>
    <t>12/19/2019 12:49:27</t>
  </si>
  <si>
    <t>12/19/2019 12:54:34</t>
  </si>
  <si>
    <t>c:\users\claidsones\desktop\</t>
  </si>
  <si>
    <t>festa da macro 2019.xlsx</t>
  </si>
  <si>
    <t>12/19/2019 12:49:37</t>
  </si>
  <si>
    <t>12/19/2019 12:55:08</t>
  </si>
  <si>
    <t>12/19/2019 12:55:35</t>
  </si>
  <si>
    <t>12/19/2019 12:52:32</t>
  </si>
  <si>
    <t>12/19/2019 12:56:34</t>
  </si>
  <si>
    <t>12/19/2019 12:52:52</t>
  </si>
  <si>
    <t>12/19/2019 12:53:53</t>
  </si>
  <si>
    <t>12/19/2019 12:57:34</t>
  </si>
  <si>
    <t>12/19/2019 12:53:55</t>
  </si>
  <si>
    <t>12/19/2019 12:54:09</t>
  </si>
  <si>
    <t>12/19/2019 12:54:10</t>
  </si>
  <si>
    <t>12/19/2019 12:54:13</t>
  </si>
  <si>
    <t>12/19/2019 12:54:14</t>
  </si>
  <si>
    <t>12/19/2019 12:55:26</t>
  </si>
  <si>
    <t>12/19/2019 12:58:35</t>
  </si>
  <si>
    <t>12/19/2019 12:58:05</t>
  </si>
  <si>
    <t>ulog_AcroARM2_Reader_22bb18ef-a0cc-4985-b2f1-d8449a05e1d0_bf8b2753-1a40-4b58-8205-9e5dcfa43cd0_0.log</t>
  </si>
  <si>
    <t>C:\Users\Jordanarb\AppData\Roaming\Adobe\LogTransport2\Logs\ulog_AcroARM2_Reader_22bb18ef-a0cc-4985-b2f1-d8449a05e1d0_bf8b2753-1a40-4b58-8205-9e5dcfa43cd0_0.log\</t>
  </si>
  <si>
    <t>ulog_Acrobat12_Reader_22bb18ef-a0cc-4985-b2f1-d8449a05e1d0_d97f23d8-4269-4076-ac4e-e21c3c6a3d94_0.log</t>
  </si>
  <si>
    <t>C:\Users\Jordanarb\AppData\Roaming\Adobe\LogTransport2\Logs\ulog_Acrobat12_Reader_22bb18ef-a0cc-4985-b2f1-d8449a05e1d0_d97f23d8-4269-4076-ac4e-e21c3c6a3d94_0.log\</t>
  </si>
  <si>
    <t>12/19/2019 12:56:03</t>
  </si>
  <si>
    <t>4e064cdc-e890-44b3-a9b8-912484ec1358.tmp</t>
  </si>
  <si>
    <t>\\acsfs\profiles$\geovannasm\Downloads\4e064cdc-e890-44b3-a9b8-912484ec1358.tmp</t>
  </si>
  <si>
    <t>12/19/2019 12:54:37</t>
  </si>
  <si>
    <t>12/19/2019 12:59:34</t>
  </si>
  <si>
    <t>12/19/2019 12:55:40</t>
  </si>
  <si>
    <t>12/19/2019 12:56:11</t>
  </si>
  <si>
    <t>12/19/2019 13:01:34</t>
  </si>
  <si>
    <t>89d81157-bb32-48f2-b972-d697dac4d0de.tmp</t>
  </si>
  <si>
    <t>\\acsfs\profiles$\gabrielarb\Downloads\89d81157-bb32-48f2-b972-d697dac4d0de.tmp</t>
  </si>
  <si>
    <t>12/19/2019 12:57:03</t>
  </si>
  <si>
    <t>5f106de6-63d5-462b-8b85-095d59aaf4d3.tmp</t>
  </si>
  <si>
    <t>\\acsfs\profiles$\gabrielarb\Downloads\5f106de6-63d5-462b-8b85-095d59aaf4d3.tmp</t>
  </si>
  <si>
    <t>12/19/2019 12:57:42</t>
  </si>
  <si>
    <t>af5145b1-e5fb-4d38-8b93-d80b698ef1cf.tmp</t>
  </si>
  <si>
    <t>\\acsfs\profiles$\gabrielarb\Downloads\af5145b1-e5fb-4d38-8b93-d80b698ef1cf.tmp</t>
  </si>
  <si>
    <t>12/19/2019 12:57:10</t>
  </si>
  <si>
    <t>12/19/2019 12:57:20</t>
  </si>
  <si>
    <t>12/19/2019 12:59:37</t>
  </si>
  <si>
    <t>c615c944-cf61-485f-bdf9-6323c3ae6915.tmp</t>
  </si>
  <si>
    <t>\\acsfs\profiles$\valeriasda\Downloads\c615c944-cf61-485f-bdf9-6323c3ae6915.tmp</t>
  </si>
  <si>
    <t>12/19/2019 13:00:02</t>
  </si>
  <si>
    <t>12/19/2019 12:58:45</t>
  </si>
  <si>
    <t>b5a8362c-1d9c-41a1-968f-34681cd9a9a9.tmp</t>
  </si>
  <si>
    <t>\\acsfs\profiles$\jonatanls\Downloads\b5a8362c-1d9c-41a1-968f-34681cd9a9a9.tmp</t>
  </si>
  <si>
    <t>12/19/2019 12:57:05</t>
  </si>
  <si>
    <t>12/19/2019 13:02:34</t>
  </si>
  <si>
    <t>12/19/2019 12:59:52</t>
  </si>
  <si>
    <t>12/19/2019 13:03:34</t>
  </si>
  <si>
    <t>12/19/2019 13:02:25</t>
  </si>
  <si>
    <t>12/19/2019 13:04:34</t>
  </si>
  <si>
    <t>6929a3ab-51f0-458b-ac68-a750601e0b3c.tmp</t>
  </si>
  <si>
    <t>\\acsfs\profiles$\quindaizaagds\Downloads\6929a3ab-51f0-458b-ac68-a750601e0b3c.tmp</t>
  </si>
  <si>
    <t>12/19/2019 13:02:39</t>
  </si>
  <si>
    <t>2e7f877f-2797-4623-b528-3697467da60c.tmp</t>
  </si>
  <si>
    <t>\\acsfs\profiles$\quindaizaagds\Downloads\2e7f877f-2797-4623-b528-3697467da60c.tmp</t>
  </si>
  <si>
    <t>12/19/2019 13:03:02</t>
  </si>
  <si>
    <t>54e2fc34-f59b-4b2a-bac1-66457b6e29a0.tmp</t>
  </si>
  <si>
    <t>\\acsfs\profiles$\quindaizaagds\Downloads\54e2fc34-f59b-4b2a-bac1-66457b6e29a0.tmp</t>
  </si>
  <si>
    <t>12/19/2019 13:03:36</t>
  </si>
  <si>
    <t>67803790-4c21-4f10-821e-a724963b163e.tmp</t>
  </si>
  <si>
    <t>\\acsfs\profiles$\quindaizaagds\Downloads\67803790-4c21-4f10-821e-a724963b163e.tmp</t>
  </si>
  <si>
    <t>12/19/2019 13:02:51</t>
  </si>
  <si>
    <t>a95b58c2-bf59-4f50-a75d-4ffa65a333db.tmp</t>
  </si>
  <si>
    <t>\\acsfs\profiles$\adrielyas\Downloads\a95b58c2-bf59-4f50-a75d-4ffa65a333db.tmp</t>
  </si>
  <si>
    <t>12/19/2019 13:03:12</t>
  </si>
  <si>
    <t>95e9dede-083b-4f86-a937-24b6e79e1dbe.tmp</t>
  </si>
  <si>
    <t>\\acsfs\profiles$\adrielyas\Downloads\95e9dede-083b-4f86-a937-24b6e79e1dbe.tmp</t>
  </si>
  <si>
    <t>12/19/2019 13:00:38</t>
  </si>
  <si>
    <t>12/19/2019 13:01:37</t>
  </si>
  <si>
    <t>12/19/2019 13:01:11</t>
  </si>
  <si>
    <t>12/19/2019 13:05:35</t>
  </si>
  <si>
    <t>6926800b-ca28-4708-bcb0-ad1b033784e9.tmp</t>
  </si>
  <si>
    <t>\\acsfs\profiles$\laianear\Downloads\6926800b-ca28-4708-bcb0-ad1b033784e9.tmp</t>
  </si>
  <si>
    <t>12/19/2019 12:59:51</t>
  </si>
  <si>
    <t>12/19/2019 13:01:17</t>
  </si>
  <si>
    <t>248dbd56-ceab-40ed-a779-1d8247151a0a.tmp</t>
  </si>
  <si>
    <t>\\acsfs\profiles$\marcellewdl\Downloads\248dbd56-ceab-40ed-a779-1d8247151a0a.tmp</t>
  </si>
  <si>
    <t>12/19/2019 13:03:19</t>
  </si>
  <si>
    <t>18993a6e-01ea-4b08-9d7a-c6a124e3d562.tmp</t>
  </si>
  <si>
    <t>\\acsfs\profiles$\marcellewdl\Downloads\18993a6e-01ea-4b08-9d7a-c6a124e3d562.tmp</t>
  </si>
  <si>
    <t>12/19/2019 13:04:53</t>
  </si>
  <si>
    <t>230afb88-5d75-4766-8abb-47c87e6d2eab.tmp</t>
  </si>
  <si>
    <t>\\acsfs\profiles$\marcellewdl\Downloads\230afb88-5d75-4766-8abb-47c87e6d2eab.tmp</t>
  </si>
  <si>
    <t>12/19/2019 13:03:51</t>
  </si>
  <si>
    <t>12/19/2019 13:06:34</t>
  </si>
  <si>
    <t>d9c8aaa2-89a0-4a1b-b762-3bfa213c022e.tmp</t>
  </si>
  <si>
    <t>\\acsfs\profiles$\deborahsi\Downloads\d9c8aaa2-89a0-4a1b-b762-3bfa213c022e.tmp</t>
  </si>
  <si>
    <t>12/19/2019 13:01:46</t>
  </si>
  <si>
    <t>12/19/2019 13:02:12</t>
  </si>
  <si>
    <t>12/19/2019 13:02:20</t>
  </si>
  <si>
    <t>12/19/2019 13:04:24</t>
  </si>
  <si>
    <t>12/19/2019 13:03:05</t>
  </si>
  <si>
    <t>12/19/2019 13:07:33</t>
  </si>
  <si>
    <t>12/19/2019 13:06:26</t>
  </si>
  <si>
    <t>Ocorrência01a0512 (4).xlsm</t>
  </si>
  <si>
    <t>drive.google.com/upload/drive/v2internal/files?openDrive=false&amp;reason=202&amp;syncType=0&amp;errorRecovery=false&amp;uploadType=resumabl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</t>
  </si>
  <si>
    <t>12/19/2019 13:06:49</t>
  </si>
  <si>
    <t>12/19/2019 13:06:54</t>
  </si>
  <si>
    <t>12/19/2019 13:06:56</t>
  </si>
  <si>
    <t>12/19/2019 13:03:00</t>
  </si>
  <si>
    <t>12/19/2019 13:08:34</t>
  </si>
  <si>
    <t>12/19/2019 13:04:22</t>
  </si>
  <si>
    <t>12/19/2019 13:09:34</t>
  </si>
  <si>
    <t>ddcb4675-7987-4407-a4b3-c2684ecaf67b.tmp</t>
  </si>
  <si>
    <t>\\acsfs\profiles$\quindaizaagds\Downloads\ddcb4675-7987-4407-a4b3-c2684ecaf67b.tmp</t>
  </si>
  <si>
    <t>12/19/2019 13:04:43</t>
  </si>
  <si>
    <t>2c7613fb-e8ab-4beb-b73f-43ff5992edbd.tmp</t>
  </si>
  <si>
    <t>\\acsfs\profiles$\quindaizaagds\Downloads\2c7613fb-e8ab-4beb-b73f-43ff5992edbd.tmp</t>
  </si>
  <si>
    <t>12/19/2019 13:05:39</t>
  </si>
  <si>
    <t>564eca3b-30a1-4cd8-b95f-d0d79b8a15f9.tmp</t>
  </si>
  <si>
    <t>\\acsfs\profiles$\quindaizaagds\Downloads\564eca3b-30a1-4cd8-b95f-d0d79b8a15f9.tmp</t>
  </si>
  <si>
    <t>12/19/2019 13:06:36</t>
  </si>
  <si>
    <t>5dcb3ee4-c120-4d28-9272-ad35a2b87e70.tmp</t>
  </si>
  <si>
    <t>\\acsfs\profiles$\quindaizaagds\Downloads\5dcb3ee4-c120-4d28-9272-ad35a2b87e70.tmp</t>
  </si>
  <si>
    <t>12/19/2019 13:07:28</t>
  </si>
  <si>
    <t>4c879f55-628e-4638-b676-c80d722ef4d7.tmp</t>
  </si>
  <si>
    <t>\\acsfs\profiles$\quindaizaagds\Downloads\4c879f55-628e-4638-b676-c80d722ef4d7.tmp</t>
  </si>
  <si>
    <t>12/19/2019 13:07:37</t>
  </si>
  <si>
    <t>3d639da9-7cb7-4498-b3c3-a65422d29f57.tmp</t>
  </si>
  <si>
    <t>\\acsfs\profiles$\quindaizaagds\Downloads\3d639da9-7cb7-4498-b3c3-a65422d29f57.tmp</t>
  </si>
  <si>
    <t>12/19/2019 13:05:41</t>
  </si>
  <si>
    <t>12/19/2019 13:10:34</t>
  </si>
  <si>
    <t>0e49504a-eed3-464a-94f4-f715e87f2b86.tmp</t>
  </si>
  <si>
    <t>\\acsfs\profiles$\leticiala\Downloads\0e49504a-eed3-464a-94f4-f715e87f2b86.tmp</t>
  </si>
  <si>
    <t>12/19/2019 13:06:09</t>
  </si>
  <si>
    <t>2424ed09-f913-40bf-aff9-b23e7e5b8fc2.tmp</t>
  </si>
  <si>
    <t>\\acsfs\profiles$\leticiala\Downloads\2424ed09-f913-40bf-aff9-b23e7e5b8fc2.tmp</t>
  </si>
  <si>
    <t>12/19/2019 13:06:38</t>
  </si>
  <si>
    <t>12/19/2019 13:05:13</t>
  </si>
  <si>
    <t>ea9009f8-266c-40e8-b671-b02031c17d6c.tmp</t>
  </si>
  <si>
    <t>\\acsfs\profiles$\adrielyas\Downloads\ea9009f8-266c-40e8-b671-b02031c17d6c.tmp</t>
  </si>
  <si>
    <t>12/19/2019 13:05:30</t>
  </si>
  <si>
    <t>d1c6c010-52ef-4227-a4a0-afafba6c19f2.tmp</t>
  </si>
  <si>
    <t>\\acsfs\profiles$\adrielyas\Downloads\d1c6c010-52ef-4227-a4a0-afafba6c19f2.tmp</t>
  </si>
  <si>
    <t>12/19/2019 13:07:46</t>
  </si>
  <si>
    <t>12/19/2019 13:07:19</t>
  </si>
  <si>
    <t>063eca21-698e-4f7e-9e39-b935278beba0.tmp</t>
  </si>
  <si>
    <t>\\acsfs\profiles$\marcellewdl\Downloads\063eca21-698e-4f7e-9e39-b935278beba0.tmp</t>
  </si>
  <si>
    <t>12/19/2019 13:07:17</t>
  </si>
  <si>
    <t>12/19/2019 13:11:34</t>
  </si>
  <si>
    <t>12/19/2019 13:09:37</t>
  </si>
  <si>
    <t>12/19/2019 13:09:46</t>
  </si>
  <si>
    <t>12/19/2019 13:10:48</t>
  </si>
  <si>
    <t>12/19/2019 13:09:05</t>
  </si>
  <si>
    <t>12/19/2019 13:12:33</t>
  </si>
  <si>
    <t>12/19/2019 13:13:34</t>
  </si>
  <si>
    <t>12/19/2019 13:10:10</t>
  </si>
  <si>
    <t>claudineiavc@algartech.com.br;equipefabi@algartech.com.br;fabianapm@algartech.com;ideniraa@algartech.com.br;tecnicospj@algartech.com.br;</t>
  </si>
  <si>
    <t>ESCALA FERIADO</t>
  </si>
  <si>
    <t>ESCALA CRC.xlsx</t>
  </si>
  <si>
    <t>claudineiavc@algartech.com.br,equipefabi@algartech.com.br,fabianapm@algartech.com,ideniraa@algartech.com.br,tecnicospj@algartech.com.br</t>
  </si>
  <si>
    <t>12/19/2019 13:08:49</t>
  </si>
  <si>
    <t>12/19/2019 13:14:33</t>
  </si>
  <si>
    <t>12/19/2019 13:09:49</t>
  </si>
  <si>
    <t>12/19/2019 13:09:36</t>
  </si>
  <si>
    <t>c10de9ff-eb74-4941-8de7-0b9504d2f4fa.tmp</t>
  </si>
  <si>
    <t>\\acsfs\profiles$\quindaizaagds\Downloads\c10de9ff-eb74-4941-8de7-0b9504d2f4fa.tmp</t>
  </si>
  <si>
    <t>12/19/2019 13:11:54</t>
  </si>
  <si>
    <t>b4b9e12d-ed99-4a62-909f-945636b73f33.tmp</t>
  </si>
  <si>
    <t>\\acsfs\profiles$\quindaizaagds\Downloads\b4b9e12d-ed99-4a62-909f-945636b73f33.tmp</t>
  </si>
  <si>
    <t>12/19/2019 13:11:55</t>
  </si>
  <si>
    <t>0f8417ab-5d54-4787-b198-b534629e9875.tmp</t>
  </si>
  <si>
    <t>\\acsfs\profiles$\quindaizaagds\Downloads\0f8417ab-5d54-4787-b198-b534629e9875.tmp</t>
  </si>
  <si>
    <t>12/19/2019 13:12:38</t>
  </si>
  <si>
    <t>12/19/2019 13:15:33</t>
  </si>
  <si>
    <t>12/19/2019 13:13:37</t>
  </si>
  <si>
    <t>12/19/2019 13:11:16</t>
  </si>
  <si>
    <t>12/19/2019 13:13:33</t>
  </si>
  <si>
    <t>9f44d28e-bbc6-4de0-accb-2e541d8d6707.tmp</t>
  </si>
  <si>
    <t>\\acsfs\profiles$\adrielyas\Downloads\9f44d28e-bbc6-4de0-accb-2e541d8d6707.tmp</t>
  </si>
  <si>
    <t>12/19/2019 13:13:07</t>
  </si>
  <si>
    <t>2548b405-10a0-410f-abd1-5a6a21cdc124.tmp</t>
  </si>
  <si>
    <t>\\acsfs\profiles$\marcellewdl\Downloads\2548b405-10a0-410f-abd1-5a6a21cdc124.tmp</t>
  </si>
  <si>
    <t>12/19/2019 13:14:48</t>
  </si>
  <si>
    <t>12/19/2019 13:16:33</t>
  </si>
  <si>
    <t>12/19/2019 13:15:05</t>
  </si>
  <si>
    <t>12/19/2019 13:17:33</t>
  </si>
  <si>
    <t>12/19/2019 13:15:57</t>
  </si>
  <si>
    <t>12/19/2019 13:19:33</t>
  </si>
  <si>
    <t>1519657c-d2b6-4f33-ad58-daf7504fce21.tmp</t>
  </si>
  <si>
    <t>\\acsfs\profiles$\quindaizaagds\Downloads\1519657c-d2b6-4f33-ad58-daf7504fce21.tmp</t>
  </si>
  <si>
    <t>12/19/2019 13:16:18</t>
  </si>
  <si>
    <t>03af772f-9bed-4226-987e-3715a1509691.tmp</t>
  </si>
  <si>
    <t>\\acsfs\profiles$\quindaizaagds\Downloads\03af772f-9bed-4226-987e-3715a1509691.tmp</t>
  </si>
  <si>
    <t>12/19/2019 13:17:18</t>
  </si>
  <si>
    <t>dfce2407-d428-445b-a476-519cfa5af06f.tmp</t>
  </si>
  <si>
    <t>\\acsfs\profiles$\quindaizaagds\Downloads\dfce2407-d428-445b-a476-519cfa5af06f.tmp</t>
  </si>
  <si>
    <t>12/19/2019 13:18:33</t>
  </si>
  <si>
    <t>736095ca-7ecc-4e5f-8ff8-b2cf25711970.tmp</t>
  </si>
  <si>
    <t>\\acsfs\profiles$\quindaizaagds\Downloads\736095ca-7ecc-4e5f-8ff8-b2cf25711970.tmp</t>
  </si>
  <si>
    <t>12/19/2019 13:16:16</t>
  </si>
  <si>
    <t>12/19/2019 13:18:45</t>
  </si>
  <si>
    <t>12/19/2019 13:19:38</t>
  </si>
  <si>
    <t>12/19/2019 13:20:33</t>
  </si>
  <si>
    <t>12/19/2019 13:17:37</t>
  </si>
  <si>
    <t>12/19/2019 13:19:17</t>
  </si>
  <si>
    <t>\\acsfs\profiles$\stefaniasdf\Favorites\TTV.url\</t>
  </si>
  <si>
    <t>\\acsfs\profiles$\stefaniasdf\Favorites\TTV.url\:favicon:$DATA</t>
  </si>
  <si>
    <t>TTV.url</t>
  </si>
  <si>
    <t>\\acsfs\profiles$\stefaniasdf\Favorites\TTV.url</t>
  </si>
  <si>
    <t>12/19/2019 13:19:31</t>
  </si>
  <si>
    <t>12/19/2019 13:21:33</t>
  </si>
  <si>
    <t>4f0cfd15-039d-43d5-9a39-1774227d3503.tmp</t>
  </si>
  <si>
    <t>\\acsfs\profiles$\jonatanls\Downloads\4f0cfd15-039d-43d5-9a39-1774227d3503.tmp</t>
  </si>
  <si>
    <t>12/19/2019 13:22:33</t>
  </si>
  <si>
    <t>12/19/2019 13:17:34</t>
  </si>
  <si>
    <t>12/19/2019 13:17:35</t>
  </si>
  <si>
    <t>12/19/2019 13:17:38</t>
  </si>
  <si>
    <t>12/19/2019 13:17:40</t>
  </si>
  <si>
    <t>12/19/2019 13:17:41</t>
  </si>
  <si>
    <t>12/19/2019 13:17:42</t>
  </si>
  <si>
    <t>12/19/2019 13:17:44</t>
  </si>
  <si>
    <t>12/19/2019 13:17:45</t>
  </si>
  <si>
    <t>12/19/2019 13:17:46</t>
  </si>
  <si>
    <t>12/19/2019 13:17:47</t>
  </si>
  <si>
    <t>12/19/2019 13:17:48</t>
  </si>
  <si>
    <t>12/19/2019 13:17:50</t>
  </si>
  <si>
    <t>12/19/2019 13:17:51</t>
  </si>
  <si>
    <t>12/19/2019 13:21:05</t>
  </si>
  <si>
    <t>12/19/2019 13:19:44</t>
  </si>
  <si>
    <t>12/19/2019 13:19:45</t>
  </si>
  <si>
    <t>12/19/2019 13:19:46</t>
  </si>
  <si>
    <t>12/19/2019 13:19:47</t>
  </si>
  <si>
    <t>12/19/2019 13:19:48</t>
  </si>
  <si>
    <t>12/19/2019 13:19:49</t>
  </si>
  <si>
    <t>12/19/2019 13:19:50</t>
  </si>
  <si>
    <t>12/19/2019 13:19:51</t>
  </si>
  <si>
    <t>12/19/2019 13:19:52</t>
  </si>
  <si>
    <t>12/19/2019 13:19:53</t>
  </si>
  <si>
    <t>12/19/2019 13:19:54</t>
  </si>
  <si>
    <t>12/19/2019 13:19:55</t>
  </si>
  <si>
    <t>12/19/2019 13:19:56</t>
  </si>
  <si>
    <t>12/19/2019 13:19:57</t>
  </si>
  <si>
    <t>12/19/2019 13:19:58</t>
  </si>
  <si>
    <t>12/19/2019 13:19:59</t>
  </si>
  <si>
    <t>12/19/2019 13:20:00</t>
  </si>
  <si>
    <t>12/19/2019 13:20:01</t>
  </si>
  <si>
    <t>12/19/2019 13:17:49</t>
  </si>
  <si>
    <t>12/19/2019 13:20:02</t>
  </si>
  <si>
    <t>12/19/2019 13:20:03</t>
  </si>
  <si>
    <t>12/19/2019 13:20:04</t>
  </si>
  <si>
    <t>12/19/2019 13:19:41</t>
  </si>
  <si>
    <t>12/19/2019 13:20:05</t>
  </si>
  <si>
    <t>12/19/2019 13:23:34</t>
  </si>
  <si>
    <t>c4098dcd-aa2d-4b95-bb77-201dfcf68e40.tmp</t>
  </si>
  <si>
    <t>\\acsfs\profiles$\sarahbal\Downloads\c4098dcd-aa2d-4b95-bb77-201dfcf68e40.tmp</t>
  </si>
  <si>
    <t>12/19/2019 13:20:45</t>
  </si>
  <si>
    <t>12/19/2019 13:24:33</t>
  </si>
  <si>
    <t>a730e8f8-5306-4b61-a9f7-e4fc9f7db036.tmp</t>
  </si>
  <si>
    <t>\\acsfs\profiles$\quindaizaagds\Downloads\a730e8f8-5306-4b61-a9f7-e4fc9f7db036.tmp</t>
  </si>
  <si>
    <t>12/19/2019 13:21:34</t>
  </si>
  <si>
    <t>dc125043-ba6f-4e4c-9a1f-0aaefbba8700.tmp</t>
  </si>
  <si>
    <t>\\acsfs\profiles$\quindaizaagds\Downloads\dc125043-ba6f-4e4c-9a1f-0aaefbba8700.tmp</t>
  </si>
  <si>
    <t>12/19/2019 13:21:59</t>
  </si>
  <si>
    <t>560268fa-d2ed-41ef-914a-b5234853a170.tmp</t>
  </si>
  <si>
    <t>\\acsfs\profiles$\quindaizaagds\Downloads\560268fa-d2ed-41ef-914a-b5234853a170.tmp</t>
  </si>
  <si>
    <t>93d2eb23-3995-4283-b8de-c69c7436e756.tmp</t>
  </si>
  <si>
    <t>\\acsfs\profiles$\quindaizaagds\Downloads\93d2eb23-3995-4283-b8de-c69c7436e756.tmp</t>
  </si>
  <si>
    <t>12/19/2019 13:23:35</t>
  </si>
  <si>
    <t>1c64737d-333e-4113-a2ac-483034d3f3cb.tmp</t>
  </si>
  <si>
    <t>\\acsfs\profiles$\quindaizaagds\Downloads\1c64737d-333e-4113-a2ac-483034d3f3cb.tmp</t>
  </si>
  <si>
    <t>12/19/2019 13:22:36</t>
  </si>
  <si>
    <t>4bbc440d-2870-47ff-a5e6-e1a0327507c2.tmp</t>
  </si>
  <si>
    <t>\\acsfs\profiles$\gabrielamdp\Downloads\4bbc440d-2870-47ff-a5e6-e1a0327507c2.tmp</t>
  </si>
  <si>
    <t>12/19/2019 13:23:44</t>
  </si>
  <si>
    <t>12/19/2019 13:25:34</t>
  </si>
  <si>
    <t>3d05089f-cb14-4043-b7bb-7ce170a6a14e.tmp</t>
  </si>
  <si>
    <t>\\acsfs\profiles$\ayalabfi\Downloads\3d05089f-cb14-4043-b7bb-7ce170a6a14e.tmp</t>
  </si>
  <si>
    <t>12/19/2019 13:21:29</t>
  </si>
  <si>
    <t>12/19/2019 13:21:38</t>
  </si>
  <si>
    <t>12/19/2019 13:26:33</t>
  </si>
  <si>
    <t>12/19/2019 13:22:19</t>
  </si>
  <si>
    <t>12/19/2019 13:23:05</t>
  </si>
  <si>
    <t>12/19/2019 13:27:34</t>
  </si>
  <si>
    <t>12/19/2019 13:23:11</t>
  </si>
  <si>
    <t>\\acsfs\profiles$\anakcs\Downloads\</t>
  </si>
  <si>
    <t>3bca829b-0e2a-42c1-90ae-0a82a6438889.tmp</t>
  </si>
  <si>
    <t>\\acsfs\profiles$\anakcs\Downloads\3bca829b-0e2a-42c1-90ae-0a82a6438889.tmp</t>
  </si>
  <si>
    <t>12/19/2019 13:25:40</t>
  </si>
  <si>
    <t>a10f8452-901c-47b2-86fd-665abe05c8b7.tmp</t>
  </si>
  <si>
    <t>\\acsfs\profiles$\anakcs\Downloads\a10f8452-901c-47b2-86fd-665abe05c8b7.tmp</t>
  </si>
  <si>
    <t>12/19/2019 13:23:04</t>
  </si>
  <si>
    <t>antonio.p.albuquerque@next.b.br;bruna.toledo@next.b.br;camila.guasco@next.b.br;jefferson.moreira@next.b.br;marcotvo@algartech.com;milton.vieira@next.b.br;priscilaal@algartech.com;</t>
  </si>
  <si>
    <t>RES: Relatórios Fechamento Novembro/19</t>
  </si>
  <si>
    <t>Auditoria_desconsideração de excedentes.xlsx</t>
  </si>
  <si>
    <t>antonio.p.albuquerque@next.b.br,bruna.toledo@next.b.br,camila.guasco@next.b.br,jefferson.moreira@next.b.br,marcotvo@algartech.com,milton.vieira@next.b.br,priscilaal@algartech.com</t>
  </si>
  <si>
    <t>12/19/2019 13:24:43</t>
  </si>
  <si>
    <t>12/19/2019 13:28:33</t>
  </si>
  <si>
    <t>12/19/2019 13:25:08</t>
  </si>
  <si>
    <t>12/19/2019 13:27:09</t>
  </si>
  <si>
    <t>12/19/2019 13:29:34</t>
  </si>
  <si>
    <t>7264a4d9-9827-4e3b-8e28-b6509d8e781b.tmp</t>
  </si>
  <si>
    <t>\\acsfs\profiles$\quindaizaagds\Downloads\7264a4d9-9827-4e3b-8e28-b6509d8e781b.tmp</t>
  </si>
  <si>
    <t>12/19/2019 13:25:38</t>
  </si>
  <si>
    <t>12/19/2019 13:30:33</t>
  </si>
  <si>
    <t>12/19/2019 13:26:13</t>
  </si>
  <si>
    <t>db0c6e5f-b726-4bef-a41a-132b97b07e32.tmp</t>
  </si>
  <si>
    <t>\\acsfs\profiles$\adrielyas\Downloads\db0c6e5f-b726-4bef-a41a-132b97b07e32.tmp</t>
  </si>
  <si>
    <t>12/19/2019 13:27:00</t>
  </si>
  <si>
    <t>e68a931b-430a-4b17-ae4c-ae041c24658b.tmp</t>
  </si>
  <si>
    <t>\\acsfs\profiles$\adrielyas\Downloads\e68a931b-430a-4b17-ae4c-ae041c24658b.tmp</t>
  </si>
  <si>
    <t>12/19/2019 13:27:43</t>
  </si>
  <si>
    <t>Holerite_122019_2114467 (1).pdf.a0261rg.partial</t>
  </si>
  <si>
    <t>\\acsfs\profiles$\ayalabfi\Downloads\Holerite_122019_2114467 (1).pdf.a0261rg.partial</t>
  </si>
  <si>
    <t>12/19/2019 13:29:24</t>
  </si>
  <si>
    <t>12/19/2019 13:31:34</t>
  </si>
  <si>
    <t>12/19/2019 13:29:50</t>
  </si>
  <si>
    <t>12/19/2019 13:28:35</t>
  </si>
  <si>
    <t>12/19/2019 13:29:49</t>
  </si>
  <si>
    <t>3bcb0bbe-2d13-428b-a390-042d7619670a.tmp</t>
  </si>
  <si>
    <t>\\acsfs\profiles$\brendadsl\Downloads\3bcb0bbe-2d13-428b-a390-042d7619670a.tmp</t>
  </si>
  <si>
    <t>12/19/2019 13:29:51</t>
  </si>
  <si>
    <t>a0031c3a-c20b-47d9-be19-5da58b2ece92.tmp</t>
  </si>
  <si>
    <t>\\acsfs\profiles$\brendadsl\Downloads\a0031c3a-c20b-47d9-be19-5da58b2ece92.tmp</t>
  </si>
  <si>
    <t>12/19/2019 13:29:52</t>
  </si>
  <si>
    <t>dcd73159-e541-4131-8f74-339347bead5f.tmp</t>
  </si>
  <si>
    <t>\\acsfs\profiles$\brendadsl\Downloads\dcd73159-e541-4131-8f74-339347bead5f.tmp</t>
  </si>
  <si>
    <t>12/19/2019 13:29:58</t>
  </si>
  <si>
    <t>e60cf1b2-5ed1-4b99-b1b3-6ca63b090b48.tmp</t>
  </si>
  <si>
    <t>\\acsfs\profiles$\brendadsl\Downloads\e60cf1b2-5ed1-4b99-b1b3-6ca63b090b48.tmp</t>
  </si>
  <si>
    <t>38178d78-3113-499e-a93d-a622bf7cb707.tmp</t>
  </si>
  <si>
    <t>\\acsfs\profiles$\brendadsl\Downloads\38178d78-3113-499e-a93d-a622bf7cb707.tmp</t>
  </si>
  <si>
    <t>12/19/2019 13:29:59</t>
  </si>
  <si>
    <t>038517d0-3b41-4a63-a44d-4f2863392338.tmp</t>
  </si>
  <si>
    <t>\\acsfs\profiles$\brendadsl\Downloads\038517d0-3b41-4a63-a44d-4f2863392338.tmp</t>
  </si>
  <si>
    <t>12/19/2019 13:27:05</t>
  </si>
  <si>
    <t>12/19/2019 13:32:33</t>
  </si>
  <si>
    <t>12/19/2019 13:29:05</t>
  </si>
  <si>
    <t>12/19/2019 13:32:38</t>
  </si>
  <si>
    <t>12/19/2019 13:33:34</t>
  </si>
  <si>
    <t>12/19/2019 13:34:07</t>
  </si>
  <si>
    <t>12/19/2019 13:35:34</t>
  </si>
  <si>
    <t>96e5d678-c072-4eac-bdc0-ae3344f566a1.tmp</t>
  </si>
  <si>
    <t>\\acsfs\profiles$\laianear\Downloads\96e5d678-c072-4eac-bdc0-ae3344f566a1.tmp</t>
  </si>
  <si>
    <t>12/19/2019 13:31:38</t>
  </si>
  <si>
    <t>12/19/2019 13:31:58</t>
  </si>
  <si>
    <t>12/19/2019 13:36:34</t>
  </si>
  <si>
    <t>47f08f8f-0159-442a-be62-cc39c58f91c1.tmp</t>
  </si>
  <si>
    <t>\\acsfs\profiles$\gabrielarb\Downloads\47f08f8f-0159-442a-be62-cc39c58f91c1.tmp</t>
  </si>
  <si>
    <t>12/19/2019 13:34:59</t>
  </si>
  <si>
    <t>71cbaad7-dc99-4a69-9590-bf33c5a581f4.tmp</t>
  </si>
  <si>
    <t>\\acsfs\profiles$\gabrieleods\Downloads\71cbaad7-dc99-4a69-9590-bf33c5a581f4.tmp</t>
  </si>
  <si>
    <t>12/19/2019 13:32:45</t>
  </si>
  <si>
    <t>12/19/2019 13:35:18</t>
  </si>
  <si>
    <t>12/19/2019 13:34:18</t>
  </si>
  <si>
    <t>983a4272-eae3-4954-8347-0b012c3c65c8.tmp</t>
  </si>
  <si>
    <t>\\acsfs\profiles$\brendadsl\Downloads\983a4272-eae3-4954-8347-0b012c3c65c8.tmp</t>
  </si>
  <si>
    <t>12/19/2019 13:34:45</t>
  </si>
  <si>
    <t>7aaf6817-f16b-4835-8234-87dd5e90b824.tmp</t>
  </si>
  <si>
    <t>\\acsfs\profiles$\brendadsl\Downloads\7aaf6817-f16b-4835-8234-87dd5e90b824.tmp</t>
  </si>
  <si>
    <t>12/19/2019 13:33:05</t>
  </si>
  <si>
    <t>12/19/2019 13:37:33</t>
  </si>
  <si>
    <t>12/19/2019 13:35:05</t>
  </si>
  <si>
    <t>12/19/2019 13:35:57</t>
  </si>
  <si>
    <t>12/19/2019 13:38:34</t>
  </si>
  <si>
    <t>CURVA NORMAL - 18/12/2019</t>
  </si>
  <si>
    <t>12/19/2019 13:38:19</t>
  </si>
  <si>
    <t>ddf92ff8-f140-47b3-9ca6-d7ab23b0c935.tmp</t>
  </si>
  <si>
    <t>\\acsfs\profiles$\paulovadc\Downloads\ddf92ff8-f140-47b3-9ca6-d7ab23b0c935.tmp</t>
  </si>
  <si>
    <t>12/19/2019 13:38:25</t>
  </si>
  <si>
    <t>3d68159e-beb9-4b4c-b0e2-a40e9a02348c.tmp</t>
  </si>
  <si>
    <t>\\acsfs\profiles$\paulovadc\Downloads\3d68159e-beb9-4b4c-b0e2-a40e9a02348c.tmp</t>
  </si>
  <si>
    <t>12/19/2019 13:33:49</t>
  </si>
  <si>
    <t>12/19/2019 13:39:33</t>
  </si>
  <si>
    <t>12/19/2019 13:34:49</t>
  </si>
  <si>
    <t>12/19/2019 13:35:49</t>
  </si>
  <si>
    <t>12/19/2019 13:36:19</t>
  </si>
  <si>
    <t>12/19/2019 13:36:49</t>
  </si>
  <si>
    <t>12/19/2019 13:37:19</t>
  </si>
  <si>
    <t>12/19/2019 13:35:16</t>
  </si>
  <si>
    <t>12/19/2019 13:40:34</t>
  </si>
  <si>
    <t>e106caff-1af2-447f-9b46-e64f314a944b.tmp</t>
  </si>
  <si>
    <t>\\acsfs\profiles$\laianear\Downloads\e106caff-1af2-447f-9b46-e64f314a944b.tmp</t>
  </si>
  <si>
    <t>12/19/2019 13:36:38</t>
  </si>
  <si>
    <t>12/19/2019 13:37:38</t>
  </si>
  <si>
    <t>12/19/2019 13:36:20</t>
  </si>
  <si>
    <t>XLOG_anacdos_19122019_084612.log</t>
  </si>
  <si>
    <t>\\acsfs\profiles$\anacdos\My Documents\xworkcenter\logs\XLOG_anacdos_19122019_084612.log</t>
  </si>
  <si>
    <t>12/19/2019 13:38:33</t>
  </si>
  <si>
    <t>12/19/2019 13:38:35</t>
  </si>
  <si>
    <t>12/19/2019 13:38:36</t>
  </si>
  <si>
    <t>12/19/2019 13:38:37</t>
  </si>
  <si>
    <t>12/19/2019 13:38:38</t>
  </si>
  <si>
    <t>12/19/2019 13:38:39</t>
  </si>
  <si>
    <t>12/19/2019 13:38:40</t>
  </si>
  <si>
    <t>12/19/2019 13:38:41</t>
  </si>
  <si>
    <t>12/19/2019 13:38:42</t>
  </si>
  <si>
    <t>12/19/2019 13:38:43</t>
  </si>
  <si>
    <t>12/19/2019 13:38:44</t>
  </si>
  <si>
    <t>12/19/2019 13:38:45</t>
  </si>
  <si>
    <t>12/19/2019 13:38:46</t>
  </si>
  <si>
    <t>12/19/2019 13:38:47</t>
  </si>
  <si>
    <t>12/19/2019 13:38:48</t>
  </si>
  <si>
    <t>12/19/2019 13:38:49</t>
  </si>
  <si>
    <t>12/19/2019 13:38:50</t>
  </si>
  <si>
    <t>12/19/2019 13:38:51</t>
  </si>
  <si>
    <t>12/19/2019 13:38:52</t>
  </si>
  <si>
    <t>12/19/2019 13:38:53</t>
  </si>
  <si>
    <t>12/19/2019 13:38:54</t>
  </si>
  <si>
    <t>12/19/2019 13:38:55</t>
  </si>
  <si>
    <t>12/19/2019 13:38:56</t>
  </si>
  <si>
    <t>12/19/2019 13:38:57</t>
  </si>
  <si>
    <t>12/19/2019 13:38:58</t>
  </si>
  <si>
    <t>12/19/2019 13:37:21</t>
  </si>
  <si>
    <t>12/19/2019 13:41:33</t>
  </si>
  <si>
    <t>12/19/2019 13:39:55</t>
  </si>
  <si>
    <t>a820c432-4768-4650-a0ef-375c85444670.tmp</t>
  </si>
  <si>
    <t>\\acsfs\profiles$\brendadsl\Downloads\a820c432-4768-4650-a0ef-375c85444670.tmp</t>
  </si>
  <si>
    <t>12/19/2019 13:39:21</t>
  </si>
  <si>
    <t>retirada.txt</t>
  </si>
  <si>
    <t>\\acsfs\profiles$\brendavdoa\My Documents\retirada.txt</t>
  </si>
  <si>
    <t>12/19/2019 13:39:05</t>
  </si>
  <si>
    <t>12/19/2019 13:42:34</t>
  </si>
  <si>
    <t>12/19/2019 13:41:05</t>
  </si>
  <si>
    <t>12/19/2019 13:38:16</t>
  </si>
  <si>
    <t>12/19/2019 13:43:34</t>
  </si>
  <si>
    <t>12/19/2019 13:39:56</t>
  </si>
  <si>
    <t>12/19/2019 13:44:34</t>
  </si>
  <si>
    <t>3265c9ea-5c0a-41de-a287-0090721e0f47.tmp</t>
  </si>
  <si>
    <t>\\acsfs\profiles$\geovannasm\Downloads\3265c9ea-5c0a-41de-a287-0090721e0f47.tmp</t>
  </si>
  <si>
    <t>12/19/2019 13:40:21</t>
  </si>
  <si>
    <t>12/19/2019 13:40:28</t>
  </si>
  <si>
    <t>12/19/2019 13:40:36</t>
  </si>
  <si>
    <t>12/19/2019 13:40:38</t>
  </si>
  <si>
    <t>12/19/2019 13:40:55</t>
  </si>
  <si>
    <t>12/19/2019 13:41:16</t>
  </si>
  <si>
    <t>12/19/2019 13:41:21</t>
  </si>
  <si>
    <t>471fff73-4fd6-43dc-8eda-a56a9f7fde04.tmp</t>
  </si>
  <si>
    <t>\\acsfs\profiles$\gabrielamdp\Downloads\471fff73-4fd6-43dc-8eda-a56a9f7fde04.tmp</t>
  </si>
  <si>
    <t>12/19/2019 13:41:30</t>
  </si>
  <si>
    <t>bb1b6ac5-3faa-47cd-a1bc-6bc506bb69ba.tmp</t>
  </si>
  <si>
    <t>\\acsfs\profiles$\gabrielamdp\Downloads\bb1b6ac5-3faa-47cd-a1bc-6bc506bb69ba.tmp</t>
  </si>
  <si>
    <t>Holerite_122019_2203266 (1).pdf.axzfse3.partial</t>
  </si>
  <si>
    <t>\\acsfs\profiles$\ciceraads\Downloads\Holerite_122019_2203266 (1).pdf.axzfse3.partial</t>
  </si>
  <si>
    <t>12/19/2019 13:42:57</t>
  </si>
  <si>
    <t>Holerite_122019_2203267.pdf.mmnroz9.partial</t>
  </si>
  <si>
    <t>\\acsfs\profiles$\ciceraads\Downloads\Holerite_122019_2203267.pdf.mmnroz9.partial</t>
  </si>
  <si>
    <t>12/19/2019 13:43:57</t>
  </si>
  <si>
    <t>Holerite_122019_2203267 (1).pdf.rou7isq.partial</t>
  </si>
  <si>
    <t>\\acsfs\profiles$\ciceraads\Downloads\Holerite_122019_2203267 (1).pdf.rou7isq.partial</t>
  </si>
  <si>
    <t>12/19/2019 13:40:40</t>
  </si>
  <si>
    <t>12/19/2019 13:45:34</t>
  </si>
  <si>
    <t>1d803cea-c9de-44cb-bb4c-d1f5881c793d.tmp</t>
  </si>
  <si>
    <t>\\acsfs\profiles$\laianear\Downloads\1d803cea-c9de-44cb-bb4c-d1f5881c793d.tmp</t>
  </si>
  <si>
    <t>12/19/2019 13:42:38</t>
  </si>
  <si>
    <t>12/19/2019 13:43:38</t>
  </si>
  <si>
    <t>12/19/2019 13:43:50</t>
  </si>
  <si>
    <t>lu7872300ao.tmp</t>
  </si>
  <si>
    <t>\\acsfs\profiles$\CLAUDIAJCA\lu7872300ao.tmp</t>
  </si>
  <si>
    <t>\\acsfs\profiles$\CLAUDIAJCA\lu7872300ao.tmp\</t>
  </si>
  <si>
    <t>\\acsfs\profiles$\CLAUDIAJCA\lu7872300ao.tmp\META-INF\</t>
  </si>
  <si>
    <t>\\acsfs\profiles$\CLAUDIAJCA\lu7872300ao.tmp\Thumbnails\</t>
  </si>
  <si>
    <t>12/19/2019 13:44:44</t>
  </si>
  <si>
    <t>mail.google.com/_/upload?authuser=0&amp;dcp=asu-n&amp;upload_id=AEnB2UpwCz5Kdiz3JhV_VzvZ8dcqBi-ax_r9pQy-hByjzqoAbroj-oXnuYPNh-WQ5s-ZBahjtV2Dt05wytCqcvAgqJDhHL0LOeeaGNdxHADFZQymY-w3vL8&amp;upload_protocol=resumable</t>
  </si>
  <si>
    <t>C:\Users\lucianabo\Desktop\2019\12 - Dezembro\RETORNO AUDITORIA KAREN - COMPLEMENTARES\RETORNO AUDITORIA KAREN - COMPLEMENTARES.zip\TC_SAMPLE_NO_11\</t>
  </si>
  <si>
    <t>4 - Controle Financeiro Vari vel - Abril19.xlsb</t>
  </si>
  <si>
    <t>C:\Users\lucianabo\Desktop\2019\12 - Dezembro\RETORNO AUDITORIA KAREN - COMPLEMENTARES\RETORNO AUDITORIA KAREN - COMPLEMENTARES.zip\TC_SAMPLE_NO_2\</t>
  </si>
  <si>
    <t>FECHAMENTO JAN 2019.xlsx</t>
  </si>
  <si>
    <t>C:\Users\lucianabo\Desktop\2019\12 - Dezembro\RETORNO AUDITORIA KAREN - COMPLEMENTARES\RETORNO AUDITORIA KAREN - COMPLEMENTARES.zip\TC_SAMPLE_NO_4\</t>
  </si>
  <si>
    <t>FECHAMENTO FEV 2019.xlsx</t>
  </si>
  <si>
    <t>C:\Users\lucianabo\Desktop\2019\12 - Dezembro\RETORNO AUDITORIA KAREN - COMPLEMENTARES\RETORNO AUDITORIA KAREN - COMPLEMENTARES.zip\TC_SAMPLE_NO_6\</t>
  </si>
  <si>
    <t>FECHAMENTO MAR 2019.xlsx</t>
  </si>
  <si>
    <t>C:\Users\lucianabo\Desktop\2019\12 - Dezembro\RETORNO AUDITORIA KAREN - COMPLEMENTARES\RETORNO AUDITORIA KAREN - COMPLEMENTARES.zip\TC_SAMPLE_NO_8\</t>
  </si>
  <si>
    <t>Whirlpool Faturamento_Abril.19_CC - V4.xlsx</t>
  </si>
  <si>
    <t>C:\Users\lucianabo\Desktop\2019\12 - Dezembro\RETORNO AUDITORIA KAREN - COMPLEMENTARES\RETORNO AUDITORIA KAREN - COMPLEMENTARES.zip\TC_SAMPLE_NO_8\Enc_ Demonstrativo de Pagamento_Abril19_D2C.msg\s130\</t>
  </si>
  <si>
    <t>12/19/2019 13:44:06</t>
  </si>
  <si>
    <t>12/19/2019 13:43:15</t>
  </si>
  <si>
    <t>12/19/2019 13:46:34</t>
  </si>
  <si>
    <t>12/19/2019 13:44:52</t>
  </si>
  <si>
    <t>12/19/2019 13:45:15</t>
  </si>
  <si>
    <t>12/19/2019 13:45:27</t>
  </si>
  <si>
    <t>4a966255-1efe-412b-b02b-d74276d3139f.tmp</t>
  </si>
  <si>
    <t>\\acsfs\profiles$\larissaad\Downloads\4a966255-1efe-412b-b02b-d74276d3139f.tmp</t>
  </si>
  <si>
    <t>12/19/2019 13:45:05</t>
  </si>
  <si>
    <t>12/19/2019 13:47:34</t>
  </si>
  <si>
    <t>12/19/2019 13:48:20</t>
  </si>
  <si>
    <t>12/19/2019 13:49:34</t>
  </si>
  <si>
    <t>12/19/2019 13:46:36</t>
  </si>
  <si>
    <t>6d6a5f68-1f00-43c8-a3f3-3bb9d5fe7154.tmp</t>
  </si>
  <si>
    <t>\\acsfs\profiles$\KARENJSS\Downloads\6d6a5f68-1f00-43c8-a3f3-3bb9d5fe7154.tmp</t>
  </si>
  <si>
    <t>c4f7c444-4bb5-4116-a7a3-2352030aa765.tmp</t>
  </si>
  <si>
    <t>\\acsfs\profiles$\KARENJSS\Downloads\c4f7c444-4bb5-4116-a7a3-2352030aa765.tmp</t>
  </si>
  <si>
    <t>12/19/2019 13:45:48</t>
  </si>
  <si>
    <t>12/19/2019 13:48:12</t>
  </si>
  <si>
    <t>12/19/2019 13:50:34</t>
  </si>
  <si>
    <t>andrezacapf</t>
  </si>
  <si>
    <t>\\acsfs\profiles$\andrezacapf\Downloads\</t>
  </si>
  <si>
    <t>08c32b3a-93b1-4b67-a30c-f7e495dc3468.tmp</t>
  </si>
  <si>
    <t>\\acsfs\profiles$\andrezacapf\Downloads\08c32b3a-93b1-4b67-a30c-f7e495dc3468.tmp</t>
  </si>
  <si>
    <t>12/19/2019 13:48:16</t>
  </si>
  <si>
    <t>Não confirmado 551263.crdownload</t>
  </si>
  <si>
    <t>\\acsfs\profiles$\andrezacapf\Downloads\Não confirmado 551263.crdownload</t>
  </si>
  <si>
    <t>12/19/2019 13:48:19</t>
  </si>
  <si>
    <t>724dc4b6-999c-418b-847b-2dfcb1a6278a.tmp</t>
  </si>
  <si>
    <t>\\acsfs\profiles$\andrezacapf\Downloads\724dc4b6-999c-418b-847b-2dfcb1a6278a.tmp</t>
  </si>
  <si>
    <t>12/19/2019 13:48:21</t>
  </si>
  <si>
    <t>fecba28d-e4c4-4437-ad26-7f60c71d8ba9.tmp</t>
  </si>
  <si>
    <t>\\acsfs\profiles$\andrezacapf\Downloads\fecba28d-e4c4-4437-ad26-7f60c71d8ba9.tmp</t>
  </si>
  <si>
    <t>12/19/2019 13:48:25</t>
  </si>
  <si>
    <t>44296631-3c8b-4b9b-870a-409786d0217d.tmp</t>
  </si>
  <si>
    <t>\\acsfs\profiles$\andrezacapf\Downloads\44296631-3c8b-4b9b-870a-409786d0217d.tmp</t>
  </si>
  <si>
    <t>12/19/2019 13:48:29</t>
  </si>
  <si>
    <t>2012c8ec-7e8f-4c7c-88a2-6e37cf199107.tmp</t>
  </si>
  <si>
    <t>\\acsfs\profiles$\andrezacapf\Downloads\2012c8ec-7e8f-4c7c-88a2-6e37cf199107.tmp</t>
  </si>
  <si>
    <t>12/19/2019 13:48:32</t>
  </si>
  <si>
    <t>5a0f3185-c77f-4d4d-beab-015bd185621b.tmp</t>
  </si>
  <si>
    <t>\\acsfs\profiles$\andrezacapf\Downloads\5a0f3185-c77f-4d4d-beab-015bd185621b.tmp</t>
  </si>
  <si>
    <t>12/19/2019 13:49:01</t>
  </si>
  <si>
    <t>3d47edc3-a3f1-48e5-b00e-849d255fa34b.tmp</t>
  </si>
  <si>
    <t>\\acsfs\profiles$\andrezacapf\Downloads\3d47edc3-a3f1-48e5-b00e-849d255fa34b.tmp</t>
  </si>
  <si>
    <t>12/19/2019 13:49:07</t>
  </si>
  <si>
    <t>44aff661-ed62-4cb9-a7e0-ad4d2932580e.tmp</t>
  </si>
  <si>
    <t>\\acsfs\profiles$\andrezacapf\Downloads\44aff661-ed62-4cb9-a7e0-ad4d2932580e.tmp</t>
  </si>
  <si>
    <t>12/19/2019 13:48:38</t>
  </si>
  <si>
    <t>12/19/2019 13:49:38</t>
  </si>
  <si>
    <t>12/19/2019 13:50:01</t>
  </si>
  <si>
    <t>12/19/2019 13:51:34</t>
  </si>
  <si>
    <t>Bloco 19122019.txt</t>
  </si>
  <si>
    <t>\\acsfs\profiles$\brendadsl\My Documents\Blocos\Blocos Dezembro 2019\Bloco 19122019.txt</t>
  </si>
  <si>
    <t>12/19/2019 13:49:21</t>
  </si>
  <si>
    <t>97958304-c2e5-4d93-9f7f-a07cafb9a203.tmp</t>
  </si>
  <si>
    <t>\\acsfs\profiles$\larissaad\Downloads\97958304-c2e5-4d93-9f7f-a07cafb9a203.tmp</t>
  </si>
  <si>
    <t>12/19/2019 13:50:19</t>
  </si>
  <si>
    <t>C:\Users\renatofol\OneDrive - Grupo Algar\ALGAR_-_Transformação Digital\Consultoria CX\Documentações\TIME CX\Clientes\BrasilCap\OneDrive_2019-12-10\RC - 10009844 - Servico de Teleatendimento\</t>
  </si>
  <si>
    <t>Anexo IV - Modelo de Planilha de Composição de Custos.xls</t>
  </si>
  <si>
    <t>Anexo 16.8.TabelacomosNomeseFunçõesdosSistemasdaContratante.xlsx</t>
  </si>
  <si>
    <t>Anexo 16.5.Estudoquedavolumehistórico.xlsx</t>
  </si>
  <si>
    <t>12/19/2019 13:51:03</t>
  </si>
  <si>
    <t>C:\Users\renatofol\OneDrive - Grupo Algar\ALGAR_-_Transformação Digital\Consultoria CX\Documentações\TIME CX\Clientes\BrasilCap\OneDrive_2019-12-10.zip\RC - 10009844 - Servico de Teleatendimento\</t>
  </si>
  <si>
    <t>Anexo 16.2.RelatÃ³rio201907IntrahoraConsolidado.xlsb</t>
  </si>
  <si>
    <t>Anexo 16.3.RelatÃ³rio201908IntrahoraConsolidado.xlsb</t>
  </si>
  <si>
    <t>Anexo 16.4.RelatÃ³rio201909IntrahoraConsolidado.xlsb</t>
  </si>
  <si>
    <t>Anexo 16.5.EstudoquedavolumehistÃ³rico.xlsx</t>
  </si>
  <si>
    <t>Anexo 16.6.DesenhodoFluxodasURAMULTIATENDIMENTO_CLIENTESPARCEIROS.xlsx</t>
  </si>
  <si>
    <t>Anexo 16.7.DesenhodoFluxodasURAOUROCAP_SAC_CAC_AGÃŠNCIAS.xlsx</t>
  </si>
  <si>
    <t>Anexo 16.8.TabelacomosNomeseFunÃ§ÃµesdosSistemasdaContratante.xlsx</t>
  </si>
  <si>
    <t>Anexo IV - Modelo de Planilha de ComposiÃ§Ã£o de Custos.xls</t>
  </si>
  <si>
    <t>12/19/2019 13:47:05</t>
  </si>
  <si>
    <t>12/19/2019 13:52:34</t>
  </si>
  <si>
    <t>12/19/2019 13:51:05</t>
  </si>
  <si>
    <t>12/19/2019 13:50:22</t>
  </si>
  <si>
    <t>12/19/2019 13:53:34</t>
  </si>
  <si>
    <t>b9836088-e6ae-4599-b552-c89f94e3df6b.tmp</t>
  </si>
  <si>
    <t>\\acsfs\profiles$\bernardopcm\Downloads\b9836088-e6ae-4599-b552-c89f94e3df6b.tmp</t>
  </si>
  <si>
    <t>12/19/2019 13:50:26</t>
  </si>
  <si>
    <t>72f114b8-7147-4023-a757-6d8471000b1e.tmp</t>
  </si>
  <si>
    <t>\\acsfs\profiles$\bernardopcm\Downloads\72f114b8-7147-4023-a757-6d8471000b1e.tmp</t>
  </si>
  <si>
    <t>12/19/2019 13:52:31</t>
  </si>
  <si>
    <t>ecf0df77-0bb6-44f3-a037-34e7fa247210.tmp</t>
  </si>
  <si>
    <t>\\acsfs\profiles$\bernardopcm\Downloads\ecf0df77-0bb6-44f3-a037-34e7fa247210.tmp</t>
  </si>
  <si>
    <t>12/19/2019 13:48:49</t>
  </si>
  <si>
    <t>12/19/2019 13:54:34</t>
  </si>
  <si>
    <t>12/19/2019 13:50:50</t>
  </si>
  <si>
    <t>12/19/2019 13:51:20</t>
  </si>
  <si>
    <t>12/19/2019 13:51:50</t>
  </si>
  <si>
    <t>12/19/2019 13:52:20</t>
  </si>
  <si>
    <t>31d37fe7-3243-414b-bbaa-21d364297823.tmp</t>
  </si>
  <si>
    <t>\\acsfs\profiles$\KARENJSS\Downloads\31d37fe7-3243-414b-bbaa-21d364297823.tmp</t>
  </si>
  <si>
    <t>12/19/2019 13:50:08</t>
  </si>
  <si>
    <t>bf1b6676-b32b-4871-8796-d02b149dac40.tmp</t>
  </si>
  <si>
    <t>\\acsfs\profiles$\marcosvnds\Downloads\bf1b6676-b32b-4871-8796-d02b149dac40.tmp</t>
  </si>
  <si>
    <t>12/19/2019 13:50:09</t>
  </si>
  <si>
    <t>5601324a-9dd6-42d4-9cbd-4e6995bbabbd.tmp</t>
  </si>
  <si>
    <t>\\acsfs\profiles$\marcosvnds\Downloads\5601324a-9dd6-42d4-9cbd-4e6995bbabbd.tmp</t>
  </si>
  <si>
    <t>12/19/2019 13:50:27</t>
  </si>
  <si>
    <t>Q29udHJvbGxlci5XREUtQlZGLUNIQVQ- (8).ica</t>
  </si>
  <si>
    <t>\\acsfs\profiles$\marcosvnds\Downloads\Q29udHJvbGxlci5XREUtQlZGLUNIQVQ- (8).ica</t>
  </si>
  <si>
    <t>12/19/2019 13:50:35</t>
  </si>
  <si>
    <t>5dcc140c-6b2c-4da0-b025-988c12f2147f.tmp</t>
  </si>
  <si>
    <t>\\acsfs\profiles$\marcosvnds\Downloads\5dcc140c-6b2c-4da0-b025-988c12f2147f.tmp</t>
  </si>
  <si>
    <t>72b76de9-ca0a-47a3-b5d4-05a95c882c64.tmp</t>
  </si>
  <si>
    <t>\\acsfs\profiles$\marcosvnds\Downloads\72b76de9-ca0a-47a3-b5d4-05a95c882c64.tmp</t>
  </si>
  <si>
    <t>12/19/2019 13:51:16</t>
  </si>
  <si>
    <t>8c8c03ff-cf45-4b41-8ecb-fe77bd09ecf1.tmp</t>
  </si>
  <si>
    <t>\\acsfs\profiles$\marcosvnds\Downloads\8c8c03ff-cf45-4b41-8ecb-fe77bd09ecf1.tmp</t>
  </si>
  <si>
    <t>12/19/2019 13:51:33</t>
  </si>
  <si>
    <t>Q29udHJvbGxlci5TQUNBLVNBQw-- (16).ica</t>
  </si>
  <si>
    <t>\\acsfs\profiles$\marcosvnds\Downloads\Q29udHJvbGxlci5TQUNBLVNBQw-- (16).ica</t>
  </si>
  <si>
    <t>12/19/2019 13:51:53</t>
  </si>
  <si>
    <t>de7b8444-3688-4b05-b94b-91e071b5840c.tmp</t>
  </si>
  <si>
    <t>\\acsfs\profiles$\marcosvnds\Downloads\de7b8444-3688-4b05-b94b-91e071b5840c.tmp</t>
  </si>
  <si>
    <t>12/19/2019 13:52:56</t>
  </si>
  <si>
    <t>6841369a-5abf-4124-a4ee-62af31fba07e.tmp</t>
  </si>
  <si>
    <t>\\acsfs\profiles$\marcosvnds\Downloads\6841369a-5abf-4124-a4ee-62af31fba07e.tmp</t>
  </si>
  <si>
    <t>12/19/2019 13:55:33</t>
  </si>
  <si>
    <t>13375b88-a73f-482c-8439-94ceb825717f.tmp</t>
  </si>
  <si>
    <t>\\acsfs\profiles$\andrezacapf\Downloads\13375b88-a73f-482c-8439-94ceb825717f.tmp</t>
  </si>
  <si>
    <t>12/19/2019 13:50:38</t>
  </si>
  <si>
    <t>63178493-76f1-4790-baa8-f40c42fb1b6c.tmp</t>
  </si>
  <si>
    <t>\\acsfs\profiles$\andrezacapf\Downloads\63178493-76f1-4790-baa8-f40c42fb1b6c.tmp</t>
  </si>
  <si>
    <t>12/19/2019 13:51:56</t>
  </si>
  <si>
    <t>\\acsfs\profiles$\andrezacapf\My Documents\xworkcenter\lex\</t>
  </si>
  <si>
    <t>\\acsfs\profiles$\andrezacapf\My Documents\xworkcenter\lex\temp.tlx</t>
  </si>
  <si>
    <t>12/19/2019 13:51:57</t>
  </si>
  <si>
    <t>12/19/2019 13:51:58</t>
  </si>
  <si>
    <t>12/19/2019 13:51:59</t>
  </si>
  <si>
    <t>12/19/2019 13:52:00</t>
  </si>
  <si>
    <t>12/19/2019 13:52:01</t>
  </si>
  <si>
    <t>12/19/2019 13:52:02</t>
  </si>
  <si>
    <t>12/19/2019 13:52:03</t>
  </si>
  <si>
    <t>12/19/2019 13:54:38</t>
  </si>
  <si>
    <t>12/19/2019 13:52:04</t>
  </si>
  <si>
    <t>12/19/2019 13:52:05</t>
  </si>
  <si>
    <t>12/19/2019 13:52:06</t>
  </si>
  <si>
    <t>12/19/2019 13:52:07</t>
  </si>
  <si>
    <t>12/19/2019 13:52:08</t>
  </si>
  <si>
    <t>12/19/2019 13:52:09</t>
  </si>
  <si>
    <t>12/19/2019 13:53:19</t>
  </si>
  <si>
    <t>lu7872300as.tmp</t>
  </si>
  <si>
    <t>\\acsfs\profiles$\CLAUDIAJCA\lu7872300as.tmp</t>
  </si>
  <si>
    <t>\\acsfs\profiles$\CLAUDIAJCA\lu7872300as.tmp\</t>
  </si>
  <si>
    <t>\\acsfs\profiles$\CLAUDIAJCA\lu7872300as.tmp\META-INF\</t>
  </si>
  <si>
    <t>\\acsfs\profiles$\CLAUDIAJCA\lu7872300as.tmp\Thumbnails\</t>
  </si>
  <si>
    <t>12/19/2019 13:52:10</t>
  </si>
  <si>
    <t>12/19/2019 13:52:11</t>
  </si>
  <si>
    <t>12/19/2019 13:52:12</t>
  </si>
  <si>
    <t>12/19/2019 13:52:13</t>
  </si>
  <si>
    <t>12/19/2019 13:52:14</t>
  </si>
  <si>
    <t>12/19/2019 13:52:15</t>
  </si>
  <si>
    <t>12/19/2019 13:52:16</t>
  </si>
  <si>
    <t>12/19/2019 13:52:17</t>
  </si>
  <si>
    <t>12/19/2019 13:52:18</t>
  </si>
  <si>
    <t>12/19/2019 13:52:19</t>
  </si>
  <si>
    <t>12/19/2019 13:52:21</t>
  </si>
  <si>
    <t>497b129c-6a05-4833-9a83-7e12fb310baa.tmp</t>
  </si>
  <si>
    <t>\\acsfs\profiles$\gabrielafs\Downloads\497b129c-6a05-4833-9a83-7e12fb310baa.tmp</t>
  </si>
  <si>
    <t>12/19/2019 13:54:39</t>
  </si>
  <si>
    <t>12/19/2019 13:56:34</t>
  </si>
  <si>
    <t>f2485eb8-fbff-478a-b259-14dca1ec09d1.tmp</t>
  </si>
  <si>
    <t>\\acsfs\profiles$\gabrielarb\Downloads\f2485eb8-fbff-478a-b259-14dca1ec09d1.tmp</t>
  </si>
  <si>
    <t>12/19/2019 13:52:23</t>
  </si>
  <si>
    <t>12/19/2019 13:54:30</t>
  </si>
  <si>
    <t>maristelavodq@bv.algartech.com;</t>
  </si>
  <si>
    <t>RES: Coach</t>
  </si>
  <si>
    <t>maristelavodq@bv.algartech.com</t>
  </si>
  <si>
    <t>12/19/2019 13:55:15</t>
  </si>
  <si>
    <t>12/19/2019 13:54:10</t>
  </si>
  <si>
    <t>0ea4d18d-8cc7-4f33-8fc3-d6d33f6bd4b5.tmp</t>
  </si>
  <si>
    <t>\\acsfs\profiles$\larissaad\Downloads\0ea4d18d-8cc7-4f33-8fc3-d6d33f6bd4b5.tmp</t>
  </si>
  <si>
    <t>12/19/2019 13:51:21</t>
  </si>
  <si>
    <t>Anexo 16.4.Relatório201909IntrahoraConsolidado.xlsb</t>
  </si>
  <si>
    <t>Anexo 16.3.Relatório201908IntrahoraConsolidado.xlsb</t>
  </si>
  <si>
    <t>Anexo 16.2.Relatório201907IntrahoraConsolidado.xlsb</t>
  </si>
  <si>
    <t>Anexo 16.7.DesenhodoFluxodasURAOUROCAP_SAC_CAC_AGÊNCIAS.xlsx</t>
  </si>
  <si>
    <t>12/18/2019 23:29:48</t>
  </si>
  <si>
    <t>12/19/2019 13:57:33</t>
  </si>
  <si>
    <t>10.201.30.51</t>
  </si>
  <si>
    <t>Planejamento Monitor.xlsx</t>
  </si>
  <si>
    <t>12/19/2019 13:53:14</t>
  </si>
  <si>
    <t>12/19/2019 13:53:05</t>
  </si>
  <si>
    <t>12/19/2019 13:53:17</t>
  </si>
  <si>
    <t>12/19/2019 13:58:33</t>
  </si>
  <si>
    <t>c3af40a6-054a-4047-bd55-49f33452a642.tmp</t>
  </si>
  <si>
    <t>\\acsfs\profiles$\bernardopcm\Downloads\c3af40a6-054a-4047-bd55-49f33452a642.tmp</t>
  </si>
  <si>
    <t>12/19/2019 13:53:54</t>
  </si>
  <si>
    <t>12/19/2019 13:54:43</t>
  </si>
  <si>
    <t>74-86-7A-FB-19-E8</t>
  </si>
  <si>
    <t>VOTORANT-SB010</t>
  </si>
  <si>
    <t>isadoramco</t>
  </si>
  <si>
    <t>https://udpwfmniceap02/pt_br/web/guest/home?p_auth=v4gmerxf&amp;p_p_id=58&amp;p_p_lifecycle=1&amp;p_p_state=maximized&amp;p_p_mode=view&amp;savelastpath=0&amp;_58_struts_action=/login/forgot_password</t>
  </si>
  <si>
    <t>12/19/2019 13:54:51</t>
  </si>
  <si>
    <t>12/19/2019 13:54:54</t>
  </si>
  <si>
    <t>12/19/2019 13:55:01</t>
  </si>
  <si>
    <t>12/19/2019 13:54:56</t>
  </si>
  <si>
    <t>bdf3b299-1980-4f94-b2c2-e496ad6aa3be.tmp</t>
  </si>
  <si>
    <t>\\acsfs\profiles$\sarahbal\Downloads\bdf3b299-1980-4f94-b2c2-e496ad6aa3be.tmp</t>
  </si>
  <si>
    <t>12/19/2019 13:53:50</t>
  </si>
  <si>
    <t>12/19/2019 13:59:33</t>
  </si>
  <si>
    <t>12/19/2019 13:54:20</t>
  </si>
  <si>
    <t>12/19/2019 13:54:50</t>
  </si>
  <si>
    <t>12/19/2019 13:58:23</t>
  </si>
  <si>
    <t>12/19/2019 13:57:18</t>
  </si>
  <si>
    <t>32302800-c0ea-4035-8f3a-caa2c67f0f1b.tmp</t>
  </si>
  <si>
    <t>\\acsfs\profiles$\regisadsa\Downloads\32302800-c0ea-4035-8f3a-caa2c67f0f1b.tmp</t>
  </si>
  <si>
    <t>12/19/2019 13:55:24</t>
  </si>
  <si>
    <t>75bd6564-7b29-4a25-bba0-bf5dea873c4a.tmp</t>
  </si>
  <si>
    <t>\\acsfs\profiles$\KARENDSR\Downloads\75bd6564-7b29-4a25-bba0-bf5dea873c4a.tmp</t>
  </si>
  <si>
    <t>12/19/2019 13:56:02</t>
  </si>
  <si>
    <t>2278ae1d-4248-4eeb-8e3b-3ddb1d300cfc.tmp</t>
  </si>
  <si>
    <t>\\acsfs\profiles$\KARENDSR\Downloads\2278ae1d-4248-4eeb-8e3b-3ddb1d300cfc.tmp</t>
  </si>
  <si>
    <t>12/19/2019 13:56:16</t>
  </si>
  <si>
    <t>c825bd71-5ed5-41e2-b6fb-1c2331330a39.tmp</t>
  </si>
  <si>
    <t>\\acsfs\profiles$\KARENDSR\Downloads\c825bd71-5ed5-41e2-b6fb-1c2331330a39.tmp</t>
  </si>
  <si>
    <t>12/19/2019 13:58:31</t>
  </si>
  <si>
    <t>d105ca01-d262-40f5-a385-2fd802ebce9a.tmp</t>
  </si>
  <si>
    <t>\\acsfs\profiles$\KARENDSR\Downloads\d105ca01-d262-40f5-a385-2fd802ebce9a.tmp</t>
  </si>
  <si>
    <t>12/19/2019 13:55:40</t>
  </si>
  <si>
    <t>12/19/2019 14:00:33</t>
  </si>
  <si>
    <t>12/19/2019 13:56:12</t>
  </si>
  <si>
    <t>12/19/2019 14:01:33</t>
  </si>
  <si>
    <t>f815775f-57ad-4b85-bcd3-4dbc8b65088a.tmp</t>
  </si>
  <si>
    <t>\\acsfs\profiles$\gabrielarb\Downloads\f815775f-57ad-4b85-bcd3-4dbc8b65088a.tmp</t>
  </si>
  <si>
    <t>12/19/2019 13:59:54</t>
  </si>
  <si>
    <t>12/19/2019 13:58:17</t>
  </si>
  <si>
    <t>e5e9944d-0b21-459a-aef9-54a2d01df09c.tmp</t>
  </si>
  <si>
    <t>\\acsfs\profiles$\marcosvnds\Downloads\e5e9944d-0b21-459a-aef9-54a2d01df09c.tmp</t>
  </si>
  <si>
    <t>12/19/2019 13:59:11</t>
  </si>
  <si>
    <t>1a34f5fb-4a46-4070-8359-f4f3e70a7c03.tmp</t>
  </si>
  <si>
    <t>\\acsfs\profiles$\marcosvnds\Downloads\1a34f5fb-4a46-4070-8359-f4f3e70a7c03.tmp</t>
  </si>
  <si>
    <t>12/19/2019 13:59:25</t>
  </si>
  <si>
    <t>256a68f1-2afa-49f2-98e9-43db70cfadc7.tmp</t>
  </si>
  <si>
    <t>\\acsfs\profiles$\marcosvnds\Downloads\256a68f1-2afa-49f2-98e9-43db70cfadc7.tmp</t>
  </si>
  <si>
    <t>12/19/2019 13:59:38</t>
  </si>
  <si>
    <t>041e0819-ad84-43c7-8580-c0097d43b91b.tmp</t>
  </si>
  <si>
    <t>\\acsfs\profiles$\marcosvnds\Downloads\041e0819-ad84-43c7-8580-c0097d43b91b.tmp</t>
  </si>
  <si>
    <t>12/19/2019 14:00:15</t>
  </si>
  <si>
    <t>12/19/2019 14:02:33</t>
  </si>
  <si>
    <t>12/19/2019 13:57:06</t>
  </si>
  <si>
    <t>12/19/2019 13:59:06</t>
  </si>
  <si>
    <t>12/19/2019 13:59:36</t>
  </si>
  <si>
    <t>12/19/2019 14:01:38</t>
  </si>
  <si>
    <t>12/19/2019 14:03:32</t>
  </si>
  <si>
    <t>Relatorio.Recibo.Ferias_20191217205536210137.pdf.dy7b27n.partial</t>
  </si>
  <si>
    <t>\\acsfs\profiles$\bernardopcm\Downloads\Relatorio.Recibo.Ferias_20191217205536210137.pdf.dy7b27n.partial</t>
  </si>
  <si>
    <t>12/19/2019 13:58:14</t>
  </si>
  <si>
    <t>12/19/2019 13:59:41</t>
  </si>
  <si>
    <t>12/19/2019 14:00:01</t>
  </si>
  <si>
    <t>fabianapm@algartech.com;leonardoamf@algartech.com.br;selmaasr@algartech.com.br;</t>
  </si>
  <si>
    <t>RES: Escalas - Equipe Leonardo</t>
  </si>
  <si>
    <t>Escala Formalizada.xlsx</t>
  </si>
  <si>
    <t>fabianapm@algartech.com,leonardoamf@algartech.com.br,selmaasr@algartech.com.br</t>
  </si>
  <si>
    <t>12/19/2019 13:59:50</t>
  </si>
  <si>
    <t>12/19/2019 14:04:33</t>
  </si>
  <si>
    <t>12/19/2019 14:00:20</t>
  </si>
  <si>
    <t>12/19/2019 14:00:50</t>
  </si>
  <si>
    <t>12/19/2019 13:59:19</t>
  </si>
  <si>
    <t>45866da9-af39-478f-b2a0-0f4f1d6ee4ce.tmp</t>
  </si>
  <si>
    <t>\\acsfs\profiles$\regisadsa\Downloads\45866da9-af39-478f-b2a0-0f4f1d6ee4ce.tmp</t>
  </si>
  <si>
    <t>12/19/2019 14:00:07</t>
  </si>
  <si>
    <t>ca88d4c0-4d8a-45c4-935d-582265676385.tmp</t>
  </si>
  <si>
    <t>\\acsfs\profiles$\regisadsa\Downloads\ca88d4c0-4d8a-45c4-935d-582265676385.tmp</t>
  </si>
  <si>
    <t>12/19/2019 14:01:02</t>
  </si>
  <si>
    <t>fb8cacf4-4eba-43bc-86f5-31431e712f45.tmp</t>
  </si>
  <si>
    <t>\\acsfs\profiles$\regisadsa\Downloads\fb8cacf4-4eba-43bc-86f5-31431e712f45.tmp</t>
  </si>
  <si>
    <t>12/19/2019 14:03:33</t>
  </si>
  <si>
    <t>9f02345e-66f2-41b0-bd5a-a659c32dbc5a.tmp</t>
  </si>
  <si>
    <t>\\acsfs\profiles$\KARENDSR\Downloads\9f02345e-66f2-41b0-bd5a-a659c32dbc5a.tmp</t>
  </si>
  <si>
    <t>12/19/2019 14:00:38</t>
  </si>
  <si>
    <t>12/19/2019 14:05:33</t>
  </si>
  <si>
    <t>12/19/2019 14:03:43</t>
  </si>
  <si>
    <t>25a52e48-6018-4757-97a6-166560690af2.tmp</t>
  </si>
  <si>
    <t>\\acsfs\profiles$\andrezacapf\Downloads\25a52e48-6018-4757-97a6-166560690af2.tmp</t>
  </si>
  <si>
    <t>12/19/2019 14:04:01</t>
  </si>
  <si>
    <t>12/19/2019 14:06:33</t>
  </si>
  <si>
    <t>12/19/2019 14:03:06</t>
  </si>
  <si>
    <t>12/19/2019 14:07:32</t>
  </si>
  <si>
    <t>12/19/2019 14:05:06</t>
  </si>
  <si>
    <t>12/19/2019 14:07:20</t>
  </si>
  <si>
    <t>12/19/2019 14:09:32</t>
  </si>
  <si>
    <t>12/19/2019 14:05:01</t>
  </si>
  <si>
    <t>a2a0269a-30e4-43dc-9467-8de1d428956d.tmp</t>
  </si>
  <si>
    <t>\\acsfs\profiles$\KARENDSR\Downloads\a2a0269a-30e4-43dc-9467-8de1d428956d.tmp</t>
  </si>
  <si>
    <t>12/19/2019 14:09:04</t>
  </si>
  <si>
    <t>12/19/2019 14:10:33</t>
  </si>
  <si>
    <t>\\acsfs\profiles$\laianear\</t>
  </si>
  <si>
    <t>Laiane.txt</t>
  </si>
  <si>
    <t>\\acsfs\profiles$\laianear\Laiane.txt</t>
  </si>
  <si>
    <t>12/19/2019 14:09:06</t>
  </si>
  <si>
    <t>preaud.txt</t>
  </si>
  <si>
    <t>\\acsfs\profiles$\laianear\preaud.txt</t>
  </si>
  <si>
    <t>12/19/2019 14:06:38</t>
  </si>
  <si>
    <t>12/19/2019 14:07:38</t>
  </si>
  <si>
    <t>12/19/2019 14:06:54</t>
  </si>
  <si>
    <t>4aff44e2-b152-4ba1-b257-0c1d0efb4943.tmp</t>
  </si>
  <si>
    <t>\\acsfs\profiles$\ayalabfi\Downloads\4aff44e2-b152-4ba1-b257-0c1d0efb4943.tmp</t>
  </si>
  <si>
    <t>12/19/2019 14:05:13</t>
  </si>
  <si>
    <t>649dabc5-7361-4827-af93-050f0e5eb16c.tmp</t>
  </si>
  <si>
    <t>\\acsfs\profiles$\andrezacapf\Downloads\649dabc5-7361-4827-af93-050f0e5eb16c.tmp</t>
  </si>
  <si>
    <t>12/19/2019 14:06:17</t>
  </si>
  <si>
    <t>12/19/2019 14:11:32</t>
  </si>
  <si>
    <t>http://geradordecertificados.com/_ah/upload/ammfu6ymuglljtxoprlue51e7hlopslfupx9_mhpwj2pc4hgovhyxpjbam2v2rdc2l_2a2x6gsijlzeyqo5mpwrprvzot1ufhar9tyk4c88cgl9uabvzmf3qi2juu5rewagr0ihb8mdrew5s5lpkcimw3uzjzf-v8pfzecyhe_iv5dndxgzffwpngzcmzywppxxxa6alt7mr/albnuayaaaaaxfuws-tg0a-jsbn6vdtjutlaj_vkhkmg/</t>
  </si>
  <si>
    <t>Requer atenção da SI.xlsx</t>
  </si>
  <si>
    <t>12/19/2019 14:10:25</t>
  </si>
  <si>
    <t>http://certificado.herokuapp.com/</t>
  </si>
  <si>
    <t>C:\Users\alefl\Downloads\</t>
  </si>
  <si>
    <t>OfficeScan agent listing (3).csv</t>
  </si>
  <si>
    <t>12/19/2019 14:07:25</t>
  </si>
  <si>
    <t>12/19/2019 14:07:02</t>
  </si>
  <si>
    <t>https://outlook.office365.com/owa/qualidadealgarbv@algartech.com/service.svc?action=updateitem&amp;app=mail&amp;n=99</t>
  </si>
  <si>
    <t>12/19/2019 14:12:33</t>
  </si>
  <si>
    <t>12/19/2019 14:11:06</t>
  </si>
  <si>
    <t>12/19/2019 14:10:07</t>
  </si>
  <si>
    <t>12/19/2019 14:10:42</t>
  </si>
  <si>
    <t>12/19/2019 14:11:17</t>
  </si>
  <si>
    <t>12/19/2019 14:12:13</t>
  </si>
  <si>
    <t>12/19/2019 14:13:33</t>
  </si>
  <si>
    <t>/o=exchangelabs/ou=exchange administrative group (fydibohf23spdlt)/cn=recipients/cn=b1a72fc2d0234efca84c7771ea70c7ee-roberta cri;fabianapm@algartech.com;</t>
  </si>
  <si>
    <t>Financeiro Dez.</t>
  </si>
  <si>
    <t>Financeiro_Dez.xlsx</t>
  </si>
  <si>
    <t>/o=exchangelabs/ou=exchange administrative group (fydibohf23spdlt)/cn=recipients/cn=b1a72fc2d0234efca84c7771ea70c7ee-roberta cri,fabianapm@algartech.com</t>
  </si>
  <si>
    <t>12/19/2019 14:08:50</t>
  </si>
  <si>
    <t>12/19/2019 14:14:33</t>
  </si>
  <si>
    <t>bc0ac3ef-bcaf-4b0f-88f2-1d5ad5e8530a.tmp</t>
  </si>
  <si>
    <t>\\acsfs\profiles$\alinepp\Downloads\bc0ac3ef-bcaf-4b0f-88f2-1d5ad5e8530a.tmp</t>
  </si>
  <si>
    <t>12/19/2019 14:09:16</t>
  </si>
  <si>
    <t>8d5615f4-bc39-4024-87df-a566db4b48be.tmp</t>
  </si>
  <si>
    <t>\\acsfs\profiles$\alinepp\Downloads\8d5615f4-bc39-4024-87df-a566db4b48be.tmp</t>
  </si>
  <si>
    <t>12/19/2019 14:10:24</t>
  </si>
  <si>
    <t>dd3bda58-f3b1-41eb-bb4e-2f9a9d503824.tmp</t>
  </si>
  <si>
    <t>\\acsfs\profiles$\alinepp\Downloads\dd3bda58-f3b1-41eb-bb4e-2f9a9d503824.tmp</t>
  </si>
  <si>
    <t>12/19/2019 14:11:34</t>
  </si>
  <si>
    <t>70c4b9c5-5a86-44ea-a919-c00d5c8d7b1f.tmp</t>
  </si>
  <si>
    <t>\\acsfs\profiles$\alinepp\Downloads\70c4b9c5-5a86-44ea-a919-c00d5c8d7b1f.tmp</t>
  </si>
  <si>
    <t>12/19/2019 14:11:50</t>
  </si>
  <si>
    <t>e470b6ea-e4ce-4780-a0e3-0e35ded4f175.tmp</t>
  </si>
  <si>
    <t>\\acsfs\profiles$\alinepp\Downloads\e470b6ea-e4ce-4780-a0e3-0e35ded4f175.tmp</t>
  </si>
  <si>
    <t>12/19/2019 14:09:51</t>
  </si>
  <si>
    <t>12/19/2019 14:11:21</t>
  </si>
  <si>
    <t>12/19/2019 14:11:27</t>
  </si>
  <si>
    <t>12/19/2019 14:15:33</t>
  </si>
  <si>
    <t>12/19/2019 14:12:38</t>
  </si>
  <si>
    <t>12/19/2019 14:13:38</t>
  </si>
  <si>
    <t>12/19/2019 14:14:56</t>
  </si>
  <si>
    <t>12/19/2019 14:16:32</t>
  </si>
  <si>
    <t>12/19/2019 14:15:07</t>
  </si>
  <si>
    <t>12/19/2019 14:17:33</t>
  </si>
  <si>
    <t>12/19/2019 14:11:52</t>
  </si>
  <si>
    <t>12/19/2019 14:12:28</t>
  </si>
  <si>
    <t>12/19/2019 14:13:03</t>
  </si>
  <si>
    <t>12/19/2019 14:13:37</t>
  </si>
  <si>
    <t>12/19/2019 14:14:14</t>
  </si>
  <si>
    <t>12/19/2019 14:14:49</t>
  </si>
  <si>
    <t>12/19/2019 14:15:22</t>
  </si>
  <si>
    <t>12/19/2019 14:15:57</t>
  </si>
  <si>
    <t>12/19/2019 14:14:48</t>
  </si>
  <si>
    <t>12/19/2019 14:18:32</t>
  </si>
  <si>
    <t>5955c4f1-9cea-46af-9d77-a2a66a3a1f31.tmp</t>
  </si>
  <si>
    <t>\\acsfs\profiles$\brendadsl\Downloads\5955c4f1-9cea-46af-9d77-a2a66a3a1f31.tmp</t>
  </si>
  <si>
    <t>12/19/2019 14:16:33</t>
  </si>
  <si>
    <t>a5e52c9f-1d88-4e81-8eb0-dc9882f56fbf.tmp</t>
  </si>
  <si>
    <t>\\acsfs\profiles$\brendadsl\Downloads\a5e52c9f-1d88-4e81-8eb0-dc9882f56fbf.tmp</t>
  </si>
  <si>
    <t>12/19/2019 14:16:37</t>
  </si>
  <si>
    <t>2c2bc506-ded6-4e90-b31e-42801b3b1c7b.tmp</t>
  </si>
  <si>
    <t>\\acsfs\profiles$\brendadsl\Downloads\2c2bc506-ded6-4e90-b31e-42801b3b1c7b.tmp</t>
  </si>
  <si>
    <t>12/19/2019 14:16:39</t>
  </si>
  <si>
    <t>da7b74bc-e507-4609-a74a-bdff9e63a2cc.tmp</t>
  </si>
  <si>
    <t>\\acsfs\profiles$\brendadsl\Downloads\da7b74bc-e507-4609-a74a-bdff9e63a2cc.tmp</t>
  </si>
  <si>
    <t>c1af895d-97e3-4c5f-8867-fe3af7bba555.tmp</t>
  </si>
  <si>
    <t>\\acsfs\profiles$\brendadsl\Downloads\c1af895d-97e3-4c5f-8867-fe3af7bba555.tmp</t>
  </si>
  <si>
    <t>12/19/2019 14:19:32</t>
  </si>
  <si>
    <t>12/19/2019 14:18:41</t>
  </si>
  <si>
    <t>12/19/2019 14:20:33</t>
  </si>
  <si>
    <t>e210016c-d20a-4b3d-8001-d9dde198c616.tmp</t>
  </si>
  <si>
    <t>\\acsfs\profiles$\adrielyas\Downloads\e210016c-d20a-4b3d-8001-d9dde198c616.tmp</t>
  </si>
  <si>
    <t>12/19/2019 14:19:17</t>
  </si>
  <si>
    <t>dfa3322b-b86e-4bf3-b0d4-6db93d6ad601.tmp</t>
  </si>
  <si>
    <t>\\acsfs\profiles$\adrielyas\Downloads\dfa3322b-b86e-4bf3-b0d4-6db93d6ad601.tmp</t>
  </si>
  <si>
    <t>12/19/2019 14:18:38</t>
  </si>
  <si>
    <t>12/19/2019 14:19:38</t>
  </si>
  <si>
    <t>12/19/2019 14:16:46</t>
  </si>
  <si>
    <t>12/19/2019 14:21:32</t>
  </si>
  <si>
    <t>12/19/2019 14:18:11</t>
  </si>
  <si>
    <t>12/19/2019 14:18:14</t>
  </si>
  <si>
    <t>12/19/2019 14:22:33</t>
  </si>
  <si>
    <t>12/19/2019 14:18:44</t>
  </si>
  <si>
    <t>\\acsfs\profiles$\henriqueco\My Documents\My Pictures\</t>
  </si>
  <si>
    <t>\\acsfs\profiles$\henriqueco\My Documents\My Videos\desktop.ini</t>
  </si>
  <si>
    <t>12/19/2019 14:18:46</t>
  </si>
  <si>
    <t>\\acsfs\profiles$\henriqueco\My Documents\My Videos\</t>
  </si>
  <si>
    <t>12/19/2019 14:18:47</t>
  </si>
  <si>
    <t>12/19/2019 14:18:49</t>
  </si>
  <si>
    <t>12/19/2019 14:18:50</t>
  </si>
  <si>
    <t>\\acsfs\profiles$\henriqueco\My Documents\My Music\</t>
  </si>
  <si>
    <t>\\acsfs\profiles$\henriqueco\My Documents\My Pictures\desktop.ini</t>
  </si>
  <si>
    <t>12/19/2019 14:18:51</t>
  </si>
  <si>
    <t>12/19/2019 14:18:52</t>
  </si>
  <si>
    <t>12/19/2019 14:18:53</t>
  </si>
  <si>
    <t>12/19/2019 14:18:54</t>
  </si>
  <si>
    <t>12/19/2019 14:18:55</t>
  </si>
  <si>
    <t>\\acsfs\profiles$\henriqueco\Contacts\</t>
  </si>
  <si>
    <t>\\acsfs\profiles$\henriqueco\Contacts\desktop.ini</t>
  </si>
  <si>
    <t>12/19/2019 14:18:56</t>
  </si>
  <si>
    <t>12/19/2019 14:18:57</t>
  </si>
  <si>
    <t>12/19/2019 14:18:58</t>
  </si>
  <si>
    <t>12/19/2019 14:19:01</t>
  </si>
  <si>
    <t>12/19/2019 14:19:02</t>
  </si>
  <si>
    <t>\\acsfs\profiles$\henriqueco\My Documents\</t>
  </si>
  <si>
    <t>\\acsfs\profiles$\henriqueco\Favorites\desktop.ini</t>
  </si>
  <si>
    <t>12/19/2019 14:19:03</t>
  </si>
  <si>
    <t>12/19/2019 14:19:05</t>
  </si>
  <si>
    <t>12/19/2019 14:19:06</t>
  </si>
  <si>
    <t>12/19/2019 14:19:07</t>
  </si>
  <si>
    <t>12/19/2019 14:19:08</t>
  </si>
  <si>
    <t>12/19/2019 14:19:10</t>
  </si>
  <si>
    <t>\\acsfs\profiles$\henriqueco\My Documents\My Music\desktop.ini</t>
  </si>
  <si>
    <t>12/19/2019 14:19:11</t>
  </si>
  <si>
    <t>12/19/2019 14:19:13</t>
  </si>
  <si>
    <t>12/19/2019 14:19:14</t>
  </si>
  <si>
    <t>12/19/2019 14:17:37</t>
  </si>
  <si>
    <t>12/19/2019 14:17:06</t>
  </si>
  <si>
    <t>12/19/2019 14:19:15</t>
  </si>
  <si>
    <t>\\acsfs\profiles$\henriqueco\Searches\</t>
  </si>
  <si>
    <t>\\acsfs\profiles$\henriqueco\Searches\desktop.ini</t>
  </si>
  <si>
    <t>12/19/2019 14:21:06</t>
  </si>
  <si>
    <t>12/19/2019 14:19:18</t>
  </si>
  <si>
    <t>12/19/2019 14:19:20</t>
  </si>
  <si>
    <t>12/19/2019 14:19:21</t>
  </si>
  <si>
    <t>12/19/2019 14:19:23</t>
  </si>
  <si>
    <t>\\acsfs\profiles$\henriqueco\Downloads\desktop.ini</t>
  </si>
  <si>
    <t>12/19/2019 14:19:26</t>
  </si>
  <si>
    <t>\\acsfs\profiles$\henriqueco\Favorites\</t>
  </si>
  <si>
    <t>\\acsfs\profiles$\henriqueco\My Documents\desktop.ini</t>
  </si>
  <si>
    <t>12/19/2019 14:19:27</t>
  </si>
  <si>
    <t>12/19/2019 14:19:28</t>
  </si>
  <si>
    <t>12/19/2019 14:19:29</t>
  </si>
  <si>
    <t>12/19/2019 14:19:30</t>
  </si>
  <si>
    <t>\\acsfs\profiles$\henriqueco\Saved Games\desktop.ini</t>
  </si>
  <si>
    <t>12/19/2019 14:19:33</t>
  </si>
  <si>
    <t>12/19/2019 14:20:32</t>
  </si>
  <si>
    <t>lu19476qk7gs.tmp</t>
  </si>
  <si>
    <t>\\acsfs\profiles$\luanarda\lu19476qk7gs.tmp</t>
  </si>
  <si>
    <t>\\acsfs\profiles$\luanarda\lu19476qk7gs.tmp\</t>
  </si>
  <si>
    <t>\\acsfs\profiles$\luanarda\lu19476qk7gs.tmp\META-INF\</t>
  </si>
  <si>
    <t>\\acsfs\profiles$\luanarda\lu19476qk7gs.tmp\Thumbnails\</t>
  </si>
  <si>
    <t>12/19/2019 14:19:41</t>
  </si>
  <si>
    <t>12/19/2019 14:23:32</t>
  </si>
  <si>
    <t>12/19/2019 14:24:32</t>
  </si>
  <si>
    <t>12/19/2019 14:20:22</t>
  </si>
  <si>
    <t>venda q.txt</t>
  </si>
  <si>
    <t>\\acsfs\profiles$\quindaizaagds\My Documents\My Pictures\venda q.txt</t>
  </si>
  <si>
    <t>12/19/2019 14:23:27</t>
  </si>
  <si>
    <t>12/19/2019 14:25:32</t>
  </si>
  <si>
    <t>b9cbd981-2cf1-486c-b07b-d5d7ac3ea571.tmp</t>
  </si>
  <si>
    <t>\\acsfs\profiles$\leticiala\Downloads\b9cbd981-2cf1-486c-b07b-d5d7ac3ea571.tmp</t>
  </si>
  <si>
    <t>12/19/2019 14:24:39</t>
  </si>
  <si>
    <t>12/19/2019 14:24:18</t>
  </si>
  <si>
    <t>12/19/2019 14:25:08</t>
  </si>
  <si>
    <t>10.200.66.39</t>
  </si>
  <si>
    <t>228d4a70-457b-4806-a063-8584b1bb7294.tmp</t>
  </si>
  <si>
    <t>\\acsfs\profiles$\milenaas\Downloads\228d4a70-457b-4806-a063-8584b1bb7294.tmp</t>
  </si>
  <si>
    <t>12/19/2019 14:24:09</t>
  </si>
  <si>
    <t>12/19/2019 14:26:33</t>
  </si>
  <si>
    <t>47d48094-81de-4d0c-b781-60e4d0293134.tmp</t>
  </si>
  <si>
    <t>\\acsfs\profiles$\deborahsi\Downloads\47d48094-81de-4d0c-b781-60e4d0293134.tmp</t>
  </si>
  <si>
    <t>10c6907f-bbcd-4b2e-bf56-4c9d892a4452.tmp</t>
  </si>
  <si>
    <t>\\acsfs\profiles$\deborahsi\Downloads\10c6907f-bbcd-4b2e-bf56-4c9d892a4452.tmp</t>
  </si>
  <si>
    <t>12/19/2019 14:25:30</t>
  </si>
  <si>
    <t>77052cf3-e72b-422d-b0e7-a27d17853d92.tmp</t>
  </si>
  <si>
    <t>\\acsfs\profiles$\deborahsi\Downloads\77052cf3-e72b-422d-b0e7-a27d17853d92.tmp</t>
  </si>
  <si>
    <t>12/19/2019 14:22:27</t>
  </si>
  <si>
    <t>12/19/2019 14:24:08</t>
  </si>
  <si>
    <t>3351ee8f-db7e-4a12-b82d-91ad7a858ce6.tmp</t>
  </si>
  <si>
    <t>\\acsfs\profiles$\felipetds\Downloads\3351ee8f-db7e-4a12-b82d-91ad7a858ce6.tmp</t>
  </si>
  <si>
    <t>12/19/2019 14:24:48</t>
  </si>
  <si>
    <t>12/19/2019 14:22:22</t>
  </si>
  <si>
    <t>12/19/2019 14:23:53</t>
  </si>
  <si>
    <t>12/19/2019 13:55:13</t>
  </si>
  <si>
    <t>12/19/2019 14:27:33</t>
  </si>
  <si>
    <t>ded2cb37-3dc6-420e-b2b4-c82560347490.tmp</t>
  </si>
  <si>
    <t>\\acsfs\profiles$\marcosvnds\Downloads\ded2cb37-3dc6-420e-b2b4-c82560347490.tmp</t>
  </si>
  <si>
    <t>12/19/2019 14:23:06</t>
  </si>
  <si>
    <t>12/19/2019 14:22:37</t>
  </si>
  <si>
    <t>WEDERSON BRUNO ALVES DOS REIS (14813).contact</t>
  </si>
  <si>
    <t>\\acsfs\profiles$\wedersonbadr\Contacts\WEDERSON BRUNO ALVES DOS REIS (14813).contact</t>
  </si>
  <si>
    <t>12/19/2019 14:23:12</t>
  </si>
  <si>
    <t>12/19/2019 14:23:13</t>
  </si>
  <si>
    <t>12/19/2019 14:23:14</t>
  </si>
  <si>
    <t>12/19/2019 14:23:15</t>
  </si>
  <si>
    <t>12/19/2019 14:23:16</t>
  </si>
  <si>
    <t>12/19/2019 14:23:17</t>
  </si>
  <si>
    <t>12/19/2019 14:23:18</t>
  </si>
  <si>
    <t>12/19/2019 14:23:19</t>
  </si>
  <si>
    <t>12/19/2019 14:23:20</t>
  </si>
  <si>
    <t>12/19/2019 14:23:21</t>
  </si>
  <si>
    <t>12/19/2019 14:23:22</t>
  </si>
  <si>
    <t>12/19/2019 14:23:24</t>
  </si>
  <si>
    <t>12/19/2019 14:23:25</t>
  </si>
  <si>
    <t>12/19/2019 14:23:26</t>
  </si>
  <si>
    <t>12/19/2019 14:23:28</t>
  </si>
  <si>
    <t>12/19/2019 14:23:29</t>
  </si>
  <si>
    <t>12/19/2019 14:24:37</t>
  </si>
  <si>
    <t>12/19/2019 14:24:40</t>
  </si>
  <si>
    <t>12/19/2019 14:24:41</t>
  </si>
  <si>
    <t>12/19/2019 14:24:42</t>
  </si>
  <si>
    <t>12/19/2019 14:24:11</t>
  </si>
  <si>
    <t>12/19/2019 14:26:24</t>
  </si>
  <si>
    <t>12/19/2019 14:26:39</t>
  </si>
  <si>
    <t>12/19/2019 14:26:21</t>
  </si>
  <si>
    <t>12/19/2019 14:28:33</t>
  </si>
  <si>
    <t>Pipeline Detalhado Latam 2019_12_19.xlsx</t>
  </si>
  <si>
    <t>12/19/2019 14:22:41</t>
  </si>
  <si>
    <t>1c2f3366-0a93-4fcb-995f-42eea471b37a.tmp</t>
  </si>
  <si>
    <t>\\acsfs\profiles$\victorgl\Downloads\1c2f3366-0a93-4fcb-995f-42eea471b37a.tmp</t>
  </si>
  <si>
    <t>bd98d8c6-c1ff-4d1b-9790-624af0829672.tmp</t>
  </si>
  <si>
    <t>\\acsfs\profiles$\victorgl\Downloads\bd98d8c6-c1ff-4d1b-9790-624af0829672.tmp</t>
  </si>
  <si>
    <t>12/19/2019 14:22:44</t>
  </si>
  <si>
    <t>17057893-fd2e-4483-9d2d-f088dd27c53b.tmp</t>
  </si>
  <si>
    <t>\\acsfs\profiles$\victorgl\Downloads\17057893-fd2e-4483-9d2d-f088dd27c53b.tmp</t>
  </si>
  <si>
    <t>c9bb78d1-01d0-498e-9a4b-1968336cb288.tmp</t>
  </si>
  <si>
    <t>\\acsfs\profiles$\victorgl\Downloads\c9bb78d1-01d0-498e-9a4b-1968336cb288.tmp</t>
  </si>
  <si>
    <t>12/19/2019 14:25:46</t>
  </si>
  <si>
    <t>e01846d5-d1b3-4d35-9256-d4587ba956ce.tmp</t>
  </si>
  <si>
    <t>\\acsfs\profiles$\victorgl\Downloads\e01846d5-d1b3-4d35-9256-d4587ba956ce.tmp</t>
  </si>
  <si>
    <t>12/19/2019 14:24:28</t>
  </si>
  <si>
    <t>12/19/2019 14:24:52</t>
  </si>
  <si>
    <t>12/19/2019 14:29:33</t>
  </si>
  <si>
    <t>12/19/2019 14:25:22</t>
  </si>
  <si>
    <t>12/19/2019 14:25:52</t>
  </si>
  <si>
    <t>12/19/2019 14:26:22</t>
  </si>
  <si>
    <t>12/19/2019 14:26:52</t>
  </si>
  <si>
    <t>12/19/2019 14:25:19</t>
  </si>
  <si>
    <t>12/19/2019 14:25:25</t>
  </si>
  <si>
    <t>\\acsfs\profiles$\paulovadc\My Documents\My Pictures\</t>
  </si>
  <si>
    <t>\\acsfs\profiles$\paulovadc\My Documents\My Videos\desktop.ini</t>
  </si>
  <si>
    <t>12/19/2019 14:25:26</t>
  </si>
  <si>
    <t>\\acsfs\profiles$\paulovadc\My Documents\My Videos\</t>
  </si>
  <si>
    <t>12/19/2019 14:25:27</t>
  </si>
  <si>
    <t>12/19/2019 14:25:34</t>
  </si>
  <si>
    <t>12/19/2019 14:25:35</t>
  </si>
  <si>
    <t>\\acsfs\profiles$\paulovadc\My Documents\My Music\</t>
  </si>
  <si>
    <t>\\acsfs\profiles$\paulovadc\My Documents\My Pictures\desktop.ini</t>
  </si>
  <si>
    <t>12/19/2019 14:25:42</t>
  </si>
  <si>
    <t>12/19/2019 14:25:43</t>
  </si>
  <si>
    <t>12/19/2019 14:25:44</t>
  </si>
  <si>
    <t>12/19/2019 14:25:47</t>
  </si>
  <si>
    <t>12/19/2019 14:25:50</t>
  </si>
  <si>
    <t>\\acsfs\profiles$\paulovadc\Contacts\</t>
  </si>
  <si>
    <t>\\acsfs\profiles$\paulovadc\Contacts\desktop.ini</t>
  </si>
  <si>
    <t>12/19/2019 14:25:58</t>
  </si>
  <si>
    <t>12/19/2019 14:25:59</t>
  </si>
  <si>
    <t>12/19/2019 14:26:00</t>
  </si>
  <si>
    <t>12/19/2019 14:26:03</t>
  </si>
  <si>
    <t>12/19/2019 14:26:04</t>
  </si>
  <si>
    <t>\\acsfs\profiles$\paulovadc\My Documents\</t>
  </si>
  <si>
    <t>\\acsfs\profiles$\paulovadc\Favorites\desktop.ini</t>
  </si>
  <si>
    <t>12/19/2019 14:26:19</t>
  </si>
  <si>
    <t>12/19/2019 14:26:20</t>
  </si>
  <si>
    <t>12/19/2019 14:26:23</t>
  </si>
  <si>
    <t>\\acsfs\profiles$\paulovadc\My Documents\My Music\desktop.ini</t>
  </si>
  <si>
    <t>12/19/2019 14:26:26</t>
  </si>
  <si>
    <t>12/19/2019 14:26:27</t>
  </si>
  <si>
    <t>12/19/2019 14:26:29</t>
  </si>
  <si>
    <t>12/19/2019 14:26:31</t>
  </si>
  <si>
    <t>12/19/2019 14:26:34</t>
  </si>
  <si>
    <t>\\acsfs\profiles$\paulovadc\Searches\</t>
  </si>
  <si>
    <t>\\acsfs\profiles$\paulovadc\Searches\desktop.ini</t>
  </si>
  <si>
    <t>12/19/2019 14:26:36</t>
  </si>
  <si>
    <t>12/19/2019 14:26:37</t>
  </si>
  <si>
    <t>12/19/2019 14:26:38</t>
  </si>
  <si>
    <t>\\acsfs\profiles$\paulovadc\Downloads\desktop.ini</t>
  </si>
  <si>
    <t>12/19/2019 14:26:40</t>
  </si>
  <si>
    <t>12/19/2019 14:26:41</t>
  </si>
  <si>
    <t>\\acsfs\profiles$\paulovadc\Favorites\</t>
  </si>
  <si>
    <t>\\acsfs\profiles$\paulovadc\My Documents\desktop.ini</t>
  </si>
  <si>
    <t>12/19/2019 14:26:43</t>
  </si>
  <si>
    <t>12/19/2019 14:26:44</t>
  </si>
  <si>
    <t>12/19/2019 14:26:46</t>
  </si>
  <si>
    <t>12/19/2019 14:26:48</t>
  </si>
  <si>
    <t>\\acsfs\profiles$\paulovadc\Saved Games\desktop.ini</t>
  </si>
  <si>
    <t>12/19/2019 14:26:49</t>
  </si>
  <si>
    <t>12/19/2019 14:27:45</t>
  </si>
  <si>
    <t>18ad031d-b896-46c0-8487-9e2ea3e01538.tmp</t>
  </si>
  <si>
    <t>\\acsfs\profiles$\paulovadc\Downloads\18ad031d-b896-46c0-8487-9e2ea3e01538.tmp</t>
  </si>
  <si>
    <t>12/19/2019 14:28:11</t>
  </si>
  <si>
    <t>1f645824-205b-4014-9f07-ff71534d46e8.tmp</t>
  </si>
  <si>
    <t>\\acsfs\profiles$\paulovadc\Downloads\1f645824-205b-4014-9f07-ff71534d46e8.tmp</t>
  </si>
  <si>
    <t>12/19/2019 14:28:16</t>
  </si>
  <si>
    <t>34fb01a2-917c-4110-9a9b-8fa63f95f64b.tmp</t>
  </si>
  <si>
    <t>\\acsfs\profiles$\paulovadc\Downloads\34fb01a2-917c-4110-9a9b-8fa63f95f64b.tmp</t>
  </si>
  <si>
    <t>12/19/2019 14:26:01</t>
  </si>
  <si>
    <t>TA - Janaina Arantes PJ.xlsx</t>
  </si>
  <si>
    <t>12/19/2019 14:25:56</t>
  </si>
  <si>
    <t>12/19/2019 14:30:33</t>
  </si>
  <si>
    <t>db56a949-fdc8-4ea2-842c-01ac4dfa173e.tmp</t>
  </si>
  <si>
    <t>\\acsfs\profiles$\ayalabfi\Downloads\db56a949-fdc8-4ea2-842c-01ac4dfa173e.tmp</t>
  </si>
  <si>
    <t>12/19/2019 14:25:39</t>
  </si>
  <si>
    <t>12/19/2019 14:28:08</t>
  </si>
  <si>
    <t>12/19/2019 14:26:54</t>
  </si>
  <si>
    <t>fbaccfb0-3baa-4d79-bdb7-a245a870904e.tmp</t>
  </si>
  <si>
    <t>\\acsfs\profiles$\milenaas\Downloads\fbaccfb0-3baa-4d79-bdb7-a245a870904e.tmp</t>
  </si>
  <si>
    <t>12/19/2019 14:27:19</t>
  </si>
  <si>
    <t>60585d1c-3518-480e-88f2-52fcf50b27e6.tmp</t>
  </si>
  <si>
    <t>\\acsfs\profiles$\milenaas\Downloads\60585d1c-3518-480e-88f2-52fcf50b27e6.tmp</t>
  </si>
  <si>
    <t>abfd7d0b-504c-4fdd-a7aa-4f8020230d49.tmp</t>
  </si>
  <si>
    <t>\\acsfs\profiles$\milenaas\Downloads\abfd7d0b-504c-4fdd-a7aa-4f8020230d49.tmp</t>
  </si>
  <si>
    <t>12/19/2019 14:30:17</t>
  </si>
  <si>
    <t>12/19/2019 14:31:33</t>
  </si>
  <si>
    <t>12/19/2019 14:27:06</t>
  </si>
  <si>
    <t>12/19/2019 14:32:33</t>
  </si>
  <si>
    <t>12/19/2019 14:29:06</t>
  </si>
  <si>
    <t>12/19/2019 14:27:07</t>
  </si>
  <si>
    <t>ae96a8df-6e6f-4c32-8bc1-0e5c9170ec71.tmp</t>
  </si>
  <si>
    <t>\\acsfs\profiles$\henriqueco\Downloads\ae96a8df-6e6f-4c32-8bc1-0e5c9170ec71.tmp</t>
  </si>
  <si>
    <t>12/19/2019 14:27:22</t>
  </si>
  <si>
    <t>Unconfirmed 261047.crdownload</t>
  </si>
  <si>
    <t>\\acsfs\profiles$\henriqueco\Downloads\Unconfirmed 261047.crdownload</t>
  </si>
  <si>
    <t>47001664-2548-4eda-890f-31d22264d37b.tmp</t>
  </si>
  <si>
    <t>\\acsfs\profiles$\henriqueco\Downloads\47001664-2548-4eda-890f-31d22264d37b.tmp</t>
  </si>
  <si>
    <t>12/19/2019 14:27:34</t>
  </si>
  <si>
    <t>Unconfirmed 687239.crdownload</t>
  </si>
  <si>
    <t>\\acsfs\profiles$\henriqueco\Downloads\Unconfirmed 687239.crdownload</t>
  </si>
  <si>
    <t>12/19/2019 14:29:02</t>
  </si>
  <si>
    <t>56e9a1fb-f015-4852-9120-0951d97fd2de.tmp</t>
  </si>
  <si>
    <t>\\acsfs\profiles$\henriqueco\Downloads\56e9a1fb-f015-4852-9120-0951d97fd2de.tmp</t>
  </si>
  <si>
    <t>12/19/2019 14:29:28</t>
  </si>
  <si>
    <t>bb3d1dcf-2b4f-40b3-9aab-9bb54666d897.tmp</t>
  </si>
  <si>
    <t>\\acsfs\profiles$\henriqueco\Downloads\bb3d1dcf-2b4f-40b3-9aab-9bb54666d897.tmp</t>
  </si>
  <si>
    <t>12/19/2019 14:30:54</t>
  </si>
  <si>
    <t>57f37505-27e1-42f0-869d-5c7174d62045.tmp</t>
  </si>
  <si>
    <t>\\acsfs\profiles$\henriqueco\Downloads\57f37505-27e1-42f0-869d-5c7174d62045.tmp</t>
  </si>
  <si>
    <t>12/19/2019 14:29:26</t>
  </si>
  <si>
    <t>12/19/2019 14:34:33</t>
  </si>
  <si>
    <t>7a750d66-f2b8-4a14-a5c6-e4cc592c3c6e.tmp</t>
  </si>
  <si>
    <t>\\acsfs\profiles$\alinepp\Downloads\7a750d66-f2b8-4a14-a5c6-e4cc592c3c6e.tmp</t>
  </si>
  <si>
    <t>12/19/2019 14:32:50</t>
  </si>
  <si>
    <t>CASOS EM ABERTO - CONSUMIDOR.GOV (1).xlsx</t>
  </si>
  <si>
    <t>12/19/2019 14:30:36</t>
  </si>
  <si>
    <t>12/19/2019 14:30:38</t>
  </si>
  <si>
    <t>lu135209e7s.tmp</t>
  </si>
  <si>
    <t>\\acsfs\profiles$\paulovadc\lu135209e7s.tmp</t>
  </si>
  <si>
    <t>\\acsfs\profiles$\paulovadc\lu135209e7s.tmp\</t>
  </si>
  <si>
    <t>\\acsfs\profiles$\paulovadc\lu135209e7s.tmp\META-INF\</t>
  </si>
  <si>
    <t>\\acsfs\profiles$\paulovadc\lu135209e7s.tmp\Thumbnails\</t>
  </si>
  <si>
    <t>12/19/2019 14:32:21</t>
  </si>
  <si>
    <t>12/19/2019 14:31:53</t>
  </si>
  <si>
    <t>mail.google.com/_/upload?authuser=0&amp;dcp=asu-n&amp;upload_id=AEnB2UrMV8cJbcoaRC7vI9heTPYsxRAKhUrKqmYrsUhImEQenoa-z2nEZ882iob-LlSv8U9kbvdiB69p6DfFz0l-CoG6KFvgnHegNzTbIPa9AuIH5mV11MA&amp;upload_protocol=resumable</t>
  </si>
  <si>
    <t>Cronograma de treinamento BBX.xlsx</t>
  </si>
  <si>
    <t>12/19/2019 14:30:39</t>
  </si>
  <si>
    <t>12/19/2019 14:35:34</t>
  </si>
  <si>
    <t>12/19/2019 14:31:39</t>
  </si>
  <si>
    <t>12/19/2019 14:35:26</t>
  </si>
  <si>
    <t>12/19/2019 14:36:35</t>
  </si>
  <si>
    <t>12/19/2019 14:34:05</t>
  </si>
  <si>
    <t>c4bd6969-a6f6-400c-9838-77044103c0db.tmp</t>
  </si>
  <si>
    <t>\\acsfs\profiles$\marcosvnds\Downloads\c4bd6969-a6f6-400c-9838-77044103c0db.tmp</t>
  </si>
  <si>
    <t>12/19/2019 14:34:23</t>
  </si>
  <si>
    <t>12/19/2019 14:35:02</t>
  </si>
  <si>
    <t>12/19/2019 14:33:06</t>
  </si>
  <si>
    <t>12/19/2019 14:37:34</t>
  </si>
  <si>
    <t>12/19/2019 14:35:06</t>
  </si>
  <si>
    <t>12/19/2019 14:32:41</t>
  </si>
  <si>
    <t>27348d65-a809-42fb-9970-833fcd51b637.tmp</t>
  </si>
  <si>
    <t>\\acsfs\profiles$\henriqueco\Downloads\27348d65-a809-42fb-9970-833fcd51b637.tmp</t>
  </si>
  <si>
    <t>12/19/2019 14:38:34</t>
  </si>
  <si>
    <t>12/19/2019 14:36:30</t>
  </si>
  <si>
    <t>028147e8-7888-43d0-8f2e-11248f84e1e1.tmp</t>
  </si>
  <si>
    <t>\\acsfs\profiles$\victorgl\Downloads\028147e8-7888-43d0-8f2e-11248f84e1e1.tmp</t>
  </si>
  <si>
    <t>12/19/2019 14:36:58</t>
  </si>
  <si>
    <t>12/19/2019 14:39:34</t>
  </si>
  <si>
    <t>12/19/2019 14:38:01</t>
  </si>
  <si>
    <t>12/19/2019 14:40:34</t>
  </si>
  <si>
    <t>9927d8ea-ae07-4486-952e-51f1d9dd3953.tmp</t>
  </si>
  <si>
    <t>\\acsfs\profiles$\layonmof\Downloads\9927d8ea-ae07-4486-952e-51f1d9dd3953.tmp</t>
  </si>
  <si>
    <t>12/19/2019 14:39:20</t>
  </si>
  <si>
    <t>8d9d9d1c-561d-4f9f-a776-7fda12ae9fe6.tmp</t>
  </si>
  <si>
    <t>\\acsfs\profiles$\layonmof\Downloads\8d9d9d1c-561d-4f9f-a776-7fda12ae9fe6.tmp</t>
  </si>
  <si>
    <t>12/19/2019 14:39:24</t>
  </si>
  <si>
    <t>11e49649-fbda-44a9-9fe5-e490cf89afe9.tmp</t>
  </si>
  <si>
    <t>\\acsfs\profiles$\layonmof\Downloads\11e49649-fbda-44a9-9fe5-e490cf89afe9.tmp</t>
  </si>
  <si>
    <t>12/19/2019 14:36:39</t>
  </si>
  <si>
    <t>12/19/2019 14:37:39</t>
  </si>
  <si>
    <t>12/19/2019 14:37:24</t>
  </si>
  <si>
    <t>12/19/2019 14:41:33</t>
  </si>
  <si>
    <t>12/19/2019 14:39:06</t>
  </si>
  <si>
    <t>12/19/2019 14:42:34</t>
  </si>
  <si>
    <t>12/19/2019 14:41:06</t>
  </si>
  <si>
    <t>12/19/2019 14:39:43</t>
  </si>
  <si>
    <t>12/19/2019 14:40:12</t>
  </si>
  <si>
    <t>12/19/2019 14:40:24</t>
  </si>
  <si>
    <t>12/19/2019 14:40:56</t>
  </si>
  <si>
    <t>12/19/2019 14:41:37</t>
  </si>
  <si>
    <t>12/19/2019 14:41:38</t>
  </si>
  <si>
    <t>12/19/2019 14:40:27</t>
  </si>
  <si>
    <t>baea5a67-4384-4440-ab6c-84ec2b6bd782.tmp</t>
  </si>
  <si>
    <t>\\acsfs\profiles$\vivianibfs\Downloads\baea5a67-4384-4440-ab6c-84ec2b6bd782.tmp</t>
  </si>
  <si>
    <t>12/19/2019 14:41:00</t>
  </si>
  <si>
    <t>773ae625-090f-40ba-b992-dacde7ab5ea0.tmp</t>
  </si>
  <si>
    <t>\\acsfs\profiles$\vivianibfs\Downloads\773ae625-090f-40ba-b992-dacde7ab5ea0.tmp</t>
  </si>
  <si>
    <t>12/19/2019 14:41:22</t>
  </si>
  <si>
    <t>ac1750f2-bdf4-4d53-92a4-d717b29a3ce6.tmp</t>
  </si>
  <si>
    <t>\\acsfs\profiles$\vivianibfs\Downloads\ac1750f2-bdf4-4d53-92a4-d717b29a3ce6.tmp</t>
  </si>
  <si>
    <t>12/19/2019 14:39:48</t>
  </si>
  <si>
    <t>Formulário TTV - Lançamento de Atraso de Jornada Jaqueline 19 12.xlsx</t>
  </si>
  <si>
    <t>12/19/2019 14:39:55</t>
  </si>
  <si>
    <t>12/19/2019 14:42:20</t>
  </si>
  <si>
    <t>12/19/2019 14:43:34</t>
  </si>
  <si>
    <t>6282de0d-4a11-45e8-9514-94ddd35d52c8.tmp</t>
  </si>
  <si>
    <t>\\acsfs\profiles$\brendadsl\Downloads\6282de0d-4a11-45e8-9514-94ddd35d52c8.tmp</t>
  </si>
  <si>
    <t>12/19/2019 14:43:11</t>
  </si>
  <si>
    <t>12/19/2019 14:42:22</t>
  </si>
  <si>
    <t>12/19/2019 14:44:34</t>
  </si>
  <si>
    <t>5353258a-cead-4b25-a4ba-6ca37fcd8082.tmp</t>
  </si>
  <si>
    <t>\\acsfs\profiles$\KARENJSS\Downloads\5353258a-cead-4b25-a4ba-6ca37fcd8082.tmp</t>
  </si>
  <si>
    <t>12/19/2019 14:45:34</t>
  </si>
  <si>
    <t>12/19/2019 14:43:47</t>
  </si>
  <si>
    <t>12/19/2019 14:42:39</t>
  </si>
  <si>
    <t>12/19/2019 14:43:39</t>
  </si>
  <si>
    <t>12/19/2019 14:45:15</t>
  </si>
  <si>
    <t>ca2a8a26-f80a-45bf-9d8b-d130a65cb3f0.tmp</t>
  </si>
  <si>
    <t>\\acsfs\profiles$\gabrielafs\Downloads\ca2a8a26-f80a-45bf-9d8b-d130a65cb3f0.tmp</t>
  </si>
  <si>
    <t>12/19/2019 14:45:26</t>
  </si>
  <si>
    <t>12/19/2019 14:46:34</t>
  </si>
  <si>
    <t>12/18/2019 14:04:47</t>
  </si>
  <si>
    <t>C:\Users\filemoncmj\OneDrive - Grupo Algar\01. Algar Tech\01. Projetos de Clientes\09. T-Systems\09. Implantação do CMDB\Arquivos de Carga\</t>
  </si>
  <si>
    <t>PB - All In One.xlsx</t>
  </si>
  <si>
    <t>12/19/2019 14:45:06</t>
  </si>
  <si>
    <t>12/19/2019 14:47:34</t>
  </si>
  <si>
    <t>12/19/2019 14:42:18</t>
  </si>
  <si>
    <t>12/19/2019 14:44:10</t>
  </si>
  <si>
    <t>22978f2a-cc96-4a32-8177-da9db7f2ab6d.tmp</t>
  </si>
  <si>
    <t>\\acsfs\profiles$\vivianibfs\Downloads\22978f2a-cc96-4a32-8177-da9db7f2ab6d.tmp</t>
  </si>
  <si>
    <t>12/19/2019 14:47:00</t>
  </si>
  <si>
    <t>12/19/2019 14:47:01</t>
  </si>
  <si>
    <t>12/19/2019 14:47:03</t>
  </si>
  <si>
    <t>12/19/2019 14:47:04</t>
  </si>
  <si>
    <t>12/19/2019 14:47:05</t>
  </si>
  <si>
    <t>12/19/2019 14:47:07</t>
  </si>
  <si>
    <t>12/19/2019 14:47:08</t>
  </si>
  <si>
    <t>12/19/2019 14:47:10</t>
  </si>
  <si>
    <t>12/19/2019 14:47:12</t>
  </si>
  <si>
    <t>12/19/2019 14:47:14</t>
  </si>
  <si>
    <t>12/19/2019 14:47:15</t>
  </si>
  <si>
    <t>12/19/2019 14:47:16</t>
  </si>
  <si>
    <t>12/19/2019 14:47:19</t>
  </si>
  <si>
    <t>12/19/2019 14:47:20</t>
  </si>
  <si>
    <t>12/19/2019 14:47:22</t>
  </si>
  <si>
    <t>12/19/2019 14:47:24</t>
  </si>
  <si>
    <t>12/19/2019 14:47:25</t>
  </si>
  <si>
    <t>12/19/2019 14:47:26</t>
  </si>
  <si>
    <t>12/19/2019 14:43:44</t>
  </si>
  <si>
    <t>12/19/2019 14:48:34</t>
  </si>
  <si>
    <t>12/19/2019 14:44:29</t>
  </si>
  <si>
    <t>12/19/2019 14:45:17</t>
  </si>
  <si>
    <t>12/19/2019 14:49:34</t>
  </si>
  <si>
    <t>ed3ddbf2-b4bc-472d-be40-25480cb24b03.tmp</t>
  </si>
  <si>
    <t>\\acsfs\profiles$\alinepp\Downloads\ed3ddbf2-b4bc-472d-be40-25480cb24b03.tmp</t>
  </si>
  <si>
    <t>12/19/2019 14:45:23</t>
  </si>
  <si>
    <t>12/19/2019 14:45:59</t>
  </si>
  <si>
    <t>12/19/2019 14:45:29</t>
  </si>
  <si>
    <t>mail.google.com/_/upload?authuser=0&amp;dcp=asu-n&amp;upload_id=AEnB2UqD9BW_1lbKCUvIZMctojwPb82Zra1zV5lt-7II3VasBYFb0lm-OILGpMjFO2O0u2MYetyix-O4W8L_SB3gLeaey-q2qLAXkk5TTRjWKYU4WLlgFrk&amp;upload_protocol=resumable</t>
  </si>
  <si>
    <t>\\acsfs\Engeset\FINANCEIRO_ULA\FATURAMENTO\11. Faturamento TIM Microsiga\VALIDAÇÃO MICROSIGA\</t>
  </si>
  <si>
    <t>12/19/2019 14:49:14</t>
  </si>
  <si>
    <t>mail.google.com/_/upload?authuser=0&amp;dcp=asu-n&amp;upload_id=AEnB2UoYkAVAXSM_MfrehMny5RKS9N6zCndqnFIKuvi423Sy0NxN3sapr5_H7IgRBl192p4jBPjB-0uPbaBbARSaQ2FVKbAbewBbw8rqX8CJrO9bEXGNv8E&amp;upload_protocol=resumable</t>
  </si>
  <si>
    <t>12/19/2019 14:46:08</t>
  </si>
  <si>
    <t>12/19/2019 14:50:34</t>
  </si>
  <si>
    <t>12/19/2019 14:44:55</t>
  </si>
  <si>
    <t>Relatorio de Vendas - Auditoria BV Cartoes (Dezembro) 13.xlsx</t>
  </si>
  <si>
    <t>\\acsfs\DEPTOS\Operacao\Banco_Votorantim\Qualidade\Anderson\Jose\Relatorio de Vendas - Auditoria BV Cartoes (Dezembro) 13.xlsx</t>
  </si>
  <si>
    <t>12/19/2019 14:45:32</t>
  </si>
  <si>
    <t>mail.google.com/_/upload?authuser=0&amp;dcp=asu-n&amp;upload_id=AEnB2UquWXCpTOg5rv2x0XrpXnznXZYUqG2D8wffzmlphAe4Cjr7wszo9QKI6RWa8pbC9-ppwCJZz94h-fWGG8BO0EUrlfzfGpf2EEYn8y3vdxokKyzqf6c&amp;upload_protocol=resumable</t>
  </si>
  <si>
    <t>C:\Users\lucianabo\Desktop\2020\PTH FINAL 19122019\</t>
  </si>
  <si>
    <t>PTH AVON SAC - ORÇ 2020.xlsx</t>
  </si>
  <si>
    <t>12/19/2019 14:48:39</t>
  </si>
  <si>
    <t>12/19/2019 14:49:39</t>
  </si>
  <si>
    <t>mail.google.com/_/upload?authuser=1&amp;dcp=asu-n&amp;upload_id=AEnB2UqMVgf19kbBr543rab619yR-P1HRKGRd1m7IbrUDBGih7mn72nPPY21a2WJpSKl-lQjAiOsJGGL4-DVbPdNCZamAkh8Q31q09CvVY4i8in1Bk9WVx8&amp;upload_protocol=resumable</t>
  </si>
  <si>
    <t>C:\Users\douglassp\Desktop\Apresentação Retop Dezembro.pptx\</t>
  </si>
  <si>
    <t>12/19/2019 14:45:52</t>
  </si>
  <si>
    <t>12/19/2019 14:51:33</t>
  </si>
  <si>
    <t>3091db99-c3f8-4d9e-8f35-e665c6011cde.tmp</t>
  </si>
  <si>
    <t>\\acsfs\profiles$\deborahsi\Downloads\3091db99-c3f8-4d9e-8f35-e665c6011cde.tmp</t>
  </si>
  <si>
    <t>\\oficina\d$\Programas\MicroSIP\</t>
  </si>
  <si>
    <t>MicroSIP-3.19.22.exe.1c9dj7c.partial</t>
  </si>
  <si>
    <t>\\oficina\d$\Programas\MicroSIP\MicroSIP-3.19.22.exe.1c9dj7c.partial</t>
  </si>
  <si>
    <t>12/19/2019 14:47:06</t>
  </si>
  <si>
    <t>MicroSIP-3.19.22.exe.1c9dj7c.partial:Zone.Identifier</t>
  </si>
  <si>
    <t>\\oficina\d$\Programas\MicroSIP\MicroSIP-3.19.22.exe.1c9dj7c.partial:Zone.Identifier</t>
  </si>
  <si>
    <t>12/19/2019 14:49:51</t>
  </si>
  <si>
    <t>12/19/2019 14:52:34</t>
  </si>
  <si>
    <t>12/19/2019 14:51:06</t>
  </si>
  <si>
    <t>12/19/2019 14:52:11</t>
  </si>
  <si>
    <t>12/19/2019 14:47:27</t>
  </si>
  <si>
    <t>12/19/2019 14:47:28</t>
  </si>
  <si>
    <t>12/19/2019 14:47:31</t>
  </si>
  <si>
    <t>12/19/2019 14:47:32</t>
  </si>
  <si>
    <t>12/19/2019 14:47:35</t>
  </si>
  <si>
    <t>12/19/2019 14:47:36</t>
  </si>
  <si>
    <t>12/19/2019 14:47:37</t>
  </si>
  <si>
    <t>12/19/2019 14:47:39</t>
  </si>
  <si>
    <t>12/19/2019 14:47:40</t>
  </si>
  <si>
    <t>12/19/2019 14:47:42</t>
  </si>
  <si>
    <t>12/19/2019 14:47:43</t>
  </si>
  <si>
    <t>12/19/2019 14:47:44</t>
  </si>
  <si>
    <t>12/19/2019 14:47:46</t>
  </si>
  <si>
    <t>12/19/2019 14:47:47</t>
  </si>
  <si>
    <t>12/19/2019 14:47:48</t>
  </si>
  <si>
    <t>12/19/2019 14:47:50</t>
  </si>
  <si>
    <t>12/19/2019 14:47:52</t>
  </si>
  <si>
    <t>12/19/2019 14:47:53</t>
  </si>
  <si>
    <t>12/19/2019 14:47:55</t>
  </si>
  <si>
    <t>12/19/2019 14:47:56</t>
  </si>
  <si>
    <t>12/19/2019 14:47:58</t>
  </si>
  <si>
    <t>12/19/2019 14:47:59</t>
  </si>
  <si>
    <t>12/19/2019 14:48:18</t>
  </si>
  <si>
    <t>12/19/2019 14:52:20</t>
  </si>
  <si>
    <t>19628a24-dbba-461b-9831-4370bdd541c8.tmp</t>
  </si>
  <si>
    <t>\\acsfs\profiles$\brunalas\Downloads\19628a24-dbba-461b-9831-4370bdd541c8.tmp</t>
  </si>
  <si>
    <t>12/19/2019 14:48:30</t>
  </si>
  <si>
    <t>12/19/2019 14:53:34</t>
  </si>
  <si>
    <t>Pipeline Detalhado Argentina 2019_12_19.xlsx</t>
  </si>
  <si>
    <t>12/19/2019 14:50:36</t>
  </si>
  <si>
    <t>mail.google.com/_/upload?authuser=1&amp;dcp=asu-n&amp;upload_id=AEnB2UrADj8-xiKEfUbN33YsveC80Qj8X_fuDBgBXfP5qakICD_iw0OTOAtpCqhMQjCCryY4dfsS535xUZIaER-wr4JqzIjk6bGL5qjDOJ-gWf-juqQptVQ&amp;upload_protocol=resumable</t>
  </si>
  <si>
    <t>Pipeline Detalhado Colombia 2019_12_19.xlsx</t>
  </si>
  <si>
    <t>12/19/2019 14:52:59</t>
  </si>
  <si>
    <t>87fc7624-fbcc-425f-83bc-23814127ad3d.tmp</t>
  </si>
  <si>
    <t>\\acsfs\profiles$\philipegsf\Downloads\87fc7624-fbcc-425f-83bc-23814127ad3d.tmp</t>
  </si>
  <si>
    <t>12/19/2019 14:48:24</t>
  </si>
  <si>
    <t>12/19/2019 14:49:17</t>
  </si>
  <si>
    <t>dad67598-1906-49b8-a46f-be5f53824458.tmp</t>
  </si>
  <si>
    <t>\\acsfs\profiles$\sarahbal\Downloads\dad67598-1906-49b8-a46f-be5f53824458.tmp</t>
  </si>
  <si>
    <t>12/19/2019 14:49:33</t>
  </si>
  <si>
    <t>12/19/2019 14:54:34</t>
  </si>
  <si>
    <t>8fd40e61-2b00-47cb-ba1f-81730dbf1d03.tmp</t>
  </si>
  <si>
    <t>\\acsfs\profiles$\alinepp\Downloads\8fd40e61-2b00-47cb-ba1f-81730dbf1d03.tmp</t>
  </si>
  <si>
    <t>12/19/2019 14:49:54</t>
  </si>
  <si>
    <t>12/19/2019 14:50:24</t>
  </si>
  <si>
    <t>cb6389d3-e347-45e7-a504-a8144b9a6fa1.tmp</t>
  </si>
  <si>
    <t>\\acsfs\profiles$\paulovadc\Downloads\cb6389d3-e347-45e7-a504-a8144b9a6fa1.tmp</t>
  </si>
  <si>
    <t>12/19/2019 14:53:26</t>
  </si>
  <si>
    <t>9a7a7edb-26ea-4a19-a1ac-54c9f1037233.tmp</t>
  </si>
  <si>
    <t>\\acsfs\profiles$\paulovadc\Downloads\9a7a7edb-26ea-4a19-a1ac-54c9f1037233.tmp</t>
  </si>
  <si>
    <t>12/19/2019 12:01:19</t>
  </si>
  <si>
    <t>C:\Users\gustavoas\Documents\Algar Tech Local\Financeiro\</t>
  </si>
  <si>
    <t>12/19/2019 12:01:21</t>
  </si>
  <si>
    <t>mail.google.com/_/upload?authuser=0&amp;dcp=asu-n&amp;upload_id=AEnB2Uo30Bhyjy79jmi9795cMURzBqtQ6IxbmbnN4aOe4e4FAk5uA5SG6cMkge7NlkMaM42HTv3rlO1YtGwjXqfZ7Xqt_saAiA&amp;upload_protocol=resumable</t>
  </si>
  <si>
    <t>12/19/2019 14:53:48</t>
  </si>
  <si>
    <t>12/19/2019 14:54:09</t>
  </si>
  <si>
    <t>3c82d006-b4dc-460c-9259-4a8487d064a7.tmp</t>
  </si>
  <si>
    <t>\\acsfs\profiles$\erichds\Downloads\3c82d006-b4dc-460c-9259-4a8487d064a7.tmp</t>
  </si>
  <si>
    <t>12/19/2019 14:55:34</t>
  </si>
  <si>
    <t>12/19/2019 14:50:26</t>
  </si>
  <si>
    <t>12/19/2019 14:54:39</t>
  </si>
  <si>
    <t>12/19/2019 14:50:46</t>
  </si>
  <si>
    <t>53def097-0d94-4148-8ff8-3bfe3f8239b7.tmp</t>
  </si>
  <si>
    <t>\\acsfs\profiles$\milenaas\Downloads\53def097-0d94-4148-8ff8-3bfe3f8239b7.tmp</t>
  </si>
  <si>
    <t>12/19/2019 14:54:33</t>
  </si>
  <si>
    <t>12/19/2019 14:56:34</t>
  </si>
  <si>
    <t>12/19/2019 14:52:57</t>
  </si>
  <si>
    <t>12/19/2019 14:53:06</t>
  </si>
  <si>
    <t>12/19/2019 14:57:34</t>
  </si>
  <si>
    <t>12/19/2019 14:54:22</t>
  </si>
  <si>
    <t>71feba66-b400-4fbd-8da6-bcf2ac2be45b.tmp</t>
  </si>
  <si>
    <t>\\acsfs\profiles$\layonmof\Downloads\71feba66-b400-4fbd-8da6-bcf2ac2be45b.tmp</t>
  </si>
  <si>
    <t>12/19/2019 14:56:14</t>
  </si>
  <si>
    <t>ENC: BD - Monitoras de Qualidade</t>
  </si>
  <si>
    <t>BD- Qualidade next.xls</t>
  </si>
  <si>
    <t>12/19/2019 14:52:58</t>
  </si>
  <si>
    <t>262c90e4-54eb-43bb-977a-41fdeda88fd0.tmp</t>
  </si>
  <si>
    <t>\\acsfs\profiles$\brunalas\Downloads\262c90e4-54eb-43bb-977a-41fdeda88fd0.tmp</t>
  </si>
  <si>
    <t>12/19/2019 14:54:19</t>
  </si>
  <si>
    <t>12/19/2019 14:58:34</t>
  </si>
  <si>
    <t>Pipeline Detalhado Mexico 2019_12_19.xlsx</t>
  </si>
  <si>
    <t>mail.google.com/_/upload?authuser=1&amp;dcp=asu-n&amp;upload_id=AEnB2UrLHDjlvab-r2slKugCoxD0xg55woRWzmuzHraiZ6hBf0M3J-Zh6-_-Q-claheQksO1BAfPDdPy8hXmeXa-mMoO1qn8IauLFXPKr0yBPhxV349-7jY&amp;upload_protocol=resumable</t>
  </si>
  <si>
    <t>12/19/2019 14:53:32</t>
  </si>
  <si>
    <t>12/19/2019 14:53:37</t>
  </si>
  <si>
    <t>12/19/2019 14:55:00</t>
  </si>
  <si>
    <t>fd084e54-a191-406c-8244-2e3f45fe2e24.tmp</t>
  </si>
  <si>
    <t>\\acsfs\profiles$\philipegsf\Downloads\fd084e54-a191-406c-8244-2e3f45fe2e24.tmp</t>
  </si>
  <si>
    <t>12/19/2019 14:54:40</t>
  </si>
  <si>
    <t>10.200.60.227</t>
  </si>
  <si>
    <t>Mapa de Logs de Navegação - URA Whirlpool.xlsx</t>
  </si>
  <si>
    <t>12/19/2019 14:56:52</t>
  </si>
  <si>
    <t>12/19/2019 14:59:34</t>
  </si>
  <si>
    <t>bdfd8e7f-c19a-48ac-bf6e-cf0dd4dcae5e.tmp</t>
  </si>
  <si>
    <t>\\acsfs\profiles$\geovannasm\Downloads\bdfd8e7f-c19a-48ac-bf6e-cf0dd4dcae5e.tmp</t>
  </si>
  <si>
    <t>12/19/2019 14:57:49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</t>
  </si>
  <si>
    <t>C:\Users\marianacgs\Downloads\</t>
  </si>
  <si>
    <t>12/19/2019 14:58:02</t>
  </si>
  <si>
    <t>12/19/2019 14:55:36</t>
  </si>
  <si>
    <t>94dbfefe-7a40-4b44-b6c2-c947fc154c02.tmp</t>
  </si>
  <si>
    <t>\\acsfs\profiles$\erichds\Downloads\94dbfefe-7a40-4b44-b6c2-c947fc154c02.tmp</t>
  </si>
  <si>
    <t>12/19/2019 14:56:01</t>
  </si>
  <si>
    <t>d3d3f7dd-91d0-4f70-919d-2a9effbfc687.tmp</t>
  </si>
  <si>
    <t>\\acsfs\profiles$\erichds\Downloads\d3d3f7dd-91d0-4f70-919d-2a9effbfc687.tmp</t>
  </si>
  <si>
    <t>12/19/2019 14:56:13</t>
  </si>
  <si>
    <t>ac9595f2-c6da-4974-ad72-ae75c40239f5.tmp</t>
  </si>
  <si>
    <t>\\acsfs\profiles$\erichds\Downloads\ac9595f2-c6da-4974-ad72-ae75c40239f5.tmp</t>
  </si>
  <si>
    <t>12/19/2019 15:00:34</t>
  </si>
  <si>
    <t>12/19/2019 14:56:58</t>
  </si>
  <si>
    <t>12/19/2019 14:55:40</t>
  </si>
  <si>
    <t>12/19/2019 14:56:11</t>
  </si>
  <si>
    <t>12/19/2019 15:01:34</t>
  </si>
  <si>
    <t>12/19/2019 15:00:44</t>
  </si>
  <si>
    <t>8c27b805-fea0-4b85-af81-60f5a4ca3138.tmp</t>
  </si>
  <si>
    <t>\\acsfs\profiles$\wenderbnm\Downloads\8c27b805-fea0-4b85-af81-60f5a4ca3138.tmp</t>
  </si>
  <si>
    <t>12/19/2019 15:00:55</t>
  </si>
  <si>
    <t>12/19/2019 15:00:14</t>
  </si>
  <si>
    <t>12/19/2019 14:58:19</t>
  </si>
  <si>
    <t>\\acsfs\profiles$\marcosvnds\My Documents\xworkcenter\lex\</t>
  </si>
  <si>
    <t>\\acsfs\profiles$\marcosvnds\My Documents\xworkcenter\lex\temp.tlx</t>
  </si>
  <si>
    <t>12/19/2019 14:58:20</t>
  </si>
  <si>
    <t>12/19/2019 14:58:21</t>
  </si>
  <si>
    <t>12/19/2019 14:58:22</t>
  </si>
  <si>
    <t>12/19/2019 14:58:23</t>
  </si>
  <si>
    <t>12/19/2019 14:58:24</t>
  </si>
  <si>
    <t>12/19/2019 14:58:25</t>
  </si>
  <si>
    <t>12/19/2019 14:58:26</t>
  </si>
  <si>
    <t>12/19/2019 14:58:27</t>
  </si>
  <si>
    <t>12/19/2019 14:58:28</t>
  </si>
  <si>
    <t>12/19/2019 14:58:29</t>
  </si>
  <si>
    <t>12/19/2019 14:58:30</t>
  </si>
  <si>
    <t>12/19/2019 14:58:31</t>
  </si>
  <si>
    <t>12/19/2019 14:58:32</t>
  </si>
  <si>
    <t>12/19/2019 14:58:33</t>
  </si>
  <si>
    <t>12/19/2019 14:58:35</t>
  </si>
  <si>
    <t>12/19/2019 14:58:36</t>
  </si>
  <si>
    <t>12/19/2019 14:58:37</t>
  </si>
  <si>
    <t>12/19/2019 14:58:38</t>
  </si>
  <si>
    <t>12/19/2019 14:58:39</t>
  </si>
  <si>
    <t>12/19/2019 14:58:40</t>
  </si>
  <si>
    <t>12/19/2019 14:58:41</t>
  </si>
  <si>
    <t>12/19/2019 14:58:42</t>
  </si>
  <si>
    <t>12/19/2019 14:56:46</t>
  </si>
  <si>
    <t>12/19/2019 15:02:34</t>
  </si>
  <si>
    <t>12/19/2019 14:57:11</t>
  </si>
  <si>
    <t>12/19/2019 14:57:24</t>
  </si>
  <si>
    <t>12/19/2019 14:57:06</t>
  </si>
  <si>
    <t>12/19/2019 14:59:06</t>
  </si>
  <si>
    <t>\\acsfs\engeset\CPV_ULA\ADMINISTRATIVO\CONTROLE ADMINISTRATIVO\DOCUMENTAÇÃO PARA HABILITAÇÃO\Algar TI\2019\218481 - GRUPO PETRÓPOLIS - RFP CONSULTORIA TI - 20.12.2019\</t>
  </si>
  <si>
    <t>Anexo II - Planilha de Custos.xlsx</t>
  </si>
  <si>
    <t>12/19/2019 14:57:55</t>
  </si>
  <si>
    <t>be0a8747-305a-4f9a-957b-38682fe242b9.tmp</t>
  </si>
  <si>
    <t>\\acsfs\profiles$\layonmof\Downloads\be0a8747-305a-4f9a-957b-38682fe242b9.tmp</t>
  </si>
  <si>
    <t>12/19/2019 15:01:28</t>
  </si>
  <si>
    <t>12/19/2019 15:03:34</t>
  </si>
  <si>
    <t>12/19/2019 14:59:54</t>
  </si>
  <si>
    <t>12/19/2019 15:04:34</t>
  </si>
  <si>
    <t>12/19/2019 15:01:55</t>
  </si>
  <si>
    <t>12/19/2019 15:01:41</t>
  </si>
  <si>
    <t>12/19/2019 15:05:34</t>
  </si>
  <si>
    <t>12/19/2019 15:00:45</t>
  </si>
  <si>
    <t>lu7872300az.tmp</t>
  </si>
  <si>
    <t>\\acsfs\profiles$\CLAUDIAJCA\lu7872300az.tmp</t>
  </si>
  <si>
    <t>\\acsfs\profiles$\CLAUDIAJCA\lu7872300az.tmp\</t>
  </si>
  <si>
    <t>\\acsfs\profiles$\CLAUDIAJCA\lu7872300az.tmp\META-INF\</t>
  </si>
  <si>
    <t>\\acsfs\profiles$\CLAUDIAJCA\lu7872300az.tmp\Thumbnails\</t>
  </si>
  <si>
    <t>12/19/2019 15:00:39</t>
  </si>
  <si>
    <t>12/19/2019 15:01:39</t>
  </si>
  <si>
    <t>12/19/2019 15:01:23</t>
  </si>
  <si>
    <t>Cronograma Auditoria TOP - 2020 (1).xlsx</t>
  </si>
  <si>
    <t>12/19/2019 15:04:37</t>
  </si>
  <si>
    <t>12/19/2019 15:06:34</t>
  </si>
  <si>
    <t>12/19/2019 15:03:06</t>
  </si>
  <si>
    <t>12/19/2019 15:07:34</t>
  </si>
  <si>
    <t>12/19/2019 15:05:06</t>
  </si>
  <si>
    <t>12/19/2019 15:04:39</t>
  </si>
  <si>
    <t>H:\VCO\OBZ\OBZ - 2020\11- Orçamento 2020\Consolidado por Pacote\</t>
  </si>
  <si>
    <t>Oficial 2020_Pacote Telecomunicações.xlsb</t>
  </si>
  <si>
    <t>12/19/2019 15:05:04</t>
  </si>
  <si>
    <t>Oficial 2020_Pacote Despesas Gerais.xlsb</t>
  </si>
  <si>
    <t>12/19/2019 15:05:56</t>
  </si>
  <si>
    <t>12/19/2019 15:03:47</t>
  </si>
  <si>
    <t>12/19/2019 15:03:44</t>
  </si>
  <si>
    <t>12/19/2019 15:03:49</t>
  </si>
  <si>
    <t>12/19/2019 15:06:21</t>
  </si>
  <si>
    <t>12/19/2019 15:06:31</t>
  </si>
  <si>
    <t>12/19/2019 15:06:36</t>
  </si>
  <si>
    <t>12/19/2019 15:06:44</t>
  </si>
  <si>
    <t>12/19/2019 15:07:04</t>
  </si>
  <si>
    <t>12/19/2019 15:06:14</t>
  </si>
  <si>
    <t>12/19/2019 15:05:59</t>
  </si>
  <si>
    <t>12/19/2019 15:08:34</t>
  </si>
  <si>
    <t>Relatorio.Recibo.Ferias_20191217205536210137 (1).pdf.sy85f8q.partial</t>
  </si>
  <si>
    <t>\\acsfs\profiles$\bernardopcm\Downloads\Relatorio.Recibo.Ferias_20191217205536210137 (1).pdf.sy85f8q.partial</t>
  </si>
  <si>
    <t>12/19/2019 15:04:26</t>
  </si>
  <si>
    <t>12/19/2019 15:05:47</t>
  </si>
  <si>
    <t>12/19/2019 15:05:12</t>
  </si>
  <si>
    <t>12/19/2019 15:05:13</t>
  </si>
  <si>
    <t>12/19/2019 15:05:14</t>
  </si>
  <si>
    <t>12/19/2019 15:05:15</t>
  </si>
  <si>
    <t>12/19/2019 15:05:16</t>
  </si>
  <si>
    <t>12/19/2019 15:05:17</t>
  </si>
  <si>
    <t>12/19/2019 15:05:18</t>
  </si>
  <si>
    <t>12/19/2019 15:05:19</t>
  </si>
  <si>
    <t>12/19/2019 15:05:20</t>
  </si>
  <si>
    <t>12/19/2019 15:05:21</t>
  </si>
  <si>
    <t>12/19/2019 15:05:22</t>
  </si>
  <si>
    <t>12/19/2019 15:05:23</t>
  </si>
  <si>
    <t>12/19/2019 15:05:24</t>
  </si>
  <si>
    <t>12/19/2019 15:05:25</t>
  </si>
  <si>
    <t>12/19/2019 15:05:26</t>
  </si>
  <si>
    <t>12/19/2019 15:05:27</t>
  </si>
  <si>
    <t>12/19/2019 15:05:28</t>
  </si>
  <si>
    <t>12/19/2019 15:05:29</t>
  </si>
  <si>
    <t>12/19/2019 15:05:30</t>
  </si>
  <si>
    <t>12/19/2019 15:05:31</t>
  </si>
  <si>
    <t>12/19/2019 15:05:32</t>
  </si>
  <si>
    <t>12/19/2019 15:05:33</t>
  </si>
  <si>
    <t>12/19/2019 15:05:35</t>
  </si>
  <si>
    <t>12/19/2019 15:05:36</t>
  </si>
  <si>
    <t>12/19/2019 15:05:37</t>
  </si>
  <si>
    <t>b0025798-6b28-4aec-9e30-dad11cdf19a1.tmp</t>
  </si>
  <si>
    <t>\\acsfs\profiles$\nataliacsl\Downloads\b0025798-6b28-4aec-9e30-dad11cdf19a1.tmp</t>
  </si>
  <si>
    <t>12/19/2019 15:06:33</t>
  </si>
  <si>
    <t>097afa60-add7-4d16-a436-e3681d945bc2.tmp</t>
  </si>
  <si>
    <t>\\acsfs\profiles$\nataliacsl\Downloads\097afa60-add7-4d16-a436-e3681d945bc2.tmp</t>
  </si>
  <si>
    <t>12/19/2019 15:05:38</t>
  </si>
  <si>
    <t>12/19/2019 15:05:39</t>
  </si>
  <si>
    <t>12/19/2019 15:05:40</t>
  </si>
  <si>
    <t>12/19/2019 15:04:55</t>
  </si>
  <si>
    <t>12/19/2019 15:09:34</t>
  </si>
  <si>
    <t>12/19/2019 15:05:55</t>
  </si>
  <si>
    <t>12/19/2019 15:06:25</t>
  </si>
  <si>
    <t>12/19/2019 15:07:45</t>
  </si>
  <si>
    <t>https://udpmailboxap01.acs.com.br:8443/h/search?si=2&amp;so=0&amp;sc=49489&amp;st=conversation&amp;action=compose&amp;paction=paneview</t>
  </si>
  <si>
    <t>12/19/2019 15:07:55</t>
  </si>
  <si>
    <t>12/19/2019 15:08:26</t>
  </si>
  <si>
    <t>12/19/2019 15:06:59</t>
  </si>
  <si>
    <t>28650.xlsx</t>
  </si>
  <si>
    <t>12/19/2019 15:10:33</t>
  </si>
  <si>
    <t>12/19/2019 15:09:40</t>
  </si>
  <si>
    <t>12/19/2019 15:09:41</t>
  </si>
  <si>
    <t>lu7872300b2.tmp</t>
  </si>
  <si>
    <t>\\acsfs\profiles$\CLAUDIAJCA\lu7872300b2.tmp</t>
  </si>
  <si>
    <t>\\acsfs\profiles$\CLAUDIAJCA\lu7872300b2.tmp\</t>
  </si>
  <si>
    <t>\\acsfs\profiles$\CLAUDIAJCA\lu7872300b2.tmp\META-INF\</t>
  </si>
  <si>
    <t>\\acsfs\profiles$\CLAUDIAJCA\lu7872300b2.tmp\Thumbnails\</t>
  </si>
  <si>
    <t>12/19/2019 15:05:42</t>
  </si>
  <si>
    <t>12/19/2019 15:06:39</t>
  </si>
  <si>
    <t>12/19/2019 15:07:39</t>
  </si>
  <si>
    <t>12/19/2019 15:08:29</t>
  </si>
  <si>
    <t>12/19/2019 15:11:34</t>
  </si>
  <si>
    <t>12/19/2019 15:09:06</t>
  </si>
  <si>
    <t>12/19/2019 15:12:34</t>
  </si>
  <si>
    <t>12/19/2019 15:11:06</t>
  </si>
  <si>
    <t>12/19/2019 15:10:00</t>
  </si>
  <si>
    <t>6b79f7b8-214e-4a49-b79d-e093f5049709.tmp</t>
  </si>
  <si>
    <t>\\acsfs\profiles$\henriqueco\Downloads\6b79f7b8-214e-4a49-b79d-e093f5049709.tmp</t>
  </si>
  <si>
    <t>12/19/2019 15:07:19</t>
  </si>
  <si>
    <t>12/19/2019 15:09:48</t>
  </si>
  <si>
    <t>12/19/2019 15:09:54</t>
  </si>
  <si>
    <t>12/19/2019 15:13:34</t>
  </si>
  <si>
    <t>12/19/2019 15:10:14</t>
  </si>
  <si>
    <t>12/19/2019 15:13:00</t>
  </si>
  <si>
    <t>\\acsfs\profiles$\thaisdss\Downloads\</t>
  </si>
  <si>
    <t>ee524951-fd9c-470b-9d64-01c0330e88e6.tmp</t>
  </si>
  <si>
    <t>\\acsfs\profiles$\thaisdss\Downloads\ee524951-fd9c-470b-9d64-01c0330e88e6.tmp</t>
  </si>
  <si>
    <t>12/19/2019 15:08:55</t>
  </si>
  <si>
    <t>12/19/2019 15:14:34</t>
  </si>
  <si>
    <t>12/19/2019 15:09:15</t>
  </si>
  <si>
    <t>12/19/2019 15:09:45</t>
  </si>
  <si>
    <t>12/19/2019 15:10:15</t>
  </si>
  <si>
    <t>12/19/2019 15:10:20</t>
  </si>
  <si>
    <t>12/19/2019 15:11:26</t>
  </si>
  <si>
    <t>12/19/2019 15:11:56</t>
  </si>
  <si>
    <t>12/19/2019 15:12:26</t>
  </si>
  <si>
    <t>12/19/2019 15:12:56</t>
  </si>
  <si>
    <t>12/19/2019 15:15:34</t>
  </si>
  <si>
    <t>12/19/2019 15:14:38</t>
  </si>
  <si>
    <t>12/19/2019 15:12:39</t>
  </si>
  <si>
    <t>12/19/2019 15:13:39</t>
  </si>
  <si>
    <t>12/19/2019 15:10:55</t>
  </si>
  <si>
    <t>12/19/2019 15:16:34</t>
  </si>
  <si>
    <t>12/19/2019 15:15:07</t>
  </si>
  <si>
    <t>12/19/2019 15:17:34</t>
  </si>
  <si>
    <t>12/19/2019 15:14:56</t>
  </si>
  <si>
    <t>12/19/2019 15:19:34</t>
  </si>
  <si>
    <t>12/19/2019 15:14:57</t>
  </si>
  <si>
    <t>12/19/2019 15:15:26</t>
  </si>
  <si>
    <t>12/19/2019 15:18:27</t>
  </si>
  <si>
    <t>12/19/2019 15:20:34</t>
  </si>
  <si>
    <t>12/19/2019 15:18:39</t>
  </si>
  <si>
    <t>12/19/2019 15:19:39</t>
  </si>
  <si>
    <t>12/19/2019 15:18:16</t>
  </si>
  <si>
    <t>Holerite_122019_2203167.pdf.7x3mdr0.partial</t>
  </si>
  <si>
    <t>\\acsfs\profiles$\gabrielafs\Downloads\Holerite_122019_2203167.pdf.7x3mdr0.partial</t>
  </si>
  <si>
    <t>12/19/2019 15:19:12</t>
  </si>
  <si>
    <t>\\acsfs\profiles$\gabrielafs\Downloads\$RECYCLE.BIN\</t>
  </si>
  <si>
    <t>$IHMNK2L.pdf</t>
  </si>
  <si>
    <t>\\acsfs\profiles$\gabrielafs\Downloads\$RECYCLE.BIN\$IHMNK2L.pdf</t>
  </si>
  <si>
    <t>12/19/2019 15:19:01</t>
  </si>
  <si>
    <t>12/19/2019 15:21:34</t>
  </si>
  <si>
    <t>12/19/2019 15:20:30</t>
  </si>
  <si>
    <t>\\acsfs\deptos\Engenharia\8 - Service Desk Data Center\8.3 - Documentos Pessoais\Luis Alberto Ferrreira\#SFT\Atalhos Sistemas\</t>
  </si>
  <si>
    <t>3CXPhone6.msi</t>
  </si>
  <si>
    <t>\\10.200.66.200\c$\3CXPhone6.msi</t>
  </si>
  <si>
    <t>12/19/2019 15:16:00</t>
  </si>
  <si>
    <t>12/19/2019 15:17:06</t>
  </si>
  <si>
    <t>12/19/2019 15:22:34</t>
  </si>
  <si>
    <t>12/19/2019 15:21:06</t>
  </si>
  <si>
    <t>12/19/2019 15:19:52</t>
  </si>
  <si>
    <t>12/19/2019 15:20:07</t>
  </si>
  <si>
    <t>12/19/2019 15:19:57</t>
  </si>
  <si>
    <t>12/19/2019 15:24:34</t>
  </si>
  <si>
    <t>12/19/2019 15:20:27</t>
  </si>
  <si>
    <t>12/19/2019 15:20:57</t>
  </si>
  <si>
    <t>12/19/2019 15:21:28</t>
  </si>
  <si>
    <t>12/19/2019 15:21:58</t>
  </si>
  <si>
    <t>12/19/2019 15:20:29</t>
  </si>
  <si>
    <t>12/19/2019 15:25:34</t>
  </si>
  <si>
    <t>12/19/2019 15:24:39</t>
  </si>
  <si>
    <t>12/19/2019 15:20:22</t>
  </si>
  <si>
    <t>C:\Program Files (x86)\</t>
  </si>
  <si>
    <t>63e09ab1-9259-4dee-a304-635ee81b79fa.tmp</t>
  </si>
  <si>
    <t>\\acsfs\profiles$\gabrielafs\Downloads\63e09ab1-9259-4dee-a304-635ee81b79fa.tmp</t>
  </si>
  <si>
    <t>12/19/2019 15:23:46</t>
  </si>
  <si>
    <t>12/19/2019 15:26:35</t>
  </si>
  <si>
    <t>31e50df9-cbe2-4b8d-98d1-f1f94133fc48.tmp</t>
  </si>
  <si>
    <t>\\acsfs\profiles$\deborahsi\Downloads\31e50df9-cbe2-4b8d-98d1-f1f94133fc48.tmp</t>
  </si>
  <si>
    <t>12/19/2019 15:23:31</t>
  </si>
  <si>
    <t>12/19/2019 15:25:35</t>
  </si>
  <si>
    <t>12/19/2019 15:25:36</t>
  </si>
  <si>
    <t>lu215322o5g7i.tmp</t>
  </si>
  <si>
    <t>\\acsfs\profiles$\jonatanls\My Documents\lu215322o5g7i.tmp</t>
  </si>
  <si>
    <t>12/19/2019 15:25:59</t>
  </si>
  <si>
    <t>12/19/2019 15:23:06</t>
  </si>
  <si>
    <t>12/19/2019 15:27:34</t>
  </si>
  <si>
    <t>12/19/2019 15:23:32</t>
  </si>
  <si>
    <t>12/19/2019 15:28:35</t>
  </si>
  <si>
    <t>12/19/2019 15:25:33</t>
  </si>
  <si>
    <t>12/19/2019 15:24:28</t>
  </si>
  <si>
    <t>12/19/2019 15:29:34</t>
  </si>
  <si>
    <t>12/19/2019 15:24:29</t>
  </si>
  <si>
    <t>12/19/2019 15:24:58</t>
  </si>
  <si>
    <t>12/19/2019 15:24:18</t>
  </si>
  <si>
    <t>467b998d-e577-4452-bb45-fdc7b4ff699d.tmp</t>
  </si>
  <si>
    <t>\\acsfs\profiles$\laurandos\Downloads\467b998d-e577-4452-bb45-fdc7b4ff699d.tmp</t>
  </si>
  <si>
    <t>73b7a6ae-42b3-4a5f-afdc-c3f6cba9a0c3.tmp</t>
  </si>
  <si>
    <t>\\acsfs\profiles$\laurandos\Downloads\73b7a6ae-42b3-4a5f-afdc-c3f6cba9a0c3.tmp</t>
  </si>
  <si>
    <t>12/19/2019 15:26:05</t>
  </si>
  <si>
    <t>12/19/2019 15:26:08</t>
  </si>
  <si>
    <t>12/19/2019 15:26:10</t>
  </si>
  <si>
    <t>12/19/2019 15:26:11</t>
  </si>
  <si>
    <t>12/19/2019 15:26:12</t>
  </si>
  <si>
    <t>12/19/2019 15:26:13</t>
  </si>
  <si>
    <t>12/19/2019 15:26:14</t>
  </si>
  <si>
    <t>12/19/2019 15:26:15</t>
  </si>
  <si>
    <t>12/19/2019 15:26:16</t>
  </si>
  <si>
    <t>12/19/2019 15:26:18</t>
  </si>
  <si>
    <t>12/19/2019 15:26:19</t>
  </si>
  <si>
    <t>12/19/2019 15:26:21</t>
  </si>
  <si>
    <t>12/19/2019 15:26:22</t>
  </si>
  <si>
    <t>12/19/2019 15:26:24</t>
  </si>
  <si>
    <t>12/19/2019 15:26:25</t>
  </si>
  <si>
    <t>12/19/2019 15:26:26</t>
  </si>
  <si>
    <t>12/19/2019 15:26:27</t>
  </si>
  <si>
    <t>12/19/2019 15:26:29</t>
  </si>
  <si>
    <t>12/19/2019 15:26:30</t>
  </si>
  <si>
    <t>12/19/2019 15:26:37</t>
  </si>
  <si>
    <t>12/19/2019 15:26:38</t>
  </si>
  <si>
    <t>12/19/2019 15:26:40</t>
  </si>
  <si>
    <t>12/19/2019 15:26:55</t>
  </si>
  <si>
    <t>12/19/2019 15:26:56</t>
  </si>
  <si>
    <t>12/19/2019 15:26:57</t>
  </si>
  <si>
    <t>12/19/2019 15:27:00</t>
  </si>
  <si>
    <t>12/19/2019 15:27:06</t>
  </si>
  <si>
    <t>12/19/2019 15:27:07</t>
  </si>
  <si>
    <t>12/19/2019 15:27:13</t>
  </si>
  <si>
    <t>12/19/2019 15:27:14</t>
  </si>
  <si>
    <t>12/19/2019 15:27:19</t>
  </si>
  <si>
    <t>\\acsfs\profiles$\erichds\Saved Games\</t>
  </si>
  <si>
    <t>12/19/2019 15:27:56</t>
  </si>
  <si>
    <t>12/19/2019 15:30:35</t>
  </si>
  <si>
    <t>12/19/2019 15:27:57</t>
  </si>
  <si>
    <t>Mobilizações_Orçamentos executados 01-12 à 15-12 - Algar CONSOLIDADO.xlsx</t>
  </si>
  <si>
    <t>12/19/2019 15:25:39</t>
  </si>
  <si>
    <t>12/19/2019 15:26:46</t>
  </si>
  <si>
    <t>12/19/2019 15:31:34</t>
  </si>
  <si>
    <t>12/19/2019 15:30:36</t>
  </si>
  <si>
    <t>12/19/2019 15:32:34</t>
  </si>
  <si>
    <t>12/19/2019 15:29:06</t>
  </si>
  <si>
    <t>12/19/2019 15:27:02</t>
  </si>
  <si>
    <t>12/19/2019 15:28:37</t>
  </si>
  <si>
    <t>sarahro@algartech.com</t>
  </si>
  <si>
    <t>robertacmf@algartech.com.br;</t>
  </si>
  <si>
    <t>\\acsfs\DEPTOS\Operacao\PCP\5 - Comum\ACOMPANHAMENTO AMEX\10- Acompanhamento PF\FINANCEIRO CONTAS NOVAS\2019\12 - Dezembro\</t>
  </si>
  <si>
    <t>Provisão Financeira - Contas Novas PF - Dezembro_19.xlsx</t>
  </si>
  <si>
    <t>robertacmf@algartech.com.br</t>
  </si>
  <si>
    <t>12/19/2019 15:29:51</t>
  </si>
  <si>
    <t>12/19/2019 15:33:34</t>
  </si>
  <si>
    <t>12/19/2019 15:29:41</t>
  </si>
  <si>
    <t>12/19/2019 15:29:57</t>
  </si>
  <si>
    <t>12/19/2019 15:34:34</t>
  </si>
  <si>
    <t>64991852-2196-4fc9-ab20-4ab6b1abb8a0.tmp</t>
  </si>
  <si>
    <t>\\acsfs\profiles$\erichds\Downloads\64991852-2196-4fc9-ab20-4ab6b1abb8a0.tmp</t>
  </si>
  <si>
    <t>12/19/2019 15:31:50</t>
  </si>
  <si>
    <t>10.200.66.19</t>
  </si>
  <si>
    <t>78-2B-CB-C1-04-F9</t>
  </si>
  <si>
    <t>VOTORANT-VB025</t>
  </si>
  <si>
    <t>12/19/2019 15:33:15</t>
  </si>
  <si>
    <t>12/19/2019 15:35:33</t>
  </si>
  <si>
    <t>\\acsfs\DEPTOS\Operacao\Banco_Votorantim\Qualidade\Anderson\Jose\5A9F2182.tmp\</t>
  </si>
  <si>
    <t>\\acsfs\DEPTOS\Operacao\Banco_Votorantim\Qualidade\Anderson\Jose\5A9F2182.tmp\:Zone.Identifier:$DATA</t>
  </si>
  <si>
    <t>12/19/2019 15:33:16</t>
  </si>
  <si>
    <t>Relatorio de Vendas - Auditoria BV Cartoes (Dezembro)__8.xlsx</t>
  </si>
  <si>
    <t>\\acsfs\DEPTOS\Operacao\Banco_Votorantim\Qualidade\Anderson\Jose\Relatorio de Vendas - Auditoria BV Cartoes (Dezembro)__8.xlsx</t>
  </si>
  <si>
    <t>12/19/2019 15:33:59</t>
  </si>
  <si>
    <t>1576691798950;5;843787378;[];[]]];bvs-centralcartoes@bv.com.br;cintia.souza-domingues@dxc.com;cl-y0buzrzbyuteeoppozhqgrbtfn33qyraxtm53ln0dl-q9bwjlnnoegyvvdsojuegtv0qljthujtztvwxftihvqb60ckhlyho_xeogotopjoxsqgazoxk-mho2alzfmdz7aqna1xmswt6jlchvhedxsrz7xpqcr_72snhygaxwnl3ugmqnkjq_0xkqkgxxt8skzyhebm2sihcqqxhaaeydtxtuljm_guwqat6x2jvw4zsqpuj\";eduardo.santana@bv.com.br;false;fernandorsju@algartech.com;kesiadof@algartech.com;marianeps@algartech.com;null;pjoxsqgazoxk-mho2alzfmdz7aqna1xmswt6jlchvhedxsrz7xpqcr_72snhygaxwnl3ugmqnkjq_0xkqkgxxt8skzyhebm2sihcqqxhaaeydtxtuljm_guwqat6x2jvw4zsqpuj\";talmaiardo@algartech.com;thiagordu@algartech.com;true]";</t>
  </si>
  <si>
    <t>1576691798950,5,843787378,[],[]]],bvs-centralcartoes@bv.com.br,cintia.souza-domingues@dxc.com,cl-y0buzrzbyuteeoppozhqgrbtfn33qyraxtm53ln0dl-q9bwjlnnoegyvvdsojuegtv0qljthujtztvwxftihvqb60ckhlyho_xeogotopjoxsqgazoxk-mho2alzfmdz7aqna1xmswt6jlchvhedxsrz7xpqcr_72snhygaxwnl3ugmqnkjq_0xkqkgxxt8skzyhebm2sihcqqxhaaeydtxtuljm_guwqat6x2jvw4zsqpuj\",eduardo.santana@bv.com.br,false,fernandorsju@algartech.com,kesiadof@algartech.com,marianeps@algartech.com,null,pjoxsqgazoxk-mho2alzfmdz7aqna1xmswt6jlchvhedxsrz7xpqcr_72snhygaxwnl3ugmqnkjq_0xkqkgxxt8skzyhebm2sihcqqxhaaeydtxtuljm_guwqat6x2jvw4zsqpuj\",talmaiardo@algartech.com,thiagordu@algartech.com,true]"</t>
  </si>
  <si>
    <t>12/19/2019 15:34:09</t>
  </si>
  <si>
    <t>bvs-centralcartoes@bv.com.br;cintia.souza-domingues@dxc.com;eduardo.santana@bv.com.br;fernandorsju@algartech.com;kesiadof@algartech.com;marianeps@algartech.com;talmaiardo@algartech.com;thiagordu@algartech.com;</t>
  </si>
  <si>
    <t>bvs-centralcartoes@bv.com.br,cintia.souza-domingues@dxc.com,eduardo.santana@bv.com.br,fernandorsju@algartech.com,kesiadof@algartech.com,marianeps@algartech.com,talmaiardo@algartech.com,thiagordu@algartech.com</t>
  </si>
  <si>
    <t>12/19/2019 15:34:35</t>
  </si>
  <si>
    <t>bvs-centralcartoes@bv.com.br;cintia.souza-domingues@dxc.com;eduardo.santana@bv.com.br;fernandorsju@algartech.com;gaehxsmyz0rigzmb87rotu06ynk_ao_noxtotok274nx879gaciogfxyo0bbbqbocfqnvh-c5yvfnfnh41sc85qb7i_qqaxly0x-zyhzjxscvv-ujeouryhmdlxrxbstixgvvmgkfmh1fmvpmrbwapbidijswv5mti6r3cv_ylicvmcwzgxtmlfte7pjwfqfoyiswcabplbsksjsn2ev5k5zq_ncbj;kesiadof@algartech.com;marianeps@algartech.com;talmaiardo@algartech.com;thiagordu@algartech.com;</t>
  </si>
  <si>
    <t>bvs-centralcartoes@bv.com.br,cintia.souza-domingues@dxc.com,eduardo.santana@bv.com.br,fernandorsju@algartech.com,gaehxsmyz0rigzmb87rotu06ynk_ao_noxtotok274nx879gaciogfxyo0bbbqbocfqnvh-c5yvfnfnh41sc85qb7i_qqaxly0x-zyhzjxscvv-ujeouryhmdlxrxbstixgvvmgkfmh1fmvpmrbwapbidijswv5mti6r3cv_ylicvmcwzgxtmlfte7pjwfqfoyiswcabplbsksjsn2ev5k5zq_ncbj,kesiadof@algartech.com,marianeps@algartech.com,talmaiardo@algartech.com,thiagordu@algartech.com</t>
  </si>
  <si>
    <t>12/19/2019 15:34:54</t>
  </si>
  <si>
    <t>bvs-centralcartoes@bv.com.br;cintia.souza-domingues@dxc.com;eduardo.santana@bv.com.br;fernandorsju@algartech.com;kesiadof@algartech.com;marianeps@algartech.com;marianerdo@algartech.com;mirianppb@algartech.com;talmaiardo@algartech.com;thiagordu@algartech.com;</t>
  </si>
  <si>
    <t>bvs-centralcartoes@bv.com.br,cintia.souza-domingues@dxc.com,eduardo.santana@bv.com.br,fernandorsju@algartech.com,kesiadof@algartech.com,marianeps@algartech.com,marianerdo@algartech.com,mirianppb@algartech.com,talmaiardo@algartech.com,thiagordu@algartech.com</t>
  </si>
  <si>
    <t>12/19/2019 15:35:01</t>
  </si>
  <si>
    <t>0]ie_x001B_d�are;1576095602;1576690852758;1576691439035;1576691740874;1576691756894;1905447630;2;4;5;[];[]]];bg4f7hpo4uuezqv1hpsj6dejxsejf9dl9ce3zbbwhi1qt6bfj1lrhad8gbmgx0ej_ucfhkduwadqj_qczvvz-1amkwysw--id2dx6yi4n9oageon31t0mu7cw\";bg4f7hpo4uuezqv1hpsj6dejxsejf9dl9ce3zbbwhi1qt6bfj1lrhad8gbmgx0ej_ucfhkduxadqj_qfjg1loezl0ozkbmkcvbfej23v8s0aoybjdguacjpgr\";bvs-centralcartoes@bv.com.br;cintia.souza-domingues@dxc.com;eduardo.santana@bv.com.br;false;fernandorsju@algartech.com;kesiadof@algartech.com;marianeps@algartech.com;null;qj5-xm8pdf6sl72gv5urpin4-sxj5l7txbkyocdiio257clgwey4itbbq4iezcpzlvkymusxlqs8xv-pfddw4j1df19tpj9rkg37mjz5mi9mvkykda316y692u6pidprtv3lad3vmq7jmmauf9jpzlaxxf3rnuotuxxy2sx6hckxlvm6dhgp3bmk_sz51jlicnk1cbwetaybsgfl5olrtxsauaau-0gtrrwjjhvizf_tflpobxthebpys6nexnquderetxic6vaa2cogid2t195lokpirwaiolzveltgbqfoy4peeqvm0rxpmm\";qj5-xm8pdf6sl72gv5urpin4-sxj5l7txbkyocdiio257clgwey4itbbq4iezcpzlvkymusxlqs8xv-pfddw4j1df19tpj9rkg37mjz5mi9mvkykda316y692u6pidprtv3lad3vmq7jmmauf9jpzlaxxf3rnuotuxxy2sx6hckxlvm6dhgp3bmk_</t>
  </si>
  <si>
    <t>0]ie_x001B_d�are,1576095602,1576690852758,1576691439035,1576691740874,1576691756894,1905447630,2,4,5,[],[]]],bg4f7hpo4uuezqv1hpsj6dejxsejf9dl9ce3zbbwhi1qt6bfj1lrhad8gbmgx0ej_ucfhkduwadqj_qczvvz-1amkwysw--id2dx6yi4n9oageon31t0mu7cw\",bg4f7hpo4uuezqv1hpsj6dejxsejf9dl9ce3zbbwhi1qt6bfj1lrhad8gbmgx0ej_ucfhkduxadqj_qfjg1loezl0ozkbmkcvbfej23v8s0aoybjdguacjpgr\",bvs-centralcartoes@bv.com.br,cintia.souza-domingues@dxc.com,eduardo.santana@bv.com.br,false,fernandorsju@algartech.com,kesiadof@algartech.com,marianeps@algartech.com,null,qj5-xm8pdf6sl72gv5urpin4-sxj5l7txbkyocdiio257clgwey4itbbq4iezcpzlvkymusxlqs8xv-pfddw4j1df19tpj9rkg37mjz5mi9mvkykda316y692u6pidprtv3lad3vmq7jmmauf9jpzlaxxf3rnuotuxxy2sx6hckxlvm6dhgp3bmk_sz51jlicnk1cbwetaybsgfl5olrtxsauaau-0gtrrwjjhvizf_tflpobxthebpys6nexnquderetxic6vaa2cogid2t195lokpirwaiolzveltgbqfoy4peeqvm0rxpmm\",qj5-xm8pdf6sl72gv5urpin4-sxj5l7txbkyocdiio257clgwey4itbbq4iezcpzlvkymusxlqs8xv-pfddw4j1df19tpj9rkg37mjz5mi9mvkykda316y692u6pidprtv3lad3vmq7jmmauf9jpzlaxxf3rnuotuxxy2sx6hckxlvm6dhgp3bmk_</t>
  </si>
  <si>
    <t>12/19/2019 15:30:39</t>
  </si>
  <si>
    <t>12/19/2019 15:31:39</t>
  </si>
  <si>
    <t>12/19/2019 15:33:06</t>
  </si>
  <si>
    <t>12/19/2019 15:31:02</t>
  </si>
  <si>
    <t>12/19/2019 15:36:34</t>
  </si>
  <si>
    <t>12/19/2019 15:32:28</t>
  </si>
  <si>
    <t>MONITORIA.txt</t>
  </si>
  <si>
    <t>\\acsfs\DEPTOS\Operacao\Banco_Votorantim\Qualidade\Paulo\Nova pasta\MONITORIA.txt</t>
  </si>
  <si>
    <t>12/19/2019 15:34:29</t>
  </si>
  <si>
    <t>12/19/2019 15:37:34</t>
  </si>
  <si>
    <t>12/19/2019 15:35:06</t>
  </si>
  <si>
    <t>12/19/2019 15:32:39</t>
  </si>
  <si>
    <t>12/19/2019 15:38:34</t>
  </si>
  <si>
    <t>12/19/2019 15:34:30</t>
  </si>
  <si>
    <t>9aec8119-816c-4f4e-a9e5-01bd70d2fec0.tmp</t>
  </si>
  <si>
    <t>\\acsfs\profiles$\brendadsl\Downloads\9aec8119-816c-4f4e-a9e5-01bd70d2fec0.tmp</t>
  </si>
  <si>
    <t>12/19/2019 15:34:57</t>
  </si>
  <si>
    <t>86592b59-4a38-4490-9425-a5f788abeda2.tmp</t>
  </si>
  <si>
    <t>\\acsfs\profiles$\brendadsl\Downloads\86592b59-4a38-4490-9425-a5f788abeda2.tmp</t>
  </si>
  <si>
    <t>12/19/2019 15:35:41</t>
  </si>
  <si>
    <t>12/19/2019 15:36:04</t>
  </si>
  <si>
    <t>\\acsfs\profiles$\thaisdss\My Documents\My Pictures\untitled.png</t>
  </si>
  <si>
    <t>12/19/2019 15:36:11</t>
  </si>
  <si>
    <t>untitled 2.png</t>
  </si>
  <si>
    <t>\\acsfs\profiles$\thaisdss\My Documents\My Pictures\untitled 2.png</t>
  </si>
  <si>
    <t>12/19/2019 15:36:31</t>
  </si>
  <si>
    <t>12/19/2019 15:37:00</t>
  </si>
  <si>
    <t>12/19/2019 15:37:27</t>
  </si>
  <si>
    <t>12/19/2019 15:37:49</t>
  </si>
  <si>
    <t>\\acsfs\profiles$\thaisdss\My Documents\My Pictures\$RECYCLE.BIN\</t>
  </si>
  <si>
    <t>$IHSRRLJ.png</t>
  </si>
  <si>
    <t>\\acsfs\profiles$\thaisdss\My Documents\My Pictures\$RECYCLE.BIN\$IHSRRLJ.png</t>
  </si>
  <si>
    <t>12/19/2019 15:37:54</t>
  </si>
  <si>
    <t>$I4A15Z0.png</t>
  </si>
  <si>
    <t>\\acsfs\profiles$\thaisdss\My Documents\My Pictures\$RECYCLE.BIN\$I4A15Z0.png</t>
  </si>
  <si>
    <t>12/19/2019 15:38:31</t>
  </si>
  <si>
    <t>12/19/2019 15:39:34</t>
  </si>
  <si>
    <t>12/19/2019 15:36:14</t>
  </si>
  <si>
    <t>4bea6d27-fc4f-4c8e-be5d-d4717330fede.tmp</t>
  </si>
  <si>
    <t>\\acsfs\profiles$\laurandos\Downloads\4bea6d27-fc4f-4c8e-be5d-d4717330fede.tmp</t>
  </si>
  <si>
    <t>12/19/2019 15:37:38</t>
  </si>
  <si>
    <t>12/19/2019 15:38:07</t>
  </si>
  <si>
    <t>65f4deb6-105e-40cc-a67f-e71970c43c45.tmp</t>
  </si>
  <si>
    <t>\\acsfs\profiles$\erichds\Downloads\65f4deb6-105e-40cc-a67f-e71970c43c45.tmp</t>
  </si>
  <si>
    <t>12/19/2019 15:35:20</t>
  </si>
  <si>
    <t>12/19/2019 15:35:22</t>
  </si>
  <si>
    <t>12/19/2019 15:35:49</t>
  </si>
  <si>
    <t>12/19/2019 15:36:16</t>
  </si>
  <si>
    <t>12/19/2019 15:36:36</t>
  </si>
  <si>
    <t>12/19/2019 15:36:37</t>
  </si>
  <si>
    <t>12/19/2019 15:38:45</t>
  </si>
  <si>
    <t>97554ec5-65cd-400d-b49d-101d7ce06e8a.tmp</t>
  </si>
  <si>
    <t>\\acsfs\profiles$\gabrielamdp\Downloads\97554ec5-65cd-400d-b49d-101d7ce06e8a.tmp</t>
  </si>
  <si>
    <t>12/19/2019 15:40:34</t>
  </si>
  <si>
    <t>12/19/2019 15:35:34</t>
  </si>
  <si>
    <t>12/19/2019 15:36:07</t>
  </si>
  <si>
    <t>12/19/2019 15:36:21</t>
  </si>
  <si>
    <t>12/19/2019 15:36:24</t>
  </si>
  <si>
    <t>0]l;1576691421079;1742395574;4;[];[]]];bvs-centralcartoes@bv.com.br;cintia.souza-domingues@dxc.com;eduardo.santana@bv.com.br;false;fernandorsju@algartech.com;kesiadof@algartech.com;marianeps@algartech.com;marianerdo@algartech.com;mirianppb@algartech.com;n6yx3j93r7loo71ybnmgkp9ur6mpdb9xdqjeewzabkfgyejrudgcdjtxlrrmfwyubnoulxhl7m3pxbtjf54ffe5amot6wrideoqc--im7ixcm9sj-bnzxszlg89vhotqtuuxhk0r_uroxryvc25jvdshqsr5dmnlksqtv5kf8jmdt40xlxy7mg\";null;sbjve0zecapovmzpxnqtvll8rjyr3xrrgjugyqe0yeg_ton6yx3j93r7loo71ybnmgkp9ur6mpdb9xdqjeewzabkfgyejrudgcdjtxlrrmfwyubnoulxhl7m3pxbtjf54ffe5amot6wrideoqc--im7ixcm9sj-bnzxszlg89vhotqtuuxhk0r_uroxryvc25jvdshqsr5dmnlksqtv5kf8jmdt40xlxy7mg\";talmaiardo@algartech.com;thiagordu@algartech.com;true]";</t>
  </si>
  <si>
    <t>0]l,1576691421079,1742395574,4,[],[]]],bvs-centralcartoes@bv.com.br,cintia.souza-domingues@dxc.com,eduardo.santana@bv.com.br,false,fernandorsju@algartech.com,kesiadof@algartech.com,marianeps@algartech.com,marianerdo@algartech.com,mirianppb@algartech.com,n6yx3j93r7loo71ybnmgkp9ur6mpdb9xdqjeewzabkfgyejrudgcdjtxlrrmfwyubnoulxhl7m3pxbtjf54ffe5amot6wrideoqc--im7ixcm9sj-bnzxszlg89vhotqtuuxhk0r_uroxryvc25jvdshqsr5dmnlksqtv5kf8jmdt40xlxy7mg\",null,sbjve0zecapovmzpxnqtvll8rjyr3xrrgjugyqe0yeg_ton6yx3j93r7loo71ybnmgkp9ur6mpdb9xdqjeewzabkfgyejrudgcdjtxlrrmfwyubnoulxhl7m3pxbtjf54ffe5amot6wrideoqc--im7ixcm9sj-bnzxszlg89vhotqtuuxhk0r_uroxryvc25jvdshqsr5dmnlksqtv5kf8jmdt40xlxy7mg\",talmaiardo@algartech.com,thiagordu@algartech.com,true]"</t>
  </si>
  <si>
    <t>12/19/2019 15:36:42</t>
  </si>
  <si>
    <t>12/19/2019 15:36:45</t>
  </si>
  <si>
    <t>12/19/2019 15:36:48</t>
  </si>
  <si>
    <t>12/19/2019 15:37:18</t>
  </si>
  <si>
    <t>12/19/2019 15:37:52</t>
  </si>
  <si>
    <t>12/19/2019 15:36:39</t>
  </si>
  <si>
    <t>12/19/2019 15:37:39</t>
  </si>
  <si>
    <t>12/19/2019 15:38:33</t>
  </si>
  <si>
    <t>12/19/2019 15:41:34</t>
  </si>
  <si>
    <t>12/19/2019 15:37:07</t>
  </si>
  <si>
    <t>12/19/2019 15:37:08</t>
  </si>
  <si>
    <t>lu2652433fwyq.tmp</t>
  </si>
  <si>
    <t>\\acsfs\profiles$\jonatanls\My Documents\lu2652433fwyq.tmp</t>
  </si>
  <si>
    <t>12/19/2019 15:39:07</t>
  </si>
  <si>
    <t>12/19/2019 15:42:34</t>
  </si>
  <si>
    <t>12/19/2019 15:41:07</t>
  </si>
  <si>
    <t>12/19/2019 15:36:54</t>
  </si>
  <si>
    <t>12/19/2019 15:39:14</t>
  </si>
  <si>
    <t>fb6627dd-03b2-457b-91f7-428e23f5386c.tmp</t>
  </si>
  <si>
    <t>\\acsfs\profiles$\layonmof\Downloads\fb6627dd-03b2-457b-91f7-428e23f5386c.tmp</t>
  </si>
  <si>
    <t>12/19/2019 15:39:28</t>
  </si>
  <si>
    <t>12/19/2019 15:43:34</t>
  </si>
  <si>
    <t>12/19/2019 15:40:22</t>
  </si>
  <si>
    <t>12/19/2019 15:43:35</t>
  </si>
  <si>
    <t>12/19/2019 15:44:34</t>
  </si>
  <si>
    <t>7ee58cb4-98a4-4e6a-99fa-752ff93ea22c.tmp</t>
  </si>
  <si>
    <t>\\acsfs\profiles$\laurandos\Downloads\7ee58cb4-98a4-4e6a-99fa-752ff93ea22c.tmp</t>
  </si>
  <si>
    <t>12/19/2019 15:42:09</t>
  </si>
  <si>
    <t>12/19/2019 15:45:34</t>
  </si>
  <si>
    <t>\\acsfs\DEPTOS\Operacao\Banco_Votorantim\Qualidade\Anderson\Jose\1A6B15EE.tmp\</t>
  </si>
  <si>
    <t>\\acsfs\DEPTOS\Operacao\Banco_Votorantim\Qualidade\Anderson\Jose\1A6B15EE.tmp\:Zone.Identifier:$DATA</t>
  </si>
  <si>
    <t>12/19/2019 15:42:10</t>
  </si>
  <si>
    <t>12/19/2019 15:41:00</t>
  </si>
  <si>
    <t>0]\\)\);0]_�#�����a;0]l;1;1198867572;1576690363700;1576690471863;1576691868054;48485885;6;[];[]]];aaaazviaaaavmqgvp7yhj37lsw_wkleblw5aame3v8dnl-hsk4fzpnhncsobbwn7cg3l3nwtou8dj-yjm2ct87u84tettfs1lqknssowt1zrn3xwk__yaql-keelauzrcsqvje2zzl8-tpchoikueo2rxekexv3i0abk605guzszdpxmtjn4gzax;bvs-centralcartoes@bv.com.br;cintia.souza-domingues@dxc.com;d2omgsrdbyizmbr35fkge72smjvolgr3qlattifzqmqh3c1zca8tk3ealfmpeswm5x5a84wu7aymishcuxiiyngrf9-1h4zlew\";eduardo.santana@bv.com.br;false;fernandorsju@algartech.com;kesiadof@algartech.com;marianeps@algartech.com;null;q-xka8mszaxar2bz-iemuee5y5hzu_zfdktsuvawo85hkif_tpazfss0lko9enmgklpm1zck7l0az9047afherwj9ogw3sxnnpsbfanyagwroh7k1hxvieknyrcd_mefdbzyj2eyzp_pzqj\";q-xka8mszaxar2bz-iemuee5y5hzu_zfdktsuvawo85hkif_tpazfss0lko9enmgklpm1zck7l0az9047afherwj9ogw3sxnnpsbfgnjcjbjoymudz2hbejyhzsdewziktvwf4rkxz2gnny\";talmaiardo@algartech.com;thiagordu@algartech.com;true]";u8dj-yjm2ct87u84tettfs1lqknssowt1zrn3xwk__yaql-keelauzrcsqvje2zzl8-tpchoikueo2rxekexv3i0abk605guzszdpxmtjn4gzaxdoej6hct5j</t>
  </si>
  <si>
    <t>0]\\)\),0]_�#�����a,0]l,1,1198867572,1576690363700,1576690471863,1576691868054,48485885,6,[],[]]],aaaazviaaaavmqgvp7yhj37lsw_wkleblw5aame3v8dnl-hsk4fzpnhncsobbwn7cg3l3nwtou8dj-yjm2ct87u84tettfs1lqknssowt1zrn3xwk__yaql-keelauzrcsqvje2zzl8-tpchoikueo2rxekexv3i0abk605guzszdpxmtjn4gzax,bvs-centralcartoes@bv.com.br,cintia.souza-domingues@dxc.com,d2omgsrdbyizmbr35fkge72smjvolgr3qlattifzqmqh3c1zca8tk3ealfmpeswm5x5a84wu7aymishcuxiiyngrf9-1h4zlew\",eduardo.santana@bv.com.br,false,fernandorsju@algartech.com,kesiadof@algartech.com,marianeps@algartech.com,null,q-xka8mszaxar2bz-iemuee5y5hzu_zfdktsuvawo85hkif_tpazfss0lko9enmgklpm1zck7l0az9047afherwj9ogw3sxnnpsbfanyagwroh7k1hxvieknyrcd_mefdbzyj2eyzp_pzqj\",q-xka8mszaxar2bz-iemuee5y5hzu_zfdktsuvawo85hkif_tpazfss0lko9enmgklpm1zck7l0az9047afherwj9ogw3sxnnpsbfgnjcjbjoymudz2hbejyhzsdewziktvwf4rkxz2gnny\",talmaiardo@algartech.com,thiagordu@algartech.com,true]",u8dj-yjm2ct87u84tettfs1lqknssowt1zrn3xwk__yaql-keelauzrcsqvje2zzl8-tpchoikueo2rxekexv3i0abk605guzszdpxmtjn4gzaxdoej6hct5j</t>
  </si>
  <si>
    <t>12/19/2019 15:41:12</t>
  </si>
  <si>
    <t>12/19/2019 15:41:54</t>
  </si>
  <si>
    <t>12/19/2019 15:42:33</t>
  </si>
  <si>
    <t>12/19/2019 15:42:37</t>
  </si>
  <si>
    <t>12/19/2019 15:44:57</t>
  </si>
  <si>
    <t>12/19/2019 15:42:39</t>
  </si>
  <si>
    <t>12/19/2019 15:43:39</t>
  </si>
  <si>
    <t>12/19/2019 15:45:10</t>
  </si>
  <si>
    <t>https://udpwfmniceap02/pt_br/web/guest/home?p_auth=wvkofci1&amp;p_p_id=58&amp;p_p_lifecycle=1&amp;p_p_state=maximized&amp;p_p_mode=view&amp;savelastpath=0&amp;_58_struts_action=/login/forgot_password</t>
  </si>
  <si>
    <t>12/19/2019 15:44:44</t>
  </si>
  <si>
    <t>12/19/2019 15:46:34</t>
  </si>
  <si>
    <t>lu2652433fwyt.tmp</t>
  </si>
  <si>
    <t>\\acsfs\profiles$\jonatanls\My Documents\lu2652433fwyt.tmp</t>
  </si>
  <si>
    <t>12/19/2019 15:45:11</t>
  </si>
  <si>
    <t>894ca16d-609e-4237-8cff-cf94ed0368ff.tmp</t>
  </si>
  <si>
    <t>\\acsfs\profiles$\paulohaf\Downloads\894ca16d-609e-4237-8cff-cf94ed0368ff.tmp</t>
  </si>
  <si>
    <t>12/19/2019 15:46:07</t>
  </si>
  <si>
    <t>b8d3f789-d16f-4a66-ba2c-27bc34d22d95.tmp</t>
  </si>
  <si>
    <t>\\acsfs\profiles$\paulohaf\Downloads\b8d3f789-d16f-4a66-ba2c-27bc34d22d95.tmp</t>
  </si>
  <si>
    <t>12/19/2019 15:45:07</t>
  </si>
  <si>
    <t>12/19/2019 15:47:34</t>
  </si>
  <si>
    <t>12/19/2019 15:43:37</t>
  </si>
  <si>
    <t>10.200.60.33</t>
  </si>
  <si>
    <t>mail.google.com/_/upload?authuser=0&amp;dcp=asu-n&amp;upload_id=AEnB2UpZHjZNLAJ4RmCTxutXBbNgN5BRrGEyS4A31r3WXrdMOqpUT2hNi440gDcPVfKat0PDU00i6wI2UFztDIsmCONzaHE_9bNk8FWMeUtohRJwUdv0Y0Q&amp;upload_protocol=resumable</t>
  </si>
  <si>
    <t>gilmarpf@algartech.com;senildapdo@algartech.com;viniciussg@algartech.com;</t>
  </si>
  <si>
    <t>gilmarpf@algartech.com,senildapdo@algartech.com,viniciussg@algartech.com</t>
  </si>
  <si>
    <t>12/19/2019 15:44:42</t>
  </si>
  <si>
    <t>12/19/2019 15:48:35</t>
  </si>
  <si>
    <t>12/19/2019 15:48:24</t>
  </si>
  <si>
    <t>12/19/2019 15:49:34</t>
  </si>
  <si>
    <t>\\acsfs\profiles$\websondsa\My Documents\</t>
  </si>
  <si>
    <t>Bloco.txt</t>
  </si>
  <si>
    <t>\\acsfs\profiles$\websondsa\My Documents\Bloco.txt</t>
  </si>
  <si>
    <t>12/19/2019 15:48:16</t>
  </si>
  <si>
    <t>12/19/2019 15:50:34</t>
  </si>
  <si>
    <t>XLOG_vanessacgs_19122019_101118.log</t>
  </si>
  <si>
    <t>\\acsfs\profiles$\vanessacgs\My Documents\xworkcenter\logs\XLOG_vanessacgs_19122019_101118.log</t>
  </si>
  <si>
    <t>12/19/2019 15:49:43</t>
  </si>
  <si>
    <t>12/19/2019 15:48:39</t>
  </si>
  <si>
    <t>12/19/2019 15:49:40</t>
  </si>
  <si>
    <t>12/19/2019 15:50:44</t>
  </si>
  <si>
    <t>12/19/2019 15:51:34</t>
  </si>
  <si>
    <t>31f45508-e240-498b-9307-f01bc458a5f4.tmp</t>
  </si>
  <si>
    <t>\\acsfs\profiles$\wenderbnm\Downloads\31f45508-e240-498b-9307-f01bc458a5f4.tmp</t>
  </si>
  <si>
    <t>12/19/2019 15:46:29</t>
  </si>
  <si>
    <t>12/19/2019 15:48:33</t>
  </si>
  <si>
    <t>jonatanls@bv.algartech.com</t>
  </si>
  <si>
    <t>https://algarmail.algartech.com/h/search?si=0&amp;so=0&amp;sc=49558&amp;st=conversation&amp;action=compose&amp;paction=paneview</t>
  </si>
  <si>
    <t>adilsonloj@algartech.com;</t>
  </si>
  <si>
    <t>https://adilsonloj@algartech.com</t>
  </si>
  <si>
    <t>12/19/2019 15:49:03</t>
  </si>
  <si>
    <t>12/19/2019 15:49:33</t>
  </si>
  <si>
    <t>12/19/2019 15:46:54</t>
  </si>
  <si>
    <t>2c1988d6-d39a-43fa-a999-1cf6a841d9fb.tmp</t>
  </si>
  <si>
    <t>\\acsfs\profiles$\paulohaf\Downloads\2c1988d6-d39a-43fa-a999-1cf6a841d9fb.tmp</t>
  </si>
  <si>
    <t>12/19/2019 15:51:21</t>
  </si>
  <si>
    <t>XLOG_tiagosno_19122019_075925.log</t>
  </si>
  <si>
    <t>\\acsfs\profiles$\tiagosno\My Documents\xworkcenter\logs\XLOG_tiagosno_19122019_075925.log</t>
  </si>
  <si>
    <t>12/19/2019 15:47:07</t>
  </si>
  <si>
    <t>12/19/2019 15:52:34</t>
  </si>
  <si>
    <t>12/19/2019 15:51:07</t>
  </si>
  <si>
    <t>12/19/2019 15:47:25</t>
  </si>
  <si>
    <t>12/19/2019 15:47:27</t>
  </si>
  <si>
    <t>12/19/2019 15:51:25</t>
  </si>
  <si>
    <t>12/19/2019 15:53:35</t>
  </si>
  <si>
    <t>8b256db4-885d-43d8-8107-8da3ee299358.tmp</t>
  </si>
  <si>
    <t>\\acsfs\profiles$\bernardopcm\Downloads\8b256db4-885d-43d8-8107-8da3ee299358.tmp</t>
  </si>
  <si>
    <t>12/19/2019 15:52:53</t>
  </si>
  <si>
    <t>\\acsfs\profiles$\NATALIACSL\Novo Documento de Texto (2).txt</t>
  </si>
  <si>
    <t>12/19/2019 15:49:11</t>
  </si>
  <si>
    <t>12/19/2019 15:54:35</t>
  </si>
  <si>
    <t>mail.google.com/mail/u/0/#inbox/FMfcgxwGCQZFSqrGxpvSkrNQnGjCPTlb?compose=GTvVlcRwQZxlLhmmWctvrHmgqcpLwRmwjCSLKdpfzwsXNXrptrsTzppGrklsQbwhnSztsmMPGRnWM</t>
  </si>
  <si>
    <t>Mais Valia.xlsx</t>
  </si>
  <si>
    <t>12/19/2019 15:52:04</t>
  </si>
  <si>
    <t>12/19/2019 15:52:33</t>
  </si>
  <si>
    <t>12/19/2019 15:53:04</t>
  </si>
  <si>
    <t>12/19/2019 15:52:42</t>
  </si>
  <si>
    <t>12/19/2019 15:55:36</t>
  </si>
  <si>
    <t>a728cbb7-1c98-48e3-a8ea-f0a722562352.tmp</t>
  </si>
  <si>
    <t>\\acsfs\profiles$\marcosvnds\Downloads\a728cbb7-1c98-48e3-a8ea-f0a722562352.tmp</t>
  </si>
  <si>
    <t>12/19/2019 15:52:44</t>
  </si>
  <si>
    <t>d17d693c-a240-4589-a905-eaf4eea41519.tmp</t>
  </si>
  <si>
    <t>\\acsfs\profiles$\marcosvnds\Downloads\d17d693c-a240-4589-a905-eaf4eea41519.tmp</t>
  </si>
  <si>
    <t>12/19/2019 15:54:40</t>
  </si>
  <si>
    <t>12/19/2019 15:52:26</t>
  </si>
  <si>
    <t>12/19/2019 15:56:35</t>
  </si>
  <si>
    <t>ccb88474-7203-4314-8973-3b4a37a241db.tmp</t>
  </si>
  <si>
    <t>\\acsfs\profiles$\wenderbnm\Downloads\ccb88474-7203-4314-8973-3b4a37a241db.tmp</t>
  </si>
  <si>
    <t>12/19/2019 15:53:45</t>
  </si>
  <si>
    <t>\\acsfs\profiles$\valeriasda\My Documents\</t>
  </si>
  <si>
    <t>.~lock.nn.ods#</t>
  </si>
  <si>
    <t>\\acsfs\profiles$\valeriasda\My Documents\.~lock.nn.ods#</t>
  </si>
  <si>
    <t>12/19/2019 15:53:46</t>
  </si>
  <si>
    <t>lu485208lh3va.tmp</t>
  </si>
  <si>
    <t>\\acsfs\profiles$\valeriasda\My Documents\lu485208lh3va.tmp</t>
  </si>
  <si>
    <t>\\acsfs\profiles$\valeriasda\My Documents\lu485208lh3va.tmp\</t>
  </si>
  <si>
    <t>\\acsfs\profiles$\valeriasda\My Documents\lu485208lh3va.tmp\META-INF\</t>
  </si>
  <si>
    <t>\\acsfs\profiles$\valeriasda\My Documents\lu485208lh3va.tmp\Thumbnails\</t>
  </si>
  <si>
    <t>12/19/2019 15:53:26</t>
  </si>
  <si>
    <t>XLOG_marcosvnds_19122019_145813.log</t>
  </si>
  <si>
    <t>\\acsfs\profiles$\marcosvnds\My Documents\xworkcenter\logs\XLOG_marcosvnds_19122019_145813.log</t>
  </si>
  <si>
    <t>12/19/2019 15:53:07</t>
  </si>
  <si>
    <t>12/19/2019 15:57:35</t>
  </si>
  <si>
    <t>12/19/2019 15:56:15</t>
  </si>
  <si>
    <t>12/19/2019 15:53:23</t>
  </si>
  <si>
    <t>12/19/2019 15:53:58</t>
  </si>
  <si>
    <t>12/19/2019 15:56:45</t>
  </si>
  <si>
    <t>12/19/2019 15:58:35</t>
  </si>
  <si>
    <t>12/19/2019 15:54:34</t>
  </si>
  <si>
    <t>12/19/2019 15:59:35</t>
  </si>
  <si>
    <t>12/19/2019 15:55:04</t>
  </si>
  <si>
    <t>12/19/2019 15:54:07</t>
  </si>
  <si>
    <t>12/19/2019 15:54:50</t>
  </si>
  <si>
    <t>12/19/2019 15:54:59</t>
  </si>
  <si>
    <t>12/19/2019 15:54:24</t>
  </si>
  <si>
    <t>12/19/2019 16:00:34</t>
  </si>
  <si>
    <t>12/19/2019 15:56:25</t>
  </si>
  <si>
    <t>1576691455085;1905447630;4;856315767;[];[]]];bvs-centralcartoes@bv.com.br;cintia.souza-domingues@dxc.com;eduardo.santana@bv.com.br;false;fernandorsju@algartech.com;kesiadof@algartech.com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;marianeps@algartech.com;null;qj5-xm8pdf6sl72gv5urpin4-sxj5l7txbkyocdiio257clgwe</t>
  </si>
  <si>
    <t>1576691455085,1905447630,4,856315767,[],[]]],bvs-centralcartoes@bv.com.br,cintia.souza-domingues@dxc.com,eduardo.santana@bv.com.br,false,fernandorsju@algartech.com,kesiadof@algartech.com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,marianeps@algartech.com,null,qj5-xm8pdf6sl72gv5urpin4-sxj5l7txbkyocdiio257clgwe</t>
  </si>
  <si>
    <t>12/19/2019 15:57:04</t>
  </si>
  <si>
    <t>12/19/2019 15:59:58</t>
  </si>
  <si>
    <t>12/19/2019 15:55:41</t>
  </si>
  <si>
    <t>12/19/2019 15:56:29</t>
  </si>
  <si>
    <t>12/19/2019 16:01:35</t>
  </si>
  <si>
    <t>d38d4105-b491-43b4-8ed0-64469f046484.tmp</t>
  </si>
  <si>
    <t>\\acsfs\profiles$\larissaad\Downloads\d38d4105-b491-43b4-8ed0-64469f046484.tmp</t>
  </si>
  <si>
    <t>12/19/2019 15:57:07</t>
  </si>
  <si>
    <t>12/19/2019 16:02:34</t>
  </si>
  <si>
    <t>12/19/2019 15:59:07</t>
  </si>
  <si>
    <t>12/19/2019 15:57:23</t>
  </si>
  <si>
    <t>12/19/2019 15:57:58</t>
  </si>
  <si>
    <t>12/19/2019 15:57:18</t>
  </si>
  <si>
    <t>12/19/2019 15:58:42</t>
  </si>
  <si>
    <t>12/19/2019 15:59:40</t>
  </si>
  <si>
    <t>12/19/2019 15:59:47</t>
  </si>
  <si>
    <t>12/19/2019 15:59:59</t>
  </si>
  <si>
    <t>12/19/2019 16:01:57</t>
  </si>
  <si>
    <t>12/19/2019 16:00:48</t>
  </si>
  <si>
    <t>12/19/2019 16:03:35</t>
  </si>
  <si>
    <t>12/19/2019 15:59:06</t>
  </si>
  <si>
    <t>\\acsfs\profiles$\leydianeamd\My Documents\xworkcenter\logs\</t>
  </si>
  <si>
    <t>XLOG_leydianeamd_19122019_100733.log</t>
  </si>
  <si>
    <t>\\acsfs\profiles$\leydianeamd\My Documents\xworkcenter\logs\XLOG_leydianeamd_19122019_100733.log</t>
  </si>
  <si>
    <t>\\acsfs\profiles$\leydianeamd\My Documents\xworkcenter\logs\wrapper.log</t>
  </si>
  <si>
    <t>12/19/2019 16:00:42</t>
  </si>
  <si>
    <t>E:\Reembolso\2016.9.15\</t>
  </si>
  <si>
    <t>Protocolo Relatório de Despesas Capgemini - Gabriel Storti.xls</t>
  </si>
  <si>
    <t>ken=ac4w5vh_udszxakqgqahkvujnoajar4nfa:1576758410292&amp;buildlabel=drive.web-frontend_20191211.00_p1577v/aijn3l5bwpn/aghwnqp/aatdunjoxpzhnf0uf8my af ik ff/bhpp8a8vsh9mlwaevwu8kh/ub6t/8afuf2jh/5h94fua/86 4/m/u/ cxt2wpyj yqmf8agmbdz 4hz/tcv6sz y78pm6/blwkf 4fpp8a8vtf gwvh4ef fieef8awq6t/wdfuf2hh/5h94fuq/8aovup5uf/4jgxr6on5ind/gl5dh cm/ik/pg/4za hg/5oj4r/wdbdpp/amvr/wamt/d3/oiphh/wq6t/apfuf2hh/wdn2/vd6lx/aj19x/n4p cxv2f4e/muo/4jc3rigxof9ov/sf/wy58ph/zrlwlx/wbqlsf/aiqlh7l3w 7/aas8jhp/afatj/8aiqp7qw/8j 8pqnf dfcfzff8otrofwj ypw/4ja3fgy0/mv/r/8a8mvfd7p/acrlwlx/1atj/wdiqp8ahl/4f/8are/cf/gi0n/4qn/aog/59v7w o1/519x/od/amotlr 4n5ilh/blo6p8cfmk/o9/4zf h/h/abzpwn/4itj/ ko/4zg h/x/aiun4t/8ewk//fuf2jh/ fb 8pqnf dfcfzhf8osrr/nmn5ij/h1ldf880/mv/r9/wamw ap ij e p ofpp/wavr/wzb8p/apoifht/ameek/8axvh9o4b/aj9v7w o1/519x/oa3/bls6/uj yph/4ja3y6on5iv6qf gyph/zn4j e f ofpp/wavr/wy/wdd/wd6in4t/wdbfpp/amvr/aog/wcfb 8pqnf dfcfze_x001B_2դ�h_</t>
  </si>
  <si>
    <t>12/19/2019 16:00:52</t>
  </si>
  <si>
    <t>12/19/2019 16:05:35</t>
  </si>
  <si>
    <t>12/19/2019 16:04:42</t>
  </si>
  <si>
    <t>12/19/2019 16:00:11</t>
  </si>
  <si>
    <t>12/19/2019 16:00:40</t>
  </si>
  <si>
    <t>12/19/2019 16:01:40</t>
  </si>
  <si>
    <t>12/19/2019 16:02:06</t>
  </si>
  <si>
    <t>12/19/2019 16:06:35</t>
  </si>
  <si>
    <t>12/19/2019 16:02:20</t>
  </si>
  <si>
    <t>Arquivo_de_Interface (2).xlsb</t>
  </si>
  <si>
    <t>12/19/2019 16:03:07</t>
  </si>
  <si>
    <t>12/19/2019 16:07:35</t>
  </si>
  <si>
    <t>12/19/2019 16:05:07</t>
  </si>
  <si>
    <t>12/19/2019 16:05:49</t>
  </si>
  <si>
    <t>12/19/2019 16:08:35</t>
  </si>
  <si>
    <t>12/19/2019 16:02:57</t>
  </si>
  <si>
    <t>12/19/2019 16:03:36</t>
  </si>
  <si>
    <t>12/19/2019 16:09:34</t>
  </si>
  <si>
    <t>92265320-a01a-4e8d-854c-6613baf7522a.tmp</t>
  </si>
  <si>
    <t>\\acsfs\profiles$\KARENJSS\Downloads\92265320-a01a-4e8d-854c-6613baf7522a.tmp</t>
  </si>
  <si>
    <t>12/19/2019 16:08:07</t>
  </si>
  <si>
    <t>12/19/2019 16:08:37</t>
  </si>
  <si>
    <t>12/19/2019 16:06:12</t>
  </si>
  <si>
    <t>12/19/2019 16:06:37</t>
  </si>
  <si>
    <t>84e4fbf4-59f5-438e-a3b8-40955dc991be.tmp</t>
  </si>
  <si>
    <t>\\acsfs\profiles$\erichds\Downloads\84e4fbf4-59f5-438e-a3b8-40955dc991be.tmp</t>
  </si>
  <si>
    <t>12/19/2019 16:04:35</t>
  </si>
  <si>
    <t>12/19/2019 16:07:54</t>
  </si>
  <si>
    <t>12/19/2019 16:10:35</t>
  </si>
  <si>
    <t>3c359be4-bd9c-4b11-b1ef-443f834390ea.tmp</t>
  </si>
  <si>
    <t>\\acsfs\profiles$\marcosvnds\Downloads\3c359be4-bd9c-4b11-b1ef-443f834390ea.tmp</t>
  </si>
  <si>
    <t>12/19/2019 16:08:28</t>
  </si>
  <si>
    <t>99ceaecb-0efa-412a-8424-ce60570d04a2.tmp</t>
  </si>
  <si>
    <t>\\acsfs\profiles$\marcosvnds\Downloads\99ceaecb-0efa-412a-8424-ce60570d04a2.tmp</t>
  </si>
  <si>
    <t>12/19/2019 16:06:40</t>
  </si>
  <si>
    <t>12/19/2019 16:07:40</t>
  </si>
  <si>
    <t>12/19/2019 16:08:49</t>
  </si>
  <si>
    <t>12/19/2019 16:11:35</t>
  </si>
  <si>
    <t>12/19/2019 16:09:07</t>
  </si>
  <si>
    <t>12/19/2019 16:12:35</t>
  </si>
  <si>
    <t>12/19/2019 16:11:07</t>
  </si>
  <si>
    <t>12/19/2019 16:10:10</t>
  </si>
  <si>
    <t>12/19/2019 16:10:01</t>
  </si>
  <si>
    <t>XLOG_ellencds_19122019_080241.log</t>
  </si>
  <si>
    <t>\\acsfs\profiles$\ellencds\My Documents\xworkcenter\logs\XLOG_ellencds_19122019_080241.log</t>
  </si>
  <si>
    <t>12/19/2019 16:14:35</t>
  </si>
  <si>
    <t>12/19/2019 16:09:37</t>
  </si>
  <si>
    <t>12/19/2019 16:10:07</t>
  </si>
  <si>
    <t>12/19/2019 16:12:17</t>
  </si>
  <si>
    <t>50e8567b-c13f-44f3-9a53-163f606c0cd8.tmp</t>
  </si>
  <si>
    <t>\\acsfs\profiles$\layonmof\Downloads\50e8567b-c13f-44f3-9a53-163f606c0cd8.tmp</t>
  </si>
  <si>
    <t>12/19/2019 16:13:42</t>
  </si>
  <si>
    <t>ae8d5b67-9e76-4d0f-acd8-637838c9198e.tmp</t>
  </si>
  <si>
    <t>\\acsfs\profiles$\layonmof\Downloads\ae8d5b67-9e76-4d0f-acd8-637838c9198e.tmp</t>
  </si>
  <si>
    <t>12/19/2019 16:15:35</t>
  </si>
  <si>
    <t>\\acsfs\DEPTOS\Operacao\Banco_Votorantim\Qualidade\Anderson\Jose\995ED23D.tmp\</t>
  </si>
  <si>
    <t>\\acsfs\DEPTOS\Operacao\Banco_Votorantim\Qualidade\Anderson\Jose\995ED23D.tmp\:Zone.Identifier:$DATA</t>
  </si>
  <si>
    <t>12/19/2019 16:10:11</t>
  </si>
  <si>
    <t>12/19/2019 16:11:05</t>
  </si>
  <si>
    <t>Relatorio de Vendas - Auditoria BV Cartoes (Dezembro) 78.xlsx</t>
  </si>
  <si>
    <t>\\acsfs\DEPTOS\Operacao\Banco_Votorantim\Qualidade\Anderson\Jose\Relatorio de Vendas - Auditoria BV Cartoes (Dezembro) 78.xlsx</t>
  </si>
  <si>
    <t>12/19/2019 16:12:40</t>
  </si>
  <si>
    <t>12/19/2019 16:13:40</t>
  </si>
  <si>
    <t>12/19/2019 16:15:27</t>
  </si>
  <si>
    <t>12/19/2019 16:16:36</t>
  </si>
  <si>
    <t>355bfd37-0653-4e2b-9b2f-862993c55ade.tmp</t>
  </si>
  <si>
    <t>\\acsfs\profiles$\deborahsi\Downloads\355bfd37-0653-4e2b-9b2f-862993c55ade.tmp</t>
  </si>
  <si>
    <t>12/19/2019 16:15:07</t>
  </si>
  <si>
    <t>12/19/2019 16:17:35</t>
  </si>
  <si>
    <t>12/19/2019 16:13:46</t>
  </si>
  <si>
    <t>12/19/2019 16:13:55</t>
  </si>
  <si>
    <t>12/19/2019 16:14:03</t>
  </si>
  <si>
    <t>12/19/2019 16:14:21</t>
  </si>
  <si>
    <t>12/19/2019 16:14:23</t>
  </si>
  <si>
    <t>12/19/2019 16:14:26</t>
  </si>
  <si>
    <t>12/19/2019 16:14:31</t>
  </si>
  <si>
    <t>12/19/2019 16:14:32</t>
  </si>
  <si>
    <t>12/19/2019 16:14:53</t>
  </si>
  <si>
    <t>12/19/2019 16:14:54</t>
  </si>
  <si>
    <t>12/19/2019 16:15:19</t>
  </si>
  <si>
    <t>12/19/2019 16:14:17</t>
  </si>
  <si>
    <t>12/19/2019 16:18:35</t>
  </si>
  <si>
    <t>12/19/2019 16:18:59</t>
  </si>
  <si>
    <t>12/19/2019 16:20:35</t>
  </si>
  <si>
    <t>33f983e7-17c7-456b-8d85-66f64946d3dd.tmp</t>
  </si>
  <si>
    <t>\\acsfs\profiles$\marcosvnds\Downloads\33f983e7-17c7-456b-8d85-66f64946d3dd.tmp</t>
  </si>
  <si>
    <t>12/19/2019 16:15:51</t>
  </si>
  <si>
    <t>f1be149c-3f27-4afa-bdeb-1f72e90b48ed.tmp</t>
  </si>
  <si>
    <t>\\acsfs\profiles$\andrezacapf\Downloads\f1be149c-3f27-4afa-bdeb-1f72e90b48ed.tmp</t>
  </si>
  <si>
    <t>12/19/2019 16:18:40</t>
  </si>
  <si>
    <t>12/19/2019 16:19:40</t>
  </si>
  <si>
    <t>12/19/2019 16:15:46</t>
  </si>
  <si>
    <t>12/19/2019 16:21:36</t>
  </si>
  <si>
    <t>288713bc-2258-4cb0-b001-cfb21b390e4a.tmp</t>
  </si>
  <si>
    <t>\\acsfs\profiles$\deborahsi\Downloads\288713bc-2258-4cb0-b001-cfb21b390e4a.tmp</t>
  </si>
  <si>
    <t>12/19/2019 16:16:59</t>
  </si>
  <si>
    <t>12/19/2019 16:16:26</t>
  </si>
  <si>
    <t>12/19/2019 16:17:24</t>
  </si>
  <si>
    <t>12/19/2019 16:17:07</t>
  </si>
  <si>
    <t>12/19/2019 16:22:35</t>
  </si>
  <si>
    <t>12/19/2019 16:21:07</t>
  </si>
  <si>
    <t>12/19/2019 16:20:06</t>
  </si>
  <si>
    <t>b6549f7c-cc9c-463d-b4aa-964be8ad426d.tmp</t>
  </si>
  <si>
    <t>\\acsfs\profiles$\vivianibfs\Downloads\b6549f7c-cc9c-463d-b4aa-964be8ad426d.tmp</t>
  </si>
  <si>
    <t>12/19/2019 16:20:28</t>
  </si>
  <si>
    <t>57316c4d-4ca5-48c1-9657-8a2a91731083.tmp</t>
  </si>
  <si>
    <t>\\acsfs\profiles$\brunalas\Downloads\57316c4d-4ca5-48c1-9657-8a2a91731083.tmp</t>
  </si>
  <si>
    <t>12/19/2019 16:21:18</t>
  </si>
  <si>
    <t>12/19/2019 16:23:36</t>
  </si>
  <si>
    <t>12/19/2019 16:20:26</t>
  </si>
  <si>
    <t>12/19/2019 16:21:50</t>
  </si>
  <si>
    <t>12/19/2019 16:19:02</t>
  </si>
  <si>
    <t>12/19/2019 16:24:35</t>
  </si>
  <si>
    <t>ce9de5f2-b9e5-4478-befb-68be9ad64848.tmp</t>
  </si>
  <si>
    <t>\\acsfs\profiles$\geovannasm\Downloads\ce9de5f2-b9e5-4478-befb-68be9ad64848.tmp</t>
  </si>
  <si>
    <t>12/19/2019 16:21:35</t>
  </si>
  <si>
    <t>12/19/2019 16:24:13</t>
  </si>
  <si>
    <t>12/19/2019 16:25:36</t>
  </si>
  <si>
    <t>\\acsfs\DEPTOS\Operacao\Banco_Votorantim\Qualidade\Anderson\Jose\96AD3151.tmp\</t>
  </si>
  <si>
    <t>\\acsfs\DEPTOS\Operacao\Banco_Votorantim\Qualidade\Anderson\Jose\96AD3151.tmp\:Zone.Identifier:$DATA</t>
  </si>
  <si>
    <t>12/19/2019 16:24:14</t>
  </si>
  <si>
    <t>12/19/2019 16:24:40</t>
  </si>
  <si>
    <t>12/19/2019 16:24:34</t>
  </si>
  <si>
    <t>12/19/2019 16:26:36</t>
  </si>
  <si>
    <t>12/19/2019 16:23:07</t>
  </si>
  <si>
    <t>12/19/2019 16:27:36</t>
  </si>
  <si>
    <t>12/19/2019 16:25:49</t>
  </si>
  <si>
    <t>camillarl@algartech.com</t>
  </si>
  <si>
    <t>12/19/2019 16:26:07</t>
  </si>
  <si>
    <t>12/19/2019 16:26:58</t>
  </si>
  <si>
    <t>12/19/2019 16:23:10</t>
  </si>
  <si>
    <t>12/19/2019 16:28:36</t>
  </si>
  <si>
    <t>12/19/2019 16:28:02</t>
  </si>
  <si>
    <t>12/19/2019 16:28:22</t>
  </si>
  <si>
    <t>12/19/2019 16:29:35</t>
  </si>
  <si>
    <t>12/19/2019 16:29:02</t>
  </si>
  <si>
    <t>12/19/2019 16:24:58</t>
  </si>
  <si>
    <t>12/19/2019 16:30:36</t>
  </si>
  <si>
    <t>12/19/2019 16:25:14</t>
  </si>
  <si>
    <t>Sem título.png</t>
  </si>
  <si>
    <t>\\acsfs\DEPTOS\Operacao\Banco_Votorantim\Qualidade\Anderson\Jose\Sem título.png</t>
  </si>
  <si>
    <t>12/19/2019 16:29:21</t>
  </si>
  <si>
    <t>12/19/2019 16:25:40</t>
  </si>
  <si>
    <t>12/19/2019 16:27:18</t>
  </si>
  <si>
    <t>https://udpwfmniceap02/web/guest/home?p_auth=wvkofci1&amp;p_p_id=58&amp;p_p_lifecycle=1&amp;p_p_state=maximized&amp;p_p_mode=view&amp;savelastpath=0&amp;_58_struts_action=/login/forgot_password</t>
  </si>
  <si>
    <t>12/19/2019 16:28:53</t>
  </si>
  <si>
    <t>12/19/2019 16:31:35</t>
  </si>
  <si>
    <t>12/19/2019 16:31:03</t>
  </si>
  <si>
    <t>12/19/2019 16:27:07</t>
  </si>
  <si>
    <t>12/19/2019 16:32:36</t>
  </si>
  <si>
    <t>12/19/2019 16:29:07</t>
  </si>
  <si>
    <t>12/19/2019 16:28:31</t>
  </si>
  <si>
    <t>12/19/2019 16:33:35</t>
  </si>
  <si>
    <t>10.200.67.12</t>
  </si>
  <si>
    <t>D4-AE-52-FC-97-9E</t>
  </si>
  <si>
    <t>VOTORANT-ACB006</t>
  </si>
  <si>
    <t>gabriellalpr</t>
  </si>
  <si>
    <t>\\acsfs\profiles$\gabriellalpr\Downloads\</t>
  </si>
  <si>
    <t>101c20f9-ba89-43b0-a5de-df4f5e66fefa.tmp</t>
  </si>
  <si>
    <t>\\acsfs\profiles$\gabriellalpr\Downloads\101c20f9-ba89-43b0-a5de-df4f5e66fefa.tmp</t>
  </si>
  <si>
    <t>12/19/2019 16:28:39</t>
  </si>
  <si>
    <t>ef928b8d-fdd8-445d-a9e3-470c2a13fbf8.tmp</t>
  </si>
  <si>
    <t>\\acsfs\profiles$\gabriellalpr\Downloads\ef928b8d-fdd8-445d-a9e3-470c2a13fbf8.tmp</t>
  </si>
  <si>
    <t>12/19/2019 16:30:28</t>
  </si>
  <si>
    <t>12/19/2019 16:30:40</t>
  </si>
  <si>
    <t>12/19/2019 16:35:35</t>
  </si>
  <si>
    <t>12/19/2019 16:31:40</t>
  </si>
  <si>
    <t>12/19/2019 16:32:42</t>
  </si>
  <si>
    <t>12/19/2019 16:36:35</t>
  </si>
  <si>
    <t>12/19/2019 16:32:07</t>
  </si>
  <si>
    <t>12/19/2019 16:33:07</t>
  </si>
  <si>
    <t>12/19/2019 16:37:35</t>
  </si>
  <si>
    <t>12/19/2019 16:35:07</t>
  </si>
  <si>
    <t>12/19/2019 16:32:59</t>
  </si>
  <si>
    <t>12/19/2019 16:33:33</t>
  </si>
  <si>
    <t>12/19/2019 16:36:05</t>
  </si>
  <si>
    <t>12/19/2019 16:34:08</t>
  </si>
  <si>
    <t>12/19/2019 16:38:35</t>
  </si>
  <si>
    <t>mail.google.com/sync/u/0/i/s?hl=pt-BR&amp;c=1629</t>
  </si>
  <si>
    <t>12/19/2019 16:34:09</t>
  </si>
  <si>
    <t>mail.google.com/sync/u/0/i/s?hl=pt-BR&amp;c=1631</t>
  </si>
  <si>
    <t>12/19/2019 16:34:16</t>
  </si>
  <si>
    <t>12/19/2019 16:34:20</t>
  </si>
  <si>
    <t>12/19/2019 16:33:34</t>
  </si>
  <si>
    <t>f657e1f4-9a2c-4361-ba7a-a44e33692e78.tmp</t>
  </si>
  <si>
    <t>\\acsfs\profiles$\gabriellalpr\Downloads\f657e1f4-9a2c-4361-ba7a-a44e33692e78.tmp</t>
  </si>
  <si>
    <t>12/19/2019 16:35:40</t>
  </si>
  <si>
    <t>6d8b61fd-0816-491c-a6d4-7a0a671ce68a.tmp</t>
  </si>
  <si>
    <t>\\acsfs\profiles$\gabriellalpr\Downloads\6d8b61fd-0816-491c-a6d4-7a0a671ce68a.tmp</t>
  </si>
  <si>
    <t>12/19/2019 16:33:23</t>
  </si>
  <si>
    <t>e5cde7b3-d4a6-407a-8ff5-1ead5cd9f228.tmp</t>
  </si>
  <si>
    <t>\\acsfs\profiles$\brendadsl\Downloads\e5cde7b3-d4a6-407a-8ff5-1ead5cd9f228.tmp</t>
  </si>
  <si>
    <t>12/19/2019 16:33:37</t>
  </si>
  <si>
    <t>814a797d-74c8-4577-94e1-51fc441bfb0b.tmp</t>
  </si>
  <si>
    <t>\\acsfs\profiles$\brendadsl\Downloads\814a797d-74c8-4577-94e1-51fc441bfb0b.tmp</t>
  </si>
  <si>
    <t>12/19/2019 16:35:48</t>
  </si>
  <si>
    <t>12/19/2019 16:34:23</t>
  </si>
  <si>
    <t>12/19/2019 16:39:35</t>
  </si>
  <si>
    <t>b07ad8be-58fd-43b4-9424-a6cf562a670c.tmp</t>
  </si>
  <si>
    <t>\\acsfs\profiles$\gabrielamdp\Downloads\b07ad8be-58fd-43b4-9424-a6cf562a670c.tmp</t>
  </si>
  <si>
    <t>12/19/2019 16:36:40</t>
  </si>
  <si>
    <t>12/19/2019 16:40:36</t>
  </si>
  <si>
    <t>12/19/2019 16:37:40</t>
  </si>
  <si>
    <t>12/19/2019 16:38:18</t>
  </si>
  <si>
    <t>XLOG_anacdos_19122019_133826.log</t>
  </si>
  <si>
    <t>\\acsfs\profiles$\anacdos\My Documents\xworkcenter\logs\XLOG_anacdos_19122019_133826.log</t>
  </si>
  <si>
    <t>12/19/2019 16:38:49</t>
  </si>
  <si>
    <t>12/19/2019 16:41:36</t>
  </si>
  <si>
    <t>12/19/2019 16:38:59</t>
  </si>
  <si>
    <t>12/19/2019 16:39:00</t>
  </si>
  <si>
    <t>12/19/2019 16:40:13</t>
  </si>
  <si>
    <t>12/19/2019 16:39:34</t>
  </si>
  <si>
    <t>12/19/2019 16:42:35</t>
  </si>
  <si>
    <t>waleskamms@algartech.com;</t>
  </si>
  <si>
    <t>C:\Users\leonardoefo\Grupo Algar\Waleska Maria Miranda Storti - Projetos\Nimbus\</t>
  </si>
  <si>
    <t>Checklist Projeto Nimbus_CSC_Jurídico.xlsx</t>
  </si>
  <si>
    <t>12/19/2019 16:39:07</t>
  </si>
  <si>
    <t>12/19/2019 16:41:07</t>
  </si>
  <si>
    <t>12/19/2019 16:38:04</t>
  </si>
  <si>
    <t>12/19/2019 16:40:35</t>
  </si>
  <si>
    <t>12/19/2019 16:43:35</t>
  </si>
  <si>
    <t>12/19/2019 16:40:05</t>
  </si>
  <si>
    <t>12/19/2019 16:41:15</t>
  </si>
  <si>
    <t>12/19/2019 16:41:25</t>
  </si>
  <si>
    <t>12/19/2019 16:44:35</t>
  </si>
  <si>
    <t>f1180b35-b35a-4b34-9a5e-c8dd428d2f4a.tmp</t>
  </si>
  <si>
    <t>\\acsfs\profiles$\layonmof\Downloads\f1180b35-b35a-4b34-9a5e-c8dd428d2f4a.tmp</t>
  </si>
  <si>
    <t>12/19/2019 16:42:40</t>
  </si>
  <si>
    <t>12/19/2019 16:45:35</t>
  </si>
  <si>
    <t>12/19/2019 16:43:25</t>
  </si>
  <si>
    <t>c:\users\raicdf\appdata\local\temp\</t>
  </si>
  <si>
    <t>12/19/2019 16:43:40</t>
  </si>
  <si>
    <t>12/19/2019 16:41:47</t>
  </si>
  <si>
    <t>c2fe82a7-49c7-4641-9c49-dba2270fad4a.tmp</t>
  </si>
  <si>
    <t>\\acsfs\profiles$\gabrielafs\Downloads\c2fe82a7-49c7-4641-9c49-dba2270fad4a.tmp</t>
  </si>
  <si>
    <t>12/19/2019 16:45:05</t>
  </si>
  <si>
    <t>f36646b5-17fe-48cf-9f86-8b5f25579803.tmp</t>
  </si>
  <si>
    <t>\\acsfs\profiles$\gabrielafs\Downloads\f36646b5-17fe-48cf-9f86-8b5f25579803.tmp</t>
  </si>
  <si>
    <t>12/19/2019 16:42:31</t>
  </si>
  <si>
    <t>12/19/2019 16:46:35</t>
  </si>
  <si>
    <t>12/19/2019 16:41:43</t>
  </si>
  <si>
    <t>12/19/2019 16:47:36</t>
  </si>
  <si>
    <t>12/19/2019 16:45:07</t>
  </si>
  <si>
    <t>12/19/2019 16:42:47</t>
  </si>
  <si>
    <t>12/19/2019 16:42:48</t>
  </si>
  <si>
    <t>12/19/2019 16:42:59</t>
  </si>
  <si>
    <t>12/19/2019 16:44:30</t>
  </si>
  <si>
    <t>12/19/2019 16:46:14</t>
  </si>
  <si>
    <t>12/19/2019 16:48:36</t>
  </si>
  <si>
    <t>12/19/2019 16:45:24</t>
  </si>
  <si>
    <t>12/19/2019 16:47:57</t>
  </si>
  <si>
    <t>12/19/2019 16:49:35</t>
  </si>
  <si>
    <t>b41dc0f2-860a-4179-a197-c15c31ef93a8.tmp</t>
  </si>
  <si>
    <t>\\acsfs\profiles$\laurandos\Downloads\b41dc0f2-860a-4179-a197-c15c31ef93a8.tmp</t>
  </si>
  <si>
    <t>12/19/2019 16:49:01</t>
  </si>
  <si>
    <t>aab78b8a-4305-4d0e-889d-af7cd46be80f.tmp</t>
  </si>
  <si>
    <t>\\acsfs\profiles$\erichds\Downloads\aab78b8a-4305-4d0e-889d-af7cd46be80f.tmp</t>
  </si>
  <si>
    <t>12/19/2019 16:49:10</t>
  </si>
  <si>
    <t>12/19/2019 16:48:29</t>
  </si>
  <si>
    <t>12/19/2019 16:50:35</t>
  </si>
  <si>
    <t>C:\Users\rodrigofrs\Google Drive (bkpparticularbrik@gmail.com)\Contas Casa\</t>
  </si>
  <si>
    <t>Contas_2020.xlsx</t>
  </si>
  <si>
    <t>12/19/2019 16:45:41</t>
  </si>
  <si>
    <t>Bruna Lara Araujo Santos_1_6765606654255896210_1_32.wav</t>
  </si>
  <si>
    <t>\\acsfs\DEPTOS\EDUCACAO EMPRESARIAL\Bruna Lara Araujo Santos_1_6765606654255896210_1_32.wav</t>
  </si>
  <si>
    <t>12/19/2019 16:49:24</t>
  </si>
  <si>
    <t>Luana Rosa de Almeida_1_6766240196291791602_1_32.wav</t>
  </si>
  <si>
    <t>\\acsfs\DEPTOS\EDUCACAO EMPRESARIAL\Luana Rosa de Almeida_1_6766240196291791602_1_32.wav</t>
  </si>
  <si>
    <t>12/19/2019 16:48:40</t>
  </si>
  <si>
    <t>12/19/2019 16:49:40</t>
  </si>
  <si>
    <t>12/19/2019 16:50:36</t>
  </si>
  <si>
    <t>12/19/2019 16:51:36</t>
  </si>
  <si>
    <t>mirianppb</t>
  </si>
  <si>
    <t>\\acsfs\DEPTOS\EDUCACAO EMPRESARIAL\Ligações 2º ciclo - Késia\</t>
  </si>
  <si>
    <t>ADEVILSON GABRIEL LINDEMBERG EVANGELISTA_1_6766272713489189355_1_32.wav</t>
  </si>
  <si>
    <t>\\acsfs\DEPTOS\EDUCACAO EMPRESARIAL\Ligações 2º ciclo - Késia\ADEVILSON GABRIEL LINDEMBERG EVANGELISTA_1_6766272713489189355_1_32.wav</t>
  </si>
  <si>
    <t>12/19/2019 16:48:27</t>
  </si>
  <si>
    <t>12/19/2019 16:47:07</t>
  </si>
  <si>
    <t>12/19/2019 16:52:36</t>
  </si>
  <si>
    <t>12/19/2019 16:51:07</t>
  </si>
  <si>
    <t>12/19/2019 16:49:20</t>
  </si>
  <si>
    <t>12/19/2019 16:49:21</t>
  </si>
  <si>
    <t>12/19/2019 16:49:31</t>
  </si>
  <si>
    <t>12/19/2019 16:49:32</t>
  </si>
  <si>
    <t>12/19/2019 16:49:33</t>
  </si>
  <si>
    <t>12/19/2019 16:50:46</t>
  </si>
  <si>
    <t>12/19/2019 16:53:36</t>
  </si>
  <si>
    <t>rodrigoamalfi52@gmail.com</t>
  </si>
  <si>
    <t>C:\Users\rodrigoap\Downloads\</t>
  </si>
  <si>
    <t>Programação Vida e Ministério.xlsx</t>
  </si>
  <si>
    <t>12/19/2019 16:51:11</t>
  </si>
  <si>
    <t>12/19/2019 16:55:36</t>
  </si>
  <si>
    <t>Marcelle Wendy de Lima_1_6766633052655396958_1_32.wav</t>
  </si>
  <si>
    <t>\\acsfs\DEPTOS\EDUCACAO EMPRESARIAL\Marcelle Wendy de Lima_1_6766633052655396958_1_32.wav</t>
  </si>
  <si>
    <t>12/19/2019 16:54:40</t>
  </si>
  <si>
    <t>12/19/2019 16:51:21</t>
  </si>
  <si>
    <t>12/19/2019 16:56:36</t>
  </si>
  <si>
    <t>ADRIELE DAS GRACAS CARVALHO_1_6766424746741533012_1_32.wav</t>
  </si>
  <si>
    <t>\\acsfs\DEPTOS\EDUCACAO EMPRESARIAL\Ligações 2º ciclo - Késia\ADRIELE DAS GRACAS CARVALHO_1_6766424746741533012_1_32.wav</t>
  </si>
  <si>
    <t>12/19/2019 16:51:59</t>
  </si>
  <si>
    <t>ADRIELY APARECIDA SILVA_1_6766283240454032051_1_32.wav</t>
  </si>
  <si>
    <t>\\acsfs\DEPTOS\EDUCACAO EMPRESARIAL\Ligações 2º ciclo - Késia\ADRIELY APARECIDA SILVA_1_6766283240454032051_1_32.wav</t>
  </si>
  <si>
    <t>12/19/2019 16:52:40</t>
  </si>
  <si>
    <t>ALEXANDRE MILHOMEM MARACAIPE_1_6765463618960042129_1_32.wav</t>
  </si>
  <si>
    <t>\\acsfs\DEPTOS\EDUCACAO EMPRESARIAL\Ligações 2º ciclo - Késia\ALEXANDRE MILHOMEM MARACAIPE_1_6765463618960042129_1_32.wav</t>
  </si>
  <si>
    <t>12/19/2019 16:53:20</t>
  </si>
  <si>
    <t>ALICE CRISPINA PEREIRA BARBOSA COELHO_1_6766208495138184397_1_32.wav</t>
  </si>
  <si>
    <t>\\acsfs\DEPTOS\EDUCACAO EMPRESARIAL\Ligações 2º ciclo - Késia\ALICE CRISPINA PEREIRA BARBOSA COELHO_1_6766208495138184397_1_32.wav</t>
  </si>
  <si>
    <t>12/19/2019 16:53:48</t>
  </si>
  <si>
    <t>ALYNY ALVES_1_6766161134533816545_1_32.wav</t>
  </si>
  <si>
    <t>\\acsfs\DEPTOS\EDUCACAO EMPRESARIAL\Ligações 2º ciclo - Késia\ALYNY ALVES_1_6766161134533816545_1_32.wav</t>
  </si>
  <si>
    <t>12/19/2019 16:54:30</t>
  </si>
  <si>
    <t>WELIDI CRISTINA DE JESUS_1_6765932998755944926_1_32.wav</t>
  </si>
  <si>
    <t>\\acsfs\DEPTOS\EDUCACAO EMPRESARIAL\Ligações 2º ciclo - Késia\WELIDI CRISTINA DE JESUS_1_6765932998755944926_1_32.wav</t>
  </si>
  <si>
    <t>12/19/2019 16:55:20</t>
  </si>
  <si>
    <t>MATHEUS HENRIKO CUNHA BORGES_1_6765876266532943042_1_32.wav</t>
  </si>
  <si>
    <t>\\acsfs\DEPTOS\EDUCACAO EMPRESARIAL\Ligações 2º ciclo - Késia\MATHEUS HENRIKO CUNHA BORGES_1_6765876266532943042_1_32.wav</t>
  </si>
  <si>
    <t>12/19/2019 16:51:41</t>
  </si>
  <si>
    <t>12/19/2019 16:54:33</t>
  </si>
  <si>
    <t>12/19/2019 16:53:07</t>
  </si>
  <si>
    <t>12/19/2019 16:57:36</t>
  </si>
  <si>
    <t>12/19/2019 16:53:26</t>
  </si>
  <si>
    <t>12/19/2019 16:58:36</t>
  </si>
  <si>
    <t>mail.google.com/sync/u/0/i/s?hl=pt-BR&amp;c=1676</t>
  </si>
  <si>
    <t>12/19/2019 16:53:27</t>
  </si>
  <si>
    <t>12/19/2019 16:53:41</t>
  </si>
  <si>
    <t>mail.google.com/sync/u/0/i/s?hl=pt-BR&amp;c=1678</t>
  </si>
  <si>
    <t>mail.google.com/sync/u/0/i/s?hl=pt-BR&amp;c=1680</t>
  </si>
  <si>
    <t>12/19/2019 16:53:53</t>
  </si>
  <si>
    <t>mail.google.com/sync/u/0/i/s?hl=pt-BR&amp;c=1682</t>
  </si>
  <si>
    <t>12/19/2019 16:59:36</t>
  </si>
  <si>
    <t>2e321ea1-9ed4-4900-a5ad-795bccd39f87.tmp</t>
  </si>
  <si>
    <t>\\acsfs\profiles$\gabrielamdp\Downloads\2e321ea1-9ed4-4900-a5ad-795bccd39f87.tmp</t>
  </si>
  <si>
    <t>12/19/2019 16:55:41</t>
  </si>
  <si>
    <t>12/19/2019 17:00:36</t>
  </si>
  <si>
    <t>12/19/2019 17:00:06</t>
  </si>
  <si>
    <t>10.200.66.72</t>
  </si>
  <si>
    <t>74-86-7A-FB-18-7E</t>
  </si>
  <si>
    <t>VOTORANT-ZB008</t>
  </si>
  <si>
    <t>12/19/2019 17:01:36</t>
  </si>
  <si>
    <t>12/19/2019 16:57:07</t>
  </si>
  <si>
    <t>12/19/2019 17:02:35</t>
  </si>
  <si>
    <t>12/19/2019 16:59:07</t>
  </si>
  <si>
    <t>12/19/2019 16:58:32</t>
  </si>
  <si>
    <t>12/19/2019 17:00:19</t>
  </si>
  <si>
    <t>\\acsfs\profiles$\larissapdr\My Documents\xworkcenter\logs\</t>
  </si>
  <si>
    <t>XLOG_larissapdr_19122019_170003.log</t>
  </si>
  <si>
    <t>\\acsfs\profiles$\larissapdr\My Documents\xworkcenter\logs\XLOG_larissapdr_19122019_170003.log</t>
  </si>
  <si>
    <t>12/19/2019 17:01:26</t>
  </si>
  <si>
    <t>12/19/2019 17:03:36</t>
  </si>
  <si>
    <t>724be9aa-a4ff-47fb-b2e5-fda983f2ad77.tmp</t>
  </si>
  <si>
    <t>\\acsfs\profiles$\nataliacsl\Downloads\724be9aa-a4ff-47fb-b2e5-fda983f2ad77.tmp</t>
  </si>
  <si>
    <t>12/19/2019 17:00:05</t>
  </si>
  <si>
    <t>mail.google.com/_/upload?authuser=1&amp;dcp=asu-n&amp;upload_id=AEnB2Uph5xrpUXejaXoWoqzRHYPwCSRHgvxul3RHjMZb8UIamZJbopV28wbWcyUpOTOP0LXZHTV5-3RQ8faL_0wDzZkO_hbu95SQoGf-b28a6UMj0hGhJqI&amp;upload_protocol=resumable</t>
  </si>
  <si>
    <t>"languagecode":"pt-br";"requesttype":"background_request";"scenariotype;"timezone":"-03:00";7;ess"}};p";</t>
  </si>
  <si>
    <t>"languagecode":"pt-br","requesttype":"background_request","scenariotype,"timezone":"-03:00",7,ess"}},p"</t>
  </si>
  <si>
    <t>12/19/2019 16:59:17</t>
  </si>
  <si>
    <t>12/19/2019 17:04:35</t>
  </si>
  <si>
    <t>28880 28885.xlsx</t>
  </si>
  <si>
    <t>12/19/2019 17:00:01</t>
  </si>
  <si>
    <t>28974.xlsx</t>
  </si>
  <si>
    <t>12/19/2019 16:59:41</t>
  </si>
  <si>
    <t>852c831c-0efd-4d1f-b971-2b6fbca39050.tmp</t>
  </si>
  <si>
    <t>\\acsfs\profiles$\gabrielamdp\Downloads\852c831c-0efd-4d1f-b971-2b6fbca39050.tmp</t>
  </si>
  <si>
    <t>12/19/2019 17:00:41</t>
  </si>
  <si>
    <t>12/19/2019 17:05:35</t>
  </si>
  <si>
    <t>12/19/2019 17:01:41</t>
  </si>
  <si>
    <t>12/19/2019 17:06:36</t>
  </si>
  <si>
    <t>12/19/2019 17:03:21</t>
  </si>
  <si>
    <t>12/19/2019 17:04:39</t>
  </si>
  <si>
    <t>a95b3d75-cee5-4b24-9c2e-8cd1c65c5dd0.tmp</t>
  </si>
  <si>
    <t>\\acsfs\profiles$\anafaes\Downloads\a95b3d75-cee5-4b24-9c2e-8cd1c65c5dd0.tmp</t>
  </si>
  <si>
    <t>a6a8de8e-f35f-4fc1-aa18-9bae760991b9.tmp</t>
  </si>
  <si>
    <t>\\acsfs\profiles$\anafaes\Downloads\a6a8de8e-f35f-4fc1-aa18-9bae760991b9.tmp</t>
  </si>
  <si>
    <t>46f8f0f8-07f3-4659-9a37-007767290910.tmp</t>
  </si>
  <si>
    <t>\\acsfs\profiles$\anafaes\Downloads\46f8f0f8-07f3-4659-9a37-007767290910.tmp</t>
  </si>
  <si>
    <t>77c906c0-0700-4e6d-aa70-f237a4c18673.tmp</t>
  </si>
  <si>
    <t>\\acsfs\profiles$\anafaes\Downloads\77c906c0-0700-4e6d-aa70-f237a4c18673.tmp</t>
  </si>
  <si>
    <t>12/19/2019 17:02:04</t>
  </si>
  <si>
    <t>12/19/2019 17:03:07</t>
  </si>
  <si>
    <t>12/19/2019 17:07:35</t>
  </si>
  <si>
    <t>12/19/2019 17:05:07</t>
  </si>
  <si>
    <t>12/19/2019 17:03:58</t>
  </si>
  <si>
    <t>12/19/2019 17:04:36</t>
  </si>
  <si>
    <t>12/19/2019 17:04:37</t>
  </si>
  <si>
    <t>12/19/2019 17:04:38</t>
  </si>
  <si>
    <t>12/19/2019 17:04:40</t>
  </si>
  <si>
    <t>12/19/2019 17:05:59</t>
  </si>
  <si>
    <t>12/19/2019 17:04:43</t>
  </si>
  <si>
    <t>12/19/2019 17:08:36</t>
  </si>
  <si>
    <t>6699d5a6-6da2-47c2-927b-395ad3d03cfd.tmp</t>
  </si>
  <si>
    <t>\\acsfs\profiles$\victorgl\Downloads\6699d5a6-6da2-47c2-927b-395ad3d03cfd.tmp</t>
  </si>
  <si>
    <t>12/19/2019 17:07:03</t>
  </si>
  <si>
    <t>12/19/2019 17:04:21</t>
  </si>
  <si>
    <t>12/19/2019 17:09:35</t>
  </si>
  <si>
    <t>29209.xlsx</t>
  </si>
  <si>
    <t>12/19/2019 17:08:19</t>
  </si>
  <si>
    <t>6cc522ec-7cc9-48c5-b8c9-3006bf4f2490.tmp</t>
  </si>
  <si>
    <t>\\acsfs\profiles$\layonmof\Downloads\6cc522ec-7cc9-48c5-b8c9-3006bf4f2490.tmp</t>
  </si>
  <si>
    <t>12/19/2019 17:07:23</t>
  </si>
  <si>
    <t>12/19/2019 17:10:36</t>
  </si>
  <si>
    <t>XLOG_Angelicacldr_18122019_083753.log</t>
  </si>
  <si>
    <t>\\acsfs\profiles$\Angelicacldr\My Documents\xworkcenter\logs\XLOG_Angelicacldr_18122019_083753.log</t>
  </si>
  <si>
    <t>\\acsfs\profiles$\Angelicacldr\My Documents\xworkcenter\logs\wrapper.log</t>
  </si>
  <si>
    <t>12/19/2019 17:06:40</t>
  </si>
  <si>
    <t>12/19/2019 17:07:40</t>
  </si>
  <si>
    <t>12/19/2019 17:11:35</t>
  </si>
  <si>
    <t>12/19/2019 17:06:24</t>
  </si>
  <si>
    <t>75570046-67b2-45bd-901b-211f2822ef00.tmp</t>
  </si>
  <si>
    <t>\\acsfs\profiles$\anafaes\Downloads\75570046-67b2-45bd-901b-211f2822ef00.tmp</t>
  </si>
  <si>
    <t>12/19/2019 17:10:16</t>
  </si>
  <si>
    <t>12/19/2019 17:08:45</t>
  </si>
  <si>
    <t>7e7483bc-fa64-4fe1-be54-0d0091391cb2.tmp</t>
  </si>
  <si>
    <t>\\acsfs\profiles$\paulohaf\Downloads\7e7483bc-fa64-4fe1-be54-0d0091391cb2.tmp</t>
  </si>
  <si>
    <t>12/19/2019 17:09:07</t>
  </si>
  <si>
    <t>12/19/2019 17:12:35</t>
  </si>
  <si>
    <t>12/19/2019 17:10:48</t>
  </si>
  <si>
    <t>\\acsfs\DEPTOS\Operacao\Banco_Votorantim\Supervisao\SUPERS BV CARTÕES\VITOR\</t>
  </si>
  <si>
    <t>Pasta119-12-19.xlsx</t>
  </si>
  <si>
    <t>\\acsfs\DEPTOS\Operacao\Banco_Votorantim\Supervisao\SUPERS BV CARTÕES\VITOR\Pasta119-12-19.xlsx</t>
  </si>
  <si>
    <t>12/19/2019 17:11:07</t>
  </si>
  <si>
    <t>12/19/2019 17:10:10</t>
  </si>
  <si>
    <t>12/19/2019 17:10:18</t>
  </si>
  <si>
    <t>12/19/2019 17:10:28</t>
  </si>
  <si>
    <t>12/19/2019 17:10:30</t>
  </si>
  <si>
    <t>12/19/2019 17:10:32</t>
  </si>
  <si>
    <t>12/19/2019 17:10:33</t>
  </si>
  <si>
    <t>12/19/2019 17:12:48</t>
  </si>
  <si>
    <t>12/19/2019 17:13:34</t>
  </si>
  <si>
    <t>329145cf-60ab-41e0-abba-96c641e4a245.tmp</t>
  </si>
  <si>
    <t>\\acsfs\profiles$\gabriellalpr\Downloads\329145cf-60ab-41e0-abba-96c641e4a245.tmp</t>
  </si>
  <si>
    <t>12/19/2019 17:12:40</t>
  </si>
  <si>
    <t>12/19/2019 17:15:34</t>
  </si>
  <si>
    <t>12/19/2019 17:13:40</t>
  </si>
  <si>
    <t>12/19/2019 17:16:35</t>
  </si>
  <si>
    <t>12/19/2019 17:16:19</t>
  </si>
  <si>
    <t>12/19/2019 17:17:34</t>
  </si>
  <si>
    <t>12/19/2019 17:15:09</t>
  </si>
  <si>
    <t>12/19/2019 17:14:25</t>
  </si>
  <si>
    <t>12/19/2019 17:18:35</t>
  </si>
  <si>
    <t>12/19/2019 17:15:54</t>
  </si>
  <si>
    <t>12/19/2019 17:19:35</t>
  </si>
  <si>
    <t>12/19/2019 17:18:41</t>
  </si>
  <si>
    <t>12/19/2019 17:20:35</t>
  </si>
  <si>
    <t>12/19/2019 17:19:41</t>
  </si>
  <si>
    <t>12/19/2019 17:21:35</t>
  </si>
  <si>
    <t>12/19/2019 17:18:24</t>
  </si>
  <si>
    <t>12/19/2019 17:17:08</t>
  </si>
  <si>
    <t>12/19/2019 17:22:34</t>
  </si>
  <si>
    <t>12/19/2019 17:21:08</t>
  </si>
  <si>
    <t>12/19/2019 17:17:10</t>
  </si>
  <si>
    <t>williamcc@algartech.com.br;</t>
  </si>
  <si>
    <t>Chamado VT</t>
  </si>
  <si>
    <t>williamcc@algartech.com.br</t>
  </si>
  <si>
    <t>12/19/2019 17:18:47</t>
  </si>
  <si>
    <t>12/19/2019 17:18:58</t>
  </si>
  <si>
    <t>12/19/2019 17:19:08</t>
  </si>
  <si>
    <t>12/19/2019 17:19:09</t>
  </si>
  <si>
    <t>12/19/2019 17:17:40</t>
  </si>
  <si>
    <t>mail.google.com/_/upload?authuser=0&amp;dcp=asu-n&amp;upload_id=AEnB2UoZkO_eRqukKnBj9kE0CAHL01Sn52eAgNw8srbTEfvK-i3tLFYYoYoeAoCrwHPoFi_OJtctKG3xUxhPaZyuQlVRl_0S5BMHt4jq9DFvdRliaRzk0vE&amp;upload_protocol=resumable</t>
  </si>
  <si>
    <t>guilhermecst@algartech.com;mariliafsc@algartech.com;</t>
  </si>
  <si>
    <t>Categorizações recebidas pelo Advanced.xlsx</t>
  </si>
  <si>
    <t>guilhermecst@algartech.com,mariliafsc@algartech.com</t>
  </si>
  <si>
    <t>12/19/2019 17:17:45</t>
  </si>
  <si>
    <t>b882ca56-5858-41dd-b380-5a2e99a5af58.tmp</t>
  </si>
  <si>
    <t>\\acsfs\profiles$\brunalas\Downloads\b882ca56-5858-41dd-b380-5a2e99a5af58.tmp</t>
  </si>
  <si>
    <t>12/19/2019 17:19:46</t>
  </si>
  <si>
    <t>12/19/2019 17:23:35</t>
  </si>
  <si>
    <t>\\acsfs\DEPTOS\Operacao\Banco_Votorantim\Supervisao\SUPERS BV CARTÕES\ADILSON\Reneg\</t>
  </si>
  <si>
    <t>Contatos Reneg Manual 19.xls</t>
  </si>
  <si>
    <t>\\acsfs\DEPTOS\Operacao\Banco_Votorantim\Supervisao\SUPERS BV CARTÕES\ADILSON\Reneg\Contatos Reneg Manual 19.xls</t>
  </si>
  <si>
    <t>12/19/2019 17:20:48</t>
  </si>
  <si>
    <t>mail.google.com/sync/u/0/i/s?hl=pt-BR&amp;c=1723</t>
  </si>
  <si>
    <t>12/19/2019 17:21:19</t>
  </si>
  <si>
    <t>mail.google.com/sync/u/0/i/s?hl=pt-BR&amp;c=1726</t>
  </si>
  <si>
    <t>12/19/2019 17:21:32</t>
  </si>
  <si>
    <t>mail.google.com/sync/u/0/i/s?hl=pt-BR&amp;c=1728</t>
  </si>
  <si>
    <t>12/19/2019 17:21:45</t>
  </si>
  <si>
    <t>mail.google.com/sync/u/0/i/s?hl=pt-BR&amp;c=1730</t>
  </si>
  <si>
    <t>12/19/2019 17:22:09</t>
  </si>
  <si>
    <t>mail.google.com/sync/u/0/i/s?hl=pt-BR&amp;c=1732</t>
  </si>
  <si>
    <t>12/19/2019 17:22:22</t>
  </si>
  <si>
    <t>mail.google.com/sync/u/0/i/s?hl=pt-BR&amp;c=1740</t>
  </si>
  <si>
    <t>12/19/2019 17:22:31</t>
  </si>
  <si>
    <t>mail.google.com/sync/u/0/i/s?hl=pt-BR&amp;c=1742</t>
  </si>
  <si>
    <t>12/19/2019 17:22:40</t>
  </si>
  <si>
    <t>mail.google.com/sync/u/0/i/s?hl=pt-BR&amp;c=1744</t>
  </si>
  <si>
    <t>12/19/2019 17:22:45</t>
  </si>
  <si>
    <t>mail.google.com/sync/u/0/i/s?hl=pt-BR&amp;c=1746</t>
  </si>
  <si>
    <t>12/19/2019 17:23:29</t>
  </si>
  <si>
    <t>12/19/2019 17:24:35</t>
  </si>
  <si>
    <t>12/19/2019 17:22:18</t>
  </si>
  <si>
    <t>60209679-3e33-483f-b520-5c83f0dacd65.tmp</t>
  </si>
  <si>
    <t>\\acsfs\profiles$\gabrielamdp\Downloads\60209679-3e33-483f-b520-5c83f0dacd65.tmp</t>
  </si>
  <si>
    <t>12/19/2019 17:24:41</t>
  </si>
  <si>
    <t>12/19/2019 17:25:35</t>
  </si>
  <si>
    <t>12/19/2019 17:26:34</t>
  </si>
  <si>
    <t>12/19/2019 17:23:08</t>
  </si>
  <si>
    <t>12/19/2019 17:27:35</t>
  </si>
  <si>
    <t>12/19/2019 17:26:32</t>
  </si>
  <si>
    <t>12/19/2019 17:27:02</t>
  </si>
  <si>
    <t>12/19/2019 17:28:34</t>
  </si>
  <si>
    <t>12/19/2019 17:29:17</t>
  </si>
  <si>
    <t>12/19/2019 17:29:35</t>
  </si>
  <si>
    <t>12/19/2019 17:29:21</t>
  </si>
  <si>
    <t>12/19/2019 17:25:41</t>
  </si>
  <si>
    <t>12/19/2019 17:30:35</t>
  </si>
  <si>
    <t>12/19/2019 17:31:35</t>
  </si>
  <si>
    <t>12/19/2019 17:27:25</t>
  </si>
  <si>
    <t>12/19/2019 17:27:08</t>
  </si>
  <si>
    <t>12/19/2019 17:32:35</t>
  </si>
  <si>
    <t>12/19/2019 17:29:08</t>
  </si>
  <si>
    <t>12/19/2019 17:28:47</t>
  </si>
  <si>
    <t>raulmont@algartech.com;</t>
  </si>
  <si>
    <t>\\acsfs\engeset\CPV_ULA\ADMINISTRATIVO\CONTROLE ADMINISTRATIVO\DOCUMENTAÇÃO PARA HABILITAÇÃO\Algar Tecnologia\2019\000000 - LIGHT - CALL CENTER - 21.01.2020\LIGHT - CALL CENTER - 21.01.2020.zip\EspecificaÃ§Ã£o e anexos.rar\</t>
  </si>
  <si>
    <t>Anexo 12 - Planilha de Custos - Final.xlsx</t>
  </si>
  <si>
    <t>raulmont@algartech.com</t>
  </si>
  <si>
    <t>Anexo 2 â€“ Perfil dos Empregados.xlsx</t>
  </si>
  <si>
    <t>Anexo 3 â€“ RelatÃ³rios.xlsx</t>
  </si>
  <si>
    <t>Anexo 4 â€“ Tabela de SLAs.xlsx</t>
  </si>
  <si>
    <t>Anexo 7 - Volumetria.xlsx</t>
  </si>
  <si>
    <t>Anexo 9 - AvaliaÃ§Ã£o de ReaÃ§Ã£o.xlsx</t>
  </si>
  <si>
    <t>12/19/2019 17:31:52</t>
  </si>
  <si>
    <t>12/19/2019 17:33:35</t>
  </si>
  <si>
    <t>RENEG - Base com Tabulações.xlsx</t>
  </si>
  <si>
    <t>\\acsfs\DEPTOS\Operacao\Banco_Votorantim\Comum\00 - COMUM - BV CARTÕES\EQUIPE ADILSON\Reneg\RENEG - Base com Tabulações.xlsx</t>
  </si>
  <si>
    <t>\\acsfs\DEPTOS\Operacao\Banco_Votorantim\Comum\00 - COMUM - BV CARTÕES\EQUIPE ADILSON\Reneg\RENEG - Base com Tabulações.xlsx\</t>
  </si>
  <si>
    <t>\\acsfs\DEPTOS\Operacao\Banco_Votorantim\Comum\00 - COMUM - BV CARTÕES\EQUIPE ADILSON\Reneg\RENEG - Base com Tabulações.xlsx\:Zone.Identifier:$DATA</t>
  </si>
  <si>
    <t>12/19/2019 17:32:43</t>
  </si>
  <si>
    <t>12/19/2019 17:32:47</t>
  </si>
  <si>
    <t>12/19/2019 17:29:54</t>
  </si>
  <si>
    <t>12/19/2019 17:34:36</t>
  </si>
  <si>
    <t>efb698ba-a369-432b-8efe-a521190b4bf9.tmp</t>
  </si>
  <si>
    <t>\\acsfs\profiles$\layonmof\Downloads\efb698ba-a369-432b-8efe-a521190b4bf9.tmp</t>
  </si>
  <si>
    <t>12/19/2019 17:30:06</t>
  </si>
  <si>
    <t>12/19/2019 17:30:16</t>
  </si>
  <si>
    <t>12/19/2019 17:30:22</t>
  </si>
  <si>
    <t>12/19/2019 17:30:34</t>
  </si>
  <si>
    <t>12/19/2019 17:30:40</t>
  </si>
  <si>
    <t>12/19/2019 17:35:35</t>
  </si>
  <si>
    <t>12/19/2019 17:31:40</t>
  </si>
  <si>
    <t>12/19/2019 17:34:03</t>
  </si>
  <si>
    <t>12/19/2019 17:36:35</t>
  </si>
  <si>
    <t>12/19/2019 17:33:08</t>
  </si>
  <si>
    <t>12/19/2019 17:37:34</t>
  </si>
  <si>
    <t>12/19/2019 17:35:08</t>
  </si>
  <si>
    <t>12/19/2019 17:34:58</t>
  </si>
  <si>
    <t>\\acsfs\DEPTOS\Gestão de Projetos\3 - Projetos\10 - Projetos 2019\Xperience\FTE\</t>
  </si>
  <si>
    <t>Template_Registro_FTE_Realizado_v7.0 - Draft.xlsb</t>
  </si>
  <si>
    <t>12/19/2019 17:33:47</t>
  </si>
  <si>
    <t>12/19/2019 17:38:35</t>
  </si>
  <si>
    <t>12/19/2019 17:36:42</t>
  </si>
  <si>
    <t>12/19/2019 17:40:34</t>
  </si>
  <si>
    <t>12/19/2019 17:37:41</t>
  </si>
  <si>
    <t>12/19/2019 17:41:35</t>
  </si>
  <si>
    <t>12/19/2019 17:39:08</t>
  </si>
  <si>
    <t>12/19/2019 17:42:34</t>
  </si>
  <si>
    <t>12/19/2019 17:41:08</t>
  </si>
  <si>
    <t>12/19/2019 17:41:06</t>
  </si>
  <si>
    <t>12/19/2019 17:41:29</t>
  </si>
  <si>
    <t>12/19/2019 17:42:29</t>
  </si>
  <si>
    <t>12/19/2019 17:43:35</t>
  </si>
  <si>
    <t>mail.google.com/sync/u/0/i/s?hl=pt-BR&amp;c=1781</t>
  </si>
  <si>
    <t>12/19/2019 17:43:34</t>
  </si>
  <si>
    <t>12/19/2019 17:45:35</t>
  </si>
  <si>
    <t>0]\\\\\\\֥�d\\;0]l;1;1576690518933;1742395574;[];[]]];backofficebv@dxc.com;false;jean.loiola@bv.com.br;larissa.alcantara@bv.com.br;marianeps@algartech.com;n6yx3j93r7loo71ybnmgkp9ur6mpdb9xdqjeewzabkfgyejrudgcdjtxlrrmfwyubnoulxhl7m3pxbtjf54ffe5amot6wrideoqc--im7ixcm9sj-bnzxszlg89vhotqtuuxhk0r_urtxryvpryqaimf0o7mg5-jdlbs5rndzvvwrxrzelqa5a\";null;sbjve0zecapovmzpxnqtvll8rjyr3xrrgjugyqe0yeg_ton6yx3j93r7loo71ybnmgkp9ur6mpdb9xdqjeewzabkfgyejrudgcdjtxlrrmfwyubnoulxhl7m3pxbtjf54ffe5amot6wrideoqc--im7ixcm9sj-bnzxszlg89vhotqtuuxhk0r_urtxryvpryqaimf0o7mg5-jdlbs5rndzvvwrxrzelqa5a\";talmaiardo@algartech.com;thiagordu@algartech.com;true]";</t>
  </si>
  <si>
    <t>0]\\\\\\\֥�d\\,0]l,1,1576690518933,1742395574,[],[]]],backofficebv@dxc.com,false,jean.loiola@bv.com.br,larissa.alcantara@bv.com.br,marianeps@algartech.com,n6yx3j93r7loo71ybnmgkp9ur6mpdb9xdqjeewzabkfgyejrudgcdjtxlrrmfwyubnoulxhl7m3pxbtjf54ffe5amot6wrideoqc--im7ixcm9sj-bnzxszlg89vhotqtuuxhk0r_urtxryvpryqaimf0o7mg5-jdlbs5rndzvvwrxrzelqa5a\",null,sbjve0zecapovmzpxnqtvll8rjyr3xrrgjugyqe0yeg_ton6yx3j93r7loo71ybnmgkp9ur6mpdb9xdqjeewzabkfgyejrudgcdjtxlrrmfwyubnoulxhl7m3pxbtjf54ffe5amot6wrideoqc--im7ixcm9sj-bnzxszlg89vhotqtuuxhk0r_urtxryvpryqaimf0o7mg5-jdlbs5rndzvvwrxrzelqa5a\",talmaiardo@algartech.com,thiagordu@algartech.com,true]"</t>
  </si>
  <si>
    <t>12/19/2019 17:44:28</t>
  </si>
  <si>
    <t>12/19/2019 17:44:35</t>
  </si>
  <si>
    <t>12/19/2019 17:42:40</t>
  </si>
  <si>
    <t>12/19/2019 17:43:40</t>
  </si>
  <si>
    <t>12/19/2019 17:41:34</t>
  </si>
  <si>
    <t>12/19/2019 17:46:35</t>
  </si>
  <si>
    <t>12/19/2019 17:41:51</t>
  </si>
  <si>
    <t>12/19/2019 17:47:35</t>
  </si>
  <si>
    <t>12/19/2019 17:45:08</t>
  </si>
  <si>
    <t>12/19/2019 17:43:21</t>
  </si>
  <si>
    <t>Gestão de contratos GAT.xlsx</t>
  </si>
  <si>
    <t>12/19/2019 17:43:16</t>
  </si>
  <si>
    <t>12/19/2019 17:47:02</t>
  </si>
  <si>
    <t>12/19/2019 17:45:06</t>
  </si>
  <si>
    <t>12/19/2019 17:48:35</t>
  </si>
  <si>
    <t>12/19/2019 17:46:13</t>
  </si>
  <si>
    <t>12/19/2019 17:47:10</t>
  </si>
  <si>
    <t>12/19/2019 17:44:11</t>
  </si>
  <si>
    <t>12/19/2019 17:49:35</t>
  </si>
  <si>
    <t>f1a5c308-1bc1-4ffb-a09e-67f1e3287ae4.tmp</t>
  </si>
  <si>
    <t>\\acsfs\profiles$\KARENJSS\Downloads\f1a5c308-1bc1-4ffb-a09e-67f1e3287ae4.tmp</t>
  </si>
  <si>
    <t>12/19/2019 17:46:34</t>
  </si>
  <si>
    <t>12/19/2019 17:50:34</t>
  </si>
  <si>
    <t>12/19/2019 17:48:40</t>
  </si>
  <si>
    <t>12/19/2019 17:49:40</t>
  </si>
  <si>
    <t>12/19/2019 17:49:05</t>
  </si>
  <si>
    <t>12/19/2019 17:51:35</t>
  </si>
  <si>
    <t>12/19/2019 17:52:35</t>
  </si>
  <si>
    <t>12/19/2019 17:47:08</t>
  </si>
  <si>
    <t>12/19/2019 17:51:08</t>
  </si>
  <si>
    <t>12/19/2019 17:48:55</t>
  </si>
  <si>
    <t>12/19/2019 17:48:57</t>
  </si>
  <si>
    <t>12/19/2019 17:48:58</t>
  </si>
  <si>
    <t>12/19/2019 17:51:14</t>
  </si>
  <si>
    <t>https://udpmailboxap01/h/search?si=0&amp;so=0&amp;sc=49717&amp;sfi=6&amp;st=message&amp;action=compose</t>
  </si>
  <si>
    <t>12/19/2019 17:52:14</t>
  </si>
  <si>
    <t>12/19/2019 17:52:15</t>
  </si>
  <si>
    <t>12/19/2019 17:52:17</t>
  </si>
  <si>
    <t>12/19/2019 17:50:39</t>
  </si>
  <si>
    <t>12/19/2019 17:53:34</t>
  </si>
  <si>
    <t>12/19/2019 17:50:56</t>
  </si>
  <si>
    <t>12/19/2019 17:50:20</t>
  </si>
  <si>
    <t>12/19/2019 17:55:36</t>
  </si>
  <si>
    <t>mail.google.com/_/upload?authuser=0&amp;dcp=asu-n&amp;upload_id=AEnB2UofxVtTICZ0I0KTMPS3QpUNZxwRByzNDdaWCsCfw5QQ06AxTpRZEPiq5IohuXZVnun9FiDfaR_fZfBCAINLd35mduxkiskOBsMlYSvs-EU7jbPdWu4&amp;upload_protocol=resumable</t>
  </si>
  <si>
    <t>\\acsfs\DEPTOS\PMO Governança\01 - COMITÊ DE NEGÓCIOS\APROVAÇÕES\01 - ATAS REDIR\</t>
  </si>
  <si>
    <t>Atas Redir 0212.xlsm</t>
  </si>
  <si>
    <t>12/19/2019 17:54:40</t>
  </si>
  <si>
    <t>12/19/2019 17:52:02</t>
  </si>
  <si>
    <t>12/19/2019 17:56:35</t>
  </si>
  <si>
    <t>12/19/2019 17:53:08</t>
  </si>
  <si>
    <t>12/19/2019 17:57:35</t>
  </si>
  <si>
    <t>12/19/2019 17:52:25</t>
  </si>
  <si>
    <t>12/19/2019 17:52:33</t>
  </si>
  <si>
    <t>12/19/2019 17:52:34</t>
  </si>
  <si>
    <t>12/19/2019 17:54:13</t>
  </si>
  <si>
    <t>\\acsfs\DEPTOS\Operacao\PCP\5 - Comum\DIEGO IURE\</t>
  </si>
  <si>
    <t>CPS - PAs Planejadas de dez19.xlsx</t>
  </si>
  <si>
    <t>12/19/2019 17:54:53</t>
  </si>
  <si>
    <t>12/19/2019 17:59:36</t>
  </si>
  <si>
    <t>82a000cd-1f40-4999-84d3-eadc8e5947cc.tmp</t>
  </si>
  <si>
    <t>\\acsfs\profiles$\alinepp\Downloads\82a000cd-1f40-4999-84d3-eadc8e5947cc.tmp</t>
  </si>
  <si>
    <t>12/19/2019 17:58:10</t>
  </si>
  <si>
    <t>12/19/2019 18:00:36</t>
  </si>
  <si>
    <t>12/19/2019 17:55:41</t>
  </si>
  <si>
    <t>12/19/2019 17:57:10</t>
  </si>
  <si>
    <t>12/19/2019 18:01:36</t>
  </si>
  <si>
    <t>12/19/2019 17:59:07</t>
  </si>
  <si>
    <t>12/19/2019 17:58:56</t>
  </si>
  <si>
    <t>5ecdffe8-4f98-4c62-a5df-1bd4aa535e10.tmp</t>
  </si>
  <si>
    <t>\\acsfs\profiles$\paulohaf\Downloads\5ecdffe8-4f98-4c62-a5df-1bd4aa535e10.tmp</t>
  </si>
  <si>
    <t>12/19/2019 17:57:08</t>
  </si>
  <si>
    <t>12/19/2019 18:02:36</t>
  </si>
  <si>
    <t>12/19/2019 17:59:08</t>
  </si>
  <si>
    <t>12/19/2019 18:01:20</t>
  </si>
  <si>
    <t>12/19/2019 18:03:35</t>
  </si>
  <si>
    <t>12/19/2019 18:01:58</t>
  </si>
  <si>
    <t>12/19/2019 18:02:50</t>
  </si>
  <si>
    <t>12/19/2019 18:00:55</t>
  </si>
  <si>
    <t>12/19/2019 18:04:36</t>
  </si>
  <si>
    <t>pessoas daf.xls</t>
  </si>
  <si>
    <t>12/19/2019 18:00:40</t>
  </si>
  <si>
    <t>12/19/2019 18:05:35</t>
  </si>
  <si>
    <t>12/19/2019 18:01:22</t>
  </si>
  <si>
    <t>12/19/2019 18:01:40</t>
  </si>
  <si>
    <t>12/19/2019 18:05:18</t>
  </si>
  <si>
    <t>12/19/2019 18:06:36</t>
  </si>
  <si>
    <t>31825729-c8ef-45ac-b575-dbf5f93784e7.tmp</t>
  </si>
  <si>
    <t>\\acsfs\profiles$\paulohaf\Downloads\31825729-c8ef-45ac-b575-dbf5f93784e7.tmp</t>
  </si>
  <si>
    <t>12/19/2019 18:03:08</t>
  </si>
  <si>
    <t>12/19/2019 18:07:36</t>
  </si>
  <si>
    <t>12/19/2019 18:05:08</t>
  </si>
  <si>
    <t>12/19/2019 18:07:16</t>
  </si>
  <si>
    <t>12/19/2019 18:09:35</t>
  </si>
  <si>
    <t>3d5003ce-3064-4038-a844-77016de96d35.tmp</t>
  </si>
  <si>
    <t>\\acsfs\profiles$\layonmof\Downloads\3d5003ce-3064-4038-a844-77016de96d35.tmp</t>
  </si>
  <si>
    <t>12/19/2019 18:07:35</t>
  </si>
  <si>
    <t>c3c6bc22-71ef-4b10-8874-dcb40a613237.tmp</t>
  </si>
  <si>
    <t>\\acsfs\profiles$\layonmof\Downloads\c3c6bc22-71ef-4b10-8874-dcb40a613237.tmp</t>
  </si>
  <si>
    <t>12/19/2019 18:08:25</t>
  </si>
  <si>
    <t>12/19/2019 18:10:36</t>
  </si>
  <si>
    <t>mail.google.com/_/upload?authuser=0&amp;dcp=asu-n&amp;upload_id=AEnB2UogI-mmain4Pz2S_IDjsWQwFJyXugrazLnbY1kUzz6nXCtN4mwAhSlaXbArX1BtYIXXtBs0qBtPFT1UBszB0Nyj9NKrpYAhsiz6Hekcc8veGP-S6Po&amp;upload_protocol=resumable</t>
  </si>
  <si>
    <t>TELEFONE IPO.xlsx</t>
  </si>
  <si>
    <t>12/19/2019 18:06:40</t>
  </si>
  <si>
    <t>12/19/2019 18:07:40</t>
  </si>
  <si>
    <t>12/19/2019 18:09:08</t>
  </si>
  <si>
    <t>12/19/2019 18:12:36</t>
  </si>
  <si>
    <t>12/19/2019 18:11:08</t>
  </si>
  <si>
    <t>12/19/2019 18:13:46</t>
  </si>
  <si>
    <t>12/19/2019 18:14:35</t>
  </si>
  <si>
    <t>12/19/2019 18:12:40</t>
  </si>
  <si>
    <t>12/19/2019 18:15:35</t>
  </si>
  <si>
    <t>12/19/2019 18:13:40</t>
  </si>
  <si>
    <t>12/19/2019 18:13:26</t>
  </si>
  <si>
    <t>12/19/2019 18:16:35</t>
  </si>
  <si>
    <t>12/19/2019 18:15:08</t>
  </si>
  <si>
    <t>12/19/2019 18:17:36</t>
  </si>
  <si>
    <t>12/19/2019 18:15:38</t>
  </si>
  <si>
    <t>12/19/2019 18:19:36</t>
  </si>
  <si>
    <t>9ddf1715-f1d5-4281-b4f0-c0c22c84cf2f.tmp</t>
  </si>
  <si>
    <t>\\acsfs\profiles$\laurandos\Downloads\9ddf1715-f1d5-4281-b4f0-c0c22c84cf2f.tmp</t>
  </si>
  <si>
    <t>12/19/2019 18:15:04</t>
  </si>
  <si>
    <t>12/19/2019 18:20:35</t>
  </si>
  <si>
    <t>mail.google.com/_/upload?authuser=0&amp;dcp=asu-n&amp;upload_id=AEnB2Uqf1v2z_6tJGWhET1FHga4ChGLHF0gn9XXY4tzHHhJRQG7rhXFeAdN5yyTFrHobjlugP0CWh1fi_oeaYf0jCN8uST52LHnpwwfPlgMvhnZSbuRK_NU&amp;upload_protocol=resumable</t>
  </si>
  <si>
    <t>C:\Users\lucianabo\Desktop\2019\12 - Dezembro\ESTUDO BKO AVON SAC\</t>
  </si>
  <si>
    <t>COMPOSIÇÃO 2020 - OPERAÇÃO AVON.xlsx</t>
  </si>
  <si>
    <t>12/19/2019 18:18:40</t>
  </si>
  <si>
    <t>12/19/2019 18:19:40</t>
  </si>
  <si>
    <t>12/19/2019 18:17:08</t>
  </si>
  <si>
    <t>12/19/2019 18:22:35</t>
  </si>
  <si>
    <t>12/19/2019 18:21:08</t>
  </si>
  <si>
    <t>12/19/2019 18:24:40</t>
  </si>
  <si>
    <t>12/19/2019 18:25:35</t>
  </si>
  <si>
    <t>12/19/2019 18:23:08</t>
  </si>
  <si>
    <t>12/19/2019 18:26:34</t>
  </si>
  <si>
    <t>12/19/2019 18:21:34</t>
  </si>
  <si>
    <t>12/19/2019 18:27:35</t>
  </si>
  <si>
    <t>12/19/2019 18:26:05</t>
  </si>
  <si>
    <t>12/19/2019 18:28:34</t>
  </si>
  <si>
    <t>12/19/2019 18:25:01</t>
  </si>
  <si>
    <t>12/19/2019 18:26:38</t>
  </si>
  <si>
    <t>12/19/2019 18:25:14</t>
  </si>
  <si>
    <t>12/19/2019 18:29:35</t>
  </si>
  <si>
    <t>0c98862b-c0b4-483a-9d1a-f6063242856e.tmp</t>
  </si>
  <si>
    <t>\\acsfs\profiles$\gabrielamdp\Downloads\0c98862b-c0b4-483a-9d1a-f6063242856e.tmp</t>
  </si>
  <si>
    <t>12/19/2019 18:26:49</t>
  </si>
  <si>
    <t>3cdf80d7-ec87-4509-9cfe-96b76afd181a.tmp</t>
  </si>
  <si>
    <t>\\acsfs\profiles$\gabrielamdp\Downloads\3cdf80d7-ec87-4509-9cfe-96b76afd181a.tmp</t>
  </si>
  <si>
    <t>12/19/2019 18:28:29</t>
  </si>
  <si>
    <t>12/19/2019 18:28:37</t>
  </si>
  <si>
    <t>12/19/2019 18:25:36</t>
  </si>
  <si>
    <t>12/19/2019 18:30:35</t>
  </si>
  <si>
    <t>12/19/2019 18:26:52</t>
  </si>
  <si>
    <t>12/19/2019 18:29:05</t>
  </si>
  <si>
    <t>12/19/2019 18:31:36</t>
  </si>
  <si>
    <t>12/19/2019 18:29:08</t>
  </si>
  <si>
    <t>12/19/2019 18:32:35</t>
  </si>
  <si>
    <t>12/19/2019 18:31:08</t>
  </si>
  <si>
    <t>12/19/2019 18:29:13</t>
  </si>
  <si>
    <t>12/19/2019 18:33:34</t>
  </si>
  <si>
    <t>12/19/2019 18:31:42</t>
  </si>
  <si>
    <t>12/19/2019 18:34:35</t>
  </si>
  <si>
    <t>da579ce6-3acb-4624-b470-cb9c8dec310c.tmp</t>
  </si>
  <si>
    <t>\\acsfs\profiles$\alinepp\Downloads\da579ce6-3acb-4624-b470-cb9c8dec310c.tmp</t>
  </si>
  <si>
    <t>12/19/2019 18:29:51</t>
  </si>
  <si>
    <t>5f00bca9-ded8-4d33-936d-107f771e75dd.tmp</t>
  </si>
  <si>
    <t>\\acsfs\profiles$\layonmof\Downloads\5f00bca9-ded8-4d33-936d-107f771e75dd.tmp</t>
  </si>
  <si>
    <t>12/19/2019 18:33:16</t>
  </si>
  <si>
    <t>2d65eb2d-28ab-4df7-b8d8-cdaa7fef450d.tmp</t>
  </si>
  <si>
    <t>\\acsfs\profiles$\gabrielamdp\Downloads\2d65eb2d-28ab-4df7-b8d8-cdaa7fef450d.tmp</t>
  </si>
  <si>
    <t>12/19/2019 18:33:17</t>
  </si>
  <si>
    <t>c7a72ed7-86a8-49bf-b392-1c5c2094972b.tmp</t>
  </si>
  <si>
    <t>\\acsfs\profiles$\gabrielamdp\Downloads\c7a72ed7-86a8-49bf-b392-1c5c2094972b.tmp</t>
  </si>
  <si>
    <t>12/19/2019 18:33:19</t>
  </si>
  <si>
    <t>8c57facf-90fd-4851-9eb7-ccc577029377.tmp</t>
  </si>
  <si>
    <t>\\acsfs\profiles$\gabrielamdp\Downloads\8c57facf-90fd-4851-9eb7-ccc577029377.tmp</t>
  </si>
  <si>
    <t>12/19/2019 18:33:20</t>
  </si>
  <si>
    <t>42bba60c-ac0b-4dd3-8f51-e91b757f6d8a.tmp</t>
  </si>
  <si>
    <t>\\acsfs\profiles$\gabrielamdp\Downloads\42bba60c-ac0b-4dd3-8f51-e91b757f6d8a.tmp</t>
  </si>
  <si>
    <t>12/19/2019 18:33:21</t>
  </si>
  <si>
    <t>8b2563df-eb89-4e23-992e-6bc13c723fb5.tmp</t>
  </si>
  <si>
    <t>\\acsfs\profiles$\gabrielamdp\Downloads\8b2563df-eb89-4e23-992e-6bc13c723fb5.tmp</t>
  </si>
  <si>
    <t>12/19/2019 18:30:40</t>
  </si>
  <si>
    <t>12/19/2019 18:35:34</t>
  </si>
  <si>
    <t>12/19/2019 18:32:41</t>
  </si>
  <si>
    <t>12/19/2019 18:35:08</t>
  </si>
  <si>
    <t>12/19/2019 18:37:34</t>
  </si>
  <si>
    <t>12/19/2019 18:38:35</t>
  </si>
  <si>
    <t>12/19/2019 18:35:29</t>
  </si>
  <si>
    <t>1003.xlsx</t>
  </si>
  <si>
    <t>12/19/2019 18:35:33</t>
  </si>
  <si>
    <t>12/19/2019 18:38:07</t>
  </si>
  <si>
    <t>12/19/2019 18:38:09</t>
  </si>
  <si>
    <t>12/19/2019 18:37:51</t>
  </si>
  <si>
    <t>12/19/2019 18:39:34</t>
  </si>
  <si>
    <t>12/19/2019 18:37:26</t>
  </si>
  <si>
    <t>a594deaa-3638-4e04-a0a7-4c03eb24dd81.tmp</t>
  </si>
  <si>
    <t>\\acsfs\profiles$\gabrielamdp\Downloads\a594deaa-3638-4e04-a0a7-4c03eb24dd81.tmp</t>
  </si>
  <si>
    <t>12/19/2019 18:36:41</t>
  </si>
  <si>
    <t>12/19/2019 18:40:35</t>
  </si>
  <si>
    <t>12/19/2019 18:38:41</t>
  </si>
  <si>
    <t>12/19/2019 18:37:18</t>
  </si>
  <si>
    <t>12/19/2019 18:41:34</t>
  </si>
  <si>
    <t>12/19/2019 18:37:08</t>
  </si>
  <si>
    <t>12/19/2019 18:42:34</t>
  </si>
  <si>
    <t>12/19/2019 18:41:08</t>
  </si>
  <si>
    <t>12/19/2019 18:43:35</t>
  </si>
  <si>
    <t>12/19/2019 18:42:32</t>
  </si>
  <si>
    <t>12/19/2019 18:42:33</t>
  </si>
  <si>
    <t>12/19/2019 18:42:38</t>
  </si>
  <si>
    <t>12/19/2019 18:42:40</t>
  </si>
  <si>
    <t>12/19/2019 18:42:41</t>
  </si>
  <si>
    <t>12/19/2019 18:42:42</t>
  </si>
  <si>
    <t>12/19/2019 18:42:43</t>
  </si>
  <si>
    <t>12/19/2019 18:42:11</t>
  </si>
  <si>
    <t>12/19/2019 18:42:15</t>
  </si>
  <si>
    <t>12/19/2019 18:42:16</t>
  </si>
  <si>
    <t>12/19/2019 18:44:34</t>
  </si>
  <si>
    <t>e26a16d6-3037-422a-a836-8532671c7b64.tmp</t>
  </si>
  <si>
    <t>\\acsfs\profiles$\layonmof\Downloads\e26a16d6-3037-422a-a836-8532671c7b64.tmp</t>
  </si>
  <si>
    <t>12/19/2019 18:43:28</t>
  </si>
  <si>
    <t>12/19/2019 18:43:55</t>
  </si>
  <si>
    <t>83ae5d1a-d762-40ca-9421-bb553bf04594.tmp</t>
  </si>
  <si>
    <t>\\acsfs\profiles$\erichds\Downloads\83ae5d1a-d762-40ca-9421-bb553bf04594.tmp</t>
  </si>
  <si>
    <t>12/19/2019 18:45:34</t>
  </si>
  <si>
    <t>12/19/2019 18:44:41</t>
  </si>
  <si>
    <t>12/19/2019 18:45:26</t>
  </si>
  <si>
    <t>12/19/2019 18:46:35</t>
  </si>
  <si>
    <t>12/19/2019 18:43:08</t>
  </si>
  <si>
    <t>12/19/2019 18:47:34</t>
  </si>
  <si>
    <t>12/19/2019 18:48:35</t>
  </si>
  <si>
    <t>12/19/2019 18:42:48</t>
  </si>
  <si>
    <t>12/19/2019 18:42:49</t>
  </si>
  <si>
    <t>12/19/2019 18:42:50</t>
  </si>
  <si>
    <t>12/19/2019 18:42:51</t>
  </si>
  <si>
    <t>12/19/2019 18:42:52</t>
  </si>
  <si>
    <t>12/19/2019 18:42:55</t>
  </si>
  <si>
    <t>12/19/2019 18:42:56</t>
  </si>
  <si>
    <t>12/19/2019 18:42:57</t>
  </si>
  <si>
    <t>12/19/2019 18:43:03</t>
  </si>
  <si>
    <t>12/19/2019 18:43:07</t>
  </si>
  <si>
    <t>12/19/2019 18:43:18</t>
  </si>
  <si>
    <t>12/19/2019 18:43:19</t>
  </si>
  <si>
    <t>12/19/2019 18:43:20</t>
  </si>
  <si>
    <t>12/19/2019 18:43:21</t>
  </si>
  <si>
    <t>12/19/2019 18:43:22</t>
  </si>
  <si>
    <t>12/19/2019 18:43:25</t>
  </si>
  <si>
    <t>12/19/2019 18:43:26</t>
  </si>
  <si>
    <t>12/19/2019 18:43:29</t>
  </si>
  <si>
    <t>12/19/2019 18:43:30</t>
  </si>
  <si>
    <t>12/19/2019 18:43:31</t>
  </si>
  <si>
    <t>12/19/2019 18:44:05</t>
  </si>
  <si>
    <t>12/19/2019 18:44:58</t>
  </si>
  <si>
    <t>12/19/2019 18:43:32</t>
  </si>
  <si>
    <t>12/19/2019 18:43:36</t>
  </si>
  <si>
    <t>12/19/2019 18:43:37</t>
  </si>
  <si>
    <t>12/19/2019 18:43:42</t>
  </si>
  <si>
    <t>12/19/2019 18:43:44</t>
  </si>
  <si>
    <t>12/19/2019 18:43:45</t>
  </si>
  <si>
    <t>12/19/2019 18:43:46</t>
  </si>
  <si>
    <t>12/19/2019 18:43:47</t>
  </si>
  <si>
    <t>12/19/2019 18:43:51</t>
  </si>
  <si>
    <t>12/19/2019 18:43:52</t>
  </si>
  <si>
    <t>12/19/2019 18:43:54</t>
  </si>
  <si>
    <t>12/19/2019 18:43:56</t>
  </si>
  <si>
    <t>12/19/2019 18:44:02</t>
  </si>
  <si>
    <t>12/19/2019 18:44:03</t>
  </si>
  <si>
    <t>12/19/2019 18:44:17</t>
  </si>
  <si>
    <t>12/19/2019 18:44:19</t>
  </si>
  <si>
    <t>12/19/2019 18:44:20</t>
  </si>
  <si>
    <t>12/19/2019 18:46:41</t>
  </si>
  <si>
    <t>d4566243-63c4-4e74-93d9-5a8dd406a3d6.tmp</t>
  </si>
  <si>
    <t>\\acsfs\profiles$\philipegsf\Downloads\d4566243-63c4-4e74-93d9-5a8dd406a3d6.tmp</t>
  </si>
  <si>
    <t>12/19/2019 18:44:21</t>
  </si>
  <si>
    <t>12/19/2019 18:44:26</t>
  </si>
  <si>
    <t>12/19/2019 18:44:27</t>
  </si>
  <si>
    <t>12/19/2019 18:44:37</t>
  </si>
  <si>
    <t>12/19/2019 18:44:39</t>
  </si>
  <si>
    <t>12/19/2019 18:44:40</t>
  </si>
  <si>
    <t>12/19/2019 18:44:42</t>
  </si>
  <si>
    <t>12/19/2019 18:44:43</t>
  </si>
  <si>
    <t>12/19/2019 18:44:47</t>
  </si>
  <si>
    <t>12/19/2019 18:44:48</t>
  </si>
  <si>
    <t>12/19/2019 18:45:03</t>
  </si>
  <si>
    <t>12/19/2019 18:45:04</t>
  </si>
  <si>
    <t>12/19/2019 18:45:05</t>
  </si>
  <si>
    <t>12/19/2019 18:45:07</t>
  </si>
  <si>
    <t>12/19/2019 18:45:08</t>
  </si>
  <si>
    <t>12/19/2019 18:45:11</t>
  </si>
  <si>
    <t>12/19/2019 18:45:12</t>
  </si>
  <si>
    <t>12/19/2019 18:45:13</t>
  </si>
  <si>
    <t>12/19/2019 18:45:14</t>
  </si>
  <si>
    <t>12/19/2019 18:45:17</t>
  </si>
  <si>
    <t>12/19/2019 18:45:20</t>
  </si>
  <si>
    <t>12/19/2019 18:45:23</t>
  </si>
  <si>
    <t>12/19/2019 18:45:27</t>
  </si>
  <si>
    <t>12/19/2019 18:45:28</t>
  </si>
  <si>
    <t>12/19/2019 18:45:29</t>
  </si>
  <si>
    <t>12/19/2019 18:45:31</t>
  </si>
  <si>
    <t>12/19/2019 18:45:36</t>
  </si>
  <si>
    <t>12/19/2019 18:45:49</t>
  </si>
  <si>
    <t>12/19/2019 18:45:52</t>
  </si>
  <si>
    <t>12/19/2019 18:45:53</t>
  </si>
  <si>
    <t>12/19/2019 18:45:54</t>
  </si>
  <si>
    <t>12/19/2019 18:45:55</t>
  </si>
  <si>
    <t>12/19/2019 18:45:58</t>
  </si>
  <si>
    <t>12/19/2019 18:45:59</t>
  </si>
  <si>
    <t>12/19/2019 18:46:04</t>
  </si>
  <si>
    <t>12/19/2019 18:46:10</t>
  </si>
  <si>
    <t>12/19/2019 18:46:12</t>
  </si>
  <si>
    <t>12/19/2019 18:46:13</t>
  </si>
  <si>
    <t>12/19/2019 18:46:14</t>
  </si>
  <si>
    <t>12/19/2019 18:46:17</t>
  </si>
  <si>
    <t>12/19/2019 18:46:20</t>
  </si>
  <si>
    <t>12/19/2019 18:46:22</t>
  </si>
  <si>
    <t>12/19/2019 18:46:26</t>
  </si>
  <si>
    <t>12/19/2019 18:46:28</t>
  </si>
  <si>
    <t>12/19/2019 18:46:29</t>
  </si>
  <si>
    <t>12/19/2019 18:46:34</t>
  </si>
  <si>
    <t>12/19/2019 18:46:36</t>
  </si>
  <si>
    <t>12/19/2019 18:46:43</t>
  </si>
  <si>
    <t>12/19/2019 18:46:45</t>
  </si>
  <si>
    <t>12/19/2019 18:46:46</t>
  </si>
  <si>
    <t>12/19/2019 18:46:47</t>
  </si>
  <si>
    <t>12/19/2019 18:46:48</t>
  </si>
  <si>
    <t>12/19/2019 18:46:49</t>
  </si>
  <si>
    <t>12/19/2019 18:46:50</t>
  </si>
  <si>
    <t>12/19/2019 18:46:55</t>
  </si>
  <si>
    <t>12/19/2019 18:47:04</t>
  </si>
  <si>
    <t>12/19/2019 18:47:06</t>
  </si>
  <si>
    <t>12/19/2019 18:47:09</t>
  </si>
  <si>
    <t>12/19/2019 18:47:10</t>
  </si>
  <si>
    <t>12/19/2019 18:47:11</t>
  </si>
  <si>
    <t>12/19/2019 18:47:15</t>
  </si>
  <si>
    <t>12/19/2019 18:47:16</t>
  </si>
  <si>
    <t>12/19/2019 18:47:29</t>
  </si>
  <si>
    <t>12/19/2019 18:47:36</t>
  </si>
  <si>
    <t>12/19/2019 18:47:38</t>
  </si>
  <si>
    <t>12/19/2019 18:47:39</t>
  </si>
  <si>
    <t>12/19/2019 18:47:41</t>
  </si>
  <si>
    <t>12/19/2019 18:47:46</t>
  </si>
  <si>
    <t>12/19/2019 18:47:49</t>
  </si>
  <si>
    <t>12/19/2019 18:47:17</t>
  </si>
  <si>
    <t>12/19/2019 18:49:35</t>
  </si>
  <si>
    <t>7977f56b-14c5-42fe-82b7-8acc83bf73a5.tmp</t>
  </si>
  <si>
    <t>\\acsfs\profiles$\gabrielamdp\Downloads\7977f56b-14c5-42fe-82b7-8acc83bf73a5.tmp</t>
  </si>
  <si>
    <t>12/19/2019 18:48:41</t>
  </si>
  <si>
    <t>12/19/2019 18:50:34</t>
  </si>
  <si>
    <t>12/19/2019 18:47:08</t>
  </si>
  <si>
    <t>12/19/2019 18:52:35</t>
  </si>
  <si>
    <t>12/19/2019 18:49:08</t>
  </si>
  <si>
    <t>12/19/2019 18:53:34</t>
  </si>
  <si>
    <t>12/19/2019 18:49:43</t>
  </si>
  <si>
    <t>12/19/2019 18:52:51</t>
  </si>
  <si>
    <t>12/19/2019 18:47:53</t>
  </si>
  <si>
    <t>12/19/2019 18:47:55</t>
  </si>
  <si>
    <t>12/19/2019 18:47:58</t>
  </si>
  <si>
    <t>12/19/2019 18:47:59</t>
  </si>
  <si>
    <t>12/19/2019 18:48:00</t>
  </si>
  <si>
    <t>12/19/2019 18:48:04</t>
  </si>
  <si>
    <t>12/19/2019 18:48:06</t>
  </si>
  <si>
    <t>12/19/2019 18:48:11</t>
  </si>
  <si>
    <t>12/19/2019 18:48:12</t>
  </si>
  <si>
    <t>12/19/2019 18:48:15</t>
  </si>
  <si>
    <t>12/19/2019 18:48:16</t>
  </si>
  <si>
    <t>12/19/2019 18:48:17</t>
  </si>
  <si>
    <t>12/19/2019 18:48:19</t>
  </si>
  <si>
    <t>12/19/2019 18:48:25</t>
  </si>
  <si>
    <t>12/19/2019 18:49:16</t>
  </si>
  <si>
    <t>12/19/2019 18:50:41</t>
  </si>
  <si>
    <t>12/19/2019 18:55:35</t>
  </si>
  <si>
    <t>12/19/2019 18:54:40</t>
  </si>
  <si>
    <t>12/19/2019 18:54:53</t>
  </si>
  <si>
    <t>12/19/2019 18:56:34</t>
  </si>
  <si>
    <t>12/19/2019 18:55:24</t>
  </si>
  <si>
    <t>12/19/2019 18:53:08</t>
  </si>
  <si>
    <t>12/19/2019 18:57:35</t>
  </si>
  <si>
    <t>12/19/2019 18:55:09</t>
  </si>
  <si>
    <t>12/19/2019 18:58:35</t>
  </si>
  <si>
    <t>12/19/2019 18:57:47</t>
  </si>
  <si>
    <t>12/19/2019 18:59:35</t>
  </si>
  <si>
    <t>Simulação Bradesco - alterações fluxo de caixa.xlsx</t>
  </si>
  <si>
    <t>12/19/2019 18:55:13</t>
  </si>
  <si>
    <t>12/19/2019 18:57:26</t>
  </si>
  <si>
    <t>12/19/2019 19:00:35</t>
  </si>
  <si>
    <t>1151ccfd-8992-44ba-902f-85b2fd34bf70.tmp</t>
  </si>
  <si>
    <t>\\acsfs\profiles$\marcosvnds\Downloads\1151ccfd-8992-44ba-902f-85b2fd34bf70.tmp</t>
  </si>
  <si>
    <t>12/19/2019 18:56:41</t>
  </si>
  <si>
    <t>12/19/2019 18:59:09</t>
  </si>
  <si>
    <t>12/19/2019 19:02:34</t>
  </si>
  <si>
    <t>12/19/2019 19:01:09</t>
  </si>
  <si>
    <t>12/19/2019 19:00:44</t>
  </si>
  <si>
    <t>12/19/2019 19:03:34</t>
  </si>
  <si>
    <t>ace89085-a9eb-4b48-8676-9c0c975ac5f4.tmp</t>
  </si>
  <si>
    <t>\\acsfs\profiles$\bernardopcm\Downloads\ace89085-a9eb-4b48-8676-9c0c975ac5f4.tmp</t>
  </si>
  <si>
    <t>12/19/2019 19:01:34</t>
  </si>
  <si>
    <t>12/19/2019 19:02:18</t>
  </si>
  <si>
    <t>12/19/2019 18:59:19</t>
  </si>
  <si>
    <t>1a98bb37-66d2-4719-abd2-1e137f5e22ec.tmp</t>
  </si>
  <si>
    <t>\\acsfs\profiles$\thaisdss\Downloads\1a98bb37-66d2-4719-abd2-1e137f5e22ec.tmp</t>
  </si>
  <si>
    <t>12/19/2019 18:59:22</t>
  </si>
  <si>
    <t>e73905b1-6508-4a01-95e5-a6a9e9e919aa.tmp</t>
  </si>
  <si>
    <t>\\acsfs\profiles$\thaisdss\Downloads\e73905b1-6508-4a01-95e5-a6a9e9e919aa.tmp</t>
  </si>
  <si>
    <t>12/19/2019 18:59:24</t>
  </si>
  <si>
    <t>Não confirmado 519853.crdownload</t>
  </si>
  <si>
    <t>\\acsfs\profiles$\thaisdss\Downloads\Não confirmado 519853.crdownload</t>
  </si>
  <si>
    <t>12/19/2019 19:04:35</t>
  </si>
  <si>
    <t>12/19/2019 19:03:49</t>
  </si>
  <si>
    <t>12/19/2019 19:00:41</t>
  </si>
  <si>
    <t>12/19/2019 19:05:34</t>
  </si>
  <si>
    <t>12/19/2019 19:02:41</t>
  </si>
  <si>
    <t>12/19/2019 19:01:20</t>
  </si>
  <si>
    <t>12/19/2019 19:06:35</t>
  </si>
  <si>
    <t>12/19/2019 19:05:09</t>
  </si>
  <si>
    <t>12/19/2019 19:07:35</t>
  </si>
  <si>
    <t>12/19/2019 19:08:34</t>
  </si>
  <si>
    <t>12/19/2019 19:05:39</t>
  </si>
  <si>
    <t>12/19/2019 19:05:40</t>
  </si>
  <si>
    <t>12/19/2019 19:05:41</t>
  </si>
  <si>
    <t>12/19/2019 19:05:42</t>
  </si>
  <si>
    <t>12/19/2019 19:05:43</t>
  </si>
  <si>
    <t>12/19/2019 19:09:22</t>
  </si>
  <si>
    <t>12/19/2019 19:10:34</t>
  </si>
  <si>
    <t>12/19/2019 19:06:41</t>
  </si>
  <si>
    <t>12/19/2019 19:08:41</t>
  </si>
  <si>
    <t>12/19/2019 19:09:27</t>
  </si>
  <si>
    <t>12/19/2019 19:11:34</t>
  </si>
  <si>
    <t>12/19/2019 19:07:09</t>
  </si>
  <si>
    <t>12/19/2019 19:12:35</t>
  </si>
  <si>
    <t>12/19/2019 19:11:09</t>
  </si>
  <si>
    <t>12/19/2019 19:13:34</t>
  </si>
  <si>
    <t>12/19/2019 19:12:41</t>
  </si>
  <si>
    <t>12/19/2019 19:15:35</t>
  </si>
  <si>
    <t>12/19/2019 19:14:41</t>
  </si>
  <si>
    <t>12/19/2019 19:14:32</t>
  </si>
  <si>
    <t>12/19/2019 19:16:34</t>
  </si>
  <si>
    <t>12/19/2019 19:13:09</t>
  </si>
  <si>
    <t>12/19/2019 19:17:35</t>
  </si>
  <si>
    <t>12/19/2019 19:18:35</t>
  </si>
  <si>
    <t>12/19/2019 19:13:05</t>
  </si>
  <si>
    <t>3323858a-1fd7-46d6-8c86-c803420b2586.tmp</t>
  </si>
  <si>
    <t>\\acsfs\profiles$\brendadsl\Downloads\3323858a-1fd7-46d6-8c86-c803420b2586.tmp</t>
  </si>
  <si>
    <t>12/19/2019 19:15:01</t>
  </si>
  <si>
    <t>160c46d6-f327-43f0-b95d-d2f51558518a.tmp</t>
  </si>
  <si>
    <t>\\acsfs\profiles$\brendadsl\Downloads\160c46d6-f327-43f0-b95d-d2f51558518a.tmp</t>
  </si>
  <si>
    <t>12/19/2019 19:16:11</t>
  </si>
  <si>
    <t>12/19/2019 19:18:41</t>
  </si>
  <si>
    <t>12/19/2019 19:20:35</t>
  </si>
  <si>
    <t>12/19/2019 19:19:02</t>
  </si>
  <si>
    <t>12/19/2019 19:21:36</t>
  </si>
  <si>
    <t>12/19/2019 19:19:05</t>
  </si>
  <si>
    <t>12/19/2019 19:17:09</t>
  </si>
  <si>
    <t>12/19/2019 19:22:35</t>
  </si>
  <si>
    <t>12/19/2019 19:19:09</t>
  </si>
  <si>
    <t>12/19/2019 19:23:35</t>
  </si>
  <si>
    <t>12/19/2019 19:22:50</t>
  </si>
  <si>
    <t>12/19/2019 19:24:35</t>
  </si>
  <si>
    <t>12/19/2019 19:22:56</t>
  </si>
  <si>
    <t>12/19/2019 19:20:41</t>
  </si>
  <si>
    <t>12/19/2019 19:25:36</t>
  </si>
  <si>
    <t>12/19/2019 19:24:41</t>
  </si>
  <si>
    <t>12/19/2019 19:22:40</t>
  </si>
  <si>
    <t>12/19/2019 19:26:35</t>
  </si>
  <si>
    <t>12/19/2019 19:23:09</t>
  </si>
  <si>
    <t>12/19/2019 19:27:36</t>
  </si>
  <si>
    <t>12/19/2019 19:25:09</t>
  </si>
  <si>
    <t>12/19/2019 19:26:24</t>
  </si>
  <si>
    <t>12/19/2019 19:28:36</t>
  </si>
  <si>
    <t>12/19/2019 19:27:51</t>
  </si>
  <si>
    <t>12/19/2019 19:28:00</t>
  </si>
  <si>
    <t>12/19/2019 19:28:01</t>
  </si>
  <si>
    <t>12/19/2019 19:28:02</t>
  </si>
  <si>
    <t>12/19/2019 19:28:03</t>
  </si>
  <si>
    <t>12/19/2019 19:28:05</t>
  </si>
  <si>
    <t>12/19/2019 19:28:08</t>
  </si>
  <si>
    <t>12/19/2019 19:28:11</t>
  </si>
  <si>
    <t>12/19/2019 19:28:13</t>
  </si>
  <si>
    <t>12/19/2019 19:28:15</t>
  </si>
  <si>
    <t>12/19/2019 19:28:20</t>
  </si>
  <si>
    <t>12/19/2019 19:28:24</t>
  </si>
  <si>
    <t>12/19/2019 19:26:56</t>
  </si>
  <si>
    <t>12/19/2019 19:29:36</t>
  </si>
  <si>
    <t>473b6613-2376-4cee-80d0-dfcda7f04e19.tmp</t>
  </si>
  <si>
    <t>\\acsfs\profiles$\laurandos\Downloads\473b6613-2376-4cee-80d0-dfcda7f04e19.tmp</t>
  </si>
  <si>
    <t>c170a5a2-36e6-4502-b4ac-c8902db88e70.tmp</t>
  </si>
  <si>
    <t>\\acsfs\profiles$\laurandos\Downloads\c170a5a2-36e6-4502-b4ac-c8902db88e70.tmp</t>
  </si>
  <si>
    <t>12/19/2019 19:26:41</t>
  </si>
  <si>
    <t>12/19/2019 19:30:36</t>
  </si>
  <si>
    <t>12/19/2019 19:30:11</t>
  </si>
  <si>
    <t>12/19/2019 19:31:36</t>
  </si>
  <si>
    <t>12/19/2019 19:29:09</t>
  </si>
  <si>
    <t>12/19/2019 19:32:36</t>
  </si>
  <si>
    <t>12/19/2019 19:31:09</t>
  </si>
  <si>
    <t>12/19/2019 19:29:15</t>
  </si>
  <si>
    <t>12/19/2019 19:33:37</t>
  </si>
  <si>
    <t>499ad49d-29cc-4b37-8286-3ca596c2e3c5.tmp</t>
  </si>
  <si>
    <t>\\acsfs\profiles$\brendadsl\Downloads\499ad49d-29cc-4b37-8286-3ca596c2e3c5.tmp</t>
  </si>
  <si>
    <t>12/19/2019 19:30:41</t>
  </si>
  <si>
    <t>12/19/2019 19:35:37</t>
  </si>
  <si>
    <t>12/19/2019 19:32:41</t>
  </si>
  <si>
    <t>12/19/2019 19:35:09</t>
  </si>
  <si>
    <t>12/19/2019 19:37:37</t>
  </si>
  <si>
    <t>12/19/2019 19:38:36</t>
  </si>
  <si>
    <t>12/19/2019 19:36:41</t>
  </si>
  <si>
    <t>12/19/2019 19:40:37</t>
  </si>
  <si>
    <t>12/19/2019 19:38:41</t>
  </si>
  <si>
    <t>12/19/2019 19:37:42</t>
  </si>
  <si>
    <t>12/19/2019 19:41:37</t>
  </si>
  <si>
    <t>12/19/2019 19:37:09</t>
  </si>
  <si>
    <t>12/19/2019 19:42:38</t>
  </si>
  <si>
    <t>12/19/2019 19:41:09</t>
  </si>
  <si>
    <t>12/19/2019 19:38:09</t>
  </si>
  <si>
    <t>12/19/2019 19:43:37</t>
  </si>
  <si>
    <t>08921eb9-a62d-4837-be7a-29edfa4c148a.tmp</t>
  </si>
  <si>
    <t>\\acsfs\profiles$\brendadsl\Downloads\08921eb9-a62d-4837-be7a-29edfa4c148a.tmp</t>
  </si>
  <si>
    <t>12/19/2019 19:38:12</t>
  </si>
  <si>
    <t>51366f08-d314-4273-95ac-808211926ba2.tmp</t>
  </si>
  <si>
    <t>\\acsfs\profiles$\brendadsl\Downloads\51366f08-d314-4273-95ac-808211926ba2.tmp</t>
  </si>
  <si>
    <t>12/19/2019 19:39:39</t>
  </si>
  <si>
    <t>d419676f-c672-434e-95e7-90f1e31e0621.tmp</t>
  </si>
  <si>
    <t>\\acsfs\profiles$\brendadsl\Downloads\d419676f-c672-434e-95e7-90f1e31e0621.tmp</t>
  </si>
  <si>
    <t>12/19/2019 19:40:49</t>
  </si>
  <si>
    <t>12/19/2019 19:42:41</t>
  </si>
  <si>
    <t>12/19/2019 19:45:37</t>
  </si>
  <si>
    <t>12/19/2019 19:44:41</t>
  </si>
  <si>
    <t>12/19/2019 19:43:24</t>
  </si>
  <si>
    <t>12/19/2019 19:46:37</t>
  </si>
  <si>
    <t>12/19/2019 19:45:13</t>
  </si>
  <si>
    <t>12/19/2019 19:43:09</t>
  </si>
  <si>
    <t>12/19/2019 19:47:38</t>
  </si>
  <si>
    <t>12/19/2019 19:44:54</t>
  </si>
  <si>
    <t>12/19/2019 19:48:37</t>
  </si>
  <si>
    <t>39bb67c4-9595-4f73-9d57-33dc2eae7d8e.tmp</t>
  </si>
  <si>
    <t>\\acsfs\profiles$\brendadsl\Downloads\39bb67c4-9595-4f73-9d57-33dc2eae7d8e.tmp</t>
  </si>
  <si>
    <t>12/19/2019 19:44:58</t>
  </si>
  <si>
    <t>c683e07b-7d33-400d-94ce-a8678d4918ac.tmp</t>
  </si>
  <si>
    <t>\\acsfs\profiles$\brendadsl\Downloads\c683e07b-7d33-400d-94ce-a8678d4918ac.tmp</t>
  </si>
  <si>
    <t>12/19/2019 19:45:00</t>
  </si>
  <si>
    <t>86b5e72f-8440-4787-b7c1-8593d358de1f.tmp</t>
  </si>
  <si>
    <t>\\acsfs\profiles$\brendadsl\Downloads\86b5e72f-8440-4787-b7c1-8593d358de1f.tmp</t>
  </si>
  <si>
    <t>12/19/2019 19:48:41</t>
  </si>
  <si>
    <t>12/19/2019 19:50:37</t>
  </si>
  <si>
    <t>12/19/2019 19:47:09</t>
  </si>
  <si>
    <t>12/19/2019 19:52:36</t>
  </si>
  <si>
    <t>12/19/2019 19:49:09</t>
  </si>
  <si>
    <t>12/19/2019 19:52:10</t>
  </si>
  <si>
    <t>12/19/2019 19:53:37</t>
  </si>
  <si>
    <t>12/19/2019 19:51:46</t>
  </si>
  <si>
    <t>12/19/2019 19:54:37</t>
  </si>
  <si>
    <t>b2e64438-b14f-488d-9dde-e8de7f97ecfb.tmp</t>
  </si>
  <si>
    <t>\\acsfs\profiles$\erichds\Downloads\b2e64438-b14f-488d-9dde-e8de7f97ecfb.tmp</t>
  </si>
  <si>
    <t>12/19/2019 19:50:41</t>
  </si>
  <si>
    <t>12/19/2019 19:55:36</t>
  </si>
  <si>
    <t>12/19/2019 19:54:41</t>
  </si>
  <si>
    <t>12/19/2019 19:53:24</t>
  </si>
  <si>
    <t>12/19/2019 19:56:37</t>
  </si>
  <si>
    <t>70cafc4a-ae64-43c2-b1ac-f3364fc22546.tmp</t>
  </si>
  <si>
    <t>\\acsfs\profiles$\anafaes\Downloads\70cafc4a-ae64-43c2-b1ac-f3364fc22546.tmp</t>
  </si>
  <si>
    <t>12/19/2019 19:52:44</t>
  </si>
  <si>
    <t>12/19/2019 19:53:09</t>
  </si>
  <si>
    <t>12/19/2019 19:57:36</t>
  </si>
  <si>
    <t>12/19/2019 19:55:09</t>
  </si>
  <si>
    <t>12/19/2019 19:58:37</t>
  </si>
  <si>
    <t>12/19/2019 19:56:14</t>
  </si>
  <si>
    <t>12/19/2019 19:56:16</t>
  </si>
  <si>
    <t>12/19/2019 19:56:17</t>
  </si>
  <si>
    <t>12/19/2019 19:56:23</t>
  </si>
  <si>
    <t>12/19/2019 19:56:24</t>
  </si>
  <si>
    <t>12/19/2019 19:56:42</t>
  </si>
  <si>
    <t>12/19/2019 20:00:36</t>
  </si>
  <si>
    <t>12/19/2019 20:00:15</t>
  </si>
  <si>
    <t>12/19/2019 20:01:37</t>
  </si>
  <si>
    <t>12/19/2019 19:59:09</t>
  </si>
  <si>
    <t>12/19/2019 20:02:36</t>
  </si>
  <si>
    <t>12/19/2019 20:01:09</t>
  </si>
  <si>
    <t>12/19/2019 19:59:22</t>
  </si>
  <si>
    <t>12/19/2019 20:03:37</t>
  </si>
  <si>
    <t>12/19/2019 20:03:12</t>
  </si>
  <si>
    <t>12/19/2019 20:05:36</t>
  </si>
  <si>
    <t>cffb0643-24ca-4380-9b8b-6b3c603a2d44.tmp</t>
  </si>
  <si>
    <t>\\acsfs\profiles$\alinepp\Downloads\cffb0643-24ca-4380-9b8b-6b3c603a2d44.tmp</t>
  </si>
  <si>
    <t>12/19/2019 20:04:24</t>
  </si>
  <si>
    <t>f3038d82-35dd-4221-a9ce-47499a4b7432.tmp</t>
  </si>
  <si>
    <t>\\acsfs\profiles$\alinepp\Downloads\f3038d82-35dd-4221-a9ce-47499a4b7432.tmp</t>
  </si>
  <si>
    <t>12/19/2019 20:00:41</t>
  </si>
  <si>
    <t>12/19/2019 20:02:41</t>
  </si>
  <si>
    <t>12/19/2019 20:05:09</t>
  </si>
  <si>
    <t>12/19/2019 20:07:37</t>
  </si>
  <si>
    <t>12/19/2019 20:03:18</t>
  </si>
  <si>
    <t>12/19/2019 20:08:37</t>
  </si>
  <si>
    <t>12/19/2019 20:03:44</t>
  </si>
  <si>
    <t>12/19/2019 20:06:41</t>
  </si>
  <si>
    <t>12/19/2019 20:10:36</t>
  </si>
  <si>
    <t>12/19/2019 20:08:41</t>
  </si>
  <si>
    <t>12/19/2019 20:08:18</t>
  </si>
  <si>
    <t>12/19/2019 20:11:37</t>
  </si>
  <si>
    <t>12/19/2019 20:07:09</t>
  </si>
  <si>
    <t>12/19/2019 20:12:37</t>
  </si>
  <si>
    <t>12/19/2019 20:11:09</t>
  </si>
  <si>
    <t>12/19/2019 20:08:14</t>
  </si>
  <si>
    <t>12/19/2019 20:13:37</t>
  </si>
  <si>
    <t>0064625c-d9d4-46de-a3fc-559e4fe6c863.tmp</t>
  </si>
  <si>
    <t>\\acsfs\profiles$\brendadsl\Downloads\0064625c-d9d4-46de-a3fc-559e4fe6c863.tmp</t>
  </si>
  <si>
    <t>12/19/2019 20:09:29</t>
  </si>
  <si>
    <t>3e444b49-68ea-4101-99f3-e5725f892822.tmp</t>
  </si>
  <si>
    <t>\\acsfs\profiles$\brendadsl\Downloads\3e444b49-68ea-4101-99f3-e5725f892822.tmp</t>
  </si>
  <si>
    <t>12/19/2019 20:09:44</t>
  </si>
  <si>
    <t>af906152-84d1-4638-813f-95e7af834832.tmp</t>
  </si>
  <si>
    <t>\\acsfs\profiles$\brendadsl\Downloads\af906152-84d1-4638-813f-95e7af834832.tmp</t>
  </si>
  <si>
    <t>12/19/2019 20:12:41</t>
  </si>
  <si>
    <t>12/19/2019 20:15:37</t>
  </si>
  <si>
    <t>12/19/2019 20:14:41</t>
  </si>
  <si>
    <t>12/19/2019 20:13:09</t>
  </si>
  <si>
    <t>12/19/2019 20:17:37</t>
  </si>
  <si>
    <t>12/19/2019 20:14:05</t>
  </si>
  <si>
    <t>12/19/2019 20:18:37</t>
  </si>
  <si>
    <t>12/19/2019 20:13:57</t>
  </si>
  <si>
    <t>12/19/2019 20:14:00</t>
  </si>
  <si>
    <t>12/19/2019 20:13:59</t>
  </si>
  <si>
    <t>12/19/2019 20:19:37</t>
  </si>
  <si>
    <t>010ba04c-b603-4178-88b8-631848f681cf.tmp</t>
  </si>
  <si>
    <t>\\acsfs\profiles$\layonmof\Downloads\010ba04c-b603-4178-88b8-631848f681cf.tmp</t>
  </si>
  <si>
    <t>12/19/2019 20:18:27</t>
  </si>
  <si>
    <t>12/19/2019 20:18:41</t>
  </si>
  <si>
    <t>12/19/2019 20:20:37</t>
  </si>
  <si>
    <t>12/19/2019 20:16:26</t>
  </si>
  <si>
    <t>12/19/2019 20:21:37</t>
  </si>
  <si>
    <t>12/19/2019 20:17:09</t>
  </si>
  <si>
    <t>12/19/2019 20:22:37</t>
  </si>
  <si>
    <t>12/19/2019 20:19:09</t>
  </si>
  <si>
    <t>12/19/2019 20:23:36</t>
  </si>
  <si>
    <t>12/19/2019 20:20:16</t>
  </si>
  <si>
    <t>12/19/2019 20:22:55</t>
  </si>
  <si>
    <t>12/19/2019 20:25:37</t>
  </si>
  <si>
    <t>db3fd69a-0296-4f7e-9fc9-0e7a999ac4f8.tmp</t>
  </si>
  <si>
    <t>\\acsfs\profiles$\alinepp\Downloads\db3fd69a-0296-4f7e-9fc9-0e7a999ac4f8.tmp</t>
  </si>
  <si>
    <t>12/19/2019 20:20:41</t>
  </si>
  <si>
    <t>12/19/2019 20:24:41</t>
  </si>
  <si>
    <t>12/19/2019 20:24:32</t>
  </si>
  <si>
    <t>12/19/2019 20:26:37</t>
  </si>
  <si>
    <t>12/19/2019 20:23:09</t>
  </si>
  <si>
    <t>12/19/2019 20:27:38</t>
  </si>
  <si>
    <t>12/19/2019 20:25:09</t>
  </si>
  <si>
    <t>12/19/2019 20:28:37</t>
  </si>
  <si>
    <t>12/19/2019 20:24:37</t>
  </si>
  <si>
    <t>12/19/2019 20:29:37</t>
  </si>
  <si>
    <t>12/19/2019 20:26:41</t>
  </si>
  <si>
    <t>12/19/2019 20:30:37</t>
  </si>
  <si>
    <t>12/19/2019 20:29:09</t>
  </si>
  <si>
    <t>12/19/2019 20:32:36</t>
  </si>
  <si>
    <t>12/19/2019 20:31:09</t>
  </si>
  <si>
    <t>12/19/2019 20:33:37</t>
  </si>
  <si>
    <t>12/19/2019 20:31:08</t>
  </si>
  <si>
    <t>12/19/2019 20:31:12</t>
  </si>
  <si>
    <t>12/19/2019 20:31:14</t>
  </si>
  <si>
    <t>12/19/2019 20:31:15</t>
  </si>
  <si>
    <t>12/19/2019 20:31:16</t>
  </si>
  <si>
    <t>12/19/2019 20:31:39</t>
  </si>
  <si>
    <t>12/19/2019 20:31:43</t>
  </si>
  <si>
    <t>12/19/2019 20:31:46</t>
  </si>
  <si>
    <t>12/19/2019 20:31:47</t>
  </si>
  <si>
    <t>12/19/2019 20:31:48</t>
  </si>
  <si>
    <t>12/19/2019 20:31:49</t>
  </si>
  <si>
    <t>12/19/2019 20:31:50</t>
  </si>
  <si>
    <t>12/19/2019 20:31:52</t>
  </si>
  <si>
    <t>12/19/2019 20:31:54</t>
  </si>
  <si>
    <t>12/19/2019 20:31:56</t>
  </si>
  <si>
    <t>12/19/2019 20:31:57</t>
  </si>
  <si>
    <t>12/19/2019 20:32:03</t>
  </si>
  <si>
    <t>12/19/2019 20:32:14</t>
  </si>
  <si>
    <t>12/19/2019 20:32:33</t>
  </si>
  <si>
    <t>12/19/2019 20:32:35</t>
  </si>
  <si>
    <t>12/19/2019 20:32:54</t>
  </si>
  <si>
    <t>12/19/2019 20:32:57</t>
  </si>
  <si>
    <t>12/19/2019 20:33:00</t>
  </si>
  <si>
    <t>12/19/2019 20:29:47</t>
  </si>
  <si>
    <t>12/19/2019 20:34:37</t>
  </si>
  <si>
    <t>12/19/2019 20:30:41</t>
  </si>
  <si>
    <t>12/19/2019 20:35:37</t>
  </si>
  <si>
    <t>12/19/2019 20:32:41</t>
  </si>
  <si>
    <t>12/19/2019 20:32:40</t>
  </si>
  <si>
    <t>12/19/2019 20:36:37</t>
  </si>
  <si>
    <t>12/19/2019 20:35:09</t>
  </si>
  <si>
    <t>12/19/2019 20:37:36</t>
  </si>
  <si>
    <t>12/19/2019 20:38:37</t>
  </si>
  <si>
    <t>12/19/2019 20:35:59</t>
  </si>
  <si>
    <t>12/19/2019 20:36:04</t>
  </si>
  <si>
    <t>12/19/2019 20:36:05</t>
  </si>
  <si>
    <t>12/19/2019 20:36:06</t>
  </si>
  <si>
    <t>12/19/2019 20:36:07</t>
  </si>
  <si>
    <t>12/19/2019 20:36:08</t>
  </si>
  <si>
    <t>12/19/2019 20:36:11</t>
  </si>
  <si>
    <t>12/19/2019 20:36:12</t>
  </si>
  <si>
    <t>12/19/2019 20:36:14</t>
  </si>
  <si>
    <t>12/19/2019 20:36:20</t>
  </si>
  <si>
    <t>12/19/2019 20:36:24</t>
  </si>
  <si>
    <t>12/19/2019 20:36:31</t>
  </si>
  <si>
    <t>12/19/2019 20:36:34</t>
  </si>
  <si>
    <t>12/19/2019 20:36:41</t>
  </si>
  <si>
    <t>12/19/2019 20:40:36</t>
  </si>
  <si>
    <t>12/19/2019 20:38:41</t>
  </si>
  <si>
    <t>12/19/2019 20:39:14</t>
  </si>
  <si>
    <t>12/19/2019 20:41:37</t>
  </si>
  <si>
    <t>12/19/2019 20:40:48</t>
  </si>
  <si>
    <t>12/19/2019 20:37:09</t>
  </si>
  <si>
    <t>12/19/2019 20:42:36</t>
  </si>
  <si>
    <t>12/19/2019 20:41:09</t>
  </si>
  <si>
    <t>12/19/2019 20:43:37</t>
  </si>
  <si>
    <t>12/19/2019 20:43:24</t>
  </si>
  <si>
    <t>12/19/2019 20:43:29</t>
  </si>
  <si>
    <t>12/19/2019 20:43:27</t>
  </si>
  <si>
    <t>12/19/2019 20:44:37</t>
  </si>
  <si>
    <t>12/19/2019 20:42:41</t>
  </si>
  <si>
    <t>12/19/2019 20:45:37</t>
  </si>
  <si>
    <t>12/19/2019 20:44:41</t>
  </si>
  <si>
    <t>12/19/2019 20:45:53</t>
  </si>
  <si>
    <t>12/19/2019 20:46:36</t>
  </si>
  <si>
    <t>12/19/2019 20:43:09</t>
  </si>
  <si>
    <t>12/19/2019 20:47:37</t>
  </si>
  <si>
    <t>12/19/2019 20:48:37</t>
  </si>
  <si>
    <t>12/19/2019 20:44:13</t>
  </si>
  <si>
    <t>12/19/2019 20:43:33</t>
  </si>
  <si>
    <t>12/19/2019 20:43:34</t>
  </si>
  <si>
    <t>12/19/2019 20:43:36</t>
  </si>
  <si>
    <t>12/19/2019 20:43:41</t>
  </si>
  <si>
    <t>12/19/2019 20:44:34</t>
  </si>
  <si>
    <t>12/19/2019 20:48:41</t>
  </si>
  <si>
    <t>12/19/2019 20:50:37</t>
  </si>
  <si>
    <t>12/19/2019 20:47:09</t>
  </si>
  <si>
    <t>12/19/2019 20:52:37</t>
  </si>
  <si>
    <t>12/19/2019 20:49:09</t>
  </si>
  <si>
    <t>12/19/2019 20:53:37</t>
  </si>
  <si>
    <t>12/19/2019 20:50:41</t>
  </si>
  <si>
    <t>12/19/2019 20:55:37</t>
  </si>
  <si>
    <t>12/19/2019 20:54:42</t>
  </si>
  <si>
    <t>12/19/2019 20:53:24</t>
  </si>
  <si>
    <t>12/19/2019 20:56:37</t>
  </si>
  <si>
    <t>12/19/2019 20:53:09</t>
  </si>
  <si>
    <t>12/19/2019 20:57:37</t>
  </si>
  <si>
    <t>12/19/2019 20:55:10</t>
  </si>
  <si>
    <t>12/19/2019 20:53:21</t>
  </si>
  <si>
    <t>12/19/2019 20:58:37</t>
  </si>
  <si>
    <t>12/19/2019 20:52:58</t>
  </si>
  <si>
    <t>d85668ec-dd6d-4b23-8e2f-310a00ee0a3e.tmp</t>
  </si>
  <si>
    <t>\\acsfs\profiles$\brendadsl\Downloads\d85668ec-dd6d-4b23-8e2f-310a00ee0a3e.tmp</t>
  </si>
  <si>
    <t>12/19/2019 20:56:42</t>
  </si>
  <si>
    <t>12/19/2019 21:00:37</t>
  </si>
  <si>
    <t>12/19/2019 20:59:10</t>
  </si>
  <si>
    <t>12/19/2019 21:02:36</t>
  </si>
  <si>
    <t>12/19/2019 21:01:10</t>
  </si>
  <si>
    <t>12/19/2019 21:00:41</t>
  </si>
  <si>
    <t>12/19/2019 21:03:37</t>
  </si>
  <si>
    <t>12/19/2019 21:00:56</t>
  </si>
  <si>
    <t>57fc4606-7036-44fe-90ac-541a8f3e94dc.tmp</t>
  </si>
  <si>
    <t>\\acsfs\profiles$\brendadsl\Downloads\57fc4606-7036-44fe-90ac-541a8f3e94dc.tmp</t>
  </si>
  <si>
    <t>12/19/2019 21:01:37</t>
  </si>
  <si>
    <t>aa309044-3c68-4d4d-b1b6-695570804944.tmp</t>
  </si>
  <si>
    <t>\\acsfs\profiles$\layonmof\Downloads\aa309044-3c68-4d4d-b1b6-695570804944.tmp</t>
  </si>
  <si>
    <t>12/19/2019 20:58:32</t>
  </si>
  <si>
    <t>12/19/2019 20:58:33</t>
  </si>
  <si>
    <t>12/19/2019 20:58:40</t>
  </si>
  <si>
    <t>12/19/2019 20:58:41</t>
  </si>
  <si>
    <t>12/19/2019 20:58:42</t>
  </si>
  <si>
    <t>12/19/2019 20:58:44</t>
  </si>
  <si>
    <t>12/19/2019 20:58:45</t>
  </si>
  <si>
    <t>12/19/2019 20:58:46</t>
  </si>
  <si>
    <t>12/19/2019 20:58:47</t>
  </si>
  <si>
    <t>12/19/2019 20:58:49</t>
  </si>
  <si>
    <t>12/19/2019 20:58:52</t>
  </si>
  <si>
    <t>12/19/2019 20:58:57</t>
  </si>
  <si>
    <t>12/19/2019 20:58:58</t>
  </si>
  <si>
    <t>12/19/2019 20:59:00</t>
  </si>
  <si>
    <t>12/19/2019 20:59:01</t>
  </si>
  <si>
    <t>12/19/2019 20:59:02</t>
  </si>
  <si>
    <t>12/19/2019 20:59:07</t>
  </si>
  <si>
    <t>12/19/2019 20:59:08</t>
  </si>
  <si>
    <t>12/19/2019 21:00:07</t>
  </si>
  <si>
    <t>12/19/2019 21:00:19</t>
  </si>
  <si>
    <t>12/19/2019 21:05:37</t>
  </si>
  <si>
    <t>1f14c971-f987-4e43-8afb-0690c809315b.tmp</t>
  </si>
  <si>
    <t>\\acsfs\profiles$\alinepp\Downloads\1f14c971-f987-4e43-8afb-0690c809315b.tmp</t>
  </si>
  <si>
    <t>12/19/2019 21:00:42</t>
  </si>
  <si>
    <t>12/19/2019 21:02:42</t>
  </si>
  <si>
    <t>12/19/2019 21:05:10</t>
  </si>
  <si>
    <t>12/19/2019 21:07:37</t>
  </si>
  <si>
    <t>12/19/2019 21:04:41</t>
  </si>
  <si>
    <t>12/19/2019 21:08:36</t>
  </si>
  <si>
    <t>cada57c9-5081-4335-ab74-417a452c6e52.tmp</t>
  </si>
  <si>
    <t>\\acsfs\profiles$\brendadsl\Downloads\cada57c9-5081-4335-ab74-417a452c6e52.tmp</t>
  </si>
  <si>
    <t>12/19/2019 21:06:12</t>
  </si>
  <si>
    <t>26dad235-177e-4167-a631-1e81f40ba35c.tmp</t>
  </si>
  <si>
    <t>\\acsfs\profiles$\layonmof\Downloads\26dad235-177e-4167-a631-1e81f40ba35c.tmp</t>
  </si>
  <si>
    <t>12/19/2019 21:06:52</t>
  </si>
  <si>
    <t>fafa2075-8632-4cda-b436-6f242074bb1e.tmp</t>
  </si>
  <si>
    <t>\\acsfs\profiles$\layonmof\Downloads\fafa2075-8632-4cda-b436-6f242074bb1e.tmp</t>
  </si>
  <si>
    <t>12/19/2019 21:06:09</t>
  </si>
  <si>
    <t>609abb2a-cc65-4453-b083-2e25adc292de.tmp</t>
  </si>
  <si>
    <t>\\acsfs\profiles$\victorgl\Downloads\609abb2a-cc65-4453-b083-2e25adc292de.tmp</t>
  </si>
  <si>
    <t>12/19/2019 21:06:42</t>
  </si>
  <si>
    <t>12/19/2019 21:10:37</t>
  </si>
  <si>
    <t>12/19/2019 21:08:42</t>
  </si>
  <si>
    <t>12/19/2019 21:10:46</t>
  </si>
  <si>
    <t>12/19/2019 21:11:36</t>
  </si>
  <si>
    <t>12/19/2019 21:07:10</t>
  </si>
  <si>
    <t>12/19/2019 21:12:37</t>
  </si>
  <si>
    <t>12/19/2019 21:11:10</t>
  </si>
  <si>
    <t>12/19/2019 21:13:36</t>
  </si>
  <si>
    <t>12/19/2019 21:12:42</t>
  </si>
  <si>
    <t>12/19/2019 21:15:37</t>
  </si>
  <si>
    <t>12/19/2019 21:14:42</t>
  </si>
  <si>
    <t>12/19/2019 21:13:10</t>
  </si>
  <si>
    <t>12/19/2019 21:17:37</t>
  </si>
  <si>
    <t>12/19/2019 21:13:02</t>
  </si>
  <si>
    <t>XLOG_anakcs_19122019_131934.log</t>
  </si>
  <si>
    <t>\\acsfs\profiles$\anakcs\My Documents\xworkcenter\logs\XLOG_anakcs_19122019_131934.log</t>
  </si>
  <si>
    <t>12/19/2019 21:06:34</t>
  </si>
  <si>
    <t>/o=exchangelabs/ou=exchange administrative group (fydibohf23spdlt)/cn=recipients/cn=9bb376e8b4c74d45963b1165e99fb0ea-fernando ro;eliamardo@algartech.com.br;fernandorsju@algartech.com;flaviamas@algartech.com.br;jessicapdsi@algartech.com.br;jessicarr@algartech.com.br;</t>
  </si>
  <si>
    <t>Meta de monitorias para o dia 20/12/2019</t>
  </si>
  <si>
    <t>Dezembro_meta 2.0.xls</t>
  </si>
  <si>
    <t>/o=exchangelabs/ou=exchange administrative group (fydibohf23spdlt)/cn=recipients/cn=9bb376e8b4c74d45963b1165e99fb0ea-fernando ro,eliamardo@algartech.com.br,fernandorsju@algartech.com,flaviamas@algartech.com.br,jessicapdsi@algartech.com.br,jessicarr@algartech.com.br</t>
  </si>
  <si>
    <t>12/19/2019 21:18:37</t>
  </si>
  <si>
    <t>12/19/2019 21:15:55</t>
  </si>
  <si>
    <t>12/19/2019 21:15:56</t>
  </si>
  <si>
    <t>12/19/2019 21:15:57</t>
  </si>
  <si>
    <t>12/19/2019 21:15:58</t>
  </si>
  <si>
    <t>12/19/2019 21:15:59</t>
  </si>
  <si>
    <t>12/19/2019 21:16:03</t>
  </si>
  <si>
    <t>12/19/2019 21:16:11</t>
  </si>
  <si>
    <t>12/19/2019 21:16:13</t>
  </si>
  <si>
    <t>12/19/2019 21:16:14</t>
  </si>
  <si>
    <t>12/19/2019 21:16:15</t>
  </si>
  <si>
    <t>12/19/2019 21:16:19</t>
  </si>
  <si>
    <t>12/19/2019 21:16:20</t>
  </si>
  <si>
    <t>12/19/2019 21:16:21</t>
  </si>
  <si>
    <t>12/19/2019 21:16:27</t>
  </si>
  <si>
    <t>12/19/2019 21:16:28</t>
  </si>
  <si>
    <t>12/19/2019 21:16:29</t>
  </si>
  <si>
    <t>12/19/2019 21:19:37</t>
  </si>
  <si>
    <t>12/19/2019 21:16:30</t>
  </si>
  <si>
    <t>12/19/2019 21:16:31</t>
  </si>
  <si>
    <t>12/19/2019 21:16:33</t>
  </si>
  <si>
    <t>12/19/2019 21:16:39</t>
  </si>
  <si>
    <t>12/19/2019 21:17:56</t>
  </si>
  <si>
    <t>12/19/2019 21:17:58</t>
  </si>
  <si>
    <t>12/19/2019 21:17:59</t>
  </si>
  <si>
    <t>12/19/2019 21:18:00</t>
  </si>
  <si>
    <t>12/19/2019 21:18:01</t>
  </si>
  <si>
    <t>12/19/2019 21:18:03</t>
  </si>
  <si>
    <t>12/19/2019 21:18:04</t>
  </si>
  <si>
    <t>12/19/2019 21:18:07</t>
  </si>
  <si>
    <t>12/19/2019 21:18:08</t>
  </si>
  <si>
    <t>12/19/2019 21:18:09</t>
  </si>
  <si>
    <t>12/19/2019 21:18:10</t>
  </si>
  <si>
    <t>12/19/2019 21:18:11</t>
  </si>
  <si>
    <t>12/19/2019 21:18:15</t>
  </si>
  <si>
    <t>12/19/2019 21:18:17</t>
  </si>
  <si>
    <t>12/19/2019 21:18:18</t>
  </si>
  <si>
    <t>12/19/2019 21:18:19</t>
  </si>
  <si>
    <t>12/19/2019 21:18:20</t>
  </si>
  <si>
    <t>12/19/2019 21:18:21</t>
  </si>
  <si>
    <t>12/19/2019 21:18:23</t>
  </si>
  <si>
    <t>12/19/2019 21:18:24</t>
  </si>
  <si>
    <t>12/19/2019 21:18:25</t>
  </si>
  <si>
    <t>12/19/2019 21:18:28</t>
  </si>
  <si>
    <t>12/19/2019 21:18:29</t>
  </si>
  <si>
    <t>12/19/2019 21:18:30</t>
  </si>
  <si>
    <t>12/19/2019 21:18:32</t>
  </si>
  <si>
    <t>12/19/2019 21:18:34</t>
  </si>
  <si>
    <t>12/19/2019 21:18:41</t>
  </si>
  <si>
    <t>12/19/2019 21:20:37</t>
  </si>
  <si>
    <t>12/19/2019 21:21:38</t>
  </si>
  <si>
    <t>12/19/2019 21:17:10</t>
  </si>
  <si>
    <t>12/19/2019 21:22:37</t>
  </si>
  <si>
    <t>12/19/2019 21:19:10</t>
  </si>
  <si>
    <t>12/19/2019 21:20:19</t>
  </si>
  <si>
    <t>12/19/2019 21:23:37</t>
  </si>
  <si>
    <t>12/19/2019 21:23:19</t>
  </si>
  <si>
    <t>ddbd2dd9-8000-45f5-b694-350f2da23c29.tmp</t>
  </si>
  <si>
    <t>\\acsfs\profiles$\layonmof\Downloads\ddbd2dd9-8000-45f5-b694-350f2da23c29.tmp</t>
  </si>
  <si>
    <t>12/19/2019 21:18:42</t>
  </si>
  <si>
    <t>12/19/2019 21:24:37</t>
  </si>
  <si>
    <t>12/19/2019 21:20:41</t>
  </si>
  <si>
    <t>12/19/2019 21:25:37</t>
  </si>
  <si>
    <t>12/19/2019 21:24:42</t>
  </si>
  <si>
    <t>12/19/2019 21:23:14</t>
  </si>
  <si>
    <t>12/19/2019 21:26:38</t>
  </si>
  <si>
    <t>12/19/2019 21:25:48</t>
  </si>
  <si>
    <t>12/19/2019 21:23:10</t>
  </si>
  <si>
    <t>12/19/2019 21:27:37</t>
  </si>
  <si>
    <t>12/19/2019 21:25:10</t>
  </si>
  <si>
    <t>12/19/2019 21:22:54</t>
  </si>
  <si>
    <t>12/19/2019 21:28:38</t>
  </si>
  <si>
    <t>12/19/2019 21:23:55</t>
  </si>
  <si>
    <t>9f851a56-aaa5-474e-b4fa-9bd0cc2a7867.tmp</t>
  </si>
  <si>
    <t>\\acsfs\profiles$\layonmof\Downloads\9f851a56-aaa5-474e-b4fa-9bd0cc2a7867.tmp</t>
  </si>
  <si>
    <t>12/19/2019 21:24:29</t>
  </si>
  <si>
    <t>3a0aaa65-a530-40c4-93d2-d701c85d3311.tmp</t>
  </si>
  <si>
    <t>\\acsfs\profiles$\layonmof\Downloads\3a0aaa65-a530-40c4-93d2-d701c85d3311.tmp</t>
  </si>
  <si>
    <t>12/19/2019 21:26:42</t>
  </si>
  <si>
    <t>12/19/2019 21:30:38</t>
  </si>
  <si>
    <t>12/19/2019 21:29:10</t>
  </si>
  <si>
    <t>12/19/2019 21:32:38</t>
  </si>
  <si>
    <t>12/19/2019 21:31:10</t>
  </si>
  <si>
    <t>12/19/2019 21:33:38</t>
  </si>
  <si>
    <t>12/19/2019 21:33:37</t>
  </si>
  <si>
    <t>12/19/2019 21:34:37</t>
  </si>
  <si>
    <t>c1a684a1-35c3-4f21-93d5-044cc08eb66f.tmp</t>
  </si>
  <si>
    <t>\\acsfs\profiles$\layonmof\Downloads\c1a684a1-35c3-4f21-93d5-044cc08eb66f.tmp</t>
  </si>
  <si>
    <t>12/19/2019 21:31:32</t>
  </si>
  <si>
    <t>12/19/2019 21:35:38</t>
  </si>
  <si>
    <t>12/19/2019 21:30:42</t>
  </si>
  <si>
    <t>12/19/2019 21:32:42</t>
  </si>
  <si>
    <t>12/19/2019 21:31:24</t>
  </si>
  <si>
    <t>12/19/2019 21:36:38</t>
  </si>
  <si>
    <t>12/19/2019 21:35:10</t>
  </si>
  <si>
    <t>12/19/2019 21:37:37</t>
  </si>
  <si>
    <t>12/19/2019 21:35:12</t>
  </si>
  <si>
    <t>12/19/2019 21:38:38</t>
  </si>
  <si>
    <t>c02e0069-94e9-401e-bccc-ad4ef1d09a1b.tmp</t>
  </si>
  <si>
    <t>\\acsfs\profiles$\brendadsl\Downloads\c02e0069-94e9-401e-bccc-ad4ef1d09a1b.tmp</t>
  </si>
  <si>
    <t>12/19/2019 21:34:48</t>
  </si>
  <si>
    <t>12/19/2019 21:39:37</t>
  </si>
  <si>
    <t>5ff33b77-3e78-4f9f-a7de-f6a8bbd88495.tmp</t>
  </si>
  <si>
    <t>\\acsfs\profiles$\layonmof\Downloads\5ff33b77-3e78-4f9f-a7de-f6a8bbd88495.tmp</t>
  </si>
  <si>
    <t>12/19/2019 21:35:21</t>
  </si>
  <si>
    <t>aa0c44ee-73ae-4b15-949b-8500d3680df0.tmp</t>
  </si>
  <si>
    <t>\\acsfs\profiles$\layonmof\Downloads\aa0c44ee-73ae-4b15-949b-8500d3680df0.tmp</t>
  </si>
  <si>
    <t>12/19/2019 21:36:42</t>
  </si>
  <si>
    <t>12/19/2019 21:40:38</t>
  </si>
  <si>
    <t>12/19/2019 21:38:42</t>
  </si>
  <si>
    <t>12/19/2019 21:39:41</t>
  </si>
  <si>
    <t>12/19/2019 21:41:37</t>
  </si>
  <si>
    <t>12/19/2019 21:37:10</t>
  </si>
  <si>
    <t>12/19/2019 21:42:38</t>
  </si>
  <si>
    <t>12/19/2019 21:41:10</t>
  </si>
  <si>
    <t>12/19/2019 21:43:38</t>
  </si>
  <si>
    <t>12/19/2019 21:42:44</t>
  </si>
  <si>
    <t>12/19/2019 21:45:38</t>
  </si>
  <si>
    <t>12/19/2019 21:44:42</t>
  </si>
  <si>
    <t>12/19/2019 21:43:10</t>
  </si>
  <si>
    <t>12/19/2019 21:47:37</t>
  </si>
  <si>
    <t>12/19/2019 21:43:25</t>
  </si>
  <si>
    <t>12/19/2019 21:48:38</t>
  </si>
  <si>
    <t>12/19/2019 21:47:54</t>
  </si>
  <si>
    <t>8e3c22b7-4a86-4f18-8428-07eacbc19865.tmp</t>
  </si>
  <si>
    <t>\\acsfs\profiles$\KARENJSS\Downloads\8e3c22b7-4a86-4f18-8428-07eacbc19865.tmp</t>
  </si>
  <si>
    <t>12/19/2019 21:48:05</t>
  </si>
  <si>
    <t>b45e3d69-0f95-454e-a476-d21e6b0234ba.tmp</t>
  </si>
  <si>
    <t>\\acsfs\profiles$\KARENJSS\Downloads\b45e3d69-0f95-454e-a476-d21e6b0234ba.tmp</t>
  </si>
  <si>
    <t>12/19/2019 21:45:36</t>
  </si>
  <si>
    <t>12/19/2019 21:50:37</t>
  </si>
  <si>
    <t>12/19/2019 21:45:19</t>
  </si>
  <si>
    <t>12/19/2019 21:48:42</t>
  </si>
  <si>
    <t>12/19/2019 21:47:49</t>
  </si>
  <si>
    <t>12/19/2019 21:51:37</t>
  </si>
  <si>
    <t>12/19/2019 21:47:10</t>
  </si>
  <si>
    <t>12/19/2019 21:52:37</t>
  </si>
  <si>
    <t>12/19/2019 21:49:10</t>
  </si>
  <si>
    <t>12/19/2019 21:53:38</t>
  </si>
  <si>
    <t>12/19/2019 21:50:42</t>
  </si>
  <si>
    <t>12/19/2019 21:55:38</t>
  </si>
  <si>
    <t>12/19/2019 21:54:42</t>
  </si>
  <si>
    <t>12/19/2019 21:53:10</t>
  </si>
  <si>
    <t>12/19/2019 21:57:37</t>
  </si>
  <si>
    <t>12/19/2019 21:55:10</t>
  </si>
  <si>
    <t>12/19/2019 21:58:37</t>
  </si>
  <si>
    <t>12/19/2019 21:56:39</t>
  </si>
  <si>
    <t>12/19/2019 21:59:37</t>
  </si>
  <si>
    <t>75af6015-e29f-4508-823c-ffbea115c062.tmp</t>
  </si>
  <si>
    <t>\\acsfs\profiles$\KARENJSS\Downloads\75af6015-e29f-4508-823c-ffbea115c062.tmp</t>
  </si>
  <si>
    <t>12/19/2019 21:56:42</t>
  </si>
  <si>
    <t>12/19/2019 22:00:38</t>
  </si>
  <si>
    <t>12/19/2019 21:59:10</t>
  </si>
  <si>
    <t>12/19/2019 22:02:37</t>
  </si>
  <si>
    <t>12/19/2019 22:01:10</t>
  </si>
  <si>
    <t>12/19/2019 22:01:09</t>
  </si>
  <si>
    <t>12/19/2019 22:03:37</t>
  </si>
  <si>
    <t>12/19/2019 21:59:16</t>
  </si>
  <si>
    <t>12/19/2019 22:00:42</t>
  </si>
  <si>
    <t>12/19/2019 22:05:37</t>
  </si>
  <si>
    <t>12/19/2019 22:02:42</t>
  </si>
  <si>
    <t>12/19/2019 22:05:10</t>
  </si>
  <si>
    <t>12/19/2019 22:07:37</t>
  </si>
  <si>
    <t>12/19/2019 22:06:18</t>
  </si>
  <si>
    <t>12/19/2019 22:08:37</t>
  </si>
  <si>
    <t>12/19/2019 22:03:34</t>
  </si>
  <si>
    <t>12/19/2019 22:06:42</t>
  </si>
  <si>
    <t>12/19/2019 22:10:37</t>
  </si>
  <si>
    <t>12/19/2019 22:08:42</t>
  </si>
  <si>
    <t>12/19/2019 22:07:10</t>
  </si>
  <si>
    <t>12/19/2019 22:12:37</t>
  </si>
  <si>
    <t>12/19/2019 22:11:10</t>
  </si>
  <si>
    <t>12/19/2019 22:13:38</t>
  </si>
  <si>
    <t>12/19/2019 22:13:18</t>
  </si>
  <si>
    <t>12/19/2019 22:15:37</t>
  </si>
  <si>
    <t>12/19/2019 22:12:42</t>
  </si>
  <si>
    <t>12/19/2019 22:14:42</t>
  </si>
  <si>
    <t>12/19/2019 22:13:10</t>
  </si>
  <si>
    <t>12/19/2019 22:17:37</t>
  </si>
  <si>
    <t>12/19/2019 22:18:37</t>
  </si>
  <si>
    <t>12/19/2019 22:18:42</t>
  </si>
  <si>
    <t>12/19/2019 22:20:37</t>
  </si>
  <si>
    <t>12/19/2019 22:17:05</t>
  </si>
  <si>
    <t>12/19/2019 22:21:37</t>
  </si>
  <si>
    <t>12/19/2019 22:17:24</t>
  </si>
  <si>
    <t>12/19/2019 22:17:10</t>
  </si>
  <si>
    <t>12/19/2019 22:22:36</t>
  </si>
  <si>
    <t>12/19/2019 22:19:10</t>
  </si>
  <si>
    <t>12/19/2019 22:23:37</t>
  </si>
  <si>
    <t>12/19/2019 22:20:43</t>
  </si>
  <si>
    <t>12/19/2019 22:25:37</t>
  </si>
  <si>
    <t>12/19/2019 22:24:43</t>
  </si>
  <si>
    <t>12/19/2019 22:23:10</t>
  </si>
  <si>
    <t>12/19/2019 22:27:37</t>
  </si>
  <si>
    <t>12/19/2019 22:25:10</t>
  </si>
  <si>
    <t>12/19/2019 22:28:37</t>
  </si>
  <si>
    <t>12/19/2019 22:26:43</t>
  </si>
  <si>
    <t>12/19/2019 22:29:38</t>
  </si>
  <si>
    <t>12/19/2019 22:30:37</t>
  </si>
  <si>
    <t>12/19/2019 22:28:41</t>
  </si>
  <si>
    <t>12/19/2019 22:31:37</t>
  </si>
  <si>
    <t>12/19/2019 22:29:10</t>
  </si>
  <si>
    <t>12/19/2019 22:32:38</t>
  </si>
  <si>
    <t>12/19/2019 22:31:10</t>
  </si>
  <si>
    <t>12/19/2019 22:33:37</t>
  </si>
  <si>
    <t>12/19/2019 22:30:43</t>
  </si>
  <si>
    <t>12/19/2019 22:35:37</t>
  </si>
  <si>
    <t>12/19/2019 22:32:43</t>
  </si>
  <si>
    <t>12/19/2019 22:35:10</t>
  </si>
  <si>
    <t>12/19/2019 22:37:38</t>
  </si>
  <si>
    <t>12/19/2019 22:35:48</t>
  </si>
  <si>
    <t>12/19/2019 22:38:38</t>
  </si>
  <si>
    <t>12/19/2019 22:36:43</t>
  </si>
  <si>
    <t>12/19/2019 22:40:38</t>
  </si>
  <si>
    <t>12/19/2019 22:38:43</t>
  </si>
  <si>
    <t>12/19/2019 22:37:10</t>
  </si>
  <si>
    <t>12/19/2019 22:42:38</t>
  </si>
  <si>
    <t>12/19/2019 22:41:10</t>
  </si>
  <si>
    <t>12/19/2019 22:43:38</t>
  </si>
  <si>
    <t>12/19/2019 22:42:43</t>
  </si>
  <si>
    <t>12/19/2019 22:45:38</t>
  </si>
  <si>
    <t>12/19/2019 22:44:43</t>
  </si>
  <si>
    <t>12/19/2019 22:43:10</t>
  </si>
  <si>
    <t>12/19/2019 22:47:37</t>
  </si>
  <si>
    <t>12/19/2019 22:48:38</t>
  </si>
  <si>
    <t>12/19/2019 22:48:43</t>
  </si>
  <si>
    <t>12/19/2019 22:50:38</t>
  </si>
  <si>
    <t>12/19/2019 22:47:10</t>
  </si>
  <si>
    <t>12/19/2019 22:52:37</t>
  </si>
  <si>
    <t>12/19/2019 22:49:10</t>
  </si>
  <si>
    <t>12/19/2019 22:53:36</t>
  </si>
  <si>
    <t>12/19/2019 22:50:43</t>
  </si>
  <si>
    <t>12/19/2019 22:55:37</t>
  </si>
  <si>
    <t>12/19/2019 22:54:44</t>
  </si>
  <si>
    <t>12/19/2019 22:53:11</t>
  </si>
  <si>
    <t>12/19/2019 22:57:37</t>
  </si>
  <si>
    <t>12/19/2019 22:55:11</t>
  </si>
  <si>
    <t>12/19/2019 22:58:36</t>
  </si>
  <si>
    <t>12/19/2019 22:56:43</t>
  </si>
  <si>
    <t>12/19/2019 23:00:37</t>
  </si>
  <si>
    <t>12/19/2019 22:58:26</t>
  </si>
  <si>
    <t>12/19/2019 23:01:37</t>
  </si>
  <si>
    <t>12/19/2019 22:59:31</t>
  </si>
  <si>
    <t>12/19/2019 22:59:11</t>
  </si>
  <si>
    <t>12/19/2019 23:02:37</t>
  </si>
  <si>
    <t>12/19/2019 23:01:11</t>
  </si>
  <si>
    <t>12/19/2019 23:03:37</t>
  </si>
  <si>
    <t>12/19/2019 23:00:43</t>
  </si>
  <si>
    <t>12/19/2019 23:05:37</t>
  </si>
  <si>
    <t>12/19/2019 23:02:43</t>
  </si>
  <si>
    <t>12/19/2019 23:05:11</t>
  </si>
  <si>
    <t>12/19/2019 23:07:37</t>
  </si>
  <si>
    <t>12/19/2019 23:08:37</t>
  </si>
  <si>
    <t>12/19/2019 23:06:43</t>
  </si>
  <si>
    <t>12/19/2019 23:10:37</t>
  </si>
  <si>
    <t>12/19/2019 23:08:43</t>
  </si>
  <si>
    <t>12/19/2019 23:07:11</t>
  </si>
  <si>
    <t>12/19/2019 23:12:37</t>
  </si>
  <si>
    <t>12/19/2019 23:11:10</t>
  </si>
  <si>
    <t>12/19/2019 23:13:37</t>
  </si>
  <si>
    <t>12/19/2019 23:12:43</t>
  </si>
  <si>
    <t>12/19/2019 23:15:37</t>
  </si>
  <si>
    <t>12/19/2019 23:14:43</t>
  </si>
  <si>
    <t>12/19/2019 23:13:11</t>
  </si>
  <si>
    <t>12/19/2019 23:17:37</t>
  </si>
  <si>
    <t>12/19/2019 23:18:36</t>
  </si>
  <si>
    <t>12/19/2019 23:18:43</t>
  </si>
  <si>
    <t>12/19/2019 23:21:37</t>
  </si>
  <si>
    <t>12/19/2019 23:17:11</t>
  </si>
  <si>
    <t>12/19/2019 23:22:38</t>
  </si>
  <si>
    <t>12/19/2019 23:19:10</t>
  </si>
  <si>
    <t>12/19/2019 23:23:37</t>
  </si>
  <si>
    <t>12/19/2019 23:20:43</t>
  </si>
  <si>
    <t>12/19/2019 23:26:38</t>
  </si>
  <si>
    <t>12/19/2019 23:24:43</t>
  </si>
  <si>
    <t>12/19/2019 23:23:10</t>
  </si>
  <si>
    <t>12/19/2019 23:27:37</t>
  </si>
  <si>
    <t>12/19/2019 23:25:10</t>
  </si>
  <si>
    <t>12/19/2019 23:28:37</t>
  </si>
  <si>
    <t>12/19/2019 23:26:43</t>
  </si>
  <si>
    <t>12/19/2019 23:31:38</t>
  </si>
  <si>
    <t>12/19/2019 23:29:10</t>
  </si>
  <si>
    <t>12/19/2019 23:32:37</t>
  </si>
  <si>
    <t>12/19/2019 23:31:11</t>
  </si>
  <si>
    <t>12/19/2019 23:33:38</t>
  </si>
  <si>
    <t>12/19/2019 23:30:43</t>
  </si>
  <si>
    <t>12/19/2019 23:36:38</t>
  </si>
  <si>
    <t>12/19/2019 23:32:43</t>
  </si>
  <si>
    <t>12/19/2019 23:35:10</t>
  </si>
  <si>
    <t>12/19/2019 23:37:37</t>
  </si>
  <si>
    <t>12/19/2019 23:38:37</t>
  </si>
  <si>
    <t>12/19/2019 23:36:43</t>
  </si>
  <si>
    <t>12/19/2019 23:41:37</t>
  </si>
  <si>
    <t>12/19/2019 23:38:43</t>
  </si>
  <si>
    <t>12/19/2019 23:37:00</t>
  </si>
  <si>
    <t>12/19/2019 23:37:10</t>
  </si>
  <si>
    <t>12/19/2019 23:42:37</t>
  </si>
  <si>
    <t>12/19/2019 23:41:10</t>
  </si>
  <si>
    <t>12/19/2019 23:43:37</t>
  </si>
  <si>
    <t>12/19/2019 23:42:43</t>
  </si>
  <si>
    <t>12/19/2019 23:46:37</t>
  </si>
  <si>
    <t>12/19/2019 23:44:43</t>
  </si>
  <si>
    <t>12/19/2019 23:41:17</t>
  </si>
  <si>
    <t>12/19/2019 23:43:10</t>
  </si>
  <si>
    <t>12/19/2019 23:47:37</t>
  </si>
  <si>
    <t>12/19/2019 23:48:38</t>
  </si>
  <si>
    <t>12/19/2019 23:48:44</t>
  </si>
  <si>
    <t>12/19/2019 23:51:38</t>
  </si>
  <si>
    <t>12/19/2019 23:47:10</t>
  </si>
  <si>
    <t>12/19/2019 23:52:37</t>
  </si>
  <si>
    <t>12/19/2019 23:49:11</t>
  </si>
  <si>
    <t>12/19/2019 23:53:38</t>
  </si>
  <si>
    <t>12/19/2019 23:50:44</t>
  </si>
  <si>
    <t>12/19/2019 23:56:38</t>
  </si>
  <si>
    <t>12/19/2019 23:54:44</t>
  </si>
  <si>
    <t>12/19/2019 23:53:10</t>
  </si>
  <si>
    <t>12/19/2019 23:57:38</t>
  </si>
  <si>
    <t>12/19/2019 23:55:10</t>
  </si>
  <si>
    <t>12/19/2019 23:58:38</t>
  </si>
  <si>
    <t>12/19/2019 23:27:06</t>
  </si>
  <si>
    <t>12/20/2019 00:00:38</t>
  </si>
  <si>
    <t>mail.google.com/_/upload?authuser=0&amp;dcp=asu-n&amp;upload_id=AEnB2UqtFDJiwyMXc1Jz9z01n_DvTHk02Z9BqOYecguaqAgMNgG2kpV7e1rYQ5kMyM_FHyqEQ4vPLZodw7pmzr2qE0i8OMcBdJoFiN2yhiNH4_bNpbFDIE0&amp;upload_protocol=resumable</t>
  </si>
  <si>
    <t>Endomkt_orçamento e cronograma 2020.xlsx</t>
  </si>
  <si>
    <t>12/19/2019 23:56:44</t>
  </si>
  <si>
    <t>12/20/2019 00:01:38</t>
  </si>
  <si>
    <t>12/19/2019 23:59:11</t>
  </si>
  <si>
    <t>12/20/2019 00:02:38</t>
  </si>
  <si>
    <t>12/20/2019 00:01:11</t>
  </si>
  <si>
    <t>12/19/2019 23:58:18</t>
  </si>
  <si>
    <t>12/20/2019 00:03:38</t>
  </si>
  <si>
    <t>12/20/2019 00:02:06</t>
  </si>
  <si>
    <t>12/20/2019 00:01:46</t>
  </si>
  <si>
    <t>12/20/2019 00:00:44</t>
  </si>
  <si>
    <t>12/20/2019 00:06:39</t>
  </si>
  <si>
    <t>12/20/2019 00:02:44</t>
  </si>
  <si>
    <t>12/20/2019 00:05:11</t>
  </si>
  <si>
    <t>12/20/2019 00:07:38</t>
  </si>
  <si>
    <t>12/20/2019 00:08:39</t>
  </si>
  <si>
    <t>12/20/2019 00:06:44</t>
  </si>
  <si>
    <t>12/20/2019 00:11:38</t>
  </si>
  <si>
    <t>12/20/2019 00:08:44</t>
  </si>
  <si>
    <t>12/20/2019 00:07:11</t>
  </si>
  <si>
    <t>12/20/2019 00:12:38</t>
  </si>
  <si>
    <t>12/20/2019 00:11:11</t>
  </si>
  <si>
    <t>12/20/2019 00:13:37</t>
  </si>
  <si>
    <t>12/20/2019 00:10:08</t>
  </si>
  <si>
    <t>12/20/2019 00:14:38</t>
  </si>
  <si>
    <t>12/20/2019 00:13:02</t>
  </si>
  <si>
    <t>12/20/2019 00:14:39</t>
  </si>
  <si>
    <t>12/20/2019 00:15:38</t>
  </si>
  <si>
    <t>12/20/2019 00:12:44</t>
  </si>
  <si>
    <t>12/20/2019 00:16:38</t>
  </si>
  <si>
    <t>12/20/2019 00:14:44</t>
  </si>
  <si>
    <t>12/20/2019 00:13:54</t>
  </si>
  <si>
    <t>12/20/2019 00:11:03</t>
  </si>
  <si>
    <t>12/20/2019 00:14:41</t>
  </si>
  <si>
    <t>12/20/2019 00:13:11</t>
  </si>
  <si>
    <t>12/20/2019 00:17:38</t>
  </si>
  <si>
    <t>12/20/2019 00:14:11</t>
  </si>
  <si>
    <t>12/20/2019 00:18:37</t>
  </si>
  <si>
    <t>12/20/2019 00:18:48</t>
  </si>
  <si>
    <t>12/20/2019 00:20:38</t>
  </si>
  <si>
    <t>12/20/2019 00:18:44</t>
  </si>
  <si>
    <t>12/20/2019 00:21:37</t>
  </si>
  <si>
    <t>12/20/2019 00:17:11</t>
  </si>
  <si>
    <t>12/20/2019 00:22:38</t>
  </si>
  <si>
    <t>12/20/2019 00:19:11</t>
  </si>
  <si>
    <t>12/20/2019 00:23:38</t>
  </si>
  <si>
    <t>12/20/2019 00:24:38</t>
  </si>
  <si>
    <t>12/20/2019 00:20:44</t>
  </si>
  <si>
    <t>12/20/2019 00:26:37</t>
  </si>
  <si>
    <t>12/20/2019 00:24:44</t>
  </si>
  <si>
    <t>12/20/2019 00:23:11</t>
  </si>
  <si>
    <t>12/20/2019 00:27:38</t>
  </si>
  <si>
    <t>12/20/2019 00:25:11</t>
  </si>
  <si>
    <t>12/20/2019 00:29:38</t>
  </si>
  <si>
    <t>12/20/2019 00:26:44</t>
  </si>
  <si>
    <t>12/20/2019 00:31:38</t>
  </si>
  <si>
    <t>12/20/2019 00:29:11</t>
  </si>
  <si>
    <t>12/20/2019 00:32:38</t>
  </si>
  <si>
    <t>12/20/2019 00:31:11</t>
  </si>
  <si>
    <t>12/20/2019 00:34:38</t>
  </si>
  <si>
    <t>12/20/2019 00:30:44</t>
  </si>
  <si>
    <t>12/20/2019 00:36:38</t>
  </si>
  <si>
    <t>12/20/2019 00:32:44</t>
  </si>
  <si>
    <t>12/20/2019 00:35:11</t>
  </si>
  <si>
    <t>12/20/2019 00:37:38</t>
  </si>
  <si>
    <t>12/20/2019 00:39:38</t>
  </si>
  <si>
    <t>12/20/2019 00:36:44</t>
  </si>
  <si>
    <t>12/20/2019 00:41:38</t>
  </si>
  <si>
    <t>12/20/2019 00:38:44</t>
  </si>
  <si>
    <t>12/20/2019 00:37:11</t>
  </si>
  <si>
    <t>12/20/2019 00:42:38</t>
  </si>
  <si>
    <t>12/20/2019 00:41:11</t>
  </si>
  <si>
    <t>12/20/2019 00:40:59</t>
  </si>
  <si>
    <t>12/20/2019 00:43:38</t>
  </si>
  <si>
    <t>12/20/2019 00:44:38</t>
  </si>
  <si>
    <t>12/20/2019 00:42:44</t>
  </si>
  <si>
    <t>12/20/2019 00:46:39</t>
  </si>
  <si>
    <t>12/20/2019 00:44:45</t>
  </si>
  <si>
    <t>12/20/2019 00:43:11</t>
  </si>
  <si>
    <t>12/20/2019 00:47:37</t>
  </si>
  <si>
    <t>12/20/2019 00:49:38</t>
  </si>
  <si>
    <t>12/20/2019 00:48:45</t>
  </si>
  <si>
    <t>12/20/2019 00:51:38</t>
  </si>
  <si>
    <t>12/20/2019 00:47:11</t>
  </si>
  <si>
    <t>12/20/2019 00:52:38</t>
  </si>
  <si>
    <t>12/20/2019 00:49:11</t>
  </si>
  <si>
    <t>12/20/2019 00:54:38</t>
  </si>
  <si>
    <t>12/20/2019 00:50:45</t>
  </si>
  <si>
    <t>12/20/2019 00:56:39</t>
  </si>
  <si>
    <t>12/20/2019 00:54:45</t>
  </si>
  <si>
    <t>12/20/2019 00:54:52</t>
  </si>
  <si>
    <t>12/20/2019 00:53:11</t>
  </si>
  <si>
    <t>12/20/2019 00:57:38</t>
  </si>
  <si>
    <t>12/20/2019 00:55:11</t>
  </si>
  <si>
    <t>12/20/2019 00:59:38</t>
  </si>
  <si>
    <t>12/20/2019 00:59:11</t>
  </si>
  <si>
    <t>12/20/2019 01:16:38</t>
  </si>
  <si>
    <t>12/20/2019 01:01:11</t>
  </si>
  <si>
    <t>12/20/2019 01:00:45</t>
  </si>
  <si>
    <t>12/20/2019 01:03:42</t>
  </si>
  <si>
    <t>12/20/2019 01:02:45</t>
  </si>
  <si>
    <t>12/20/2019 01:05:12</t>
  </si>
  <si>
    <t>12/20/2019 01:13:57</t>
  </si>
  <si>
    <t>12/20/2019 01:17:39</t>
  </si>
  <si>
    <t>12/20/2019 01:07:12</t>
  </si>
  <si>
    <t>12/20/2019 01:11:11</t>
  </si>
  <si>
    <t>12/20/2019 01:13:11</t>
  </si>
  <si>
    <t>12/20/2019 01:18:38</t>
  </si>
  <si>
    <t>12/20/2019 01:06:45</t>
  </si>
  <si>
    <t>12/20/2019 01:08:45</t>
  </si>
  <si>
    <t>12/20/2019 01:12:45</t>
  </si>
  <si>
    <t>12/20/2019 01:14:45</t>
  </si>
  <si>
    <t>12/20/2019 01:17:12</t>
  </si>
  <si>
    <t>12/20/2019 01:22:38</t>
  </si>
  <si>
    <t>12/20/2019 01:19:11</t>
  </si>
  <si>
    <t>12/20/2019 01:18:45</t>
  </si>
  <si>
    <t>12/20/2019 01:23:38</t>
  </si>
  <si>
    <t>12/20/2019 01:20:45</t>
  </si>
  <si>
    <t>12/20/2019 01:23:11</t>
  </si>
  <si>
    <t>12/20/2019 01:27:38</t>
  </si>
  <si>
    <t>12/20/2019 01:25:11</t>
  </si>
  <si>
    <t>12/20/2019 01:24:45</t>
  </si>
  <si>
    <t>12/20/2019 01:28:39</t>
  </si>
  <si>
    <t>12/20/2019 01:26:45</t>
  </si>
  <si>
    <t>12/20/2019 01:29:11</t>
  </si>
  <si>
    <t>12/20/2019 01:32:38</t>
  </si>
  <si>
    <t>12/20/2019 01:31:11</t>
  </si>
  <si>
    <t>12/20/2019 01:30:45</t>
  </si>
  <si>
    <t>12/20/2019 01:33:37</t>
  </si>
  <si>
    <t>12/20/2019 01:35:11</t>
  </si>
  <si>
    <t>12/20/2019 01:37:38</t>
  </si>
  <si>
    <t>12/20/2019 01:32:45</t>
  </si>
  <si>
    <t>12/20/2019 01:38:38</t>
  </si>
  <si>
    <t>12/20/2019 01:36:45</t>
  </si>
  <si>
    <t>12/20/2019 01:37:12</t>
  </si>
  <si>
    <t>12/20/2019 01:42:38</t>
  </si>
  <si>
    <t>12/20/2019 01:41:11</t>
  </si>
  <si>
    <t>12/20/2019 01:38:45</t>
  </si>
  <si>
    <t>12/20/2019 01:43:37</t>
  </si>
  <si>
    <t>12/20/2019 01:43:11</t>
  </si>
  <si>
    <t>12/20/2019 01:47:37</t>
  </si>
  <si>
    <t>12/20/2019 01:42:45</t>
  </si>
  <si>
    <t>12/20/2019 01:48:38</t>
  </si>
  <si>
    <t>12/20/2019 01:44:45</t>
  </si>
  <si>
    <t>12/20/2019 01:47:11</t>
  </si>
  <si>
    <t>12/20/2019 01:52:37</t>
  </si>
  <si>
    <t>12/20/2019 01:49:11</t>
  </si>
  <si>
    <t>12/20/2019 01:48:45</t>
  </si>
  <si>
    <t>12/20/2019 01:53:38</t>
  </si>
  <si>
    <t>12/20/2019 01:50:45</t>
  </si>
  <si>
    <t>12/20/2019 01:53:12</t>
  </si>
  <si>
    <t>12/20/2019 01:57:38</t>
  </si>
  <si>
    <t>12/20/2019 01:55:12</t>
  </si>
  <si>
    <t>12/20/2019 01:54:46</t>
  </si>
  <si>
    <t>12/20/2019 01:58:38</t>
  </si>
  <si>
    <t>12/20/2019 01:56:45</t>
  </si>
  <si>
    <t>12/20/2019 01:59:12</t>
  </si>
  <si>
    <t>12/20/2019 02:02:39</t>
  </si>
  <si>
    <t>12/20/2019 02:01:12</t>
  </si>
  <si>
    <t>12/20/2019 02:00:45</t>
  </si>
  <si>
    <t>12/20/2019 02:03:38</t>
  </si>
  <si>
    <t>12/20/2019 02:02:52</t>
  </si>
  <si>
    <t>12/20/2019 02:03:30</t>
  </si>
  <si>
    <t>12/20/2019 02:06:38</t>
  </si>
  <si>
    <t>12/20/2019 02:05:12</t>
  </si>
  <si>
    <t>12/20/2019 02:07:39</t>
  </si>
  <si>
    <t>12/20/2019 02:02:44</t>
  </si>
  <si>
    <t>12/20/2019 02:08:39</t>
  </si>
  <si>
    <t>12/20/2019 02:06:44</t>
  </si>
  <si>
    <t>12/20/2019 02:07:12</t>
  </si>
  <si>
    <t>12/20/2019 02:12:38</t>
  </si>
  <si>
    <t>12/20/2019 02:11:12</t>
  </si>
  <si>
    <t>12/20/2019 02:08:44</t>
  </si>
  <si>
    <t>12/20/2019 02:13:38</t>
  </si>
  <si>
    <t>12/20/2019 02:13:12</t>
  </si>
  <si>
    <t>12/20/2019 02:17:38</t>
  </si>
  <si>
    <t>12/20/2019 02:12:44</t>
  </si>
  <si>
    <t>12/20/2019 02:18:38</t>
  </si>
  <si>
    <t>12/20/2019 02:14:44</t>
  </si>
  <si>
    <t>12/20/2019 02:17:19</t>
  </si>
  <si>
    <t>12/20/2019 02:21:38</t>
  </si>
  <si>
    <t>12/20/2019 02:17:12</t>
  </si>
  <si>
    <t>12/20/2019 02:22:39</t>
  </si>
  <si>
    <t>12/20/2019 02:19:12</t>
  </si>
  <si>
    <t>12/20/2019 02:18:44</t>
  </si>
  <si>
    <t>12/20/2019 02:23:38</t>
  </si>
  <si>
    <t>12/20/2019 02:20:44</t>
  </si>
  <si>
    <t>12/20/2019 02:21:46</t>
  </si>
  <si>
    <t>12/20/2019 02:23:12</t>
  </si>
  <si>
    <t>12/20/2019 02:27:40</t>
  </si>
  <si>
    <t>12/20/2019 02:25:12</t>
  </si>
  <si>
    <t>12/20/2019 02:24:44</t>
  </si>
  <si>
    <t>12/20/2019 02:28:39</t>
  </si>
  <si>
    <t>12/20/2019 02:26:44</t>
  </si>
  <si>
    <t>12/20/2019 02:29:12</t>
  </si>
  <si>
    <t>12/20/2019 02:32:39</t>
  </si>
  <si>
    <t>12/20/2019 02:31:12</t>
  </si>
  <si>
    <t>12/20/2019 02:29:58</t>
  </si>
  <si>
    <t>12/20/2019 02:33:40</t>
  </si>
  <si>
    <t>12/20/2019 02:30:44</t>
  </si>
  <si>
    <t>12/20/2019 02:35:12</t>
  </si>
  <si>
    <t>12/20/2019 02:37:40</t>
  </si>
  <si>
    <t>12/20/2019 02:32:44</t>
  </si>
  <si>
    <t>12/20/2019 02:38:41</t>
  </si>
  <si>
    <t>12/20/2019 02:36:44</t>
  </si>
  <si>
    <t>12/20/2019 02:37:12</t>
  </si>
  <si>
    <t>12/20/2019 02:42:41</t>
  </si>
  <si>
    <t>12/20/2019 02:41:12</t>
  </si>
  <si>
    <t>12/20/2019 02:43:40</t>
  </si>
  <si>
    <t>12/20/2019 02:38:44</t>
  </si>
  <si>
    <t>12/20/2019 02:43:12</t>
  </si>
  <si>
    <t>12/20/2019 02:47:40</t>
  </si>
  <si>
    <t>12/20/2019 02:43:19</t>
  </si>
  <si>
    <t>12/20/2019 02:48:40</t>
  </si>
  <si>
    <t>12/20/2019 02:42:44</t>
  </si>
  <si>
    <t>12/20/2019 02:44:44</t>
  </si>
  <si>
    <t>12/20/2019 02:47:12</t>
  </si>
  <si>
    <t>12/20/2019 02:52:40</t>
  </si>
  <si>
    <t>12/20/2019 02:49:12</t>
  </si>
  <si>
    <t>12/20/2019 02:48:44</t>
  </si>
  <si>
    <t>12/20/2019 02:53:40</t>
  </si>
  <si>
    <t>12/20/2019 02:50:44</t>
  </si>
  <si>
    <t>12/20/2019 02:53:12</t>
  </si>
  <si>
    <t>12/20/2019 02:57:39</t>
  </si>
  <si>
    <t>12/20/2019 02:55:12</t>
  </si>
  <si>
    <t>12/20/2019 02:54:46</t>
  </si>
  <si>
    <t>12/20/2019 02:58:39</t>
  </si>
  <si>
    <t>12/20/2019 02:56:45</t>
  </si>
  <si>
    <t>12/20/2019 02:59:36</t>
  </si>
  <si>
    <t>12/20/2019 03:01:40</t>
  </si>
  <si>
    <t>12/20/2019 02:59:12</t>
  </si>
  <si>
    <t>12/20/2019 03:02:39</t>
  </si>
  <si>
    <t>12/20/2019 03:01:12</t>
  </si>
  <si>
    <t>12/20/2019 03:03:40</t>
  </si>
  <si>
    <t>12/20/2019 03:00:45</t>
  </si>
  <si>
    <t>12/20/2019 03:05:12</t>
  </si>
  <si>
    <t>12/20/2019 03:07:39</t>
  </si>
  <si>
    <t>12/20/2019 03:02:45</t>
  </si>
  <si>
    <t>12/20/2019 03:08:38</t>
  </si>
  <si>
    <t>12/20/2019 03:06:45</t>
  </si>
  <si>
    <t>12/20/2019 03:06:28</t>
  </si>
  <si>
    <t>12/20/2019 03:11:39</t>
  </si>
  <si>
    <t>12/20/2019 03:07:12</t>
  </si>
  <si>
    <t>12/20/2019 03:12:38</t>
  </si>
  <si>
    <t>12/20/2019 03:11:12</t>
  </si>
  <si>
    <t>12/20/2019 03:08:45</t>
  </si>
  <si>
    <t>12/20/2019 03:13:39</t>
  </si>
  <si>
    <t>12/20/2019 03:12:45</t>
  </si>
  <si>
    <t>12/20/2019 03:13:13</t>
  </si>
  <si>
    <t>12/20/2019 03:17:39</t>
  </si>
  <si>
    <t>12/20/2019 03:14:31</t>
  </si>
  <si>
    <t>12/20/2019 03:18:40</t>
  </si>
  <si>
    <t>12/20/2019 03:14:45</t>
  </si>
  <si>
    <t>12/20/2019 03:17:13</t>
  </si>
  <si>
    <t>12/20/2019 03:22:39</t>
  </si>
  <si>
    <t>12/20/2019 03:19:12</t>
  </si>
  <si>
    <t>12/20/2019 03:18:45</t>
  </si>
  <si>
    <t>12/20/2019 03:23:40</t>
  </si>
  <si>
    <t>12/20/2019 03:20:45</t>
  </si>
  <si>
    <t>12/20/2019 03:23:13</t>
  </si>
  <si>
    <t>12/20/2019 03:27:40</t>
  </si>
  <si>
    <t>12/20/2019 03:25:13</t>
  </si>
  <si>
    <t>12/20/2019 03:24:45</t>
  </si>
  <si>
    <t>12/20/2019 03:28:40</t>
  </si>
  <si>
    <t>12/20/2019 03:26:45</t>
  </si>
  <si>
    <t>12/20/2019 03:28:37</t>
  </si>
  <si>
    <t>12/20/2019 03:29:41</t>
  </si>
  <si>
    <t>12/20/2019 03:29:12</t>
  </si>
  <si>
    <t>12/20/2019 03:32:40</t>
  </si>
  <si>
    <t>12/20/2019 03:31:13</t>
  </si>
  <si>
    <t>12/20/2019 03:30:45</t>
  </si>
  <si>
    <t>12/20/2019 03:33:40</t>
  </si>
  <si>
    <t>12/20/2019 03:32:45</t>
  </si>
  <si>
    <t>12/20/2019 03:31:52</t>
  </si>
  <si>
    <t>12/20/2019 03:32:54</t>
  </si>
  <si>
    <t>12/20/2019 03:35:40</t>
  </si>
  <si>
    <t>12/20/2019 03:35:12</t>
  </si>
  <si>
    <t>12/20/2019 03:37:41</t>
  </si>
  <si>
    <t>12/20/2019 03:36:45</t>
  </si>
  <si>
    <t>12/20/2019 03:38:40</t>
  </si>
  <si>
    <t>12/20/2019 03:37:12</t>
  </si>
  <si>
    <t>12/20/2019 03:42:39</t>
  </si>
  <si>
    <t>12/20/2019 03:41:12</t>
  </si>
  <si>
    <t>12/20/2019 03:40:15</t>
  </si>
  <si>
    <t>12/20/2019 03:38:45</t>
  </si>
  <si>
    <t>12/20/2019 03:43:40</t>
  </si>
  <si>
    <t>12/20/2019 03:42:45</t>
  </si>
  <si>
    <t>12/20/2019 03:43:33</t>
  </si>
  <si>
    <t>12/20/2019 03:46:40</t>
  </si>
  <si>
    <t>12/20/2019 03:43:12</t>
  </si>
  <si>
    <t>12/20/2019 03:47:40</t>
  </si>
  <si>
    <t>12/20/2019 03:45:01</t>
  </si>
  <si>
    <t>12/20/2019 03:45:02</t>
  </si>
  <si>
    <t>12/20/2019 03:44:45</t>
  </si>
  <si>
    <t>12/20/2019 03:48:39</t>
  </si>
  <si>
    <t>12/20/2019 03:49:12</t>
  </si>
  <si>
    <t>12/20/2019 03:52:40</t>
  </si>
  <si>
    <t>12/20/2019 03:50:12</t>
  </si>
  <si>
    <t>12/20/2019 03:48:45</t>
  </si>
  <si>
    <t>12/20/2019 03:53:39</t>
  </si>
  <si>
    <t>12/20/2019 03:50:45</t>
  </si>
  <si>
    <t>12/20/2019 03:49:02</t>
  </si>
  <si>
    <t>12/20/2019 03:55:12</t>
  </si>
  <si>
    <t>12/20/2019 03:57:40</t>
  </si>
  <si>
    <t>12/20/2019 03:56:12</t>
  </si>
  <si>
    <t>12/20/2019 03:54:46</t>
  </si>
  <si>
    <t>12/20/2019 03:58:39</t>
  </si>
  <si>
    <t>12/20/2019 03:56:45</t>
  </si>
  <si>
    <t>12/20/2019 04:01:12</t>
  </si>
  <si>
    <t>12/20/2019 04:02:40</t>
  </si>
  <si>
    <t>12/20/2019 04:00:45</t>
  </si>
  <si>
    <t>12/20/2019 04:03:40</t>
  </si>
  <si>
    <t>12/20/2019 04:02:45</t>
  </si>
  <si>
    <t>12/20/2019 04:02:13</t>
  </si>
  <si>
    <t>12/20/2019 04:07:39</t>
  </si>
  <si>
    <t>12/20/2019 04:06:45</t>
  </si>
  <si>
    <t>12/20/2019 04:08:39</t>
  </si>
  <si>
    <t>12/20/2019 04:07:13</t>
  </si>
  <si>
    <t>12/20/2019 04:12:39</t>
  </si>
  <si>
    <t>12/20/2019 04:08:13</t>
  </si>
  <si>
    <t>12/20/2019 04:09:48</t>
  </si>
  <si>
    <t>12/20/2019 04:09:49</t>
  </si>
  <si>
    <t>12/20/2019 04:09:51</t>
  </si>
  <si>
    <t>12/20/2019 04:08:45</t>
  </si>
  <si>
    <t>12/20/2019 04:13:39</t>
  </si>
  <si>
    <t>12/20/2019 04:12:45</t>
  </si>
  <si>
    <t>12/20/2019 04:13:18</t>
  </si>
  <si>
    <t>12/20/2019 04:15:39</t>
  </si>
  <si>
    <t>12/20/2019 04:13:13</t>
  </si>
  <si>
    <t>12/20/2019 04:17:39</t>
  </si>
  <si>
    <t>12/20/2019 04:15:13</t>
  </si>
  <si>
    <t>12/20/2019 04:14:45</t>
  </si>
  <si>
    <t>12/20/2019 04:18:39</t>
  </si>
  <si>
    <t>12/20/2019 04:19:13</t>
  </si>
  <si>
    <t>12/20/2019 04:22:39</t>
  </si>
  <si>
    <t>12/20/2019 04:21:13</t>
  </si>
  <si>
    <t>12/20/2019 04:18:45</t>
  </si>
  <si>
    <t>12/20/2019 04:23:39</t>
  </si>
  <si>
    <t>12/20/2019 04:20:45</t>
  </si>
  <si>
    <t>12/20/2019 04:24:36</t>
  </si>
  <si>
    <t>12/20/2019 04:27:39</t>
  </si>
  <si>
    <t>12/20/2019 04:24:37</t>
  </si>
  <si>
    <t>12/20/2019 04:24:39</t>
  </si>
  <si>
    <t>12/20/2019 04:24:41</t>
  </si>
  <si>
    <t>12/20/2019 04:24:42</t>
  </si>
  <si>
    <t>12/20/2019 04:25:13</t>
  </si>
  <si>
    <t>12/20/2019 04:24:45</t>
  </si>
  <si>
    <t>12/20/2019 04:28:39</t>
  </si>
  <si>
    <t>12/20/2019 04:26:45</t>
  </si>
  <si>
    <t>12/20/2019 04:26:44</t>
  </si>
  <si>
    <t>12/20/2019 04:29:39</t>
  </si>
  <si>
    <t>12/20/2019 04:27:27</t>
  </si>
  <si>
    <t>12/20/2019 04:31:39</t>
  </si>
  <si>
    <t>12/20/2019 04:30:13</t>
  </si>
  <si>
    <t>12/20/2019 04:32:39</t>
  </si>
  <si>
    <t>12/20/2019 04:31:13</t>
  </si>
  <si>
    <t>12/20/2019 04:30:45</t>
  </si>
  <si>
    <t>12/20/2019 04:33:39</t>
  </si>
  <si>
    <t>12/20/2019 04:32:45</t>
  </si>
  <si>
    <t>12/20/2019 04:31:30</t>
  </si>
  <si>
    <t>12/20/2019 04:36:13</t>
  </si>
  <si>
    <t>12/20/2019 04:37:39</t>
  </si>
  <si>
    <t>12/20/2019 04:36:45</t>
  </si>
  <si>
    <t>12/20/2019 04:38:39</t>
  </si>
  <si>
    <t>12/20/2019 04:35:22</t>
  </si>
  <si>
    <t>12/20/2019 04:37:02</t>
  </si>
  <si>
    <t>12/20/2019 04:41:38</t>
  </si>
  <si>
    <t>12/20/2019 04:37:13</t>
  </si>
  <si>
    <t>12/20/2019 04:42:39</t>
  </si>
  <si>
    <t>12/20/2019 04:38:45</t>
  </si>
  <si>
    <t>12/20/2019 04:43:39</t>
  </si>
  <si>
    <t>12/20/2019 04:42:45</t>
  </si>
  <si>
    <t>12/20/2019 04:42:13</t>
  </si>
  <si>
    <t>12/20/2019 04:47:39</t>
  </si>
  <si>
    <t>12/20/2019 04:43:13</t>
  </si>
  <si>
    <t>12/20/2019 04:45:25</t>
  </si>
  <si>
    <t>12/20/2019 04:45:26</t>
  </si>
  <si>
    <t>12/20/2019 04:48:39</t>
  </si>
  <si>
    <t>12/20/2019 04:43:40</t>
  </si>
  <si>
    <t>12/20/2019 04:45:10</t>
  </si>
  <si>
    <t>12/20/2019 04:49:38</t>
  </si>
  <si>
    <t>12/20/2019 04:45:57</t>
  </si>
  <si>
    <t>12/20/2019 04:50:39</t>
  </si>
  <si>
    <t>12/20/2019 04:49:13</t>
  </si>
  <si>
    <t>12/20/2019 04:52:40</t>
  </si>
  <si>
    <t>12/20/2019 04:51:13</t>
  </si>
  <si>
    <t>12/20/2019 04:48:46</t>
  </si>
  <si>
    <t>12/20/2019 04:53:40</t>
  </si>
  <si>
    <t>12/20/2019 04:55:13</t>
  </si>
  <si>
    <t>12/20/2019 04:57:40</t>
  </si>
  <si>
    <t>12/20/2019 04:54:46</t>
  </si>
  <si>
    <t>12/20/2019 04:58:40</t>
  </si>
  <si>
    <t>12/20/2019 04:57:28</t>
  </si>
  <si>
    <t>12/20/2019 05:00:40</t>
  </si>
  <si>
    <t>12/20/2019 04:58:37</t>
  </si>
  <si>
    <t>12/20/2019 05:04:40</t>
  </si>
  <si>
    <t>12/20/2019 04:57:13</t>
  </si>
  <si>
    <t>12/20/2019 05:00:45</t>
  </si>
  <si>
    <t>12/20/2019 05:01:13</t>
  </si>
  <si>
    <t>12/20/2019 05:01:11</t>
  </si>
  <si>
    <t>12/20/2019 05:03:45</t>
  </si>
  <si>
    <t>12/20/2019 05:07:40</t>
  </si>
  <si>
    <t>12/20/2019 05:05:50</t>
  </si>
  <si>
    <t>12/20/2019 05:09:40</t>
  </si>
  <si>
    <t>12/20/2019 05:03:13</t>
  </si>
  <si>
    <t>12/20/2019 05:07:13</t>
  </si>
  <si>
    <t>12/20/2019 05:06:45</t>
  </si>
  <si>
    <t>12/20/2019 05:08:39</t>
  </si>
  <si>
    <t>12/20/2019 05:13:41</t>
  </si>
  <si>
    <t>12/20/2019 05:09:13</t>
  </si>
  <si>
    <t>12/20/2019 05:14:41</t>
  </si>
  <si>
    <t>12/20/2019 05:13:13</t>
  </si>
  <si>
    <t>12/20/2019 05:12:45</t>
  </si>
  <si>
    <t>12/20/2019 05:15:13</t>
  </si>
  <si>
    <t>12/20/2019 05:19:41</t>
  </si>
  <si>
    <t>12/20/2019 05:15:23</t>
  </si>
  <si>
    <t>12/20/2019 05:15:24</t>
  </si>
  <si>
    <t>12/20/2019 05:18:45</t>
  </si>
  <si>
    <t>12/20/2019 05:19:15</t>
  </si>
  <si>
    <t>12/20/2019 05:24:40</t>
  </si>
  <si>
    <t>12/20/2019 05:21:13</t>
  </si>
  <si>
    <t>12/20/2019 05:23:46</t>
  </si>
  <si>
    <t>12/20/2019 05:28:41</t>
  </si>
  <si>
    <t>12/20/2019 05:25:13</t>
  </si>
  <si>
    <t>12/20/2019 05:29:40</t>
  </si>
  <si>
    <t>12/20/2019 05:27:14</t>
  </si>
  <si>
    <t>12/20/2019 05:24:45</t>
  </si>
  <si>
    <t>12/20/2019 05:31:13</t>
  </si>
  <si>
    <t>12/20/2019 05:34:40</t>
  </si>
  <si>
    <t>12/20/2019 05:33:13</t>
  </si>
  <si>
    <t>12/20/2019 05:30:45</t>
  </si>
  <si>
    <t>12/20/2019 05:37:13</t>
  </si>
  <si>
    <t>12/20/2019 05:39:40</t>
  </si>
  <si>
    <t>12/20/2019 05:36:45</t>
  </si>
  <si>
    <t>12/20/2019 05:39:13</t>
  </si>
  <si>
    <t>12/20/2019 05:44:40</t>
  </si>
  <si>
    <t>12/20/2019 05:43:13</t>
  </si>
  <si>
    <t>12/20/2019 05:42:45</t>
  </si>
  <si>
    <t>12/20/2019 05:45:14</t>
  </si>
  <si>
    <t>12/20/2019 05:49:39</t>
  </si>
  <si>
    <t>12/20/2019 05:48:45</t>
  </si>
  <si>
    <t>12/20/2019 05:49:13</t>
  </si>
  <si>
    <t>12/20/2019 05:54:40</t>
  </si>
  <si>
    <t>12/20/2019 05:51:13</t>
  </si>
  <si>
    <t>12/20/2019 05:53:57</t>
  </si>
  <si>
    <t>12/20/2019 05:53:58</t>
  </si>
  <si>
    <t>12/20/2019 05:53:59</t>
  </si>
  <si>
    <t>12/20/2019 05:54:00</t>
  </si>
  <si>
    <t>12/20/2019 05:54:01</t>
  </si>
  <si>
    <t>12/20/2019 05:55:13</t>
  </si>
  <si>
    <t>12/20/2019 05:59:40</t>
  </si>
  <si>
    <t>12/20/2019 05:57:13</t>
  </si>
  <si>
    <t>12/20/2019 05:54:02</t>
  </si>
  <si>
    <t>12/20/2019 05:54:46</t>
  </si>
  <si>
    <t>12/20/2019 06:01:13</t>
  </si>
  <si>
    <t>12/20/2019 06:04:40</t>
  </si>
  <si>
    <t>12/20/2019 06:03:14</t>
  </si>
  <si>
    <t>12/20/2019 05:59:45</t>
  </si>
  <si>
    <t>12/20/2019 06:00:45</t>
  </si>
  <si>
    <t>12/20/2019 06:07:13</t>
  </si>
  <si>
    <t>12/20/2019 06:09:40</t>
  </si>
  <si>
    <t>12/20/2019 06:05:45</t>
  </si>
  <si>
    <t>12/20/2019 06:06:45</t>
  </si>
  <si>
    <t>12/20/2019 06:09:13</t>
  </si>
  <si>
    <t>12/20/2019 06:14:40</t>
  </si>
  <si>
    <t>12/20/2019 06:13:14</t>
  </si>
  <si>
    <t>12/20/2019 06:11:45</t>
  </si>
  <si>
    <t>12/20/2019 06:12:45</t>
  </si>
  <si>
    <t>12/20/2019 06:15:14</t>
  </si>
  <si>
    <t>12/20/2019 06:19:40</t>
  </si>
  <si>
    <t>12/20/2019 06:17:45</t>
  </si>
  <si>
    <t>12/20/2019 06:18:45</t>
  </si>
  <si>
    <t>12/20/2019 06:20:15</t>
  </si>
  <si>
    <t>12/20/2019 06:21:40</t>
  </si>
  <si>
    <t>12/20/2019 06:19:14</t>
  </si>
  <si>
    <t>12/20/2019 06:24:41</t>
  </si>
  <si>
    <t>12/20/2019 06:21:14</t>
  </si>
  <si>
    <t>12/20/2019 06:23:46</t>
  </si>
  <si>
    <t>12/20/2019 06:25:14</t>
  </si>
  <si>
    <t>12/20/2019 06:29:40</t>
  </si>
  <si>
    <t>12/20/2019 06:27:14</t>
  </si>
  <si>
    <t>12/20/2019 06:28:25</t>
  </si>
  <si>
    <t>12/20/2019 06:24:46</t>
  </si>
  <si>
    <t>12/20/2019 06:31:36</t>
  </si>
  <si>
    <t>12/20/2019 06:32:40</t>
  </si>
  <si>
    <t>12/20/2019 06:31:14</t>
  </si>
  <si>
    <t>12/20/2019 06:34:40</t>
  </si>
  <si>
    <t>12/20/2019 06:33:14</t>
  </si>
  <si>
    <t>12/20/2019 06:29:46</t>
  </si>
  <si>
    <t>12/20/2019 06:30:46</t>
  </si>
  <si>
    <t>12/20/2019 06:37:14</t>
  </si>
  <si>
    <t>12/20/2019 06:39:40</t>
  </si>
  <si>
    <t>12/20/2019 06:35:46</t>
  </si>
  <si>
    <t>12/20/2019 06:36:46</t>
  </si>
  <si>
    <t>12/20/2019 06:39:48</t>
  </si>
  <si>
    <t>12/20/2019 06:41:41</t>
  </si>
  <si>
    <t>12/20/2019 06:39:14</t>
  </si>
  <si>
    <t>12/20/2019 06:44:40</t>
  </si>
  <si>
    <t>12/20/2019 06:43:14</t>
  </si>
  <si>
    <t>12/20/2019 06:41:46</t>
  </si>
  <si>
    <t>12/20/2019 06:42:46</t>
  </si>
  <si>
    <t>12/20/2019 06:44:21</t>
  </si>
  <si>
    <t>12/20/2019 06:46:40</t>
  </si>
  <si>
    <t>12/20/2019 06:45:14</t>
  </si>
  <si>
    <t>12/20/2019 06:49:40</t>
  </si>
  <si>
    <t>12/20/2019 06:47:46</t>
  </si>
  <si>
    <t>12/20/2019 06:48:46</t>
  </si>
  <si>
    <t>12/20/2019 06:48:12</t>
  </si>
  <si>
    <t>12/20/2019 06:51:40</t>
  </si>
  <si>
    <t>12/20/2019 06:49:14</t>
  </si>
  <si>
    <t>12/20/2019 06:54:40</t>
  </si>
  <si>
    <t>12/20/2019 06:51:14</t>
  </si>
  <si>
    <t>12/20/2019 06:53:47</t>
  </si>
  <si>
    <t>12/20/2019 06:50:33</t>
  </si>
  <si>
    <t>8f4fbe2f-c979-4d17-b364-2098b086b633; asp.net_sessionid=fxl1yq0utov5yecfe4q2bbo2; __requestverificationtoken=l7w6zhhejir-eebkbwzzex74mb3p57cdadqpv3pswhjgxbisrkkw9i1_zhd2ncngwtxv9fmjq71zdv_xmlmloab1e9_bjxmd-hmcwlv67kg1; tp_stylesheet=light_blue; tp_layout_m</t>
  </si>
  <si>
    <t>C:\Users\marcos.pereira\AppData\Local\Temp\KPI's Julho de 2019 - Lote 5 Alagartech (FO SPO).msg\s124\</t>
  </si>
  <si>
    <t>Ata Reunião Contratadas_ Fechamento JULHO-19 2208019.xlsx</t>
  </si>
  <si>
    <t>12/20/2019 06:49:47</t>
  </si>
  <si>
    <t>12/20/2019 06:55:39</t>
  </si>
  <si>
    <t>invite (1).ics.dyw62j1.partial</t>
  </si>
  <si>
    <t>\\acsfs\profiles$\monicargds\Downloads\invite (1).ics.dyw62j1.partial</t>
  </si>
  <si>
    <t>12/20/2019 06:53:39</t>
  </si>
  <si>
    <t>8228101c-8e24-407c-b6a9-e4355363bad1.tmp</t>
  </si>
  <si>
    <t>\\acsfs\profiles$\vivianealda\Downloads\8228101c-8e24-407c-b6a9-e4355363bad1.tmp</t>
  </si>
  <si>
    <t>12/20/2019 06:53:01</t>
  </si>
  <si>
    <t>6682182d-ecf2-49a1-b1b1-15ecc80f79be.tmp</t>
  </si>
  <si>
    <t>\\acsfs\profiles$\nathaliadf\Downloads\6682182d-ecf2-49a1-b1b1-15ecc80f79be.tmp</t>
  </si>
  <si>
    <t>12/20/2019 06:53:43</t>
  </si>
  <si>
    <t>a3bfdf5a-f4d2-4a8a-a326-ac2cd6135029.tmp</t>
  </si>
  <si>
    <t>\\acsfs\profiles$\nathaliadf\Downloads\a3bfdf5a-f4d2-4a8a-a326-ac2cd6135029.tmp</t>
  </si>
  <si>
    <t>12/20/2019 06:54:49</t>
  </si>
  <si>
    <t>48b69b7d-1d7b-4e5a-85ae-79d4c23d5d84.tmp</t>
  </si>
  <si>
    <t>\\acsfs\profiles$\nathaliadf\Downloads\48b69b7d-1d7b-4e5a-85ae-79d4c23d5d84.tmp</t>
  </si>
  <si>
    <t>12/20/2019 06:54:50</t>
  </si>
  <si>
    <t>12/20/2019 06:56:40</t>
  </si>
  <si>
    <t>12/20/2019 06:55:14</t>
  </si>
  <si>
    <t>12/20/2019 06:59:40</t>
  </si>
  <si>
    <t>12/20/2019 06:57:14</t>
  </si>
  <si>
    <t>12/20/2019 06:54:48</t>
  </si>
  <si>
    <t>12/20/2019 06:55:11</t>
  </si>
  <si>
    <t>12/20/2019 07:00:40</t>
  </si>
  <si>
    <t>5d5fed2d-5002-4e02-b6cd-3c6eb7fb25bd.tmp</t>
  </si>
  <si>
    <t>\\acsfs\profiles$\vivianealda\Downloads\5d5fed2d-5002-4e02-b6cd-3c6eb7fb25bd.tmp</t>
  </si>
  <si>
    <t>12/20/2019 06:56:23</t>
  </si>
  <si>
    <t>6543d9e3-4a31-40ce-ab56-9e0fe61e4b81.tmp</t>
  </si>
  <si>
    <t>\\acsfs\profiles$\vivianealda\Downloads\6543d9e3-4a31-40ce-ab56-9e0fe61e4b81.tmp</t>
  </si>
  <si>
    <t>12/20/2019 06:59:07</t>
  </si>
  <si>
    <t>12/20/2019 06:57:59</t>
  </si>
  <si>
    <t>fcbb3a12-fbe6-4a04-82d5-2243cea6b1bd.tmp</t>
  </si>
  <si>
    <t>\\acsfs\profiles$\nathaliadf\Downloads\fcbb3a12-fbe6-4a04-82d5-2243cea6b1bd.tmp</t>
  </si>
  <si>
    <t>12/20/2019 07:01:14</t>
  </si>
  <si>
    <t>12/20/2019 07:04:40</t>
  </si>
  <si>
    <t>12/20/2019 07:03:14</t>
  </si>
  <si>
    <t>12/20/2019 06:59:47</t>
  </si>
  <si>
    <t>12/20/2019 07:00:47</t>
  </si>
  <si>
    <t>12/20/2019 07:04:17</t>
  </si>
  <si>
    <t>12/20/2019 07:06:40</t>
  </si>
  <si>
    <t>12/20/2019 07:04:55</t>
  </si>
  <si>
    <t>12/20/2019 07:04:56</t>
  </si>
  <si>
    <t>12/20/2019 07:04:58</t>
  </si>
  <si>
    <t>12/20/2019 07:05:12</t>
  </si>
  <si>
    <t>12/20/2019 07:05:13</t>
  </si>
  <si>
    <t>12/20/2019 07:05:14</t>
  </si>
  <si>
    <t>12/20/2019 07:05:58</t>
  </si>
  <si>
    <t>12/20/2019 07:05:47</t>
  </si>
  <si>
    <t>12/20/2019 07:07:14</t>
  </si>
  <si>
    <t>12/20/2019 07:09:41</t>
  </si>
  <si>
    <t>12/20/2019 07:06:47</t>
  </si>
  <si>
    <t>12/20/2019 07:06:08</t>
  </si>
  <si>
    <t>12/20/2019 07:11:40</t>
  </si>
  <si>
    <t>12/20/2019 07:10:53</t>
  </si>
  <si>
    <t>97b291e1-1045-44d1-8e49-60cdd268ab5f.tmp</t>
  </si>
  <si>
    <t>\\acsfs\profiles$\marcosvnds\Downloads\97b291e1-1045-44d1-8e49-60cdd268ab5f.tmp</t>
  </si>
  <si>
    <t>12/20/2019 07:10:55</t>
  </si>
  <si>
    <t>12c568ea-ef6b-4fe4-b302-f490e31496dc.tmp</t>
  </si>
  <si>
    <t>\\acsfs\profiles$\marcosvnds\Downloads\12c568ea-ef6b-4fe4-b302-f490e31496dc.tmp</t>
  </si>
  <si>
    <t>12/20/2019 07:09:14</t>
  </si>
  <si>
    <t>12/20/2019 07:14:40</t>
  </si>
  <si>
    <t>12/20/2019 07:13:14</t>
  </si>
  <si>
    <t>12/20/2019 07:11:47</t>
  </si>
  <si>
    <t>12/20/2019 07:12:47</t>
  </si>
  <si>
    <t>12/20/2019 07:11:58</t>
  </si>
  <si>
    <t>12/20/2019 07:16:40</t>
  </si>
  <si>
    <t>6507f2ff-4923-456b-8071-ad1b9baaa8c0.tmp</t>
  </si>
  <si>
    <t>\\acsfs\profiles$\marcosvnds\Downloads\6507f2ff-4923-456b-8071-ad1b9baaa8c0.tmp</t>
  </si>
  <si>
    <t>12/20/2019 07:12:42</t>
  </si>
  <si>
    <t>7e302d1a-803b-4724-9cc8-4268af49f137.tmp</t>
  </si>
  <si>
    <t>\\acsfs\profiles$\marcosvnds\Downloads\7e302d1a-803b-4724-9cc8-4268af49f137.tmp</t>
  </si>
  <si>
    <t>12/20/2019 07:13:15</t>
  </si>
  <si>
    <t>a5a3a6de-10fa-4d66-ad14-3d51b2004b2b.tmp</t>
  </si>
  <si>
    <t>\\acsfs\profiles$\marcosvnds\Downloads\a5a3a6de-10fa-4d66-ad14-3d51b2004b2b.tmp</t>
  </si>
  <si>
    <t>12/20/2019 07:14:02</t>
  </si>
  <si>
    <t>48841f48-c585-4f6a-86e9-509a2428e83f.tmp</t>
  </si>
  <si>
    <t>\\acsfs\profiles$\marcosvnds\Downloads\48841f48-c585-4f6a-86e9-509a2428e83f.tmp</t>
  </si>
  <si>
    <t>12/20/2019 07:14:18</t>
  </si>
  <si>
    <t>12/20/2019 07:17:40</t>
  </si>
  <si>
    <t>12/20/2019 07:14:22</t>
  </si>
  <si>
    <t>12/20/2019 07:16:30</t>
  </si>
  <si>
    <t>06f3b4b8-6019-4820-a7e7-8116488ddf4f.tmp</t>
  </si>
  <si>
    <t>\\acsfs\profiles$\deboraaa\Downloads\06f3b4b8-6019-4820-a7e7-8116488ddf4f.tmp</t>
  </si>
  <si>
    <t>12/20/2019 07:13:30</t>
  </si>
  <si>
    <t>12/20/2019 07:18:40</t>
  </si>
  <si>
    <t>12/20/2019 07:14:59</t>
  </si>
  <si>
    <t>12/20/2019 07:16:26</t>
  </si>
  <si>
    <t>93c07b68-1413-46f6-8dd1-e02b372e4d8c.tmp</t>
  </si>
  <si>
    <t>\\acsfs\profiles$\sarahbal\Downloads\93c07b68-1413-46f6-8dd1-e02b372e4d8c.tmp</t>
  </si>
  <si>
    <t>12/20/2019 07:17:38</t>
  </si>
  <si>
    <t>0801ad8b-df5f-40e0-8c91-116530f233b6.tmp</t>
  </si>
  <si>
    <t>\\acsfs\profiles$\sarahbal\Downloads\0801ad8b-df5f-40e0-8c91-116530f233b6.tmp</t>
  </si>
  <si>
    <t>12/20/2019 07:15:14</t>
  </si>
  <si>
    <t>12/20/2019 07:19:40</t>
  </si>
  <si>
    <t>12/20/2019 07:17:47</t>
  </si>
  <si>
    <t>12/20/2019 07:18:47</t>
  </si>
  <si>
    <t>12/20/2019 07:19:46</t>
  </si>
  <si>
    <t>12/20/2019 07:22:40</t>
  </si>
  <si>
    <t>d4f5fe92-5050-49ae-8749-76fa44cd6a0b.tmp</t>
  </si>
  <si>
    <t>\\acsfs\profiles$\deboraaa\Downloads\d4f5fe92-5050-49ae-8749-76fa44cd6a0b.tmp</t>
  </si>
  <si>
    <t>12/20/2019 07:21:28</t>
  </si>
  <si>
    <t>12/20/2019 07:23:40</t>
  </si>
  <si>
    <t>12/20/2019 07:18:33</t>
  </si>
  <si>
    <t>935d6edb-180e-43a1-8be7-7520c0bfc738.tmp</t>
  </si>
  <si>
    <t>\\acsfs\profiles$\sarahbal\Downloads\935d6edb-180e-43a1-8be7-7520c0bfc738.tmp</t>
  </si>
  <si>
    <t>12/20/2019 07:19:15</t>
  </si>
  <si>
    <t>12/20/2019 07:24:40</t>
  </si>
  <si>
    <t>12/20/2019 07:21:14</t>
  </si>
  <si>
    <t>12/20/2019 07:23:47</t>
  </si>
  <si>
    <t>12/20/2019 07:25:40</t>
  </si>
  <si>
    <t>12/20/2019 07:24:35</t>
  </si>
  <si>
    <t>12/20/2019 07:27:40</t>
  </si>
  <si>
    <t>4eb75b63-e38b-4610-8451-9d6a23a2cf96.tmp</t>
  </si>
  <si>
    <t>\\acsfs\profiles$\matheushds\Downloads\4eb75b63-e38b-4610-8451-9d6a23a2cf96.tmp</t>
  </si>
  <si>
    <t>12/20/2019 07:25:53</t>
  </si>
  <si>
    <t>c032eed9-3963-4314-8cec-76b4b330b24f.tmp</t>
  </si>
  <si>
    <t>\\acsfs\profiles$\matheushds\Downloads\c032eed9-3963-4314-8cec-76b4b330b24f.tmp</t>
  </si>
  <si>
    <t>12/20/2019 07:26:15</t>
  </si>
  <si>
    <t>b5b7ff9d-1515-49b3-a912-abb0f56f493b.tmp</t>
  </si>
  <si>
    <t>\\acsfs\profiles$\matheushds\Downloads\b5b7ff9d-1515-49b3-a912-abb0f56f493b.tmp</t>
  </si>
  <si>
    <t>12/20/2019 07:23:06</t>
  </si>
  <si>
    <t>78ff3962-fae1-41e5-8a85-c80d816135e0.tmp</t>
  </si>
  <si>
    <t>\\acsfs\profiles$\deboraaa\Downloads\78ff3962-fae1-41e5-8a85-c80d816135e0.tmp</t>
  </si>
  <si>
    <t>12/20/2019 07:26:44</t>
  </si>
  <si>
    <t>12/20/2019 07:28:40</t>
  </si>
  <si>
    <t>d5bebe11-795f-41d0-abb0-ae768782b3eb.tmp</t>
  </si>
  <si>
    <t>\\acsfs\profiles$\websondsa\Downloads\d5bebe11-795f-41d0-abb0-ae768782b3eb.tmp</t>
  </si>
  <si>
    <t>12/20/2019 07:27:32</t>
  </si>
  <si>
    <t>261cc86c-49c8-477b-af77-fd3040679e89.tmp</t>
  </si>
  <si>
    <t>\\acsfs\profiles$\websondsa\Downloads\261cc86c-49c8-477b-af77-fd3040679e89.tmp</t>
  </si>
  <si>
    <t>12/20/2019 07:27:33</t>
  </si>
  <si>
    <t>73b3b2f1-d40c-40db-aaba-a965edcefc9b.tmp</t>
  </si>
  <si>
    <t>\\acsfs\profiles$\websondsa\Downloads\73b3b2f1-d40c-40db-aaba-a965edcefc9b.tmp</t>
  </si>
  <si>
    <t>12/20/2019 07:25:44</t>
  </si>
  <si>
    <t>aa16141a-cf45-41c4-87df-2ddb3f3cca0b.tmp</t>
  </si>
  <si>
    <t>\\acsfs\profiles$\sarahbal\Downloads\aa16141a-cf45-41c4-87df-2ddb3f3cca0b.tmp</t>
  </si>
  <si>
    <t>12/20/2019 07:28:10</t>
  </si>
  <si>
    <t>12/20/2019 07:29:40</t>
  </si>
  <si>
    <t>12/20/2019 07:25:14</t>
  </si>
  <si>
    <t>12/20/2019 07:27:14</t>
  </si>
  <si>
    <t>12/20/2019 07:24:47</t>
  </si>
  <si>
    <t>12/20/2019 07:25:27</t>
  </si>
  <si>
    <t>12/20/2019 07:26:39</t>
  </si>
  <si>
    <t>0c1218c3-5013-4e72-8955-1840cb1a9a0c.tmp</t>
  </si>
  <si>
    <t>\\acsfs\profiles$\ERICALSR\Downloads\0c1218c3-5013-4e72-8955-1840cb1a9a0c.tmp</t>
  </si>
  <si>
    <t>12/20/2019 07:27:51</t>
  </si>
  <si>
    <t>cb0a2af8-d8e1-4932-95fa-5fa2a67ac145.tmp</t>
  </si>
  <si>
    <t>\\acsfs\profiles$\ERICALSR\Downloads\cb0a2af8-d8e1-4932-95fa-5fa2a67ac145.tmp</t>
  </si>
  <si>
    <t>12/20/2019 07:30:41</t>
  </si>
  <si>
    <t>12/20/2019 07:26:51</t>
  </si>
  <si>
    <t>c44ab978-dc24-47a2-a4f5-6354bc18403b.tmp</t>
  </si>
  <si>
    <t>\\acsfs\profiles$\vivianealda\Downloads\c44ab978-dc24-47a2-a4f5-6354bc18403b.tmp</t>
  </si>
  <si>
    <t>12/20/2019 07:28:13</t>
  </si>
  <si>
    <t>12/20/2019 07:32:41</t>
  </si>
  <si>
    <t>6aeca8fa-7315-4d0d-b5e5-239ab5d61d4b.tmp</t>
  </si>
  <si>
    <t>\\acsfs\profiles$\deboraaa\Downloads\6aeca8fa-7315-4d0d-b5e5-239ab5d61d4b.tmp</t>
  </si>
  <si>
    <t>12/20/2019 07:28:59</t>
  </si>
  <si>
    <t>12/20/2019 07:33:40</t>
  </si>
  <si>
    <t>32a3d715-a98c-43c3-b8e0-2426d5753969.tmp</t>
  </si>
  <si>
    <t>\\acsfs\profiles$\websondsa\Downloads\32a3d715-a98c-43c3-b8e0-2426d5753969.tmp</t>
  </si>
  <si>
    <t>12/20/2019 07:30:21</t>
  </si>
  <si>
    <t>12/20/2019 07:34:41</t>
  </si>
  <si>
    <t>12/20/2019 07:30:26</t>
  </si>
  <si>
    <t>5f204348-cb76-4d86-8f89-f791596045f3.tmp</t>
  </si>
  <si>
    <t>\\acsfs\profiles$\alicecpbc\Downloads\5f204348-cb76-4d86-8f89-f791596045f3.tmp</t>
  </si>
  <si>
    <t>12/20/2019 07:30:29</t>
  </si>
  <si>
    <t>a32df6e5-ac14-43ce-ae23-cbe02ec000fc.tmp</t>
  </si>
  <si>
    <t>\\acsfs\profiles$\alicecpbc\Downloads\a32df6e5-ac14-43ce-ae23-cbe02ec000fc.tmp</t>
  </si>
  <si>
    <t>12/20/2019 07:31:14</t>
  </si>
  <si>
    <t>12/20/2019 07:33:14</t>
  </si>
  <si>
    <t>12/20/2019 07:29:47</t>
  </si>
  <si>
    <t>12/20/2019 07:30:47</t>
  </si>
  <si>
    <t>12/20/2019 07:35:41</t>
  </si>
  <si>
    <t>12/20/2019 07:31:49</t>
  </si>
  <si>
    <t>12/20/2019 07:24:56</t>
  </si>
  <si>
    <t>12/20/2019 07:36:41</t>
  </si>
  <si>
    <t>/o=exchangelabs/ou=exchange administrative group (fydibohf23spdlt)/cn=recipients/cn=b712c36eebee42428d3790abe2696417-romario gom;romariog@algartech.com;</t>
  </si>
  <si>
    <t>12 -Next Template_Volumetria_ 2019 Oficial Algar Tech</t>
  </si>
  <si>
    <t>12 -Next Template_Volumetria_ 2019 Oficial Algar Tech.xlsm</t>
  </si>
  <si>
    <t>/o=exchangelabs/ou=exchange administrative group (fydibohf23spdlt)/cn=recipients/cn=b712c36eebee42428d3790abe2696417-romario gom,romariog@algartech.com</t>
  </si>
  <si>
    <t>12/20/2019 07:36:08</t>
  </si>
  <si>
    <t>12/20/2019 07:37:41</t>
  </si>
  <si>
    <t>12/20/2019 07:34:28</t>
  </si>
  <si>
    <t>12/20/2019 07:38:40</t>
  </si>
  <si>
    <t>12/20/2019 07:34:40</t>
  </si>
  <si>
    <t>12/20/2019 07:39:41</t>
  </si>
  <si>
    <t>https://udpmailboxap01.acs.com.br:8443/h/search;jsessionid=mumcj134dj5oxqunlzdmci59?si=0&amp;so=0&amp;sc=49807&amp;st=conversation&amp;action=compose</t>
  </si>
  <si>
    <t>victorhmds@bv.algartech.com;</t>
  </si>
  <si>
    <t>https://victorhmds@bv.algartech.com</t>
  </si>
  <si>
    <t>12/20/2019 07:34:46</t>
  </si>
  <si>
    <t>12/20/2019 07:36:36</t>
  </si>
  <si>
    <t>https://udpmailboxap01.acs.com.br:8443/h/search?si=0&amp;so=0&amp;sc=49819&amp;sq=linck&amp;st=conversation&amp;action=compose&amp;paction=paneview</t>
  </si>
  <si>
    <t>guilhermeabsa@bv.algartech.com;</t>
  </si>
  <si>
    <t>https://guilhermeabsa@bv.algartech.com</t>
  </si>
  <si>
    <t>12/20/2019 07:37:14</t>
  </si>
  <si>
    <t>12/20/2019 07:35:47</t>
  </si>
  <si>
    <t>12/20/2019 07:36:47</t>
  </si>
  <si>
    <t>12/20/2019 07:38:19</t>
  </si>
  <si>
    <t>12/20/2019 07:40:41</t>
  </si>
  <si>
    <t>12/20/2019 07:38:29</t>
  </si>
  <si>
    <t>12/20/2019 07:38:30</t>
  </si>
  <si>
    <t>12/20/2019 07:42:42</t>
  </si>
  <si>
    <t>12/20/2019 07:39:00</t>
  </si>
  <si>
    <t>977e84c4-b767-4456-8b62-9724df30d1d9.tmp</t>
  </si>
  <si>
    <t>\\acsfs\profiles$\felipetds\Downloads\977e84c4-b767-4456-8b62-9724df30d1d9.tmp</t>
  </si>
  <si>
    <t>12/20/2019 07:39:48</t>
  </si>
  <si>
    <t>761ddaa1-53aa-4af9-a38c-e488f781b732.tmp</t>
  </si>
  <si>
    <t>\\acsfs\profiles$\felipetds\Downloads\761ddaa1-53aa-4af9-a38c-e488f781b732.tmp</t>
  </si>
  <si>
    <t>12/20/2019 07:41:43</t>
  </si>
  <si>
    <t>12/20/2019 07:38:42</t>
  </si>
  <si>
    <t>12/20/2019 07:43:41</t>
  </si>
  <si>
    <t>85eccb5e-1839-4c27-9fcb-3d7d2c67709d.tmp</t>
  </si>
  <si>
    <t>\\acsfs\profiles$\luanarda\Downloads\85eccb5e-1839-4c27-9fcb-3d7d2c67709d.tmp</t>
  </si>
  <si>
    <t>12/20/2019 07:38:57</t>
  </si>
  <si>
    <t>12/20/2019 07:40:57</t>
  </si>
  <si>
    <t>3f50be48-87ff-44c7-afba-6ed85929c1fa.tmp</t>
  </si>
  <si>
    <t>\\acsfs\profiles$\luanarda\Downloads\3f50be48-87ff-44c7-afba-6ed85929c1fa.tmp</t>
  </si>
  <si>
    <t>12/20/2019 07:41:36</t>
  </si>
  <si>
    <t>a0141867-8552-4677-a347-2aed29ac7c21.tmp</t>
  </si>
  <si>
    <t>\\acsfs\profiles$\luanarda\Downloads\a0141867-8552-4677-a347-2aed29ac7c21.tmp</t>
  </si>
  <si>
    <t>12/20/2019 07:43:04</t>
  </si>
  <si>
    <t>12/20/2019 07:41:09</t>
  </si>
  <si>
    <t>12/20/2019 07:44:42</t>
  </si>
  <si>
    <t>12/20/2019 07:39:14</t>
  </si>
  <si>
    <t>12/20/2019 07:43:15</t>
  </si>
  <si>
    <t>12/20/2019 07:41:47</t>
  </si>
  <si>
    <t>12/20/2019 07:42:47</t>
  </si>
  <si>
    <t>12/20/2019 07:45:41</t>
  </si>
  <si>
    <t>12/20/2019 07:45:36</t>
  </si>
  <si>
    <t>12/20/2019 07:46:41</t>
  </si>
  <si>
    <t>\\acsfs\DEPTOS\Operacao\Banco_Votorantim\Qualidade\Anderson\Jose\Thumbs.db</t>
  </si>
  <si>
    <t>12/20/2019 07:43:06</t>
  </si>
  <si>
    <t>12/20/2019 07:48:41</t>
  </si>
  <si>
    <t>12/20/2019 07:47:20</t>
  </si>
  <si>
    <t>12/20/2019 07:43:44</t>
  </si>
  <si>
    <t>12/20/2019 07:45:14</t>
  </si>
  <si>
    <t>12/20/2019 07:49:42</t>
  </si>
  <si>
    <t>12/20/2019 07:47:47</t>
  </si>
  <si>
    <t>12/20/2019 07:48:47</t>
  </si>
  <si>
    <t>12/20/2019 07:47:52</t>
  </si>
  <si>
    <t>12/20/2019 07:50:41</t>
  </si>
  <si>
    <t>12/20/2019 07:51:08</t>
  </si>
  <si>
    <t>12/20/2019 07:52:41</t>
  </si>
  <si>
    <t>12/20/2019 07:50:51</t>
  </si>
  <si>
    <t>12/20/2019 07:53:42</t>
  </si>
  <si>
    <t>12/20/2019 07:52:23</t>
  </si>
  <si>
    <t>12/20/2019 07:53:30</t>
  </si>
  <si>
    <t>12/20/2019 07:54:42</t>
  </si>
  <si>
    <t>12/20/2019 07:49:14</t>
  </si>
  <si>
    <t>12/20/2019 07:51:15</t>
  </si>
  <si>
    <t>12/20/2019 07:53:47</t>
  </si>
  <si>
    <t>12/19/2019 16:55:52</t>
  </si>
  <si>
    <t>ANDRESSA GOMES RODRIGUES_1_6768085443091175757_1_32.wav</t>
  </si>
  <si>
    <t>\\acsfs\DEPTOS\EDUCACAO EMPRESARIAL\Ligações 2º ciclo - Késia\ANDRESSA GOMES RODRIGUES_1_6768085443091175757_1_32.wav</t>
  </si>
  <si>
    <t>12/19/2019 16:56:31</t>
  </si>
  <si>
    <t>ANDRESSA MACEDO FERREIRA_1_6766192569399457907_1_32.wav</t>
  </si>
  <si>
    <t>\\acsfs\DEPTOS\EDUCACAO EMPRESARIAL\Ligações 2º ciclo - Késia\ANDRESSA MACEDO FERREIRA_1_6766192569399457907_1_32.wav</t>
  </si>
  <si>
    <t>12/19/2019 16:57:00</t>
  </si>
  <si>
    <t>MATEUS DE JESUS MORAIS_1_6766608060240699455_1_32.wav</t>
  </si>
  <si>
    <t>\\acsfs\DEPTOS\EDUCACAO EMPRESARIAL\Ligações 2º ciclo - Késia\MATEUS DE JESUS MORAIS_1_6766608060240699455_1_32.wav</t>
  </si>
  <si>
    <t>12/19/2019 16:57:46</t>
  </si>
  <si>
    <t>BEATRIZ PEREIRA MENDES DA SILVA_1_6766661511108695701_1_32.wav</t>
  </si>
  <si>
    <t>\\acsfs\DEPTOS\EDUCACAO EMPRESARIAL\Ligações 2º ciclo - Késia\BEATRIZ PEREIRA MENDES DA SILVA_1_6766661511108695701_1_32.wav</t>
  </si>
  <si>
    <t>12/19/2019 16:58:20</t>
  </si>
  <si>
    <t>BRUNA ASSUNCAO ROSA_1_6765870811924469396_1_32.wav</t>
  </si>
  <si>
    <t>\\acsfs\DEPTOS\EDUCACAO EMPRESARIAL\Ligações 2º ciclo - Késia\BRUNA ASSUNCAO ROSA_1_6765870811924469396_1_32.wav</t>
  </si>
  <si>
    <t>12/19/2019 16:59:08</t>
  </si>
  <si>
    <t>BRUNO GONCALVES DA SILVA 100529_1_6766607115347893282_1_32.wav</t>
  </si>
  <si>
    <t>\\acsfs\DEPTOS\EDUCACAO EMPRESARIAL\Ligações 2º ciclo - Késia\BRUNO GONCALVES DA SILVA 100529_1_6766607115347893282_1_32.wav</t>
  </si>
  <si>
    <t>12/20/2019 07:55:42</t>
  </si>
  <si>
    <t>12/19/2019 21:23:02</t>
  </si>
  <si>
    <t>12/20/2019 07:52:21</t>
  </si>
  <si>
    <t>0db3b74d-1528-48ce-b150-5d99789c6704.tmp</t>
  </si>
  <si>
    <t>\\acsfs\profiles$\gabrielarb\Downloads\0db3b74d-1528-48ce-b150-5d99789c6704.tmp</t>
  </si>
  <si>
    <t>12/20/2019 07:52:22</t>
  </si>
  <si>
    <t>a8b552d9-aeb8-4e25-b36f-a751d55c580b.tmp</t>
  </si>
  <si>
    <t>\\acsfs\profiles$\gabrielarb\Downloads\a8b552d9-aeb8-4e25-b36f-a751d55c580b.tmp</t>
  </si>
  <si>
    <t>12/20/2019 07:53:31</t>
  </si>
  <si>
    <t>3a47ede7-7d86-4761-b025-670701dc2d76.tmp</t>
  </si>
  <si>
    <t>\\acsfs\profiles$\gabrielarb\Downloads\3a47ede7-7d86-4761-b025-670701dc2d76.tmp</t>
  </si>
  <si>
    <t>12/20/2019 07:54:20</t>
  </si>
  <si>
    <t>c430efee-6ce7-4ab1-9e87-26bcd6a87797.tmp</t>
  </si>
  <si>
    <t>\\acsfs\profiles$\gabrielarb\Downloads\c430efee-6ce7-4ab1-9e87-26bcd6a87797.tmp</t>
  </si>
  <si>
    <t>12/20/2019 07:54:54</t>
  </si>
  <si>
    <t>8d4db8df-4132-422a-9a84-689905ddab39.tmp</t>
  </si>
  <si>
    <t>\\acsfs\profiles$\gabrielarb\Downloads\8d4db8df-4132-422a-9a84-689905ddab39.tmp</t>
  </si>
  <si>
    <t>12/20/2019 07:55:11</t>
  </si>
  <si>
    <t>908e5168-d67e-4ae8-9fc7-493f3eda88a8.tmp</t>
  </si>
  <si>
    <t>\\acsfs\profiles$\gabrielarb\Downloads\908e5168-d67e-4ae8-9fc7-493f3eda88a8.tmp</t>
  </si>
  <si>
    <t>12/20/2019 07:55:30</t>
  </si>
  <si>
    <t>12/20/2019 07:56:42</t>
  </si>
  <si>
    <t>07136fdc-8f94-455f-ba80-bb816270cabb.tmp</t>
  </si>
  <si>
    <t>\\acsfs\profiles$\paulovadc\Downloads\07136fdc-8f94-455f-ba80-bb816270cabb.tmp</t>
  </si>
  <si>
    <t>12/20/2019 07:54:52</t>
  </si>
  <si>
    <t>12/20/2019 07:58:42</t>
  </si>
  <si>
    <t>12/20/2019 07:54:43</t>
  </si>
  <si>
    <t>3033e054-9b10-4222-87a3-7d0eaaa49993.tmp</t>
  </si>
  <si>
    <t>\\acsfs\profiles$\sarahbal\Downloads\3033e054-9b10-4222-87a3-7d0eaaa49993.tmp</t>
  </si>
  <si>
    <t>12/20/2019 07:57:35</t>
  </si>
  <si>
    <t>12/20/2019 07:59:41</t>
  </si>
  <si>
    <t>e9d3fc89-8b91-48aa-8535-46c1b258f58c.tmp</t>
  </si>
  <si>
    <t>\\acsfs\profiles$\alicecpbc\Downloads\e9d3fc89-8b91-48aa-8535-46c1b258f58c.tmp</t>
  </si>
  <si>
    <t>12/20/2019 07:55:14</t>
  </si>
  <si>
    <t>12/20/2019 07:57:14</t>
  </si>
  <si>
    <t>12/20/2019 07:54:49</t>
  </si>
  <si>
    <t>12/20/2019 07:56:30</t>
  </si>
  <si>
    <t>12/20/2019 07:57:07</t>
  </si>
  <si>
    <t>mail.google.com/_/upload?authuser=0&amp;dcp=asu-n&amp;upload_id=AEnB2UrDnwnZlKPyV2n7C1IQK50aE-DZ0jjswut82qMS1W_RTTp4EsX1PXeH92lJtYqDfrDo6V5j9YWMY38UEVfVelG1rkyR0xBYGZQu7_02Uwb02CkOJPA&amp;upload_protocol=resumable</t>
  </si>
  <si>
    <t>12/20/2019 07:56:22</t>
  </si>
  <si>
    <t>d66dbb41-5b59-4544-aa2a-62ea372a9915.tmp</t>
  </si>
  <si>
    <t>\\acsfs\profiles$\ERICALSR\Downloads\d66dbb41-5b59-4544-aa2a-62ea372a9915.tmp</t>
  </si>
  <si>
    <t>12/20/2019 08:00:42</t>
  </si>
  <si>
    <t>12/20/2019 07:57:56</t>
  </si>
  <si>
    <t>12/20/2019 07:55:33</t>
  </si>
  <si>
    <t>12/20/2019 07:57:59</t>
  </si>
  <si>
    <t>bbb30e01-669c-4f91-8eed-e0aa4e8cc5d4.tmp</t>
  </si>
  <si>
    <t>\\acsfs\profiles$\adrielyas\Downloads\bbb30e01-669c-4f91-8eed-e0aa4e8cc5d4.tmp</t>
  </si>
  <si>
    <t>12/20/2019 07:59:05</t>
  </si>
  <si>
    <t>199a8e57-b714-464e-b6b3-02a01d650c84.tmp</t>
  </si>
  <si>
    <t>\\acsfs\profiles$\adrielyas\Downloads\199a8e57-b714-464e-b6b3-02a01d650c84.tmp</t>
  </si>
  <si>
    <t>12/20/2019 08:00:17</t>
  </si>
  <si>
    <t>12/20/2019 08:01:42</t>
  </si>
  <si>
    <t>654559b9-6a54-4239-890a-f97ab94c79f2.tmp</t>
  </si>
  <si>
    <t>\\acsfs\profiles$\deborahsi\Downloads\654559b9-6a54-4239-890a-f97ab94c79f2.tmp</t>
  </si>
  <si>
    <t>12/20/2019 07:57:13</t>
  </si>
  <si>
    <t>d1eb32e2-cbd1-438a-9bfc-81689eabe431.tmp</t>
  </si>
  <si>
    <t>\\acsfs\profiles$\paulovadc\Downloads\d1eb32e2-cbd1-438a-9bfc-81689eabe431.tmp</t>
  </si>
  <si>
    <t>12/20/2019 07:58:10</t>
  </si>
  <si>
    <t>6e962bb5-d922-4091-8cd7-f38ae6de31f2.tmp</t>
  </si>
  <si>
    <t>\\acsfs\profiles$\paulovadc\Downloads\6e962bb5-d922-4091-8cd7-f38ae6de31f2.tmp</t>
  </si>
  <si>
    <t>12/20/2019 07:59:59</t>
  </si>
  <si>
    <t>12/20/2019 08:02:42</t>
  </si>
  <si>
    <t>12/20/2019 08:00:05</t>
  </si>
  <si>
    <t>12/20/2019 08:00:06</t>
  </si>
  <si>
    <t>12/20/2019 08:00:07</t>
  </si>
  <si>
    <t>12/20/2019 08:00:08</t>
  </si>
  <si>
    <t>12/20/2019 08:00:09</t>
  </si>
  <si>
    <t>12/20/2019 08:00:10</t>
  </si>
  <si>
    <t>12/20/2019 08:00:11</t>
  </si>
  <si>
    <t>12/20/2019 08:00:12</t>
  </si>
  <si>
    <t>12/20/2019 08:00:13</t>
  </si>
  <si>
    <t>12/20/2019 08:00:14</t>
  </si>
  <si>
    <t>12/20/2019 08:00:15</t>
  </si>
  <si>
    <t>12/20/2019 08:00:16</t>
  </si>
  <si>
    <t>12/20/2019 08:00:18</t>
  </si>
  <si>
    <t>12/20/2019 08:00:19</t>
  </si>
  <si>
    <t>12/20/2019 08:00:20</t>
  </si>
  <si>
    <t>12/20/2019 08:00:21</t>
  </si>
  <si>
    <t>12/20/2019 08:00:22</t>
  </si>
  <si>
    <t>12/20/2019 08:00:23</t>
  </si>
  <si>
    <t>12/20/2019 08:00:24</t>
  </si>
  <si>
    <t>12/20/2019 08:00:25</t>
  </si>
  <si>
    <t>12/20/2019 08:00:26</t>
  </si>
  <si>
    <t>12/20/2019 08:00:27</t>
  </si>
  <si>
    <t>12/20/2019 08:00:28</t>
  </si>
  <si>
    <t>12/20/2019 08:00:29</t>
  </si>
  <si>
    <t>12/20/2019 08:01:44</t>
  </si>
  <si>
    <t>12/20/2019 08:04:41</t>
  </si>
  <si>
    <t>7f2fc0ad-d87e-4930-8b5c-ef511ad1bb4e.tmp</t>
  </si>
  <si>
    <t>\\acsfs\profiles$\quindaizaagds\Downloads\7f2fc0ad-d87e-4930-8b5c-ef511ad1bb4e.tmp</t>
  </si>
  <si>
    <t>12/20/2019 08:02:17</t>
  </si>
  <si>
    <t>79d54144-80a3-4586-94b8-f5a3d7e45593.tmp</t>
  </si>
  <si>
    <t>\\acsfs\profiles$\quindaizaagds\Downloads\79d54144-80a3-4586-94b8-f5a3d7e45593.tmp</t>
  </si>
  <si>
    <t>12/20/2019 08:01:14</t>
  </si>
  <si>
    <t>12/20/2019 08:03:30</t>
  </si>
  <si>
    <t>2bbdf9ec-090f-41fa-a08b-32588b71ce6c.tmp</t>
  </si>
  <si>
    <t>\\acsfs\profiles$\quindaizaagds\Downloads\2bbdf9ec-090f-41fa-a08b-32588b71ce6c.tmp</t>
  </si>
  <si>
    <t>12/20/2019 08:03:14</t>
  </si>
  <si>
    <t>12/20/2019 07:59:47</t>
  </si>
  <si>
    <t>12/20/2019 08:00:48</t>
  </si>
  <si>
    <t>mail.google.com/_/upload?authuser=0&amp;dcp=asu-n&amp;upload_id=AEnB2Up-jhZPBLrozmG9FifOovuL_YR61wpQN8W_JWwKuHZQAqlUAHaFH2HeMjnmT2yx8ULp5-LbxdwwS6fdggzMN3A6wDWYn70ZWeNXgOHVQIKtlkJn-w4&amp;upload_protocol=resumable</t>
  </si>
  <si>
    <t>12/20/2019 08:05:42</t>
  </si>
  <si>
    <t>12/20/2019 08:01:04</t>
  </si>
  <si>
    <t>db1eb544-8d90-4f7f-baea-c8c8ea3b8262.tmp</t>
  </si>
  <si>
    <t>\\acsfs\profiles$\marcellewdl\Downloads\db1eb544-8d90-4f7f-baea-c8c8ea3b8262.tmp</t>
  </si>
  <si>
    <t>12/20/2019 08:02:32</t>
  </si>
  <si>
    <t>12/20/2019 08:03:47</t>
  </si>
  <si>
    <t>0ff24047-c038-4ac2-9e0a-35dce3c0d1e1.tmp</t>
  </si>
  <si>
    <t>\\acsfs\profiles$\marcellewdl\Downloads\0ff24047-c038-4ac2-9e0a-35dce3c0d1e1.tmp</t>
  </si>
  <si>
    <t>12/20/2019 08:04:13</t>
  </si>
  <si>
    <t>b0213888-7749-437e-a789-ee3629e0d9df.tmp</t>
  </si>
  <si>
    <t>\\acsfs\profiles$\nathaliadf\Downloads\b0213888-7749-437e-a789-ee3629e0d9df.tmp</t>
  </si>
  <si>
    <t>12/20/2019 08:01:31</t>
  </si>
  <si>
    <t>12/20/2019 08:06:41</t>
  </si>
  <si>
    <t>008f5bc0-3844-478c-bb59-503b1b5b4302.tmp</t>
  </si>
  <si>
    <t>\\acsfs\profiles$\deborahsi\Downloads\008f5bc0-3844-478c-bb59-503b1b5b4302.tmp</t>
  </si>
  <si>
    <t>12/20/2019 08:03:55</t>
  </si>
  <si>
    <t>6e488b8a-8f95-464c-985c-cb7eab11e51f.tmp</t>
  </si>
  <si>
    <t>\\acsfs\profiles$\valeriasda\Downloads\6e488b8a-8f95-464c-985c-cb7eab11e51f.tmp</t>
  </si>
  <si>
    <t>12/20/2019 08:04:02</t>
  </si>
  <si>
    <t>93d7552a-82b5-4640-815f-ad5899ce79bf.tmp</t>
  </si>
  <si>
    <t>\\acsfs\profiles$\valeriasda\Downloads\93d7552a-82b5-4640-815f-ad5899ce79bf.tmp</t>
  </si>
  <si>
    <t>12/20/2019 08:02:16</t>
  </si>
  <si>
    <t>12/20/2019 08:05:37</t>
  </si>
  <si>
    <t>12/20/2019 08:08:41</t>
  </si>
  <si>
    <t>12/20/2019 08:06:05</t>
  </si>
  <si>
    <t>12/20/2019 08:09:41</t>
  </si>
  <si>
    <t>\\acsfs\profiles$\leticiaat\My Documents\xworkcenter\logs\</t>
  </si>
  <si>
    <t>XLOG_leticiaat_20122019_080556.log</t>
  </si>
  <si>
    <t>\\acsfs\profiles$\leticiaat\My Documents\xworkcenter\logs\XLOG_leticiaat_20122019_080556.log</t>
  </si>
  <si>
    <t>12/20/2019 08:04:20</t>
  </si>
  <si>
    <t>2d3679d8-ce18-45f2-9ff5-8abec6a4b36f.tmp</t>
  </si>
  <si>
    <t>\\acsfs\profiles$\quindaizaagds\Downloads\2d3679d8-ce18-45f2-9ff5-8abec6a4b36f.tmp</t>
  </si>
  <si>
    <t>12/20/2019 08:07:14</t>
  </si>
  <si>
    <t>12/20/2019 08:04:21</t>
  </si>
  <si>
    <t>13350b04-905b-4162-bf3a-2b520b5c6e34.tmp</t>
  </si>
  <si>
    <t>\\acsfs\profiles$\quindaizaagds\Downloads\13350b04-905b-4162-bf3a-2b520b5c6e34.tmp</t>
  </si>
  <si>
    <t>12/20/2019 08:04:39</t>
  </si>
  <si>
    <t>00e7bf30-4bbc-49e6-8aec-ca54547898b3.tmp</t>
  </si>
  <si>
    <t>\\acsfs\profiles$\quindaizaagds\Downloads\00e7bf30-4bbc-49e6-8aec-ca54547898b3.tmp</t>
  </si>
  <si>
    <t>12/20/2019 08:06:55</t>
  </si>
  <si>
    <t>c4c9acb1-3c31-4a9e-9b56-480588c0999a.tmp</t>
  </si>
  <si>
    <t>\\acsfs\profiles$\quindaizaagds\Downloads\c4c9acb1-3c31-4a9e-9b56-480588c0999a.tmp</t>
  </si>
  <si>
    <t>12/20/2019 08:05:48</t>
  </si>
  <si>
    <t>12/20/2019 08:06:47</t>
  </si>
  <si>
    <t>12/20/2019 08:04:49</t>
  </si>
  <si>
    <t>CINTIA DA COSTA FERREIRA_1_6765498017353119270_1_32.wav</t>
  </si>
  <si>
    <t>\\acsfs\DEPTOS\EDUCACAO EMPRESARIAL\Ligações 2º ciclo - Késia\CINTIA DA COSTA FERREIRA_1_6765498017353119270_1_32.wav</t>
  </si>
  <si>
    <t>12/20/2019 08:05:31</t>
  </si>
  <si>
    <t>CINTIA DE JESUS LIMA_1_6766732575637575828_1_32.wav</t>
  </si>
  <si>
    <t>\\acsfs\DEPTOS\EDUCACAO EMPRESARIAL\Ligações 2º ciclo - Késia\CINTIA DE JESUS LIMA_1_6766732575637575828_1_32.wav</t>
  </si>
  <si>
    <t>12/20/2019 08:07:13</t>
  </si>
  <si>
    <t>CLAUDIA JANAINA CELESTE DE ANDRADE_1_6766196048322957084_1_32.wav</t>
  </si>
  <si>
    <t>\\acsfs\DEPTOS\EDUCACAO EMPRESARIAL\Ligações 2º ciclo - Késia\CLAUDIA JANAINA CELESTE DE ANDRADE_1_6766196048322957084_1_32.wav</t>
  </si>
  <si>
    <t>12/20/2019 08:08:08</t>
  </si>
  <si>
    <t>DALVA DE FATIMA BRAGA_1_6765841455823008857_1_32.wav</t>
  </si>
  <si>
    <t>\\acsfs\DEPTOS\EDUCACAO EMPRESARIAL\Ligações 2º ciclo - Késia\DALVA DE FATIMA BRAGA_1_6765841455823008857_1_32.wav</t>
  </si>
  <si>
    <t>12/20/2019 08:10:41</t>
  </si>
  <si>
    <t>12/20/2019 08:10:37</t>
  </si>
  <si>
    <t>12/20/2019 08:11:41</t>
  </si>
  <si>
    <t>f2abea4f-c3ac-4e11-8f13-c54dc33d8648.tmp</t>
  </si>
  <si>
    <t>\\acsfs\profiles$\deborahsi\Downloads\f2abea4f-c3ac-4e11-8f13-c54dc33d8648.tmp</t>
  </si>
  <si>
    <t>12/20/2019 08:06:26</t>
  </si>
  <si>
    <t>7e1c428e-9a6f-4182-9e8d-1d91c3bc9361.tmp</t>
  </si>
  <si>
    <t>\\acsfs\profiles$\valeriasda\Downloads\7e1c428e-9a6f-4182-9e8d-1d91c3bc9361.tmp</t>
  </si>
  <si>
    <t>12/20/2019 08:11:10</t>
  </si>
  <si>
    <t>12/20/2019 08:09:07</t>
  </si>
  <si>
    <t>12/20/2019 08:12:42</t>
  </si>
  <si>
    <t>12/20/2019 08:08:55</t>
  </si>
  <si>
    <t>\\acsfs\profiles$\nataliacsl\My Documents\My Pictures\</t>
  </si>
  <si>
    <t>\\acsfs\profiles$\nataliacsl\My Documents\My Videos\desktop.ini</t>
  </si>
  <si>
    <t>12/20/2019 08:08:58</t>
  </si>
  <si>
    <t>\\acsfs\profiles$\nataliacsl\My Documents\My Videos\</t>
  </si>
  <si>
    <t>12/20/2019 08:08:59</t>
  </si>
  <si>
    <t>12/20/2019 08:09:01</t>
  </si>
  <si>
    <t>12/20/2019 08:09:02</t>
  </si>
  <si>
    <t>12/20/2019 08:09:04</t>
  </si>
  <si>
    <t>\\acsfs\profiles$\nataliacsl\My Documents\My Music\</t>
  </si>
  <si>
    <t>\\acsfs\profiles$\nataliacsl\My Documents\My Pictures\desktop.ini</t>
  </si>
  <si>
    <t>12/20/2019 08:09:06</t>
  </si>
  <si>
    <t>12/20/2019 08:09:09</t>
  </si>
  <si>
    <t>12/20/2019 08:09:10</t>
  </si>
  <si>
    <t>12/20/2019 08:09:11</t>
  </si>
  <si>
    <t>\\acsfs\profiles$\nataliacsl\Contacts\</t>
  </si>
  <si>
    <t>\\acsfs\profiles$\nataliacsl\Contacts\desktop.ini</t>
  </si>
  <si>
    <t>12/20/2019 08:09:12</t>
  </si>
  <si>
    <t>12/20/2019 08:09:13</t>
  </si>
  <si>
    <t>12/20/2019 08:09:14</t>
  </si>
  <si>
    <t>12/20/2019 08:09:15</t>
  </si>
  <si>
    <t>12/20/2019 08:09:16</t>
  </si>
  <si>
    <t>12/20/2019 08:09:18</t>
  </si>
  <si>
    <t>\\acsfs\profiles$\nataliacsl\My Documents\</t>
  </si>
  <si>
    <t>\\acsfs\profiles$\nataliacsl\Favorites\desktop.ini</t>
  </si>
  <si>
    <t>12/20/2019 08:09:19</t>
  </si>
  <si>
    <t>12/20/2019 08:09:20</t>
  </si>
  <si>
    <t>12/20/2019 08:09:21</t>
  </si>
  <si>
    <t>12/20/2019 08:09:23</t>
  </si>
  <si>
    <t>12/20/2019 08:09:24</t>
  </si>
  <si>
    <t>12/20/2019 08:09:25</t>
  </si>
  <si>
    <t>\\acsfs\profiles$\nataliacsl\My Documents\My Music\desktop.ini</t>
  </si>
  <si>
    <t>12/20/2019 08:09:27</t>
  </si>
  <si>
    <t>12/20/2019 08:09:28</t>
  </si>
  <si>
    <t>12/20/2019 08:09:29</t>
  </si>
  <si>
    <t>12/20/2019 08:09:32</t>
  </si>
  <si>
    <t>\\acsfs\profiles$\nataliacsl\Searches\</t>
  </si>
  <si>
    <t>\\acsfs\profiles$\nataliacsl\Searches\desktop.ini</t>
  </si>
  <si>
    <t>12/20/2019 08:09:33</t>
  </si>
  <si>
    <t>12/20/2019 08:09:34</t>
  </si>
  <si>
    <t>12/20/2019 08:09:35</t>
  </si>
  <si>
    <t>12/20/2019 08:09:39</t>
  </si>
  <si>
    <t>12/20/2019 08:09:40</t>
  </si>
  <si>
    <t>\\acsfs\profiles$\nataliacsl\Downloads\desktop.ini</t>
  </si>
  <si>
    <t>12/20/2019 08:09:42</t>
  </si>
  <si>
    <t>\\acsfs\profiles$\nataliacsl\Favorites\</t>
  </si>
  <si>
    <t>\\acsfs\profiles$\nataliacsl\My Documents\desktop.ini</t>
  </si>
  <si>
    <t>12/20/2019 08:09:44</t>
  </si>
  <si>
    <t>12/20/2019 08:09:45</t>
  </si>
  <si>
    <t>12/20/2019 08:09:46</t>
  </si>
  <si>
    <t>12/20/2019 08:09:47</t>
  </si>
  <si>
    <t>12/20/2019 08:09:48</t>
  </si>
  <si>
    <t>12/20/2019 08:09:49</t>
  </si>
  <si>
    <t>\\acsfs\profiles$\nataliacsl\Saved Games\desktop.ini</t>
  </si>
  <si>
    <t>12/20/2019 08:09:51</t>
  </si>
  <si>
    <t>12/20/2019 08:10:15</t>
  </si>
  <si>
    <t>winrt--{S-1-5-21-602162358-764733703-839522115-332498}-.searchconnector-ms</t>
  </si>
  <si>
    <t>\\acsfs\profiles$\nataliacsl\Searches\winrt--{S-1-5-21-602162358-764733703-839522115-332498}-.searchconnector-ms</t>
  </si>
  <si>
    <t>12/20/2019 08:14:43</t>
  </si>
  <si>
    <t>12/20/2019 08:13:15</t>
  </si>
  <si>
    <t>12/20/2019 08:11:47</t>
  </si>
  <si>
    <t>12/20/2019 08:12:47</t>
  </si>
  <si>
    <t>DANIEL MARINHO LIMA DA SILVA_1_6766648201005041571_1_32.wav</t>
  </si>
  <si>
    <t>\\acsfs\DEPTOS\EDUCACAO EMPRESARIAL\Ligações 2º ciclo - Késia\DANIEL MARINHO LIMA DA SILVA_1_6766648201005041571_1_32.wav</t>
  </si>
  <si>
    <t>12/20/2019 08:15:42</t>
  </si>
  <si>
    <t>12/20/2019 08:10:40</t>
  </si>
  <si>
    <t>12/19/2019 21:21:23</t>
  </si>
  <si>
    <t>Cronograma Macro LGPD_v18.3 (Alessandro).xlsx</t>
  </si>
  <si>
    <t>12/19/2019 22:10:08</t>
  </si>
  <si>
    <t>12/20/2019 08:13:29</t>
  </si>
  <si>
    <t>0c24af79-4cfb-49d4-9f42-931f4527e640.tmp</t>
  </si>
  <si>
    <t>\\acsfs\profiles$\geovannasm\Downloads\0c24af79-4cfb-49d4-9f42-931f4527e640.tmp</t>
  </si>
  <si>
    <t>12/20/2019 08:14:51</t>
  </si>
  <si>
    <t>27cd07b2-4e4e-4933-baa4-f1a10eb5f1c4.tmp</t>
  </si>
  <si>
    <t>\\acsfs\profiles$\geovannasm\Downloads\27cd07b2-4e4e-4933-baa4-f1a10eb5f1c4.tmp</t>
  </si>
  <si>
    <t>12/20/2019 08:11:19</t>
  </si>
  <si>
    <t>12/20/2019 08:16:42</t>
  </si>
  <si>
    <t>994a823e-4f63-46fc-818f-61c2b637a9e4.tmp</t>
  </si>
  <si>
    <t>\\acsfs\profiles$\deborahsi\Downloads\994a823e-4f63-46fc-818f-61c2b637a9e4.tmp</t>
  </si>
  <si>
    <t>12/20/2019 08:13:00</t>
  </si>
  <si>
    <t>544e8446-5df3-4410-9e57-2b3156d778a9.tmp</t>
  </si>
  <si>
    <t>\\acsfs\profiles$\paulovadc\Downloads\544e8446-5df3-4410-9e57-2b3156d778a9.tmp</t>
  </si>
  <si>
    <t>12/20/2019 08:11:52</t>
  </si>
  <si>
    <t>12/20/2019 08:11:53</t>
  </si>
  <si>
    <t>12/20/2019 08:15:02</t>
  </si>
  <si>
    <t>12/20/2019 08:17:42</t>
  </si>
  <si>
    <t>12/20/2019 08:18:09</t>
  </si>
  <si>
    <t>12/20/2019 08:18:42</t>
  </si>
  <si>
    <t>12/20/2019 08:18:10</t>
  </si>
  <si>
    <t>12/20/2019 08:18:11</t>
  </si>
  <si>
    <t>12/20/2019 08:18:12</t>
  </si>
  <si>
    <t>12/20/2019 08:17:49</t>
  </si>
  <si>
    <t>12/20/2019 08:18:06</t>
  </si>
  <si>
    <t>https://udpmailboxap01.acs.com.br:8443/h/search;jsessionid=gu3oszx6zmsh1bmq87bbt4sd2?si=0&amp;so=0&amp;sc=49836&amp;st=conversation&amp;action=compose</t>
  </si>
  <si>
    <t>12/20/2019 08:18:36</t>
  </si>
  <si>
    <t>12/20/2019 08:15:15</t>
  </si>
  <si>
    <t>12/20/2019 08:19:42</t>
  </si>
  <si>
    <t>12/20/2019 08:17:47</t>
  </si>
  <si>
    <t>12/20/2019 08:18:47</t>
  </si>
  <si>
    <t>12/20/2019 08:20:42</t>
  </si>
  <si>
    <t>12/20/2019 08:16:38</t>
  </si>
  <si>
    <t>dca85292-8133-41e3-8073-94aebb8d44e0.tmp</t>
  </si>
  <si>
    <t>\\acsfs\profiles$\geovannasm\Downloads\dca85292-8133-41e3-8073-94aebb8d44e0.tmp</t>
  </si>
  <si>
    <t>12/20/2019 08:16:59</t>
  </si>
  <si>
    <t>87d005dd-3d01-47a4-8400-a4014ef758cb.tmp</t>
  </si>
  <si>
    <t>\\acsfs\profiles$\geovannasm\Downloads\87d005dd-3d01-47a4-8400-a4014ef758cb.tmp</t>
  </si>
  <si>
    <t>12/20/2019 08:16:40</t>
  </si>
  <si>
    <t>0816a5a9-5e55-41e0-87d3-69e236788d26.tmp</t>
  </si>
  <si>
    <t>\\acsfs\profiles$\milenaas\Downloads\0816a5a9-5e55-41e0-87d3-69e236788d26.tmp</t>
  </si>
  <si>
    <t>12/20/2019 08:18:23</t>
  </si>
  <si>
    <t>8f9af682-1c9c-4b90-983d-fb42f6e21aff.tmp</t>
  </si>
  <si>
    <t>\\acsfs\profiles$\milenaas\Downloads\8f9af682-1c9c-4b90-983d-fb42f6e21aff.tmp</t>
  </si>
  <si>
    <t>12/20/2019 08:19:18</t>
  </si>
  <si>
    <t>9ea02134-2826-42f5-abd4-5228b0d023ca.tmp</t>
  </si>
  <si>
    <t>\\acsfs\profiles$\milenaas\Downloads\9ea02134-2826-42f5-abd4-5228b0d023ca.tmp</t>
  </si>
  <si>
    <t>12/20/2019 08:20:14</t>
  </si>
  <si>
    <t>85479026-1d4c-4a94-ac5a-1bb444bb8b40.tmp</t>
  </si>
  <si>
    <t>\\acsfs\profiles$\milenaas\Downloads\85479026-1d4c-4a94-ac5a-1bb444bb8b40.tmp</t>
  </si>
  <si>
    <t>12/20/2019 08:19:03</t>
  </si>
  <si>
    <t>12/20/2019 08:21:42</t>
  </si>
  <si>
    <t>a0a3e5bb-b354-4b78-b044-7e03aa3dddbb.tmp</t>
  </si>
  <si>
    <t>\\acsfs\profiles$\valeriasda\Downloads\a0a3e5bb-b354-4b78-b044-7e03aa3dddbb.tmp</t>
  </si>
  <si>
    <t>12/20/2019 08:19:08</t>
  </si>
  <si>
    <t>12/20/2019 08:19:09</t>
  </si>
  <si>
    <t>12/20/2019 08:19:10</t>
  </si>
  <si>
    <t>12/20/2019 08:19:11</t>
  </si>
  <si>
    <t>12/20/2019 08:19:12</t>
  </si>
  <si>
    <t>12/20/2019 08:19:13</t>
  </si>
  <si>
    <t>12/20/2019 08:19:14</t>
  </si>
  <si>
    <t>12/20/2019 08:19:15</t>
  </si>
  <si>
    <t>12/20/2019 08:19:16</t>
  </si>
  <si>
    <t>12/20/2019 08:19:17</t>
  </si>
  <si>
    <t>12/20/2019 08:19:19</t>
  </si>
  <si>
    <t>12/20/2019 08:19:20</t>
  </si>
  <si>
    <t>12/20/2019 08:19:21</t>
  </si>
  <si>
    <t>12/20/2019 08:19:22</t>
  </si>
  <si>
    <t>12/20/2019 08:19:23</t>
  </si>
  <si>
    <t>12/20/2019 08:19:24</t>
  </si>
  <si>
    <t>12/20/2019 08:19:25</t>
  </si>
  <si>
    <t>12/20/2019 08:19:26</t>
  </si>
  <si>
    <t>12/20/2019 08:19:27</t>
  </si>
  <si>
    <t>12/20/2019 08:19:28</t>
  </si>
  <si>
    <t>12/20/2019 08:19:29</t>
  </si>
  <si>
    <t>12/20/2019 08:20:22</t>
  </si>
  <si>
    <t>12/20/2019 08:22:42</t>
  </si>
  <si>
    <t>12/20/2019 08:23:42</t>
  </si>
  <si>
    <t>12/20/2019 08:18:13</t>
  </si>
  <si>
    <t>12/20/2019 08:18:14</t>
  </si>
  <si>
    <t>12/20/2019 08:18:15</t>
  </si>
  <si>
    <t>12/20/2019 08:18:16</t>
  </si>
  <si>
    <t>12/20/2019 08:18:17</t>
  </si>
  <si>
    <t>12/20/2019 08:18:18</t>
  </si>
  <si>
    <t>12/20/2019 08:18:19</t>
  </si>
  <si>
    <t>12/20/2019 08:18:20</t>
  </si>
  <si>
    <t>12/20/2019 08:18:21</t>
  </si>
  <si>
    <t>12/20/2019 08:18:22</t>
  </si>
  <si>
    <t>12/20/2019 08:21:11</t>
  </si>
  <si>
    <t>12/20/2019 08:19:06</t>
  </si>
  <si>
    <t>12/20/2019 08:24:42</t>
  </si>
  <si>
    <t>12/20/2019 08:21:15</t>
  </si>
  <si>
    <t>12/20/2019 08:22:09</t>
  </si>
  <si>
    <t>12/20/2019 08:22:10</t>
  </si>
  <si>
    <t>12/20/2019 08:22:12</t>
  </si>
  <si>
    <t>12/20/2019 08:22:13</t>
  </si>
  <si>
    <t>12/20/2019 08:22:15</t>
  </si>
  <si>
    <t>12/20/2019 08:22:16</t>
  </si>
  <si>
    <t>12/20/2019 08:22:20</t>
  </si>
  <si>
    <t>12/20/2019 08:22:25</t>
  </si>
  <si>
    <t>12/20/2019 08:22:28</t>
  </si>
  <si>
    <t>12/20/2019 08:22:29</t>
  </si>
  <si>
    <t>12/20/2019 08:22:30</t>
  </si>
  <si>
    <t>12/20/2019 08:22:31</t>
  </si>
  <si>
    <t>12/20/2019 08:22:40</t>
  </si>
  <si>
    <t>12/20/2019 08:22:41</t>
  </si>
  <si>
    <t>12/20/2019 08:22:43</t>
  </si>
  <si>
    <t>12/20/2019 08:22:45</t>
  </si>
  <si>
    <t>12/20/2019 08:22:49</t>
  </si>
  <si>
    <t>12/20/2019 08:22:50</t>
  </si>
  <si>
    <t>12/20/2019 08:22:54</t>
  </si>
  <si>
    <t>12/20/2019 08:22:56</t>
  </si>
  <si>
    <t>12/20/2019 08:22:58</t>
  </si>
  <si>
    <t>12/20/2019 08:25:42</t>
  </si>
  <si>
    <t>12/20/2019 08:21:01</t>
  </si>
  <si>
    <t>C:\A2\PAULAO\TREINAMENTO\</t>
  </si>
  <si>
    <t>TREIANMENTOS REALIZADOS.xlsx</t>
  </si>
  <si>
    <t>12/20/2019 08:23:01</t>
  </si>
  <si>
    <t>71194335-9dc4-4b7a-a227-06be2d89b697.tmp</t>
  </si>
  <si>
    <t>\\acsfs\profiles$\ayalabfi\Downloads\71194335-9dc4-4b7a-a227-06be2d89b697.tmp</t>
  </si>
  <si>
    <t>12/20/2019 08:23:07</t>
  </si>
  <si>
    <t>70ca814e-cfa5-4fce-8ce4-eb424963bf18.tmp</t>
  </si>
  <si>
    <t>\\acsfs\profiles$\ayalabfi\Downloads\70ca814e-cfa5-4fce-8ce4-eb424963bf18.tmp</t>
  </si>
  <si>
    <t>12/20/2019 08:23:08</t>
  </si>
  <si>
    <t>df49a8f8-a249-41ef-b326-e244a9eb8ef3.tmp</t>
  </si>
  <si>
    <t>\\acsfs\profiles$\ayalabfi\Downloads\df49a8f8-a249-41ef-b326-e244a9eb8ef3.tmp</t>
  </si>
  <si>
    <t>12/20/2019 08:23:09</t>
  </si>
  <si>
    <t>c5cbba20-93ed-4c2f-87e1-adee96922df3.tmp</t>
  </si>
  <si>
    <t>\\acsfs\profiles$\ayalabfi\Downloads\c5cbba20-93ed-4c2f-87e1-adee96922df3.tmp</t>
  </si>
  <si>
    <t>12/20/2019 08:24:18</t>
  </si>
  <si>
    <t>22bac179-8431-4af9-abb9-86aa07582301.tmp</t>
  </si>
  <si>
    <t>\\acsfs\profiles$\ayalabfi\Downloads\22bac179-8431-4af9-abb9-86aa07582301.tmp</t>
  </si>
  <si>
    <t>12/20/2019 08:23:26</t>
  </si>
  <si>
    <t>12/20/2019 08:27:42</t>
  </si>
  <si>
    <t>12/20/2019 08:23:18</t>
  </si>
  <si>
    <t>12/20/2019 08:28:42</t>
  </si>
  <si>
    <t>12/20/2019 08:25:06</t>
  </si>
  <si>
    <t>12/20/2019 08:25:15</t>
  </si>
  <si>
    <t>12/20/2019 08:29:42</t>
  </si>
  <si>
    <t>12/20/2019 08:27:15</t>
  </si>
  <si>
    <t>12/20/2019 08:28:32</t>
  </si>
  <si>
    <t>12/20/2019 08:26:59</t>
  </si>
  <si>
    <t>12/20/2019 08:26:02</t>
  </si>
  <si>
    <t>12/20/2019 08:26:03</t>
  </si>
  <si>
    <t>12/20/2019 08:26:04</t>
  </si>
  <si>
    <t>12/20/2019 08:26:05</t>
  </si>
  <si>
    <t>12/20/2019 08:26:06</t>
  </si>
  <si>
    <t>12/20/2019 08:26:07</t>
  </si>
  <si>
    <t>12/20/2019 08:26:08</t>
  </si>
  <si>
    <t>12/20/2019 08:26:09</t>
  </si>
  <si>
    <t>12/20/2019 08:26:10</t>
  </si>
  <si>
    <t>12/20/2019 08:26:11</t>
  </si>
  <si>
    <t>12/20/2019 08:26:12</t>
  </si>
  <si>
    <t>12/20/2019 08:26:13</t>
  </si>
  <si>
    <t>12/20/2019 08:26:14</t>
  </si>
  <si>
    <t>12/20/2019 08:26:15</t>
  </si>
  <si>
    <t>12/20/2019 08:26:16</t>
  </si>
  <si>
    <t>12/20/2019 08:26:17</t>
  </si>
  <si>
    <t>12/20/2019 08:26:18</t>
  </si>
  <si>
    <t>12/20/2019 08:26:19</t>
  </si>
  <si>
    <t>12/20/2019 08:26:20</t>
  </si>
  <si>
    <t>12/20/2019 08:26:21</t>
  </si>
  <si>
    <t>12/20/2019 08:26:22</t>
  </si>
  <si>
    <t>12/20/2019 08:26:23</t>
  </si>
  <si>
    <t>12/20/2019 08:26:24</t>
  </si>
  <si>
    <t>12/20/2019 08:26:25</t>
  </si>
  <si>
    <t>12/20/2019 08:26:26</t>
  </si>
  <si>
    <t>12/20/2019 08:26:27</t>
  </si>
  <si>
    <t>12/20/2019 08:26:28</t>
  </si>
  <si>
    <t>12/20/2019 08:26:29</t>
  </si>
  <si>
    <t>12/20/2019 08:26:30</t>
  </si>
  <si>
    <t>12/20/2019 08:25:43</t>
  </si>
  <si>
    <t>039b1d3c-8b1d-4305-8dc4-6ab51306d7a9.tmp</t>
  </si>
  <si>
    <t>\\acsfs\profiles$\laianear\Downloads\039b1d3c-8b1d-4305-8dc4-6ab51306d7a9.tmp</t>
  </si>
  <si>
    <t>12/20/2019 08:25:51</t>
  </si>
  <si>
    <t>c832436b-07d6-45ad-b2ec-c08dea1205fb.tmp</t>
  </si>
  <si>
    <t>\\acsfs\profiles$\laianear\Downloads\c832436b-07d6-45ad-b2ec-c08dea1205fb.tmp</t>
  </si>
  <si>
    <t>12/20/2019 08:25:57</t>
  </si>
  <si>
    <t>4b0ac4c2-ad86-4381-afe0-b2ff11f0a3d5.tmp</t>
  </si>
  <si>
    <t>\\acsfs\profiles$\laianear\Downloads\4b0ac4c2-ad86-4381-afe0-b2ff11f0a3d5.tmp</t>
  </si>
  <si>
    <t>c1b3abd7-80e7-4bc5-935f-78eb9091b792.tmp</t>
  </si>
  <si>
    <t>\\acsfs\profiles$\laianear\Downloads\c1b3abd7-80e7-4bc5-935f-78eb9091b792.tmp</t>
  </si>
  <si>
    <t>12/20/2019 08:30:42</t>
  </si>
  <si>
    <t>12/20/2019 08:25:53</t>
  </si>
  <si>
    <t>d6c2f2fe-fc1e-45da-8a89-97a2e3696e9c.tmp</t>
  </si>
  <si>
    <t>\\acsfs\profiles$\ayalabfi\Downloads\d6c2f2fe-fc1e-45da-8a89-97a2e3696e9c.tmp</t>
  </si>
  <si>
    <t>12/20/2019 08:28:17</t>
  </si>
  <si>
    <t>3021c8fd-e680-4780-921c-faa3826780eb.tmp</t>
  </si>
  <si>
    <t>\\acsfs\profiles$\ayalabfi\Downloads\3021c8fd-e680-4780-921c-faa3826780eb.tmp</t>
  </si>
  <si>
    <t>12/20/2019 08:25:49</t>
  </si>
  <si>
    <t>12/20/2019 08:25:50</t>
  </si>
  <si>
    <t>12/20/2019 08:25:52</t>
  </si>
  <si>
    <t>12/20/2019 08:25:54</t>
  </si>
  <si>
    <t>12/20/2019 08:25:55</t>
  </si>
  <si>
    <t>12/20/2019 08:25:56</t>
  </si>
  <si>
    <t>12/20/2019 08:25:58</t>
  </si>
  <si>
    <t>12/20/2019 08:25:59</t>
  </si>
  <si>
    <t>12/20/2019 08:26:00</t>
  </si>
  <si>
    <t>12/20/2019 08:26:01</t>
  </si>
  <si>
    <t>12/20/2019 08:30:33</t>
  </si>
  <si>
    <t>12/20/2019 08:31:42</t>
  </si>
  <si>
    <t>40910a8b-4056-41bd-9354-2e6d78331eda.tmp</t>
  </si>
  <si>
    <t>\\acsfs\profiles$\deborahsi\Downloads\40910a8b-4056-41bd-9354-2e6d78331eda.tmp</t>
  </si>
  <si>
    <t>12/20/2019 08:28:35</t>
  </si>
  <si>
    <t>12/20/2019 08:32:42</t>
  </si>
  <si>
    <t>12/20/2019 08:28:05</t>
  </si>
  <si>
    <t>12/20/2019 08:31:38</t>
  </si>
  <si>
    <t>257433d0-7419-48e4-a033-c41119e1f7a3.tmp</t>
  </si>
  <si>
    <t>\\acsfs\profiles$\nataliacsl\Downloads\257433d0-7419-48e4-a033-c41119e1f7a3.tmp</t>
  </si>
  <si>
    <t>12/20/2019 08:31:15</t>
  </si>
  <si>
    <t>12/20/2019 08:34:43</t>
  </si>
  <si>
    <t>12/20/2019 08:33:15</t>
  </si>
  <si>
    <t>12/20/2019 08:30:12</t>
  </si>
  <si>
    <t>STAFF ATENDIMENTO POOL</t>
  </si>
  <si>
    <t>10.200.65.65</t>
  </si>
  <si>
    <t>78-2B-CB-C1-06-B2</t>
  </si>
  <si>
    <t>NESPRESSO-AU17</t>
  </si>
  <si>
    <t>tauandambds</t>
  </si>
  <si>
    <t>C:\Thalia\</t>
  </si>
  <si>
    <t>35191260409075047035550050020486461467087867.pdf</t>
  </si>
  <si>
    <t>12/20/2019 08:30:01</t>
  </si>
  <si>
    <t>12/20/2019 08:34:08</t>
  </si>
  <si>
    <t>12/20/2019 08:35:42</t>
  </si>
  <si>
    <t>12/20/2019 08:33:20</t>
  </si>
  <si>
    <t>12/20/2019 08:37:42</t>
  </si>
  <si>
    <t>3c75e54e-dbe9-4c35-8496-2bdd2813d811.tmp</t>
  </si>
  <si>
    <t>\\acsfs\profiles$\larissaad\Downloads\3c75e54e-dbe9-4c35-8496-2bdd2813d811.tmp</t>
  </si>
  <si>
    <t>12/20/2019 08:34:19</t>
  </si>
  <si>
    <t>a2af44fa-cd7f-4509-822d-7338076ae9d4.tmp</t>
  </si>
  <si>
    <t>\\acsfs\profiles$\larissaad\Downloads\a2af44fa-cd7f-4509-822d-7338076ae9d4.tmp</t>
  </si>
  <si>
    <t>12/20/2019 08:34:21</t>
  </si>
  <si>
    <t>5558f11a-cbd2-4d54-8a16-42c3ccf56e9c.tmp</t>
  </si>
  <si>
    <t>\\acsfs\profiles$\larissaad\Downloads\5558f11a-cbd2-4d54-8a16-42c3ccf56e9c.tmp</t>
  </si>
  <si>
    <t>12/20/2019 08:33:32</t>
  </si>
  <si>
    <t>12/20/2019 08:36:48</t>
  </si>
  <si>
    <t>56f9c162-aaaf-4774-969c-42325f1b0063.tmp</t>
  </si>
  <si>
    <t>\\acsfs\profiles$\YASMINSC\Downloads\56f9c162-aaaf-4774-969c-42325f1b0063.tmp</t>
  </si>
  <si>
    <t>12/20/2019 08:35:11</t>
  </si>
  <si>
    <t>d3f21b6c-8c59-4944-ae09-70766e27a8bc.tmp</t>
  </si>
  <si>
    <t>\\acsfs\profiles$\wenderbnm\Downloads\d3f21b6c-8c59-4944-ae09-70766e27a8bc.tmp</t>
  </si>
  <si>
    <t>12/20/2019 08:36:35</t>
  </si>
  <si>
    <t>d64089fc-e59e-49b7-9c63-b0a314747241.tmp</t>
  </si>
  <si>
    <t>\\acsfs\profiles$\wenderbnm\Downloads\d64089fc-e59e-49b7-9c63-b0a314747241.tmp</t>
  </si>
  <si>
    <t>12/20/2019 08:32:43</t>
  </si>
  <si>
    <t>062f7740-16c8-4611-abeb-d2f140083e17.tmp</t>
  </si>
  <si>
    <t>\\acsfs\profiles$\nataliacsl\Downloads\062f7740-16c8-4611-abeb-d2f140083e17.tmp</t>
  </si>
  <si>
    <t>12/20/2019 08:34:06</t>
  </si>
  <si>
    <t>12/20/2019 08:38:43</t>
  </si>
  <si>
    <t>12/20/2019 08:35:36</t>
  </si>
  <si>
    <t>12/20/2019 08:36:06</t>
  </si>
  <si>
    <t>12/20/2019 08:37:15</t>
  </si>
  <si>
    <t>12/20/2019 08:39:42</t>
  </si>
  <si>
    <t>12/20/2019 08:36:16</t>
  </si>
  <si>
    <t>12/20/2019 08:36:55</t>
  </si>
  <si>
    <t>f08cd34c-cf68-4ecd-a49a-22f744edf818.tmp</t>
  </si>
  <si>
    <t>\\acsfs\profiles$\PEDROHAB\Downloads\f08cd34c-cf68-4ecd-a49a-22f744edf818.tmp</t>
  </si>
  <si>
    <t>092715ec-ff00-49e2-a5ce-89c71e0ea6ee.tmp</t>
  </si>
  <si>
    <t>\\acsfs\profiles$\PEDROHAB\Downloads\092715ec-ff00-49e2-a5ce-89c71e0ea6ee.tmp</t>
  </si>
  <si>
    <t>12/20/2019 08:34:26</t>
  </si>
  <si>
    <t>12/20/2019 08:34:32</t>
  </si>
  <si>
    <t>12/20/2019 08:34:46</t>
  </si>
  <si>
    <t>12/20/2019 08:35:51</t>
  </si>
  <si>
    <t>12/20/2019 08:37:52</t>
  </si>
  <si>
    <t>12/20/2019 08:40:42</t>
  </si>
  <si>
    <t>12/20/2019 08:37:14</t>
  </si>
  <si>
    <t>12/20/2019 08:42:42</t>
  </si>
  <si>
    <t>12/20/2019 08:38:17</t>
  </si>
  <si>
    <t>2835f922-9c77-4ad8-b6f8-8cd6e63c4bcc.tmp</t>
  </si>
  <si>
    <t>\\acsfs\profiles$\YASMINSC\Downloads\2835f922-9c77-4ad8-b6f8-8cd6e63c4bcc.tmp</t>
  </si>
  <si>
    <t>12/20/2019 08:40:45</t>
  </si>
  <si>
    <t>10.203.30.53</t>
  </si>
  <si>
    <t>Entrevistas_Acompanhamento.xlsx</t>
  </si>
  <si>
    <t>12/20/2019 08:40:46</t>
  </si>
  <si>
    <t>mail.google.com/_/upload?authuser=1&amp;dcp=asu-n&amp;upload_id=AEnB2Ur0iii1Hjv62rHtOxwiV1bjpL8vg3Iu6rojo07o9lnfFtKRuFoHrwF89fqI-6mZS_eHwsB4760extMh60xcjeB8IqkfWGRY43PsKOtewSgfxANv77Y&amp;upload_protocol=resumable</t>
  </si>
  <si>
    <t>12/20/2019 08:39:09</t>
  </si>
  <si>
    <t>12/20/2019 08:39:06</t>
  </si>
  <si>
    <t>12/20/2019 08:43:42</t>
  </si>
  <si>
    <t>12/20/2019 08:43:36</t>
  </si>
  <si>
    <t>12/20/2019 08:39:15</t>
  </si>
  <si>
    <t>12/20/2019 08:44:42</t>
  </si>
  <si>
    <t>12/20/2019 08:43:15</t>
  </si>
  <si>
    <t>12/20/2019 08:40:33</t>
  </si>
  <si>
    <t>12/20/2019 08:40:41</t>
  </si>
  <si>
    <t>12/20/2019 08:41:26</t>
  </si>
  <si>
    <t>12/20/2019 08:41:37</t>
  </si>
  <si>
    <t>12/20/2019 08:41:52</t>
  </si>
  <si>
    <t>12/20/2019 08:42:01</t>
  </si>
  <si>
    <t>12/20/2019 08:45:42</t>
  </si>
  <si>
    <t>12/20/2019 08:43:27</t>
  </si>
  <si>
    <t>fdc570b1-42da-427d-953f-cc9c12f99aca.tmp</t>
  </si>
  <si>
    <t>\\acsfs\profiles$\adrielyas\Downloads\fdc570b1-42da-427d-953f-cc9c12f99aca.tmp</t>
  </si>
  <si>
    <t>12/20/2019 08:42:56</t>
  </si>
  <si>
    <t>36c7b2ec-f99e-44e5-b21f-c0274d9be357.tmp</t>
  </si>
  <si>
    <t>\\acsfs\profiles$\geovannasm\Downloads\36c7b2ec-f99e-44e5-b21f-c0274d9be357.tmp</t>
  </si>
  <si>
    <t>12/20/2019 08:44:59</t>
  </si>
  <si>
    <t>12/20/2019 08:47:42</t>
  </si>
  <si>
    <t>7c7066b2-f47f-4b39-af3a-c7d1c1aee84c.tmp</t>
  </si>
  <si>
    <t>\\acsfs\profiles$\wenderbnm\Downloads\7c7066b2-f47f-4b39-af3a-c7d1c1aee84c.tmp</t>
  </si>
  <si>
    <t>12/20/2019 08:47:06</t>
  </si>
  <si>
    <t>12/20/2019 08:48:42</t>
  </si>
  <si>
    <t>12/20/2019 08:47:36</t>
  </si>
  <si>
    <t>12/20/2019 08:48:06</t>
  </si>
  <si>
    <t>12/20/2019 08:45:15</t>
  </si>
  <si>
    <t>12/20/2019 08:49:41</t>
  </si>
  <si>
    <t>12/20/2019 08:45:46</t>
  </si>
  <si>
    <t>4945ee13-17ff-44fc-9f22-32ca1b2d3fa2.tmp</t>
  </si>
  <si>
    <t>\\acsfs\profiles$\claudiajca\Downloads\4945ee13-17ff-44fc-9f22-32ca1b2d3fa2.tmp</t>
  </si>
  <si>
    <t>12/20/2019 08:46:43</t>
  </si>
  <si>
    <t>23b32a9d-82a3-4ab8-8f6f-c255e393724e.tmp</t>
  </si>
  <si>
    <t>\\acsfs\profiles$\claudiajca\Downloads\23b32a9d-82a3-4ab8-8f6f-c255e393724e.tmp</t>
  </si>
  <si>
    <t>12/20/2019 08:48:12</t>
  </si>
  <si>
    <t>.~lock.Cotatos Reneg.ods#</t>
  </si>
  <si>
    <t>\\acsfs\profiles$\CLAUDIAJCA\.~lock.Cotatos Reneg.ods#</t>
  </si>
  <si>
    <t>12/20/2019 08:46:45</t>
  </si>
  <si>
    <t>12/20/2019 08:45:23</t>
  </si>
  <si>
    <t>12/20/2019 08:46:32</t>
  </si>
  <si>
    <t>12/20/2019 08:49:11</t>
  </si>
  <si>
    <t>12/20/2019 08:50:42</t>
  </si>
  <si>
    <t>12/20/2019 08:50:27</t>
  </si>
  <si>
    <t>a4044753-88e5-4a58-a713-17015b39f372.tmp</t>
  </si>
  <si>
    <t>\\acsfs\profiles$\nathaliadf\Downloads\a4044753-88e5-4a58-a713-17015b39f372.tmp</t>
  </si>
  <si>
    <t>12/20/2019 08:50:37</t>
  </si>
  <si>
    <t>12/20/2019 08:52:41</t>
  </si>
  <si>
    <t>12/20/2019 08:49:15</t>
  </si>
  <si>
    <t>12/20/2019 08:54:42</t>
  </si>
  <si>
    <t>12/20/2019 08:51:15</t>
  </si>
  <si>
    <t>12/20/2019 08:49:08</t>
  </si>
  <si>
    <t>12/20/2019 08:49:17</t>
  </si>
  <si>
    <t>12/20/2019 08:49:18</t>
  </si>
  <si>
    <t>12/20/2019 08:49:23</t>
  </si>
  <si>
    <t>12/20/2019 08:49:26</t>
  </si>
  <si>
    <t>12/20/2019 08:49:34</t>
  </si>
  <si>
    <t>12/20/2019 08:49:35</t>
  </si>
  <si>
    <t>12/20/2019 08:49:43</t>
  </si>
  <si>
    <t>12/20/2019 08:49:47</t>
  </si>
  <si>
    <t>12/20/2019 08:49:57</t>
  </si>
  <si>
    <t>12/20/2019 08:50:02</t>
  </si>
  <si>
    <t>12/20/2019 08:50:04</t>
  </si>
  <si>
    <t>12/20/2019 08:50:06</t>
  </si>
  <si>
    <t>12/20/2019 08:50:11</t>
  </si>
  <si>
    <t>12/20/2019 08:50:16</t>
  </si>
  <si>
    <t>12/20/2019 08:50:18</t>
  </si>
  <si>
    <t>12/20/2019 08:50:21</t>
  </si>
  <si>
    <t>12/20/2019 08:50:24</t>
  </si>
  <si>
    <t>12/20/2019 08:55:41</t>
  </si>
  <si>
    <t>12/20/2019 08:50:41</t>
  </si>
  <si>
    <t>a2793bc1-c608-45d9-a5cd-787899c50750.tmp</t>
  </si>
  <si>
    <t>\\acsfs\profiles$\nathaliadf\Downloads\a2793bc1-c608-45d9-a5cd-787899c50750.tmp</t>
  </si>
  <si>
    <t>12/20/2019 08:55:06</t>
  </si>
  <si>
    <t>12/20/2019 08:58:41</t>
  </si>
  <si>
    <t>12/20/2019 08:57:06</t>
  </si>
  <si>
    <t>12/20/2019 08:57:36</t>
  </si>
  <si>
    <t>12/20/2019 08:58:06</t>
  </si>
  <si>
    <t>12/20/2019 08:58:36</t>
  </si>
  <si>
    <t>12/20/2019 08:55:15</t>
  </si>
  <si>
    <t>12/20/2019 08:59:42</t>
  </si>
  <si>
    <t>12/20/2019 08:57:15</t>
  </si>
  <si>
    <t>12/20/2019 08:55:36</t>
  </si>
  <si>
    <t>12/20/2019 08:58:08</t>
  </si>
  <si>
    <t>12/20/2019 09:00:41</t>
  </si>
  <si>
    <t>12/20/2019 08:57:51</t>
  </si>
  <si>
    <t>12/20/2019 09:01:41</t>
  </si>
  <si>
    <t>12/20/2019 08:58:18</t>
  </si>
  <si>
    <t>12/20/2019 09:02:41</t>
  </si>
  <si>
    <t>12/20/2019 09:00:29</t>
  </si>
  <si>
    <t>ulog_Acrobat12_Reader_22bb18ef-a0cc-4985-b2f1-d8449a05e1d0_63db66e3-f374-4d36-bf32-c906659388ac_0.log</t>
  </si>
  <si>
    <t>C:\Users\Jordanarb\AppData\Roaming\Adobe\LogTransport2\Logs\ulog_Acrobat12_Reader_22bb18ef-a0cc-4985-b2f1-d8449a05e1d0_63db66e3-f374-4d36-bf32-c906659388ac_0.log\</t>
  </si>
  <si>
    <t>12/20/2019 09:01:59</t>
  </si>
  <si>
    <t>12/20/2019 09:03:41</t>
  </si>
  <si>
    <t>1cc020db-31e6-44c2-aefa-faa7b2443ecb.tmp</t>
  </si>
  <si>
    <t>\\acsfs\profiles$\websondsa\Downloads\1cc020db-31e6-44c2-aefa-faa7b2443ecb.tmp</t>
  </si>
  <si>
    <t>12/20/2019 09:02:44</t>
  </si>
  <si>
    <t>12/20/2019 09:02:47</t>
  </si>
  <si>
    <t>12/20/2019 09:02:50</t>
  </si>
  <si>
    <t>12/20/2019 09:02:53</t>
  </si>
  <si>
    <t>12/20/2019 09:02:54</t>
  </si>
  <si>
    <t>12/20/2019 09:02:56</t>
  </si>
  <si>
    <t>12/20/2019 09:02:58</t>
  </si>
  <si>
    <t>12/20/2019 09:03:01</t>
  </si>
  <si>
    <t>12/20/2019 08:59:06</t>
  </si>
  <si>
    <t>12/20/2019 09:00:37</t>
  </si>
  <si>
    <t>12/20/2019 09:01:06</t>
  </si>
  <si>
    <t>12/20/2019 09:01:36</t>
  </si>
  <si>
    <t>12/20/2019 09:03:07</t>
  </si>
  <si>
    <t>12/20/2019 09:01:15</t>
  </si>
  <si>
    <t>12/20/2019 09:04:41</t>
  </si>
  <si>
    <t>12/20/2019 09:03:15</t>
  </si>
  <si>
    <t>12/20/2019 09:05:41</t>
  </si>
  <si>
    <t>12/20/2019 09:02:32</t>
  </si>
  <si>
    <t>12/20/2019 09:06:41</t>
  </si>
  <si>
    <t>lucasbs</t>
  </si>
  <si>
    <t>5661c7b6-83f3-4adb-a47a-0eccd2e82aa2.tmp</t>
  </si>
  <si>
    <t>\\acsfs\profiles$\LUCASBS\Downloads\5661c7b6-83f3-4adb-a47a-0eccd2e82aa2.tmp</t>
  </si>
  <si>
    <t>12/20/2019 09:04:34</t>
  </si>
  <si>
    <t>12/20/2019 09:07:41</t>
  </si>
  <si>
    <t>76ef9b06-8445-4ea5-a0db-388cd4c23a24.tmp</t>
  </si>
  <si>
    <t>\\acsfs\profiles$\Flaviojmm\Downloads\76ef9b06-8445-4ea5-a0db-388cd4c23a24.tmp</t>
  </si>
  <si>
    <t>12/20/2019 09:04:13</t>
  </si>
  <si>
    <t>12/20/2019 09:08:41</t>
  </si>
  <si>
    <t>71f004ec-456a-4d97-9257-79f8ecd0bf50.tmp</t>
  </si>
  <si>
    <t>\\acsfs\profiles$\isabellegtds\Downloads\71f004ec-456a-4d97-9257-79f8ecd0bf50.tmp</t>
  </si>
  <si>
    <t>12/20/2019 09:05:57</t>
  </si>
  <si>
    <t>9aac1555-80f5-412a-92c0-4563d8f710af.tmp</t>
  </si>
  <si>
    <t>\\acsfs\profiles$\isabellegtds\Downloads\9aac1555-80f5-412a-92c0-4563d8f710af.tmp</t>
  </si>
  <si>
    <t>12/20/2019 09:04:37</t>
  </si>
  <si>
    <t>12/20/2019 09:04:39</t>
  </si>
  <si>
    <t>12/20/2019 09:04:42</t>
  </si>
  <si>
    <t>12/20/2019 09:04:44</t>
  </si>
  <si>
    <t>12/20/2019 09:04:45</t>
  </si>
  <si>
    <t>12/20/2019 09:04:47</t>
  </si>
  <si>
    <t>12/20/2019 09:04:48</t>
  </si>
  <si>
    <t>12/20/2019 09:04:50</t>
  </si>
  <si>
    <t>12/20/2019 09:04:51</t>
  </si>
  <si>
    <t>12/20/2019 09:04:53</t>
  </si>
  <si>
    <t>12/20/2019 09:04:54</t>
  </si>
  <si>
    <t>12/20/2019 09:06:45</t>
  </si>
  <si>
    <t>https://outlook.office365.com/owa/</t>
  </si>
  <si>
    <t>12/20/2019 09:04:07</t>
  </si>
  <si>
    <t>12/20/2019 09:07:15</t>
  </si>
  <si>
    <t>12/20/2019 09:09:41</t>
  </si>
  <si>
    <t>12/20/2019 09:06:13</t>
  </si>
  <si>
    <t>12/20/2019 09:07:36</t>
  </si>
  <si>
    <t>12/20/2019 09:10:41</t>
  </si>
  <si>
    <t>12/20/2019 09:05:27</t>
  </si>
  <si>
    <t>12/20/2019 09:10:35</t>
  </si>
  <si>
    <t>12/20/2019 09:11:40</t>
  </si>
  <si>
    <t>12/20/2019 09:11:20</t>
  </si>
  <si>
    <t>12/20/2019 09:12:41</t>
  </si>
  <si>
    <t>5ced160f-5894-4272-bfcd-35a954c21171.tmp</t>
  </si>
  <si>
    <t>\\acsfs\profiles$\felipetds\Downloads\5ced160f-5894-4272-bfcd-35a954c21171.tmp</t>
  </si>
  <si>
    <t>12/20/2019 09:11:25</t>
  </si>
  <si>
    <t>b1e0106a-9392-4c2f-be16-c2730de4e8ba.tmp</t>
  </si>
  <si>
    <t>\\acsfs\profiles$\felipetds\Downloads\b1e0106a-9392-4c2f-be16-c2730de4e8ba.tmp</t>
  </si>
  <si>
    <t>12/20/2019 09:09:53</t>
  </si>
  <si>
    <t>demitidos_dezembro_19.xlsx</t>
  </si>
  <si>
    <t>12/20/2019 09:09:21</t>
  </si>
  <si>
    <t>ulog_Acrobat12_Reader_22bb18ef-a0cc-4985-b2f1-d8449a05e1d0_557f07e4-1cf7-4810-9cd9-e0b15f532791_0.log</t>
  </si>
  <si>
    <t>C:\Users\Jordanarb\AppData\Roaming\Adobe\LogTransport2\Logs\ulog_Acrobat12_Reader_22bb18ef-a0cc-4985-b2f1-d8449a05e1d0_557f07e4-1cf7-4810-9cd9-e0b15f532791_0.log\</t>
  </si>
  <si>
    <t>12/20/2019 09:10:08</t>
  </si>
  <si>
    <t>ulog_Acrobat12_Reader_22bb18ef-a0cc-4985-b2f1-d8449a05e1d0_e265b022-5211-4540-a18c-3ed1eb9d98c1_0.log</t>
  </si>
  <si>
    <t>C:\Users\Jordanarb\AppData\Roaming\Adobe\LogTransport2\Logs\ulog_Acrobat12_Reader_22bb18ef-a0cc-4985-b2f1-d8449a05e1d0_e265b022-5211-4540-a18c-3ed1eb9d98c1_0.log\</t>
  </si>
  <si>
    <t>12/20/2019 09:09:23</t>
  </si>
  <si>
    <t>12/20/2019 09:13:40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6843762872&amp;time-delta-to-apply-millis=use-collector-delta</t>
  </si>
  <si>
    <t>12/20/2019 09:10:07</t>
  </si>
  <si>
    <t>12/20/2019 09:14:41</t>
  </si>
  <si>
    <t>12/20/2019 09:11:12</t>
  </si>
  <si>
    <t>https://udpmailboxap01.acs.com.br:8443/h/search;jsessionid=woz5b6wf0via1p15n0dgk7mxl?si=0&amp;so=0&amp;sc=49995&amp;st=conversation&amp;action=compose</t>
  </si>
  <si>
    <t>12/20/2019 09:12:12</t>
  </si>
  <si>
    <t>12/20/2019 09:09:15</t>
  </si>
  <si>
    <t>12/20/2019 09:13:15</t>
  </si>
  <si>
    <t>12/20/2019 09:13:36</t>
  </si>
  <si>
    <t>12/20/2019 09:14:03</t>
  </si>
  <si>
    <t>12/20/2019 09:15:41</t>
  </si>
  <si>
    <t>12/20/2019 09:11:28</t>
  </si>
  <si>
    <t>7bf0ae86-cd8f-47ab-a2ef-5b0e99815a99.tmp</t>
  </si>
  <si>
    <t>\\acsfs\profiles$\gabrielhca\Downloads\7bf0ae86-cd8f-47ab-a2ef-5b0e99815a99.tmp</t>
  </si>
  <si>
    <t>12/20/2019 09:12:22</t>
  </si>
  <si>
    <t>f151f3be-2d19-4cf4-81e5-b09b6822e5fd.tmp</t>
  </si>
  <si>
    <t>\\acsfs\profiles$\gabrielhca\Downloads\f151f3be-2d19-4cf4-81e5-b09b6822e5fd.tmp</t>
  </si>
  <si>
    <t>12/20/2019 09:14:08</t>
  </si>
  <si>
    <t>12/20/2019 09:17:41</t>
  </si>
  <si>
    <t>ulog_Acrobat12_Reader_22bb18ef-a0cc-4985-b2f1-d8449a05e1d0_e4f08dd4-ce73-4cd7-a872-80f77f970024_0.log</t>
  </si>
  <si>
    <t>C:\Users\Jordanarb\AppData\Roaming\Adobe\LogTransport2\Logs\ulog_Acrobat12_Reader_22bb18ef-a0cc-4985-b2f1-d8449a05e1d0_e4f08dd4-ce73-4cd7-a872-80f77f970024_0.log\</t>
  </si>
  <si>
    <t>12/20/2019 09:17:15</t>
  </si>
  <si>
    <t>12/20/2019 09:18:41</t>
  </si>
  <si>
    <t>Cópia de 20180920_RFI_v0.1.xlsx</t>
  </si>
  <si>
    <t>12/20/2019 09:15:22</t>
  </si>
  <si>
    <t>12/20/2019 09:16:20</t>
  </si>
  <si>
    <t>12/20/2019 09:15:15</t>
  </si>
  <si>
    <t>12/20/2019 09:19:40</t>
  </si>
  <si>
    <t>12/20/2019 09:20:41</t>
  </si>
  <si>
    <t>12/20/2019 09:18:22</t>
  </si>
  <si>
    <t>12/20/2019 09:18:14</t>
  </si>
  <si>
    <t>81c48e4d-b142-4d45-9224-689d37fefe6f.tmp</t>
  </si>
  <si>
    <t>\\acsfs\profiles$\nathaliadf\Downloads\81c48e4d-b142-4d45-9224-689d37fefe6f.tmp</t>
  </si>
  <si>
    <t>12/20/2019 09:17:34</t>
  </si>
  <si>
    <t>12/20/2019 09:22:41</t>
  </si>
  <si>
    <t>12/20/2019 09:20:39</t>
  </si>
  <si>
    <t>10b537cc-0da0-490c-978a-4a3f25469f65.tmp</t>
  </si>
  <si>
    <t>\\acsfs\profiles$\alessandraan\Downloads\10b537cc-0da0-490c-978a-4a3f25469f65.tmp</t>
  </si>
  <si>
    <t>44c1f942-5e89-48c6-a02b-52df1341257e.tmp</t>
  </si>
  <si>
    <t>\\acsfs\profiles$\alessandraan\Downloads\44c1f942-5e89-48c6-a02b-52df1341257e.tmp</t>
  </si>
  <si>
    <t>cae063cf-3e39-4c7a-912f-fdf2504346cf.tmp</t>
  </si>
  <si>
    <t>\\acsfs\profiles$\alessandraan\Downloads\cae063cf-3e39-4c7a-912f-fdf2504346cf.tmp</t>
  </si>
  <si>
    <t>12/20/2019 09:20:43</t>
  </si>
  <si>
    <t>6ec54024-855a-4527-9332-3881e71d6396.tmp</t>
  </si>
  <si>
    <t>\\acsfs\profiles$\alessandraan\Downloads\6ec54024-855a-4527-9332-3881e71d6396.tmp</t>
  </si>
  <si>
    <t>12/20/2019 09:22:26</t>
  </si>
  <si>
    <t>12/20/2019 09:23:41</t>
  </si>
  <si>
    <t>12/20/2019 09:22:49</t>
  </si>
  <si>
    <t>12/20/2019 09:18:42</t>
  </si>
  <si>
    <t>12/20/2019 09:24:41</t>
  </si>
  <si>
    <t>12/20/2019 09:19:42</t>
  </si>
  <si>
    <t>12/20/2019 09:21:12</t>
  </si>
  <si>
    <t>12/20/2019 09:19:26</t>
  </si>
  <si>
    <t>b3888a66-b5df-46b4-b496-652fe0bcd76c.tmp</t>
  </si>
  <si>
    <t>\\acsfs\profiles$\quindaizaagds\Downloads\b3888a66-b5df-46b4-b496-652fe0bcd76c.tmp</t>
  </si>
  <si>
    <t>12/20/2019 09:19:16</t>
  </si>
  <si>
    <t>12/20/2019 09:21:15</t>
  </si>
  <si>
    <t>12/20/2019 09:19:39</t>
  </si>
  <si>
    <t>45195fc8-4660-4c63-818a-48378d44a276.tmp</t>
  </si>
  <si>
    <t>\\acsfs\profiles$\quindaizaagds\Downloads\45195fc8-4660-4c63-818a-48378d44a276.tmp</t>
  </si>
  <si>
    <t>12/20/2019 09:19:56</t>
  </si>
  <si>
    <t>b15859c6-3563-4b12-bf13-55e110e8dc1a.tmp</t>
  </si>
  <si>
    <t>\\acsfs\profiles$\quindaizaagds\Downloads\b15859c6-3563-4b12-bf13-55e110e8dc1a.tmp</t>
  </si>
  <si>
    <t>12/20/2019 09:20:14</t>
  </si>
  <si>
    <t>f5f270a4-f7a1-4f23-8f0b-6a73399eddaa.tmp</t>
  </si>
  <si>
    <t>\\acsfs\profiles$\quindaizaagds\Downloads\f5f270a4-f7a1-4f23-8f0b-6a73399eddaa.tmp</t>
  </si>
  <si>
    <t>12/20/2019 09:21:26</t>
  </si>
  <si>
    <t>5f52244d-4fbb-4e49-ae3d-a9ce7e10d13d.tmp</t>
  </si>
  <si>
    <t>\\acsfs\profiles$\quindaizaagds\Downloads\5f52244d-4fbb-4e49-ae3d-a9ce7e10d13d.tmp</t>
  </si>
  <si>
    <t>12/20/2019 09:19:36</t>
  </si>
  <si>
    <t>12/20/2019 09:21:48</t>
  </si>
  <si>
    <t>12/20/2019 09:20:48</t>
  </si>
  <si>
    <t>12/20/2019 09:25:40</t>
  </si>
  <si>
    <t>47e6246d-be0f-4c72-a634-1f8bece2b9a2.tmp</t>
  </si>
  <si>
    <t>\\acsfs\profiles$\leticiala\Downloads\47e6246d-be0f-4c72-a634-1f8bece2b9a2.tmp</t>
  </si>
  <si>
    <t>12/20/2019 09:20:52</t>
  </si>
  <si>
    <t>a949440e-948f-42c9-871a-2233e79d9ba2.tmp</t>
  </si>
  <si>
    <t>\\acsfs\profiles$\leticiala\Downloads\a949440e-948f-42c9-871a-2233e79d9ba2.tmp</t>
  </si>
  <si>
    <t>12/20/2019 09:22:54</t>
  </si>
  <si>
    <t>480c032e-1840-41d0-b4fd-b09269967b24.tmp</t>
  </si>
  <si>
    <t>\\acsfs\profiles$\leticiala\Downloads\480c032e-1840-41d0-b4fd-b09269967b24.tmp</t>
  </si>
  <si>
    <t>12/20/2019 09:24:39</t>
  </si>
  <si>
    <t>a5e78779-e686-41e9-ac47-b97506b4cc2d.tmp</t>
  </si>
  <si>
    <t>\\acsfs\profiles$\gabrielafs\Downloads\a5e78779-e686-41e9-ac47-b97506b4cc2d.tmp</t>
  </si>
  <si>
    <t>12/20/2019 09:24:40</t>
  </si>
  <si>
    <t>019e840e-8ea6-4dd7-9ce6-0066559ff8c6.tmp</t>
  </si>
  <si>
    <t>\\acsfs\profiles$\gabrielafs\Downloads\019e840e-8ea6-4dd7-9ce6-0066559ff8c6.tmp</t>
  </si>
  <si>
    <t>af348b8b-bec9-4bbf-aaf1-99d5701e4b0c.tmp</t>
  </si>
  <si>
    <t>\\acsfs\profiles$\gabrielafs\Downloads\af348b8b-bec9-4bbf-aaf1-99d5701e4b0c.tmp</t>
  </si>
  <si>
    <t>12/20/2019 09:24:43</t>
  </si>
  <si>
    <t>37cd93cf-5420-4641-b2c2-5f66637a67f5.tmp</t>
  </si>
  <si>
    <t>\\acsfs\profiles$\gabrielafs\Downloads\37cd93cf-5420-4641-b2c2-5f66637a67f5.tmp</t>
  </si>
  <si>
    <t>12/20/2019 09:24:25</t>
  </si>
  <si>
    <t>12/20/2019 09:26:41</t>
  </si>
  <si>
    <t>12/20/2019 09:22:16</t>
  </si>
  <si>
    <t>Cópia de Relatorio de Vendas - Auditoria BV Cartoes (Dezembro)_novo 1.xlsx</t>
  </si>
  <si>
    <t>\\acsfs\DEPTOS\Operacao\Banco_Votorantim\Qualidade\Anderson\Jose\Cópia de Relatorio de Vendas - Auditoria BV Cartoes (Dezembro)_novo 1.xlsx</t>
  </si>
  <si>
    <t>12/20/2019 09:26:23</t>
  </si>
  <si>
    <t>12/20/2019 09:27:40</t>
  </si>
  <si>
    <t>cpf - pesquisa.txt</t>
  </si>
  <si>
    <t>\\acsfs\profiles$\larissaad\My Documents\cpf - pesquisa.txt</t>
  </si>
  <si>
    <t>12/20/2019 09:23:11</t>
  </si>
  <si>
    <t>762fe9ba-4d39-489c-9ace-99458e9ccd08.tmp</t>
  </si>
  <si>
    <t>\\acsfs\profiles$\alessandraan\Downloads\762fe9ba-4d39-489c-9ace-99458e9ccd08.tmp</t>
  </si>
  <si>
    <t>12/20/2019 09:23:18</t>
  </si>
  <si>
    <t>88495217-487a-4204-8a55-b189b425979f.tmp</t>
  </si>
  <si>
    <t>\\acsfs\profiles$\alessandraan\Downloads\88495217-487a-4204-8a55-b189b425979f.tmp</t>
  </si>
  <si>
    <t>12/20/2019 09:25:45</t>
  </si>
  <si>
    <t>12/20/2019 09:26:38</t>
  </si>
  <si>
    <t>12/20/2019 09:26:29</t>
  </si>
  <si>
    <t>12/20/2019 09:28:40</t>
  </si>
  <si>
    <t>91acce3a-9a5f-4b7a-81a1-41a031120741.tmp</t>
  </si>
  <si>
    <t>\\acsfs\profiles$\websondsa\Downloads\91acce3a-9a5f-4b7a-81a1-41a031120741.tmp</t>
  </si>
  <si>
    <t>12/20/2019 09:26:30</t>
  </si>
  <si>
    <t>cc385366-1fb7-49c9-bbaf-268b7477e3fe.tmp</t>
  </si>
  <si>
    <t>\\acsfs\profiles$\websondsa\Downloads\cc385366-1fb7-49c9-bbaf-268b7477e3fe.tmp</t>
  </si>
  <si>
    <t>12/20/2019 09:25:49</t>
  </si>
  <si>
    <t>12/20/2019 09:25:15</t>
  </si>
  <si>
    <t>12/20/2019 09:29:40</t>
  </si>
  <si>
    <t>12/20/2019 09:27:15</t>
  </si>
  <si>
    <t>12/20/2019 09:24:56</t>
  </si>
  <si>
    <t>DHIULLIANA NETO APARECIDO DE SOUZA_1_6766204848710944446_1_32.wav</t>
  </si>
  <si>
    <t>\\acsfs\DEPTOS\EDUCACAO EMPRESARIAL\Ligações 2º ciclo - Késia\DHIULLIANA NETO APARECIDO DE SOUZA_1_6766204848710944446_1_32.wav</t>
  </si>
  <si>
    <t>12/20/2019 09:25:33</t>
  </si>
  <si>
    <t>EDUARDO FREITAS SIMOES_1_6766217467324862915_1_32.wav</t>
  </si>
  <si>
    <t>\\acsfs\DEPTOS\EDUCACAO EMPRESARIAL\Ligações 2º ciclo - Késia\EDUARDO FREITAS SIMOES_1_6766217467324862915_1_32.wav</t>
  </si>
  <si>
    <t>12/20/2019 09:26:14</t>
  </si>
  <si>
    <t>ERICA LUZIANA SILVA RIBEIRO_1_6768088969259325954_1_32.wav</t>
  </si>
  <si>
    <t>\\acsfs\DEPTOS\EDUCACAO EMPRESARIAL\Ligações 2º ciclo - Késia\ERICA LUZIANA SILVA RIBEIRO_1_6768088969259325954_1_32.wav</t>
  </si>
  <si>
    <t>12/20/2019 09:26:53</t>
  </si>
  <si>
    <t>FABIANA FONTINELE VERAS_1_6765942378964528055_1_32.wav</t>
  </si>
  <si>
    <t>\\acsfs\DEPTOS\EDUCACAO EMPRESARIAL\Ligações 2º ciclo - Késia\FABIANA FONTINELE VERAS_1_6765942378964528055_1_32.wav</t>
  </si>
  <si>
    <t>12/20/2019 09:27:29</t>
  </si>
  <si>
    <t>FABIANO BRUNO MENDES FILHO_1_6765990113231051167_1_32.wav</t>
  </si>
  <si>
    <t>\\acsfs\DEPTOS\EDUCACAO EMPRESARIAL\Ligações 2º ciclo - Késia\FABIANO BRUNO MENDES FILHO_1_6765990113231051167_1_32.wav</t>
  </si>
  <si>
    <t>12/20/2019 09:28:03</t>
  </si>
  <si>
    <t>FELIPE TOMAZ DA SILVA_1_6765873539228706320_1_32.wav</t>
  </si>
  <si>
    <t>\\acsfs\DEPTOS\EDUCACAO EMPRESARIAL\Ligações 2º ciclo - Késia\FELIPE TOMAZ DA SILVA_1_6765873539228706320_1_32.wav</t>
  </si>
  <si>
    <t>12/20/2019 09:28:39</t>
  </si>
  <si>
    <t>MARIA GABRIELA SILVA GOMES_1_6765929524127414948_1_32.wav</t>
  </si>
  <si>
    <t>\\acsfs\DEPTOS\EDUCACAO EMPRESARIAL\Ligações 2º ciclo - Késia\MARIA GABRIELA SILVA GOMES_1_6765929524127414948_1_32.wav</t>
  </si>
  <si>
    <t>12/20/2019 09:29:12</t>
  </si>
  <si>
    <t>FLAVIO JUNIO MENDES MOREIRA_1_6765448629524177762_1_32.wav</t>
  </si>
  <si>
    <t>\\acsfs\DEPTOS\EDUCACAO EMPRESARIAL\Ligações 2º ciclo - Késia\FLAVIO JUNIO MENDES MOREIRA_1_6765448629524177762_1_32.wav</t>
  </si>
  <si>
    <t>12/20/2019 09:25:36</t>
  </si>
  <si>
    <t>12/20/2019 09:27:46</t>
  </si>
  <si>
    <t>12/20/2019 09:30:40</t>
  </si>
  <si>
    <t>12/20/2019 09:28:55</t>
  </si>
  <si>
    <t>camiladps@algartech.com.br;julianatem@algartech.com.br;marcotvo@algartech.com;</t>
  </si>
  <si>
    <t>RES: BD - IPO</t>
  </si>
  <si>
    <t>camiladps@algartech.com.br,julianatem@algartech.com.br,marcotvo@algartech.com</t>
  </si>
  <si>
    <t>1acc6cd2-bfa5-4fe0-829e-08567fa5dc0a.tmp</t>
  </si>
  <si>
    <t>\\acsfs\profiles$\gabrielafs\Downloads\1acc6cd2-bfa5-4fe0-829e-08567fa5dc0a.tmp</t>
  </si>
  <si>
    <t>12/20/2019 09:29:42</t>
  </si>
  <si>
    <t>12/20/2019 09:32:41</t>
  </si>
  <si>
    <t>12/20/2019 09:28:24</t>
  </si>
  <si>
    <t>10.200.66.128</t>
  </si>
  <si>
    <t>64-1C-67-9C-84-71</t>
  </si>
  <si>
    <t>VOTORANT-JB020</t>
  </si>
  <si>
    <t>https://udpwfmniceap02/web/guest/home?p_auth=yx0o3o7l&amp;p_p_id=58&amp;p_p_lifecycle=1&amp;p_p_state=maximized&amp;p_p_mode=view&amp;savelastpath=0&amp;_58_struts_action=/login/forgot_password</t>
  </si>
  <si>
    <t>12/20/2019 09:29:56</t>
  </si>
  <si>
    <t>12/20/2019 09:33:41</t>
  </si>
  <si>
    <t>12/20/2019 09:30:08</t>
  </si>
  <si>
    <t>12/20/2019 09:32:42</t>
  </si>
  <si>
    <t>12/20/2019 09:34:41</t>
  </si>
  <si>
    <t>12/20/2019 09:31:15</t>
  </si>
  <si>
    <t>12/20/2019 09:33:16</t>
  </si>
  <si>
    <t>12/20/2019 09:34:07</t>
  </si>
  <si>
    <t>10.200.35.251</t>
  </si>
  <si>
    <t>FRANCISLAYNE ASSUMPCAO DE SOUSA_1_6765904858130229796_1_32.wav</t>
  </si>
  <si>
    <t>\\acsfs\DEPTOS\EDUCACAO EMPRESARIAL\Ligações 2º ciclo - Késia\FRANCISLAYNE ASSUMPCAO DE SOUSA_1_6765904858130229796_1_32.wav</t>
  </si>
  <si>
    <t>12/20/2019 09:30:43</t>
  </si>
  <si>
    <t>MARIA APARECIDA VIEIRA DA SILVA_1_6765718946175852277_1_32.wav</t>
  </si>
  <si>
    <t>\\acsfs\DEPTOS\EDUCACAO EMPRESARIAL\Ligações 2º ciclo - Késia\MARIA APARECIDA VIEIRA DA SILVA_1_6765718946175852277_1_32.wav</t>
  </si>
  <si>
    <t>12/20/2019 09:31:19</t>
  </si>
  <si>
    <t>GABRIELA FERREIRA FRAGA_1_6766589132319832133_1_32.wav</t>
  </si>
  <si>
    <t>\\acsfs\DEPTOS\EDUCACAO EMPRESARIAL\Ligações 2º ciclo - Késia\GABRIELA FERREIRA FRAGA_1_6766589132319832133_1_32.wav</t>
  </si>
  <si>
    <t>12/20/2019 09:31:54</t>
  </si>
  <si>
    <t>\\acsfs\DEPTOS\EDUCACAO EMPRESARIAL\Ligações 2º ciclo - Késia\GEOVANA ALINE SANTOS E SILVA_1_6765812984484804293_1_32.wav</t>
  </si>
  <si>
    <t>12/20/2019 09:29:36</t>
  </si>
  <si>
    <t>12/20/2019 09:31:37</t>
  </si>
  <si>
    <t>12/20/2019 09:35:40</t>
  </si>
  <si>
    <t>12/20/2019 09:36:52</t>
  </si>
  <si>
    <t>12/20/2019 09:37:40</t>
  </si>
  <si>
    <t>12/20/2019 09:36:54</t>
  </si>
  <si>
    <t>12/20/2019 09:35:17</t>
  </si>
  <si>
    <t>12/20/2019 09:38:41</t>
  </si>
  <si>
    <t>C:\Users\edienelnpi\Downloads\</t>
  </si>
  <si>
    <t>12/20/2019 09:33:27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6845206889&amp;time-delta-to-apply-millis=use-collector-delta</t>
  </si>
  <si>
    <t>12/20/2019 09:35:07</t>
  </si>
  <si>
    <t>12/20/2019 09:34:12</t>
  </si>
  <si>
    <t>12/20/2019 09:39:40</t>
  </si>
  <si>
    <t>12/20/2019 09:38:12</t>
  </si>
  <si>
    <t>12/20/2019 09:34:51</t>
  </si>
  <si>
    <t>https://udpmailboxap01.acs.com.br:8443/h/search?si=0&amp;so=0&amp;sc=50031&amp;st=conversation&amp;csi=0&amp;action=compose&amp;id=2285&amp;cso=0&amp;paction=view&amp;cid=2286&amp;rf=html&amp;op=reply</t>
  </si>
  <si>
    <t>12/20/2019 09:37:15</t>
  </si>
  <si>
    <t>12/20/2019 09:34:42</t>
  </si>
  <si>
    <t>12/20/2019 09:35:13</t>
  </si>
  <si>
    <t>12/20/2019 09:36:34</t>
  </si>
  <si>
    <t>C:\Users\fernandaab\Desktop\Késia\Ligações para Mutant - 2º ciclo\</t>
  </si>
  <si>
    <t>\\acsfs\Deptos\EDUCACAO EMPRESARIAL\Ligações Segundo Ciclo - Késia\ERICA LUZIANA SILVA RIBEIRO_1_6768088969259325954_1_32.wav</t>
  </si>
  <si>
    <t>\\acsfs\Deptos\EDUCACAO EMPRESARIAL\Ligações Segundo Ciclo - Késia\FABIANA FONTINELE VERAS_1_6765942378964528055_1_32.wav</t>
  </si>
  <si>
    <t>\\acsfs\Deptos\EDUCACAO EMPRESARIAL\Ligações Segundo Ciclo - Késia\FABIANO BRUNO MENDES FILHO_1_6765990113231051167_1_32.wav</t>
  </si>
  <si>
    <t>\\acsfs\Deptos\EDUCACAO EMPRESARIAL\Ligações Segundo Ciclo - Késia\FELIPE TOMAZ DA SILVA_1_6765873539228706320_1_32.wav</t>
  </si>
  <si>
    <t>12/20/2019 09:36:35</t>
  </si>
  <si>
    <t>FERNANDO FREITAS SILVA_1_6766306347378082556_1_32.wav</t>
  </si>
  <si>
    <t>\\acsfs\Deptos\EDUCACAO EMPRESARIAL\Ligações Segundo Ciclo - Késia\FERNANDO FREITAS SILVA_1_6766306347378082556_1_32.wav</t>
  </si>
  <si>
    <t>\\acsfs\Deptos\EDUCACAO EMPRESARIAL\Ligações Segundo Ciclo - Késia\FLAVIO JUNIO MENDES MOREIRA_1_6765448629524177762_1_32.wav</t>
  </si>
  <si>
    <t>\\acsfs\Deptos\EDUCACAO EMPRESARIAL\Ligações Segundo Ciclo - Késia\FRANCISLAYNE ASSUMPCAO DE SOUSA_1_6765904858130229796_1_32.wav</t>
  </si>
  <si>
    <t>\\acsfs\Deptos\EDUCACAO EMPRESARIAL\Ligações Segundo Ciclo - Késia\GABRIELA FERREIRA FRAGA_1_6766589132319832133_1_32.wav</t>
  </si>
  <si>
    <t>12/20/2019 09:36:36</t>
  </si>
  <si>
    <t>\\acsfs\Deptos\EDUCACAO EMPRESARIAL\Ligações Segundo Ciclo - Késia\GEOVANA ALINE SANTOS E SILVA_1_6765812984484804293_1_32.wav</t>
  </si>
  <si>
    <t>GUSTAVO MOURA RODRIGUES_1_6765546486059042479_1_32.wav</t>
  </si>
  <si>
    <t>\\acsfs\Deptos\EDUCACAO EMPRESARIAL\Ligações Segundo Ciclo - Késia\GUSTAVO MOURA RODRIGUES_1_6765546486059042479_1_32.wav</t>
  </si>
  <si>
    <t>HENRIQUE HUMBERTO MARCELINO DE OLIVEIRA_1_6766550520563831390_1_32.wav</t>
  </si>
  <si>
    <t>\\acsfs\Deptos\EDUCACAO EMPRESARIAL\Ligações Segundo Ciclo - Késia\HENRIQUE HUMBERTO MARCELINO DE OLIVEIRA_1_6766550520563831390_1_32.wav</t>
  </si>
  <si>
    <t>ISABEL DIAS SOARES TELES_1_6766727524756034395_1_32.wav</t>
  </si>
  <si>
    <t>\\acsfs\Deptos\EDUCACAO EMPRESARIAL\Ligações Segundo Ciclo - Késia\ISABEL DIAS SOARES TELES_1_6766727524756034395_1_32.wav</t>
  </si>
  <si>
    <t>12/20/2019 09:36:37</t>
  </si>
  <si>
    <t>ISABELLE GOMES TEIXEIRA DOS SANTOS_1_6766243155524262130_1_32.wav</t>
  </si>
  <si>
    <t>\\acsfs\Deptos\EDUCACAO EMPRESARIAL\Ligações Segundo Ciclo - Késia\ISABELLE GOMES TEIXEIRA DOS SANTOS_1_6766243155524262130_1_32.wav</t>
  </si>
  <si>
    <t>JALILE BARBARA DA SILVA_1_6768564177325861092_1_32.wav</t>
  </si>
  <si>
    <t>\\acsfs\Deptos\EDUCACAO EMPRESARIAL\Ligações Segundo Ciclo - Késia\JALILE BARBARA DA SILVA_1_6768564177325861092_1_32.wav</t>
  </si>
  <si>
    <t>12/20/2019 09:36:38</t>
  </si>
  <si>
    <t>JAQUELINE COIMBRA PERES_1_6766258437017907703_1_32.wav</t>
  </si>
  <si>
    <t>\\acsfs\Deptos\EDUCACAO EMPRESARIAL\Ligações Segundo Ciclo - Késia\JAQUELINE COIMBRA PERES_1_6766258437017907703_1_32.wav</t>
  </si>
  <si>
    <t>JESSICA FERREIRA CARVALHO_1_6766264952483289865_1_32.wav</t>
  </si>
  <si>
    <t>\\acsfs\Deptos\EDUCACAO EMPRESARIAL\Ligações Segundo Ciclo - Késia\JESSICA FERREIRA CARVALHO_1_6766264952483289865_1_32.wav</t>
  </si>
  <si>
    <t>JOSE ROSA DE SOUZA NETO_1_6766196074092760907_1_32.wav</t>
  </si>
  <si>
    <t>\\acsfs\Deptos\EDUCACAO EMPRESARIAL\Ligações Segundo Ciclo - Késia\JOSE ROSA DE SOUZA NETO_1_6766196074092760907_1_32.wav</t>
  </si>
  <si>
    <t>12/20/2019 09:36:39</t>
  </si>
  <si>
    <t>KAMILLA CAROLINA RODRIGUES_1_6765802474699818286_1_32.wav</t>
  </si>
  <si>
    <t>\\acsfs\Deptos\EDUCACAO EMPRESARIAL\Ligações Segundo Ciclo - Késia\KAMILLA CAROLINA RODRIGUES_1_6765802474699818286_1_32.wav</t>
  </si>
  <si>
    <t>12/20/2019 09:37:26</t>
  </si>
  <si>
    <t>KELLZYLENNE APARECIDA SILVA RABELO_1_6766277944759364228_1_32.wav</t>
  </si>
  <si>
    <t>\\acsfs\Deptos\EDUCACAO EMPRESARIAL\Ligações Segundo Ciclo - Késia\KELLZYLENNE APARECIDA SILVA RABELO_1_6766277944759364228_1_32.wav</t>
  </si>
  <si>
    <t>LAYLA APARECIDA MACEDO SILVEIRA_1_6766253776978384043_1_32.wav</t>
  </si>
  <si>
    <t>\\acsfs\Deptos\EDUCACAO EMPRESARIAL\Ligações Segundo Ciclo - Késia\LAYLA APARECIDA MACEDO SILVEIRA_1_6766253776978384043_1_32.wav</t>
  </si>
  <si>
    <t>12/20/2019 09:37:37</t>
  </si>
  <si>
    <t>12/20/2019 09:36:40</t>
  </si>
  <si>
    <t>LEANDRO MORAIS SANTOS_1_6766782972783829980_1_32.wav</t>
  </si>
  <si>
    <t>\\acsfs\Deptos\EDUCACAO EMPRESARIAL\Ligações Segundo Ciclo - Késia\LEANDRO MORAIS SANTOS_1_6766782972783829980_1_32.wav</t>
  </si>
  <si>
    <t>12/20/2019 09:36:41</t>
  </si>
  <si>
    <t>LEONARDO COSTA BARROS_1_6766393367710467924_1_32.wav</t>
  </si>
  <si>
    <t>\\acsfs\Deptos\EDUCACAO EMPRESARIAL\Ligações Segundo Ciclo - Késia\LEONARDO COSTA BARROS_1_6766393367710467924_1_32.wav</t>
  </si>
  <si>
    <t>12/20/2019 09:36:42</t>
  </si>
  <si>
    <t>LORRAYNE VALENTINO AMANCIO_1_6766220387902628484_1_32.wav</t>
  </si>
  <si>
    <t>\\acsfs\Deptos\EDUCACAO EMPRESARIAL\Ligações Segundo Ciclo - Késia\LORRAYNE VALENTINO AMANCIO_1_6766220387902628484_1_32.wav</t>
  </si>
  <si>
    <t>LUCAS BARBOSA DA SILVA_1_6766627679651301093_1_32.wav</t>
  </si>
  <si>
    <t>\\acsfs\Deptos\EDUCACAO EMPRESARIAL\Ligações Segundo Ciclo - Késia\LUCAS BARBOSA DA SILVA_1_6766627679651301093_1_32.wav</t>
  </si>
  <si>
    <t>12/20/2019 09:36:43</t>
  </si>
  <si>
    <t>LUCAS NASCIMENTO SILVA_1_6766200442074508174_1_32.wav</t>
  </si>
  <si>
    <t>\\acsfs\Deptos\EDUCACAO EMPRESARIAL\Ligações Segundo Ciclo - Késia\LUCAS NASCIMENTO SILVA_1_6766200442074508174_1_32.wav</t>
  </si>
  <si>
    <t>LUCAS QUITONIO DE SOUZA SILVA_1_6766193140630109233_1_32.wav</t>
  </si>
  <si>
    <t>\\acsfs\Deptos\EDUCACAO EMPRESARIAL\Ligações Segundo Ciclo - Késia\LUCAS QUITONIO DE SOUZA SILVA_1_6766193140630109233_1_32.wav</t>
  </si>
  <si>
    <t>LUIS PHILIPE LIMA SANTANA_1_6768591720951125140_1_32.wav</t>
  </si>
  <si>
    <t>\\acsfs\Deptos\EDUCACAO EMPRESARIAL\Ligações Segundo Ciclo - Késia\LUIS PHILIPE LIMA SANTANA_1_6768591720951125140_1_32.wav</t>
  </si>
  <si>
    <t>\\acsfs\Deptos\EDUCACAO EMPRESARIAL\Ligações Segundo Ciclo - Késia\MARIA APARECIDA VIEIRA DA SILVA_1_6765718946175852277_1_32.wav</t>
  </si>
  <si>
    <t>12/20/2019 09:36:44</t>
  </si>
  <si>
    <t>\\acsfs\Deptos\EDUCACAO EMPRESARIAL\Ligações Segundo Ciclo - Késia\MARIA GABRIELA SILVA GOMES_1_6765929524127414948_1_32.wav</t>
  </si>
  <si>
    <t>\\acsfs\Deptos\EDUCACAO EMPRESARIAL\Ligações Segundo Ciclo - Késia\MATEUS DE JESUS MORAIS_1_6766608060240699455_1_32.wav</t>
  </si>
  <si>
    <t>12/20/2019 09:36:45</t>
  </si>
  <si>
    <t>\\acsfs\Deptos\EDUCACAO EMPRESARIAL\Ligações Segundo Ciclo - Késia\MATHEUS HENRIKO CUNHA BORGES_1_6765876266532943042_1_32.wav</t>
  </si>
  <si>
    <t>\\acsfs\Deptos\EDUCACAO EMPRESARIAL\Ligações Segundo Ciclo - Késia\WELIDI CRISTINA DE JESUS_1_6765932998755944926_1_32.wav</t>
  </si>
  <si>
    <t>\\acsfs\Deptos\EDUCACAO EMPRESARIAL\Ligações Segundo Ciclo - Késia\ADEVILSON GABRIEL LINDEMBERG EVANGELISTA_1_6766272713489189355_1_32.wav</t>
  </si>
  <si>
    <t>12/20/2019 09:36:46</t>
  </si>
  <si>
    <t>\\acsfs\Deptos\EDUCACAO EMPRESARIAL\Ligações Segundo Ciclo - Késia\ADRIELE DAS GRACAS CARVALHO_1_6766424746741533012_1_32.wav</t>
  </si>
  <si>
    <t>12/20/2019 09:36:47</t>
  </si>
  <si>
    <t>\\acsfs\Deptos\EDUCACAO EMPRESARIAL\Ligações Segundo Ciclo - Késia\ADRIELY APARECIDA SILVA_1_6766283240454032051_1_32.wav</t>
  </si>
  <si>
    <t>\\acsfs\Deptos\EDUCACAO EMPRESARIAL\Ligações Segundo Ciclo - Késia\ALEXANDRE MILHOMEM MARACAIPE_1_6765463618960042129_1_32.wav</t>
  </si>
  <si>
    <t>\\acsfs\Deptos\EDUCACAO EMPRESARIAL\Ligações Segundo Ciclo - Késia\ALICE CRISPINA PEREIRA BARBOSA COELHO_1_6766208495138184397_1_32.wav</t>
  </si>
  <si>
    <t>12/20/2019 09:36:48</t>
  </si>
  <si>
    <t>\\acsfs\Deptos\EDUCACAO EMPRESARIAL\Ligações Segundo Ciclo - Késia\ALYNY ALVES_1_6766161134533816545_1_32.wav</t>
  </si>
  <si>
    <t>\\acsfs\Deptos\EDUCACAO EMPRESARIAL\Ligações Segundo Ciclo - Késia\ANDRESSA GOMES RODRIGUES_1_6768085443091175757_1_32.wav</t>
  </si>
  <si>
    <t>12/20/2019 09:36:49</t>
  </si>
  <si>
    <t>\\acsfs\Deptos\EDUCACAO EMPRESARIAL\Ligações Segundo Ciclo - Késia\ANDRESSA MACEDO FERREIRA_1_6766192569399457907_1_32.wav</t>
  </si>
  <si>
    <t>\\acsfs\Deptos\EDUCACAO EMPRESARIAL\Ligações Segundo Ciclo - Késia\BEATRIZ PEREIRA MENDES DA SILVA_1_6766661511108695701_1_32.wav</t>
  </si>
  <si>
    <t>12/20/2019 09:36:50</t>
  </si>
  <si>
    <t>\\acsfs\Deptos\EDUCACAO EMPRESARIAL\Ligações Segundo Ciclo - Késia\BRUNA ASSUNCAO ROSA_1_6765870811924469396_1_32.wav</t>
  </si>
  <si>
    <t>BRUNO GONCALVES DA SILVA_1_6766607115347893282_1_32.wav</t>
  </si>
  <si>
    <t>\\acsfs\Deptos\EDUCACAO EMPRESARIAL\Ligações Segundo Ciclo - Késia\BRUNO GONCALVES DA SILVA_1_6766607115347893282_1_32.wav</t>
  </si>
  <si>
    <t>12/20/2019 09:36:51</t>
  </si>
  <si>
    <t>\\acsfs\Deptos\EDUCACAO EMPRESARIAL\Ligações Segundo Ciclo - Késia\CINTIA DA COSTA FERREIRA_1_6765498017353119270_1_32.wav</t>
  </si>
  <si>
    <t>\\acsfs\Deptos\EDUCACAO EMPRESARIAL\Ligações Segundo Ciclo - Késia\CINTIA DE JESUS LIMA_1_6766732575637575828_1_32.wav</t>
  </si>
  <si>
    <t>\\acsfs\Deptos\EDUCACAO EMPRESARIAL\Ligações Segundo Ciclo - Késia\CLAUDIA JANAINA CELESTE DE ANDRADE_1_6766196048322957084_1_32.wav</t>
  </si>
  <si>
    <t>\\acsfs\Deptos\EDUCACAO EMPRESARIAL\Ligações Segundo Ciclo - Késia\DALVA DE FATIMA BRAGA_1_6765841455823008857_1_32.wav</t>
  </si>
  <si>
    <t>\\acsfs\Deptos\EDUCACAO EMPRESARIAL\Ligações Segundo Ciclo - Késia\DANIEL MARINHO LIMA DA SILVA_1_6766648201005041571_1_32.wav</t>
  </si>
  <si>
    <t>DEBORA CARLA TEIXEIRA RODRIGUES_1_6766589209629243568_1_32.wav</t>
  </si>
  <si>
    <t>\\acsfs\Deptos\EDUCACAO EMPRESARIAL\Ligações Segundo Ciclo - Késia\DEBORA CARLA TEIXEIRA RODRIGUES_1_6766589209629243568_1_32.wav</t>
  </si>
  <si>
    <t>12/20/2019 09:36:53</t>
  </si>
  <si>
    <t>\\acsfs\Deptos\EDUCACAO EMPRESARIAL\Ligações Segundo Ciclo - Késia\DHIULLIANA NETO APARECIDO DE SOUZA_1_6766204848710944446_1_32.wav</t>
  </si>
  <si>
    <t>EDICARLOS DIAS LIMA_1_6766013993249219797_1_32.wav</t>
  </si>
  <si>
    <t>\\acsfs\Deptos\EDUCACAO EMPRESARIAL\Ligações Segundo Ciclo - Késia\EDICARLOS DIAS LIMA_1_6766013993249219797_1_32.wav</t>
  </si>
  <si>
    <t>\\acsfs\Deptos\EDUCACAO EMPRESARIAL\Ligações Segundo Ciclo - Késia\EDUARDO FREITAS SIMOES_1_6766217467324862915_1_32.wav</t>
  </si>
  <si>
    <t>12/20/2019 09:39:24</t>
  </si>
  <si>
    <t>12/20/2019 09:40:41</t>
  </si>
  <si>
    <t>12/20/2019 09:39:48</t>
  </si>
  <si>
    <t>12/20/2019 09:41:41</t>
  </si>
  <si>
    <t>12/20/2019 09:38:42</t>
  </si>
  <si>
    <t>12/20/2019 09:44:41</t>
  </si>
  <si>
    <t>12/20/2019 09:39:12</t>
  </si>
  <si>
    <t>12/20/2019 09:39:42</t>
  </si>
  <si>
    <t>12/20/2019 09:40:12</t>
  </si>
  <si>
    <t>12/20/2019 09:40:42</t>
  </si>
  <si>
    <t>12/20/2019 09:39:15</t>
  </si>
  <si>
    <t>12/20/2019 09:43:15</t>
  </si>
  <si>
    <t>12/20/2019 09:42:13</t>
  </si>
  <si>
    <t>12/20/2019 09:43:38</t>
  </si>
  <si>
    <t>12/20/2019 09:43:09</t>
  </si>
  <si>
    <t>CPF 12291084836 - OPERADOR ANDREA PAULA DA SILVA GOMES_1_6763684845369496543_1_32.wav</t>
  </si>
  <si>
    <t>\\acsfs\Deptos\EDUCACAO EMPRESARIAL\KÉSIA\Ligações - Reclamações\CPF 12291084836 - OPERADOR ANDREA PAULA DA SILVA GOMES_1_6763684845369496543_1_32.wav</t>
  </si>
  <si>
    <t>\\acsfs\Deptos\EDUCACAO EMPRESARIAL\KÉSIA\Ligações - Reclamações\CPF 12291084836 - OPERADOR LUCAS NASCIMENTO SILVA_1_6766240527004273833_1_32.wav</t>
  </si>
  <si>
    <t>12/20/2019 09:43:10</t>
  </si>
  <si>
    <t>\\acsfs\Deptos\EDUCACAO EMPRESARIAL\KÉSIA\Ligações - Reclamações\CPF 12291084836 - OPERADOR NATHALIA RIOS MODESTO RODRIGUES_1_6755488862357760376_1_32.wav</t>
  </si>
  <si>
    <t>CPF 21966496869 - OPERADORA KAREN DE SOUZA RODRIGUES_1_6754349171310924331_1_32.wav</t>
  </si>
  <si>
    <t>\\acsfs\Deptos\EDUCACAO EMPRESARIAL\KÉSIA\Ligações - Reclamações\CPF 21966496869 - OPERADORA KAREN DE SOUZA RODRIGUES_1_6754349171310924331_1_32.wav</t>
  </si>
  <si>
    <t>12/20/2019 09:43:11</t>
  </si>
  <si>
    <t>\\acsfs\Deptos\EDUCACAO EMPRESARIAL\KÉSIA\Ligações - Reclamações\CPF 39621131855 - OPERADORA ALYNY ALVES_1_6767337216838533655_1_32.wav</t>
  </si>
  <si>
    <t>CPF 40316858404 - OPERADORA CINTIA DE JESUS LIMA_1_6769709103937830788_1_32.wav</t>
  </si>
  <si>
    <t>\\acsfs\Deptos\EDUCACAO EMPRESARIAL\KÉSIA\Ligações - Reclamações\CPF 40316858404 - OPERADORA CINTIA DE JESUS LIMA_1_6769709103937830788_1_32.wav</t>
  </si>
  <si>
    <t>12/20/2019 09:43:12</t>
  </si>
  <si>
    <t>\\acsfs\Deptos\EDUCACAO EMPRESARIAL\KÉSIA\Ligações - Reclamações\CPF 40316858404 - OPERADORA JANAYNA TEREZA ROCHA ONOFRE_1_6769713132617138347_1_32.wav</t>
  </si>
  <si>
    <t>12/20/2019 09:43:14</t>
  </si>
  <si>
    <t>CPF 89459792553 - OPERADOR LEONARDO COSTA BARROS_1_6756685904102891224_1_32.wav</t>
  </si>
  <si>
    <t>\\acsfs\Deptos\EDUCACAO EMPRESARIAL\KÉSIA\Ligações - Reclamações\CPF 89459792553 - OPERADOR LEONARDO COSTA BARROS_1_6756685904102891224_1_32.wav</t>
  </si>
  <si>
    <t>12/20/2019 09:43:17</t>
  </si>
  <si>
    <t>C:\Users\fernandaab\Desktop\Késia\Ligações de Elogios\</t>
  </si>
  <si>
    <t>\\acsfs\Deptos\EDUCACAO EMPRESARIAL\KÉSIA\Ligações de Elogios\ADRIELE DAS GRACAS CARVALHO - CONTA 1693805 MASTERCARD_1_6751476396535653348_1_32.wav</t>
  </si>
  <si>
    <t>\\acsfs\Deptos\EDUCACAO EMPRESARIAL\KÉSIA\Ligações de Elogios\ADRIELE DAS GRACAS CARVALHO - CONTA 2691028 MASTERCARD_1_6751453418460618000_1_32.wav</t>
  </si>
  <si>
    <t>12/20/2019 09:43:18</t>
  </si>
  <si>
    <t>\\acsfs\Deptos\EDUCACAO EMPRESARIAL\KÉSIA\Ligações de Elogios\ADRIELY APARECIDA SILVA - CONTA 2710158 MASTERCARD_1_6758006662380991000_1_32.wav</t>
  </si>
  <si>
    <t>12/20/2019 09:43:19</t>
  </si>
  <si>
    <t>\\acsfs\Deptos\EDUCACAO EMPRESARIAL\KÉSIA\Ligações de Elogios\JANAYNA TEREZA ROCHA ONOFRE - CONTA 406070 VISA_1_6752255847200531875_1_32.wav</t>
  </si>
  <si>
    <t>\\acsfs\Deptos\EDUCACAO EMPRESARIAL\KÉSIA\Ligações de Elogios\JULIANE ARAUJO SILVA - CONTA 1177084 MASTERCARD_1_6755925690596527153_1_32.wav</t>
  </si>
  <si>
    <t>12/20/2019 09:43:20</t>
  </si>
  <si>
    <t>\\acsfs\Deptos\EDUCACAO EMPRESARIAL\KÉSIA\Ligações de Elogios\LEANDRO MORAIS SANTOS - CONTA 2778345 MASTERCARD_1_6761199442284582175_1_32.wav</t>
  </si>
  <si>
    <t>\\acsfs\Deptos\EDUCACAO EMPRESARIAL\KÉSIA\Ligações de Elogios\MATHEUS GONZAGA MIRANDA (SCARLET) - CONTA 2539071 MASTERCARD_1_6751906778028522561_1_32.wav</t>
  </si>
  <si>
    <t>12/20/2019 09:43:21</t>
  </si>
  <si>
    <t>\\acsfs\Deptos\EDUCACAO EMPRESARIAL\KÉSIA\Ligações de Elogios\MATHEUS GONZAGA MIRANDA (SCARLET) - CONTA 640665 VISA_1_6751891853017168169_1_32.wav</t>
  </si>
  <si>
    <t>12/20/2019 09:43:24</t>
  </si>
  <si>
    <t>\\acsfs\Deptos\EDUCACAO EMPRESARIAL\KÉSIA\Ligações de Elogios\MYLLENA RIBEIRO DE LIMA - CONTA 602258 VISA_1_6765953760627855364_1_32.wav</t>
  </si>
  <si>
    <t>C:\Users\fernandaab\Desktop\Késia\Ligações de Elogios\REPORTE\</t>
  </si>
  <si>
    <t>LEANDRO MORAIS SANTOS - CONTA 1167922 MASTERCARD_1_6761577051514274898_1_32.wav</t>
  </si>
  <si>
    <t>\\acsfs\Deptos\EDUCACAO EMPRESARIAL\KÉSIA\Ligações de Elogios\REPORTE\LEANDRO MORAIS SANTOS - CONTA 1167922 MASTERCARD_1_6761577051514274898_1_32.wav</t>
  </si>
  <si>
    <t>12/20/2019 09:43:25</t>
  </si>
  <si>
    <t>LEANDRO MORAIS SANTOS - CONTA 1645182 MASTERCARD_1_6770442667172114288_1_32.wav</t>
  </si>
  <si>
    <t>\\acsfs\Deptos\EDUCACAO EMPRESARIAL\KÉSIA\LEANDRO MORAIS SANTOS - CONTA 1645182 MASTERCARD_1_6770442667172114288_1_32.wav</t>
  </si>
  <si>
    <t>12/20/2019 09:43:26</t>
  </si>
  <si>
    <t>\\acsfs\Deptos\EDUCACAO EMPRESARIAL\KÉSIA\MODELO DE LAUDO EM BRANCO (5) - Cópia - Cópia - Cópia.docx</t>
  </si>
  <si>
    <t>12/20/2019 09:43:27</t>
  </si>
  <si>
    <t>Modelo Monitoria.txt</t>
  </si>
  <si>
    <t>\\acsfs\Deptos\EDUCACAO EMPRESARIAL\KÉSIA\Modelo Monitoria.txt</t>
  </si>
  <si>
    <t>12/20/2019 09:40:26</t>
  </si>
  <si>
    <t>12/20/2019 09:40:11</t>
  </si>
  <si>
    <t>12/20/2019 09:40:34</t>
  </si>
  <si>
    <t>12/20/2019 09:45:41</t>
  </si>
  <si>
    <t>\\acsfs\Deptos\EDUCACAO EMPRESARIAL\MATERIAL UNIBRAD\</t>
  </si>
  <si>
    <t>\\acsfs\Deptos\EDUCACAO EMPRESARIAL\MATERIAL UNIBRAD\Thumbs.db</t>
  </si>
  <si>
    <t>12/20/2019 09:40:50</t>
  </si>
  <si>
    <t>\\acsfs\Deptos\EDUCACAO EMPRESARIAL\ligação mutant primeiro ciclo MUTANT\</t>
  </si>
  <si>
    <t>\\acsfs\Deptos\EDUCACAO EMPRESARIAL\FERNANDA\LUCAS BARBOSA DA SILVA_1_6764397655321813861_1_32.wav</t>
  </si>
  <si>
    <t>12/20/2019 09:40:52</t>
  </si>
  <si>
    <t>\\acsfs\Deptos\EDUCACAO EMPRESARIAL\FERNANDA\LUCAS NASCIMENTO SILVA_1_6764320135457083524_1_32.wav</t>
  </si>
  <si>
    <t>12/20/2019 09:40:56</t>
  </si>
  <si>
    <t>\\acsfs\Deptos\EDUCACAO EMPRESARIAL\FERNANDA\LUCAS QUITONIO DE SOUZA SILVA_1_6763233255328136404_1_32.wav</t>
  </si>
  <si>
    <t>12/20/2019 09:40:57</t>
  </si>
  <si>
    <t>\\acsfs\Deptos\EDUCACAO EMPRESARIAL\FERNANDA\LUIS PHILIPE LIMA SANTANA_1_6763271188479283907_1_32.wav</t>
  </si>
  <si>
    <t>12/20/2019 09:40:59</t>
  </si>
  <si>
    <t>\\acsfs\Deptos\EDUCACAO EMPRESARIAL\FERNANDA\MARCELLE WENDY DE LIMA_1_6763655991779207637_1_32.wav</t>
  </si>
  <si>
    <t>12/20/2019 09:41:01</t>
  </si>
  <si>
    <t>\\acsfs\Deptos\EDUCACAO EMPRESARIAL\FERNANDA\MARIA APARECIDA VIEIRA DA SILVA_1_6764590271720137206_1_32.wav</t>
  </si>
  <si>
    <t>12/20/2019 09:41:02</t>
  </si>
  <si>
    <t>\\acsfs\Deptos\EDUCACAO EMPRESARIAL\FERNANDA\MARIA GABRIELA SILVA GOMES_1_6763305496678047342_1_32.wav</t>
  </si>
  <si>
    <t>12/20/2019 09:41:03</t>
  </si>
  <si>
    <t>\\acsfs\Deptos\EDUCACAO EMPRESARIAL\FERNANDA\MATEUS DE JESUS MORAIS_1_6763990651335943673_1_32.wav</t>
  </si>
  <si>
    <t>12/20/2019 09:41:05</t>
  </si>
  <si>
    <t>\\acsfs\Deptos\EDUCACAO EMPRESARIAL\FERNANDA\MATHEUS HENRIKO CUNHA BORGES_1_6763288316808867921_1_32.wav</t>
  </si>
  <si>
    <t>12/20/2019 09:41:07</t>
  </si>
  <si>
    <t>\\acsfs\Deptos\EDUCACAO EMPRESARIAL\FERNANDA\NAYARA NERY ARAUJO OLIVEIRA_1_6766669319359250178_1_32.wav</t>
  </si>
  <si>
    <t>\\acsfs\Deptos\EDUCACAO EMPRESARIAL\FERNANDA\REGIS EZAIAS DA SILVA JUNIOR_1_6766285748714936878_1_32.wav</t>
  </si>
  <si>
    <t>12/20/2019 09:41:08</t>
  </si>
  <si>
    <t>\\acsfs\Deptos\EDUCACAO EMPRESARIAL\FERNANDA\THAIS MACHADO BEZERRA_1_6765851179628964948_1_32.wav</t>
  </si>
  <si>
    <t>12/20/2019 09:41:10</t>
  </si>
  <si>
    <t>\\acsfs\Deptos\EDUCACAO EMPRESARIAL\FERNANDA\THAYNARA CAMILA SANTOS LOPES_1_6765949268092060108_1_32.wav</t>
  </si>
  <si>
    <t>12/20/2019 09:41:13</t>
  </si>
  <si>
    <t>\\acsfs\Deptos\EDUCACAO EMPRESARIAL\FERNANDA\WELIDI CRISTINA DE JESUS_1_6764026046161423058_1_32.wav</t>
  </si>
  <si>
    <t>12/20/2019 09:41:14</t>
  </si>
  <si>
    <t>ADEVILSON GABRIEL LINDEMBERG EVANGELISTA.wav</t>
  </si>
  <si>
    <t>\\acsfs\Deptos\EDUCACAO EMPRESARIAL\FERNANDA\ADEVILSON GABRIEL LINDEMBERG EVANGELISTA.wav</t>
  </si>
  <si>
    <t>12/20/2019 09:41:15</t>
  </si>
  <si>
    <t>\\acsfs\Deptos\EDUCACAO EMPRESARIAL\FERNANDA\ADRIELE DAS GRACAS CARVALHO_1_6763101262393195376_1_32.wav</t>
  </si>
  <si>
    <t>12/20/2019 09:41:17</t>
  </si>
  <si>
    <t>\\acsfs\Deptos\EDUCACAO EMPRESARIAL\FERNANDA\ADRIELY APARECIDA SILVA_1_6763277914398078131_1_32.wav</t>
  </si>
  <si>
    <t>12/20/2019 09:41:19</t>
  </si>
  <si>
    <t>\\acsfs\Deptos\EDUCACAO EMPRESARIAL\FERNANDA\ALEXANDRE MILHOMEM MARACAIPE_1_6763597301051106181_1_32.wav</t>
  </si>
  <si>
    <t>12/20/2019 09:41:20</t>
  </si>
  <si>
    <t>\\acsfs\Deptos\EDUCACAO EMPRESARIAL\FERNANDA\ALICE CRISPINA PEREIRA BARBOSA COELHO_1_6763972805746835442_1_32.wav</t>
  </si>
  <si>
    <t>\\acsfs\Deptos\EDUCACAO EMPRESARIAL\FERNANDA\ALYNY ALVES_1_6763663611051186908_1_32.wav</t>
  </si>
  <si>
    <t>12/20/2019 09:41:21</t>
  </si>
  <si>
    <t>\\acsfs\Deptos\EDUCACAO EMPRESARIAL\FERNANDA\ANDRESSA GOMES RODRIGUES_1_6763938991469306920_1_32.wav</t>
  </si>
  <si>
    <t>12/20/2019 09:41:22</t>
  </si>
  <si>
    <t>\\acsfs\Deptos\EDUCACAO EMPRESARIAL\FERNANDA\ANDRESSA MACEDO FERREIRA_1_6764023164238380311_1_32.wav</t>
  </si>
  <si>
    <t>12/20/2019 09:41:23</t>
  </si>
  <si>
    <t>\\acsfs\Deptos\EDUCACAO EMPRESARIAL\FERNANDA\BEATRIZ PEREIRA MENDES DA SILVA_1_6764334996043930115_1_32.wav</t>
  </si>
  <si>
    <t>12/20/2019 09:41:24</t>
  </si>
  <si>
    <t>\\acsfs\Deptos\EDUCACAO EMPRESARIAL\FERNANDA\BRUNA ASSUNCAO ROSA_1_6763284477108099071_1_32.wav</t>
  </si>
  <si>
    <t>12/20/2019 09:41:25</t>
  </si>
  <si>
    <t>\\acsfs\Deptos\EDUCACAO EMPRESARIAL\FERNANDA\BRUNO GONCALVES DA SILVA_1_6763673197418189643_1_32.wav</t>
  </si>
  <si>
    <t>12/20/2019 09:41:27</t>
  </si>
  <si>
    <t>\\acsfs\Deptos\EDUCACAO EMPRESARIAL\FERNANDA\CINTIA DA COSTA FERREIRA_1_6764356698513674872_1_32.wav</t>
  </si>
  <si>
    <t>12/20/2019 09:41:37</t>
  </si>
  <si>
    <t>\\acsfs\Deptos\EDUCACAO EMPRESARIAL\FERNANDA\CINTIA DE JESUS LIMA_1_6764096492215012089_1_32.wav</t>
  </si>
  <si>
    <t>12/20/2019 09:41:50</t>
  </si>
  <si>
    <t>\\acsfs\Deptos\EDUCACAO EMPRESARIAL\FERNANDA\CLAUDIA JANAINA CELESTE DE ANDRADE_1_6763614751503223088_1_32.wav</t>
  </si>
  <si>
    <t>12/20/2019 09:41:52</t>
  </si>
  <si>
    <t>\\acsfs\Deptos\EDUCACAO EMPRESARIAL\FERNANDA\DALVA DE FATIMA BRAGA_1_6763625853993682568_1_32.wav</t>
  </si>
  <si>
    <t>12/20/2019 09:41:54</t>
  </si>
  <si>
    <t>\\acsfs\Deptos\EDUCACAO EMPRESARIAL\FERNANDA\DANIEL MARINHO LIMA DA SILVA_1_6764027639594292020_1_32.wav</t>
  </si>
  <si>
    <t>12/20/2019 09:41:55</t>
  </si>
  <si>
    <t>\\acsfs\Deptos\EDUCACAO EMPRESARIAL\FERNANDA\DEBORA CARLA TEIXEIRA RODRIGUES_1_6763940237009823692_1_32.wav</t>
  </si>
  <si>
    <t>12/20/2019 09:41:57</t>
  </si>
  <si>
    <t>\\acsfs\Deptos\EDUCACAO EMPRESARIAL\FERNANDA\DHIULLIANA NETO APARECIDO DE SOUZA_1_6763573043075820695_1_32.wav</t>
  </si>
  <si>
    <t>12/20/2019 09:42:00</t>
  </si>
  <si>
    <t>\\acsfs\Deptos\EDUCACAO EMPRESARIAL\FERNANDA\EDUARDO FREITAS SIMOES_1_6763587194993060534_1_32.wav</t>
  </si>
  <si>
    <t>12/20/2019 09:42:03</t>
  </si>
  <si>
    <t>\\acsfs\Deptos\EDUCACAO EMPRESARIAL\FERNANDA\ERICA LUZIANA SILVA RIBEIRO_1_6764070958634447196_1_32.wav</t>
  </si>
  <si>
    <t>\\acsfs\Deptos\EDUCACAO EMPRESARIAL\FERNANDA\FABIANA FONTINELE VERAS_1_6764114853200213347_1_32.wav</t>
  </si>
  <si>
    <t>12/20/2019 09:42:05</t>
  </si>
  <si>
    <t>\\acsfs\Deptos\EDUCACAO EMPRESARIAL\FERNANDA\FABIANO BRUNO MENDES FILHO_1_6764108582547957905_1_32.wav</t>
  </si>
  <si>
    <t>\\acsfs\Deptos\EDUCACAO EMPRESARIAL\FERNANDA\FELIPE TOMAZ DA SILVA_1_6764403681160922810_1_32.wav</t>
  </si>
  <si>
    <t>12/20/2019 09:42:06</t>
  </si>
  <si>
    <t>\\acsfs\Deptos\EDUCACAO EMPRESARIAL\FERNANDA\FERNANDO FREITAS SILVA_1_6764415187378309398_1_32.wav</t>
  </si>
  <si>
    <t>12/20/2019 09:42:08</t>
  </si>
  <si>
    <t>\\acsfs\Deptos\EDUCACAO EMPRESARIAL\FERNANDA\FLAVIO JUNIO MENDES MOREIRA_1_6764016880701219589_1_32.wav</t>
  </si>
  <si>
    <t>12/20/2019 09:42:09</t>
  </si>
  <si>
    <t>\\acsfs\Deptos\EDUCACAO EMPRESARIAL\FERNANDA\FRANCISLAYNE ASSUMPCAO DE SOUSA_1_6764356303376683084_1_32.wav</t>
  </si>
  <si>
    <t>\\acsfs\Deptos\EDUCACAO EMPRESARIAL\FERNANDA\GABRIELA FERREIRA FRAGA_1_6763239903937503888_1_32.wav</t>
  </si>
  <si>
    <t>12/20/2019 09:42:11</t>
  </si>
  <si>
    <t>\\acsfs\Deptos\EDUCACAO EMPRESARIAL\FERNANDA\GEOVANA ALINE SANTOS E SILVA_1_6763254536891087117_1_32.wav</t>
  </si>
  <si>
    <t>\\acsfs\Deptos\EDUCACAO EMPRESARIAL\FERNANDA\GUSTAVO MOURA RODRIGUES_1_6764067947862369330_1_32.wav</t>
  </si>
  <si>
    <t>12/20/2019 09:42:12</t>
  </si>
  <si>
    <t>\\acsfs\Deptos\EDUCACAO EMPRESARIAL\FERNANDA\HENRIQUE HUMBERTO MARCELINO DE OLIVEIRA_1_6764016236456124412_1_32.wav</t>
  </si>
  <si>
    <t>\\acsfs\Deptos\EDUCACAO EMPRESARIAL\FERNANDA\ISABEL DIAS SOARES TELES_1_6764016236456124412_1_32.wav</t>
  </si>
  <si>
    <t>12/20/2019 09:42:14</t>
  </si>
  <si>
    <t>\\acsfs\Deptos\EDUCACAO EMPRESARIAL\FERNANDA\ISABELLE GOMES TEIXEIRA DOS SANTOS_1_6764396426961165311_1_32.wav</t>
  </si>
  <si>
    <t>\\acsfs\Deptos\EDUCACAO EMPRESARIAL\FERNANDA\JALILE BARBARA DA SILVA_1_6763298139399073873_1_32.wav</t>
  </si>
  <si>
    <t>12/20/2019 09:42:15</t>
  </si>
  <si>
    <t>\\acsfs\Deptos\EDUCACAO EMPRESARIAL\FERNANDA\JAQUELINE COIMBRA PERES_1_6763324360174406748_1_32.wav</t>
  </si>
  <si>
    <t>12/20/2019 09:42:16</t>
  </si>
  <si>
    <t>\\acsfs\Deptos\EDUCACAO EMPRESARIAL\FERNANDA\JESSICA DE ALMEIDA GOMES_1_6766245801224120244_1_32.wav</t>
  </si>
  <si>
    <t>12/20/2019 09:42:17</t>
  </si>
  <si>
    <t>\\acsfs\Deptos\EDUCACAO EMPRESARIAL\FERNANDA\JESSICA FERREIRA CARVALHO_1_6763969971068415974_1_32.wav</t>
  </si>
  <si>
    <t>\\acsfs\Deptos\EDUCACAO EMPRESARIAL\FERNANDA\JONATAN LOURENCO DE SOUZA_1_6763571071685830177_1_32.wav</t>
  </si>
  <si>
    <t>\\acsfs\Deptos\EDUCACAO EMPRESARIAL\FERNANDA\JOSE ROSA DE SOUZA NETO_1_6763673815893481115_1_32.wav</t>
  </si>
  <si>
    <t>12/20/2019 09:42:18</t>
  </si>
  <si>
    <t>\\acsfs\Deptos\EDUCACAO EMPRESARIAL\FERNANDA\KAMILLA CAROLINA RODRIGUES_1_6763666351240326042_1_32.wav</t>
  </si>
  <si>
    <t>12/20/2019 09:42:20</t>
  </si>
  <si>
    <t>\\acsfs\Deptos\EDUCACAO EMPRESARIAL\FERNANDA\KELLZYLENNE APARECIDA SILVA RABELO_1_6764034155059689411_1_32.wav</t>
  </si>
  <si>
    <t>12/20/2019 09:42:21</t>
  </si>
  <si>
    <t>\\acsfs\Deptos\EDUCACAO EMPRESARIAL\FERNANDA\LAYLA APARECIDA MACEDO SILVEIRA_1_6763666351240326042_1_32.wav</t>
  </si>
  <si>
    <t>12/20/2019 09:42:22</t>
  </si>
  <si>
    <t>\\acsfs\Deptos\EDUCACAO EMPRESARIAL\FERNANDA\LEANDRO MORAIS SANTOS_1_6764515092612580714_1_32.wav</t>
  </si>
  <si>
    <t>12/20/2019 09:42:24</t>
  </si>
  <si>
    <t>\\acsfs\Deptos\EDUCACAO EMPRESARIAL\FERNANDA\LEONARDO COSTA BARROS_1_6763348746998721619_1_32.wav</t>
  </si>
  <si>
    <t>12/20/2019 09:42:26</t>
  </si>
  <si>
    <t>\\acsfs\Deptos\EDUCACAO EMPRESARIAL\FERNANDA\LORRAYNE VALENTINO AMANCIO_1_6764007818320216196_1_32.wav</t>
  </si>
  <si>
    <t>12/20/2019 09:46:41</t>
  </si>
  <si>
    <t>12/20/2019 09:41:48</t>
  </si>
  <si>
    <t>\\acsfs\DEPTOS\Operacao\Banco_Votorantim\Qualidade\Paulo\Farol de Qualidade\OUTUBBRO\RELATORIO PARA FAROL.xlsx\</t>
  </si>
  <si>
    <t>\\acsfs\DEPTOS\Operacao\Banco_Votorantim\Qualidade\Paulo\Farol de Qualidade\DEZEMBRO\RELATORIO PARA FAROL.xlsx</t>
  </si>
  <si>
    <t>\\acsfs\DEPTOS\Operacao\Banco_Votorantim\Qualidade\Paulo\Farol de Qualidade\OUTUBBRO\</t>
  </si>
  <si>
    <t>RELATORIO PARA FAROL.xlsx</t>
  </si>
  <si>
    <t>Dimensionamento_outubro.xlsx</t>
  </si>
  <si>
    <t>\\acsfs\DEPTOS\Operacao\Banco_Votorantim\Qualidade\Paulo\Farol de Qualidade\DEZEMBRO\Dimensionamento_outubro.xlsx</t>
  </si>
  <si>
    <t>\\acsfs\DEPTOS\Operacao\Banco_Votorantim\Qualidade\Paulo\Farol de Qualidade\DEZEMBRO\Dimensionamento_outubro.xlsx\</t>
  </si>
  <si>
    <t>\\acsfs\DEPTOS\Operacao\Banco_Votorantim\Qualidade\Paulo\Farol de Qualidade\DEZEMBRO\Dimensionamento_outubro.xlsx\:Zone.Identifier:$DATA</t>
  </si>
  <si>
    <t>Farol de qualidade.pptx</t>
  </si>
  <si>
    <t>\\acsfs\DEPTOS\Operacao\Banco_Votorantim\Qualidade\Paulo\Farol de Qualidade\DEZEMBRO\Farol de qualidade.pptx</t>
  </si>
  <si>
    <t>12/20/2019 09:42:25</t>
  </si>
  <si>
    <t>\\acsfs\DEPTOS\Operacao\Banco_Votorantim\Qualidade\Paulo\Farol de Qualidade\DEZEMBRO\Resultado.xls</t>
  </si>
  <si>
    <t>12/20/2019 09:43:43</t>
  </si>
  <si>
    <t>\\udpnp2sc02\g\restore\ticket_862484_TELA\G\Storage3\udpnp2ap02\32\2019\2\7\SC_Storage center\667400\</t>
  </si>
  <si>
    <t>SC_1_6655261518423201680_6655261533443012147_89373141.zip</t>
  </si>
  <si>
    <t>\\udpnp2sc02\g\restore\ticket_862484_TELA\G\Storage3\udpnp2ap02\32\2019\2\7\SC_Storage center\667400\SC_1_6655261518423201680_6655261533443012147_89373141.zip</t>
  </si>
  <si>
    <t>12/20/2019 09:44:14</t>
  </si>
  <si>
    <t>\\acsfs\DEPTOS\Operacao\Banco_Votorantim\Qualidade\Paulo\MONITORIAS DEZEMBRO\</t>
  </si>
  <si>
    <t>MONITORIAS_3º_CICLO_CRBV.txt</t>
  </si>
  <si>
    <t>\\acsfs\DEPTOS\Operacao\Banco_Votorantim\Qualidade\Paulo\MONITORIAS DEZEMBRO\MONITORIAS_3º_CICLO_CRBV.txt</t>
  </si>
  <si>
    <t>12/20/2019 09:45:09</t>
  </si>
  <si>
    <t>\\acsfs\DEPTOS\Operacao\Banco_Votorantim\Qualidade\Paulo\Farol de Qualidade\DEZEMBRO\</t>
  </si>
  <si>
    <t>Não confirmado 927367.crdownload</t>
  </si>
  <si>
    <t>\\acsfs\DEPTOS\Operacao\Banco_Votorantim\Qualidade\Paulo\Farol de Qualidade\DEZEMBRO\Não confirmado 927367.crdownload</t>
  </si>
  <si>
    <t>12/20/2019 09:45:12</t>
  </si>
  <si>
    <t>DIMENSIONAMENTO.xlsx:Zone.Identifier</t>
  </si>
  <si>
    <t>\\acsfs\DEPTOS\Operacao\Banco_Votorantim\Qualidade\Paulo\Farol de Qualidade\DEZEMBRO\DIMENSIONAMENTO.xlsx:Zone.Identifier</t>
  </si>
  <si>
    <t>12/20/2019 09:46:22</t>
  </si>
  <si>
    <t>RESULTADO.xls</t>
  </si>
  <si>
    <t>\\acsfs\DEPTOS\Operacao\Banco_Votorantim\Qualidade\Paulo\Farol de Qualidade\DEZEMBRO\RESULTADO.xls</t>
  </si>
  <si>
    <t>12/20/2019 09:46:23</t>
  </si>
  <si>
    <t>12/20/2019 09:47:41</t>
  </si>
  <si>
    <t>12/20/2019 09:46:42</t>
  </si>
  <si>
    <t>12/20/2019 09:42:40</t>
  </si>
  <si>
    <t>12/20/2019 09:45:59</t>
  </si>
  <si>
    <t>12/20/2019 09:42:52</t>
  </si>
  <si>
    <t>12/20/2019 09:43:42</t>
  </si>
  <si>
    <t>12/20/2019 09:49:41</t>
  </si>
  <si>
    <t>12/20/2019 09:44:12</t>
  </si>
  <si>
    <t>12/20/2019 09:45:42</t>
  </si>
  <si>
    <t>12/19/2019 22:44:12</t>
  </si>
  <si>
    <t>C:\$Recycle.Bin\S-1-5-21-602162358-764733703-839522115-212263\$RC3RIWO\</t>
  </si>
  <si>
    <t>F:\Drive H\Algar Tech\00.Desktop\GRU2 Energy Billing\GRU-2 Energy Consumption.xlsx</t>
  </si>
  <si>
    <t>C:\$Recycle.Bin\S-1-5-21-602162358-764733703-839522115-212263\$RC3RIWO\Draft\</t>
  </si>
  <si>
    <t>GRU-2 Energy Consumption_antigo.xlsx</t>
  </si>
  <si>
    <t>F:\Drive H\Algar Tech\00.Desktop\GRU2 Energy Billing\Draft\GRU-2 Energy Consumption_antigo.xlsx</t>
  </si>
  <si>
    <t>12/19/2019 22:44:13</t>
  </si>
  <si>
    <t>GRU-2 Energy Consumption_modelo_proposta.xlsx</t>
  </si>
  <si>
    <t>F:\Drive H\Algar Tech\00.Desktop\GRU2 Energy Billing\Draft\GRU-2 Energy Consumption_modelo_proposta.xlsx</t>
  </si>
  <si>
    <t>GRU-2 Energy Consumption_proposta_racional.xlsx</t>
  </si>
  <si>
    <t>F:\Drive H\Algar Tech\00.Desktop\GRU2 Energy Billing\Draft\GRU-2 Energy Consumption_proposta_racional.xlsx</t>
  </si>
  <si>
    <t>GRU-2 Energy Consumption_rev1.xlsx</t>
  </si>
  <si>
    <t>F:\Drive H\Algar Tech\00.Desktop\GRU2 Energy Billing\Draft\GRU-2 Energy Consumption_rev1.xlsx</t>
  </si>
  <si>
    <t>12/19/2019 22:44:14</t>
  </si>
  <si>
    <t>MEDIÇAÕ FEV 19 - CONTRATO Nº 004_2016.xlsx</t>
  </si>
  <si>
    <t>F:\Drive H\Algar Tech\00.Desktop\GRU2 Energy Billing\Draft\MEDIÇAÕ FEV 19 - CONTRATO Nº 004_2016.xlsx</t>
  </si>
  <si>
    <t>F:\Drive H\Algar Tech\00.Desktop\Status Amazon MWO.pptx\</t>
  </si>
  <si>
    <t>F:\Drive H\Algar Tech\00.Desktop\Status Amazon MWO.pptx</t>
  </si>
  <si>
    <t>12/19/2019 22:44:27</t>
  </si>
  <si>
    <t>F:\Drive H\Algar Tech\00.Desktop\</t>
  </si>
  <si>
    <t>F:\Drive H\Algar Tech\00.Desktop\2018-06 _A100 Energy Bil-TOTAL CAMPINAS.xlsx</t>
  </si>
  <si>
    <t>12/19/2019 22:44:28</t>
  </si>
  <si>
    <t>A100 Eficiencia Energia.xlsx</t>
  </si>
  <si>
    <t>F:\Drive H\Algar Tech\00.Desktop\A100 Eficiencia Energia.xlsx</t>
  </si>
  <si>
    <t>Analitico com Rateio EBIT.xls</t>
  </si>
  <si>
    <t>F:\Drive H\Algar Tech\00.Desktop\Analitico com Rateio EBIT.xls</t>
  </si>
  <si>
    <t>12/19/2019 22:44:31</t>
  </si>
  <si>
    <t>Clientes x Contatos ITO - A100.xlsx</t>
  </si>
  <si>
    <t>F:\Drive H\Algar Tech\00.Desktop\Clientes x Contatos ITO - A100.xlsx</t>
  </si>
  <si>
    <t>12/19/2019 22:44:32</t>
  </si>
  <si>
    <t>Preco_ProjetoExecutivoSPOF_V3.xlsb</t>
  </si>
  <si>
    <t>F:\Drive H\Algar Tech\00.Desktop\Preco_ProjetoExecutivoSPOF_V3.xlsb</t>
  </si>
  <si>
    <t>Razao Contabil.xls</t>
  </si>
  <si>
    <t>F:\Drive H\Algar Tech\00.Desktop\Razao Contabil.xls</t>
  </si>
  <si>
    <t>F:\Drive H\Algar Tech\00.Desktop\relatorio_gabriel3.xlsx</t>
  </si>
  <si>
    <t>C:\$Recycle.Bin\S-1-5-21-602162358-764733703-839522115-212263\$RN5YWHN\</t>
  </si>
  <si>
    <t>Detalhe_RL_Majoração.xlsb</t>
  </si>
  <si>
    <t>F:\Drive H\Algar Tech\00.Desktop\Impostos\Detalhe_RL_Majoração.xlsb</t>
  </si>
  <si>
    <t>12/19/2019 22:45:46</t>
  </si>
  <si>
    <t>C:\$Recycle.Bin\S-1-5-21-602162358-764733703-839522115-212263\$RPEP7GK\</t>
  </si>
  <si>
    <t>Visão Executiva Custo Consumo Receita A100 Energia Atualizada2.xlsx</t>
  </si>
  <si>
    <t>F:\Drive H\Algar Tech\00.Desktop\GRU2 CRAC Capacity\Visão Executiva Custo Consumo Receita A100 Energia Atualizada2.xlsx</t>
  </si>
  <si>
    <t>12/19/2019 22:50:55</t>
  </si>
  <si>
    <t>E:\</t>
  </si>
  <si>
    <t>Sistema de Precificação Data Center V13 -09 03 2015.xlsb</t>
  </si>
  <si>
    <t>F:\Drive H\Algar Tech\Sistema de Precificação Data Center V13 -09 03 2015.xlsb</t>
  </si>
  <si>
    <t>12/19/2019 22:51:26</t>
  </si>
  <si>
    <t>E:\Fusion\2019\</t>
  </si>
  <si>
    <t>Apuração 1º Tri - Gabriel Storti.xlsx</t>
  </si>
  <si>
    <t>F:\Drive H\Algar Tech\Fusion\2019\Apuração 1º Tri - Gabriel Storti.xlsx</t>
  </si>
  <si>
    <t>E:\Fusion\2019\Arquivo de Metas - New.msg\s1\</t>
  </si>
  <si>
    <t>New_Gabriel Storti.xlsx</t>
  </si>
  <si>
    <t>F:\Drive H\Algar Tech\Fusion\2019\Arquivo de Metas - New.msg</t>
  </si>
  <si>
    <t>E:\Fusion\2019\Extrato de Apuração 2019.msg\s1\</t>
  </si>
  <si>
    <t>F:\Drive H\Algar Tech\Fusion\2019\Extrato de Apuração 2019.msg</t>
  </si>
  <si>
    <t>E:\Fusion\2019\Extrato do 2º Tri de 2019 .msg\s1\</t>
  </si>
  <si>
    <t>Gabriel Storti.xlsx</t>
  </si>
  <si>
    <t>F:\Drive H\Algar Tech\Fusion\2019\Extrato do 2º Tri de 2019 .msg</t>
  </si>
  <si>
    <t>E:\Fusion\2019\Extrato Recálculo do 1º Tri de 2019 .msg\s1\</t>
  </si>
  <si>
    <t>RC1Tri - Gabriel Storti.xlsx</t>
  </si>
  <si>
    <t>F:\Drive H\Algar Tech\Fusion\2019\Extrato Recálculo do 1º Tri de 2019 .msg</t>
  </si>
  <si>
    <t>12/19/2019 22:51:27</t>
  </si>
  <si>
    <t>Gabriel Storti - 1.xlsx</t>
  </si>
  <si>
    <t>F:\Drive H\Algar Tech\Fusion\2019\Gabriel Storti - 1.xlsx</t>
  </si>
  <si>
    <t>Gabriel Storti - 2 trimestre.xlsx</t>
  </si>
  <si>
    <t>F:\Drive H\Algar Tech\Fusion\2019\Gabriel Storti - 2 trimestre.xlsx</t>
  </si>
  <si>
    <t>Gabriel Storti - 3 trimestre.xlsx</t>
  </si>
  <si>
    <t>F:\Drive H\Algar Tech\Fusion\2019\Gabriel Storti - 3 trimestre.xlsx</t>
  </si>
  <si>
    <t>F:\Drive H\Algar Tech\Fusion\2019\New_Gabriel Storti.xlsx</t>
  </si>
  <si>
    <t>12/19/2019 22:51:29</t>
  </si>
  <si>
    <t>Pré-Apuração Junho_Gabriel.xlsx</t>
  </si>
  <si>
    <t>F:\Drive H\Algar Tech\Fusion\2019\Pré-Apuração Junho_Gabriel.xlsx</t>
  </si>
  <si>
    <t>Resultado.xlsx</t>
  </si>
  <si>
    <t>F:\Drive H\Algar Tech\Fusion\2019\Resultado.xlsx</t>
  </si>
  <si>
    <t>12/19/2019 22:51:30</t>
  </si>
  <si>
    <t>Resultado_anotacoes.xlsx</t>
  </si>
  <si>
    <t>F:\Drive H\Algar Tech\Fusion\2019\Resultado_anotacoes.xlsx</t>
  </si>
  <si>
    <t>12/19/2019 22:51:31</t>
  </si>
  <si>
    <t>E:\Materiais de Trabalho\Telefones Conferencia\</t>
  </si>
  <si>
    <t>Formulário RETIRADA DE ATIVO.xlsx</t>
  </si>
  <si>
    <t>F:\Drive H\Algar Tech\Materiais de Trabalho\Telefones Conferencia\Formulário RETIRADA DE ATIVO.xlsx</t>
  </si>
  <si>
    <t>12/19/2019 22:51:32</t>
  </si>
  <si>
    <t>PMO Algar Tech - SOLICITAÇÃO DE CAPEX - TELEFONE CONFERENCIA.xlsx</t>
  </si>
  <si>
    <t>F:\Drive H\Algar Tech\Materiais de Trabalho\Telefones Conferencia\PMO Algar Tech - SOLICITAÇÃO DE CAPEX - TELEFONE CONFERENCIA.xlsx</t>
  </si>
  <si>
    <t>12/19/2019 22:51:38</t>
  </si>
  <si>
    <t>E:\Reembolso\2019.11\Seattle\</t>
  </si>
  <si>
    <t>F:\Drive H\Algar Tech\Reembolso\2019.11\Seattle\Controle de Ponto.xlsx</t>
  </si>
  <si>
    <t>12/19/2019 22:51:50</t>
  </si>
  <si>
    <t>E:\Fusion\2014 Pre-vendas\</t>
  </si>
  <si>
    <t>Apurações 2014.xlsx</t>
  </si>
  <si>
    <t>F:\Drive H\Algar Tech\Fusion\2014 Pre-vendas\Apurações 2014.xlsx</t>
  </si>
  <si>
    <t>12/19/2019 22:51:51</t>
  </si>
  <si>
    <t>Gestão Consolidada.xls</t>
  </si>
  <si>
    <t>F:\Drive H\Algar Tech\Fusion\2014 Pre-vendas\Gestão Consolidada.xls</t>
  </si>
  <si>
    <t>12/19/2019 22:51:59</t>
  </si>
  <si>
    <t>MB% Proposta v8_MC Com Depreciação.xlsx</t>
  </si>
  <si>
    <t>F:\Drive H\Algar Tech\Fusion\2014 Pre-vendas\MB% Proposta v8_MC Com Depreciação.xlsx</t>
  </si>
  <si>
    <t>Novo Sistema de Precificação Data Center _ V 07 05-08-14 .xlsb</t>
  </si>
  <si>
    <t>F:\Drive H\Algar Tech\Fusion\2014 Pre-vendas\Novo Sistema de Precificação Data Center _ V 07 05-08-14 .xlsb</t>
  </si>
  <si>
    <t>12/19/2019 22:52:00</t>
  </si>
  <si>
    <t>Novo Sistema de Precificação Data Center _ V 07 24-07-14 .xlsb</t>
  </si>
  <si>
    <t>F:\Drive H\Algar Tech\Fusion\2014 Pre-vendas\Novo Sistema de Precificação Data Center _ V 07 24-07-14 .xlsb</t>
  </si>
  <si>
    <t>12/19/2019 22:52:03</t>
  </si>
  <si>
    <t>Receita Incremental 2014.V1-Infraestrutura de TI.xls</t>
  </si>
  <si>
    <t>F:\Drive H\Algar Tech\Fusion\2014 Pre-vendas\Receita Incremental 2014.V1-Infraestrutura de TI.xls</t>
  </si>
  <si>
    <t>Receita Incremental 2014.V1-Infraestrutura de TI_2014.11.26.xls</t>
  </si>
  <si>
    <t>F:\Drive H\Algar Tech\Fusion\2014 Pre-vendas\Receita Incremental 2014.V1-Infraestrutura de TI_2014.11.26.xls</t>
  </si>
  <si>
    <t>12/19/2019 22:52:04</t>
  </si>
  <si>
    <t>Receita Incremental 2014.V1.xls</t>
  </si>
  <si>
    <t>F:\Drive H\Algar Tech\Fusion\2014 Pre-vendas\Receita Incremental 2014.V1.xls</t>
  </si>
  <si>
    <t>12/19/2019 22:52:05</t>
  </si>
  <si>
    <t>Vendas 2014 infra de TI.xls</t>
  </si>
  <si>
    <t>F:\Drive H\Algar Tech\Fusion\2014 Pre-vendas\Vendas 2014 infra de TI.xls</t>
  </si>
  <si>
    <t>12/19/2019 22:52:08</t>
  </si>
  <si>
    <t>Vendas Detalhado v4.xlsx</t>
  </si>
  <si>
    <t>F:\Drive H\Algar Tech\Fusion\2014 Pre-vendas\Vendas Detalhado v4.xlsx</t>
  </si>
  <si>
    <t>E:\Fusion\2014 Pre-vendas\0.Fechamento 2014\</t>
  </si>
  <si>
    <t>Cópia de Prévia - Incremental total 2014 - para coordenadores_Data Center.xlsx</t>
  </si>
  <si>
    <t>F:\Drive H\Algar Tech\Fusion\2014 Pre-vendas\0.Fechamento 2014\Cópia de Prévia - Incremental total 2014 - para coordenadores_Data Center.xlsx</t>
  </si>
  <si>
    <t>12/19/2019 22:52:09</t>
  </si>
  <si>
    <t>Gabriel Storti - Política 2014.xlsx</t>
  </si>
  <si>
    <t>F:\Drive H\Algar Tech\Fusion\2014 Pre-vendas\0.Fechamento 2014\Gabriel Storti - Política 2014.xlsx</t>
  </si>
  <si>
    <t>Opps Amazon.xlsx</t>
  </si>
  <si>
    <t>F:\Drive H\Algar Tech\Fusion\2014 Pre-vendas\0.Fechamento 2014\Opps Amazon.xlsx</t>
  </si>
  <si>
    <t>Prévia - Incremental total 2014 - Gabriel Storti.xlsx</t>
  </si>
  <si>
    <t>F:\Drive H\Algar Tech\Fusion\2014 Pre-vendas\0.Fechamento 2014\Prévia - Incremental total 2014 - Gabriel Storti.xlsx</t>
  </si>
  <si>
    <t>Prévia - Incremental total 2014 - para coordenadores.xlsx</t>
  </si>
  <si>
    <t>F:\Drive H\Algar Tech\Fusion\2014 Pre-vendas\0.Fechamento 2014\Prévia - Incremental total 2014 - para coordenadores.xlsx</t>
  </si>
  <si>
    <t>12/19/2019 22:52:10</t>
  </si>
  <si>
    <t>E:\Fusion\2014 Pre-vendas\Draft\</t>
  </si>
  <si>
    <t>F:\Drive H\Algar Tech\Fusion\2014 Pre-vendas\Draft\Receita Incremental 2014.V1.xls</t>
  </si>
  <si>
    <t>12/19/2019 22:52:17</t>
  </si>
  <si>
    <t>E:\Fusion\2017\</t>
  </si>
  <si>
    <t>Atingimento.xlsx</t>
  </si>
  <si>
    <t>F:\Drive H\Algar Tech\Fusion\2017\Atingimento.xlsx</t>
  </si>
  <si>
    <t>12/19/2019 22:52:20</t>
  </si>
  <si>
    <t>Comissão Força de Vendas - Anual - Gabriel Storti.xlsb</t>
  </si>
  <si>
    <t>F:\Drive H\Algar Tech\Fusion\2017\Comissão Força de Vendas - Anual - Gabriel Storti.xlsb</t>
  </si>
  <si>
    <t>12/19/2019 22:52:23</t>
  </si>
  <si>
    <t>Comissão Força de Vendas - Anual - Gabriel Storti_rev1.xlsb</t>
  </si>
  <si>
    <t>F:\Drive H\Algar Tech\Fusion\2017\Comissão Força de Vendas - Anual - Gabriel Storti_rev1.xlsb</t>
  </si>
  <si>
    <t>12/20/2019 09:45:16</t>
  </si>
  <si>
    <t>12/19/2019 22:52:45</t>
  </si>
  <si>
    <t>E:\Fusion\2017\ENC Comissão Gabriel.msg\s1\</t>
  </si>
  <si>
    <t>Comissão Força de Vendas - 1º Tri - Gabriel Storti.xlsb</t>
  </si>
  <si>
    <t>F:\Drive H\Algar Tech\Fusion\2017\ENC Comissão Gabriel.msg</t>
  </si>
  <si>
    <t>Comissão Força de Vendas - 2º Tri - Gabriel Storti.xlsb</t>
  </si>
  <si>
    <t>Meritocracia - Storti.xlsb</t>
  </si>
  <si>
    <t>12/19/2019 22:52:46</t>
  </si>
  <si>
    <t>E:\Fusion\2017\ENC Comissão Gabriel.msg\s221\</t>
  </si>
  <si>
    <t>Comissão Força de Vendas - Anual - Gabriel.xlsb</t>
  </si>
  <si>
    <t>12/19/2019 22:52:47</t>
  </si>
  <si>
    <t>E:\Fusion\2017\Meta Farmer 2017.msg\s1\</t>
  </si>
  <si>
    <t>Metas Farmers Infra TI v2.xlsx</t>
  </si>
  <si>
    <t>F:\Drive H\Algar Tech\Fusion\2017\Meta Farmer 2017.msg</t>
  </si>
  <si>
    <t>F:\Drive H\Algar Tech\Fusion\2017\Metas Farmers Infra TI v2.xlsx</t>
  </si>
  <si>
    <t>12/19/2019 22:52:48</t>
  </si>
  <si>
    <t>Projecao Meta Gabriel Infra TI v2.xlsx</t>
  </si>
  <si>
    <t>F:\Drive H\Algar Tech\Fusion\2017\Projecao Meta Gabriel Infra TI v2.xlsx</t>
  </si>
  <si>
    <t>12/19/2019 22:52:52</t>
  </si>
  <si>
    <t>E:\Fusion\2017\RES Comissão Gabriel.msg\s1\</t>
  </si>
  <si>
    <t>F:\Drive H\Algar Tech\Fusion\2017\RES Comissão Gabriel.msg</t>
  </si>
  <si>
    <t>12/19/2019 22:52:55</t>
  </si>
  <si>
    <t>E:\Fusion\2017\Clenner\</t>
  </si>
  <si>
    <t>F:\Drive H\Algar Tech\Fusion\2017\Clenner\Comissão Força de Vendas - 1º Tri - Gabriel Storti.xlsb</t>
  </si>
  <si>
    <t>12/19/2019 22:52:59</t>
  </si>
  <si>
    <t>F:\Drive H\Algar Tech\Fusion\2017\Clenner\Comissão Força de Vendas - 2º Tri - Gabriel Storti.xlsb</t>
  </si>
  <si>
    <t>12/19/2019 22:53:02</t>
  </si>
  <si>
    <t>F:\Drive H\Algar Tech\Fusion\2017\Clenner\Comissão Força de Vendas - Anual - Gabriel Storti.xlsb</t>
  </si>
  <si>
    <t>F:\Drive H\Algar Tech\Fusion\2017\Clenner\Meritocracia - Storti.xlsb</t>
  </si>
  <si>
    <t>12/19/2019 22:53:07</t>
  </si>
  <si>
    <t>E:\Fusion\2017\Clenner\RES Comissão Gabriel.msg\s79\</t>
  </si>
  <si>
    <t>F:\Drive H\Algar Tech\Fusion\2017\Clenner\RES Comissão Gabriel.msg</t>
  </si>
  <si>
    <t>E:\Fusion\2017\Objetivos 1 Semestre\</t>
  </si>
  <si>
    <t>2017_Objetivos de contribuição Geral_v12.xlsx</t>
  </si>
  <si>
    <t>F:\Drive H\Algar Tech\Fusion\2017\Objetivos 1 Semestre\2017_Objetivos de contribuição Geral_v12.xlsx</t>
  </si>
  <si>
    <t>12/19/2019 22:53:08</t>
  </si>
  <si>
    <t>E:\Fusion\2017\Q2.2017\</t>
  </si>
  <si>
    <t>F:\Drive H\Algar Tech\Fusion\2017\Q2.2017\GABRIEL JOSE STORTI.xlsx</t>
  </si>
  <si>
    <t>12/19/2019 22:53:09</t>
  </si>
  <si>
    <t>E:\Fusion\2018\</t>
  </si>
  <si>
    <t>0.Meta Gabriel final.xlsx</t>
  </si>
  <si>
    <t>F:\Drive H\Algar Tech\Fusion\2018\0.Meta Gabriel final.xlsx</t>
  </si>
  <si>
    <t>Apuracao Comissao 2018 - Gabriel.xlsx</t>
  </si>
  <si>
    <t>F:\Drive H\Algar Tech\Fusion\2018\Apuracao Comissao 2018 - Gabriel.xlsx</t>
  </si>
  <si>
    <t>Comissão Força de Vendas - 1º Tri - 2018 - Gabriel.xlsb</t>
  </si>
  <si>
    <t>F:\Drive H\Algar Tech\Fusion\2018\Comissão Força de Vendas - 1º Tri - 2018 - Gabriel.xlsb</t>
  </si>
  <si>
    <t>12/19/2019 22:53:15</t>
  </si>
  <si>
    <t>Comissão Força de Vendas - 2018.xlsb</t>
  </si>
  <si>
    <t>F:\Drive H\Algar Tech\Fusion\2018\Comissão Força de Vendas - 2018.xlsb</t>
  </si>
  <si>
    <t>12/19/2019 22:53:19</t>
  </si>
  <si>
    <t>Comissão Força de Vendas - 2º Tri - 2018 - Gabriel Storti.xlsb</t>
  </si>
  <si>
    <t>F:\Drive H\Algar Tech\Fusion\2018\Comissão Força de Vendas - 2º Tri - 2018 - Gabriel Storti.xlsb</t>
  </si>
  <si>
    <t>12/19/2019 22:53:23</t>
  </si>
  <si>
    <t>Comissão Força de Vendas - 3º Tri - 2018 - OFICIAL FINAL - LUCAS MARQUES.xlsb</t>
  </si>
  <si>
    <t>F:\Drive H\Algar Tech\Fusion\2018\Comissão Força de Vendas - 3º Tri - 2018 - OFICIAL FINAL - LUCAS MARQUES.xlsb</t>
  </si>
  <si>
    <t>12/19/2019 22:53:26</t>
  </si>
  <si>
    <t>Comissão Força de Vendas - 4º Tri - 2018 V6 (ATS) - SF - LUCAS.xlsb</t>
  </si>
  <si>
    <t>F:\Drive H\Algar Tech\Fusion\2018\Comissão Força de Vendas - 4º Tri - 2018 V6 (ATS) - SF - LUCAS.xlsb</t>
  </si>
  <si>
    <t>12/19/2019 22:53:29</t>
  </si>
  <si>
    <t>Simulação Recálculo Gabriel Storti - ANUAL 2018 - SF.xlsx.xlsb</t>
  </si>
  <si>
    <t>F:\Drive H\Algar Tech\Fusion\2018\Simulação Recálculo Gabriel Storti - ANUAL 2018 - SF.xlsx.xlsb</t>
  </si>
  <si>
    <t>Simulação Recálculo Gabriel Storti - Consolidado - TRIMESTRE - 2018 - SF.xlsx</t>
  </si>
  <si>
    <t>F:\Drive H\Algar Tech\Fusion\2018\Simulação Recálculo Gabriel Storti - Consolidado - TRIMESTRE - 2018 - SF.xlsx</t>
  </si>
  <si>
    <t>12/20/2019 09:44:57</t>
  </si>
  <si>
    <t>E:\Fusion\2018\Draft\</t>
  </si>
  <si>
    <t>Meta Gabriel.xls</t>
  </si>
  <si>
    <t>F:\Drive H\Algar Tech\Fusion\2018\Draft\Meta Gabriel.xls</t>
  </si>
  <si>
    <t>12/19/2019 22:53:30</t>
  </si>
  <si>
    <t>Gabriel Storti (1).xlsx</t>
  </si>
  <si>
    <t>F:\Drive H\Algar Tech\Fusion\2019\Gabriel Storti (1).xlsx</t>
  </si>
  <si>
    <t>E:\Fusion\Comissao ate 2017\</t>
  </si>
  <si>
    <t>Comissao.xlsx</t>
  </si>
  <si>
    <t>F:\Drive H\Algar Tech\Fusion\Comissao ate 2017\Comissao.xlsx</t>
  </si>
  <si>
    <t>12/19/2019 22:53:31</t>
  </si>
  <si>
    <t>E:\Fusion\SDM 2016\</t>
  </si>
  <si>
    <t>Apuração Farmers_2ºsem2016_V2.xlsx</t>
  </si>
  <si>
    <t>F:\Drive H\Algar Tech\Fusion\SDM 2016\Apuração Farmers_2ºsem2016_V2.xlsx</t>
  </si>
  <si>
    <t>12/19/2019 22:53:38</t>
  </si>
  <si>
    <t>Evidências para Apuração dos Objetivos 2º sem 16_v2.xlsx</t>
  </si>
  <si>
    <t>F:\Drive H\Algar Tech\Fusion\SDM 2016\Evidências para Apuração dos Objetivos 2º sem 16_v2.xlsx</t>
  </si>
  <si>
    <t>E:\Fusion\SDM 2016\Evidências para Apuração dos Objetivos 2º sem 16_v2.xlsx\</t>
  </si>
  <si>
    <t>12/19/2019 22:53:39</t>
  </si>
  <si>
    <t>12/20/2019 09:50:40</t>
  </si>
  <si>
    <t>GABRIEL STORTI.xlsx</t>
  </si>
  <si>
    <t>F:\Drive H\Algar Tech\Fusion\SDM 2016\GABRIEL STORTI.xlsx</t>
  </si>
  <si>
    <t>Lista de Oportunidades Infra - Gabriel.xlsx</t>
  </si>
  <si>
    <t>F:\Drive H\Algar Tech\Fusion\SDM 2016\Lista de Oportunidades Infra - Gabriel.xlsx</t>
  </si>
  <si>
    <t>12/19/2019 22:53:50</t>
  </si>
  <si>
    <t>E:\Log de Itens de Prioridade\</t>
  </si>
  <si>
    <t>2012-11-09 Log de Itens de Prioridade - gs.xlsx</t>
  </si>
  <si>
    <t>F:\Drive H\Algar Tech\Log de Itens de Prioridade\2012-11-09 Log de Itens de Prioridade - gs.xlsx</t>
  </si>
  <si>
    <t>2012-11-11 Log de Itens de Prioridade - gs.xlsx</t>
  </si>
  <si>
    <t>F:\Drive H\Algar Tech\Log de Itens de Prioridade\2012-11-11 Log de Itens de Prioridade - gs.xlsx</t>
  </si>
  <si>
    <t>12/19/2019 22:54:07</t>
  </si>
  <si>
    <t>E:\Log de Itens de Prioridade CES A100\</t>
  </si>
  <si>
    <t>2012-11-29 Log de Itens de Prioridade CES A100 - gs.xlsx</t>
  </si>
  <si>
    <t>F:\Drive H\Algar Tech\Log de Itens de Prioridade CES A100\2012-11-29 Log de Itens de Prioridade CES A100 - gs.xlsx</t>
  </si>
  <si>
    <t>E:\00.Desktop\</t>
  </si>
  <si>
    <t>Algar Tech - Microsoft.xlsx</t>
  </si>
  <si>
    <t>F:\Drive H\Algar Tech\00.Desktop\Algar Tech - Microsoft.xlsx</t>
  </si>
  <si>
    <t>12/19/2019 22:54:08</t>
  </si>
  <si>
    <t>Categorias ITO_v4.xlsx</t>
  </si>
  <si>
    <t>F:\Drive H\Algar Tech\00.Desktop\Categorias ITO_v4.xlsx</t>
  </si>
  <si>
    <t>12/20/2019 09:45:32</t>
  </si>
  <si>
    <t>\\acsfs\Deptos\EDUCACAO EMPRESARIAL\</t>
  </si>
  <si>
    <t>\\acsfs\Deptos\EDUCACAO EMPRESARIAL\Thumbs.db</t>
  </si>
  <si>
    <t>12/20/2019 09:45:44</t>
  </si>
  <si>
    <t>\\acsfs\Deptos\EDUCACAO EMPRESARIAL\FERNANDA MONIT\Fernanda\ALERTA DE ATENDIMENTO (2).xlsx</t>
  </si>
  <si>
    <t>BANCO DE DADOS - OPERAÇÃO (2) 21-11.xlsx</t>
  </si>
  <si>
    <t>\\acsfs\Deptos\EDUCACAO EMPRESARIAL\FERNANDA MONIT\Fernanda\BANCO DE DADOS - OPERAÇÃO (2) 21-11.xlsx</t>
  </si>
  <si>
    <t>12/20/2019 09:45:45</t>
  </si>
  <si>
    <t>CPF 09259801702 Raimundo Neves da Silva.docx</t>
  </si>
  <si>
    <t>\\acsfs\Deptos\EDUCACAO EMPRESARIAL\FERNANDA MONIT\Fernanda\CPF 09259801702 Raimundo Neves da Silva.docx</t>
  </si>
  <si>
    <t>DISTRIBUIÇÃO DE MONITORIAS - MARIANE (version 1).xlsx</t>
  </si>
  <si>
    <t>\\acsfs\Deptos\EDUCACAO EMPRESARIAL\FERNANDA MONIT\Fernanda\DISTRIBUIÇÃO DE MONITORIAS - MARIANE (version 1).xlsx</t>
  </si>
  <si>
    <t>fone BV.txt</t>
  </si>
  <si>
    <t>\\acsfs\Deptos\EDUCACAO EMPRESARIAL\FERNANDA MONIT\Fernanda\fone BV.txt</t>
  </si>
  <si>
    <t>\\acsfs\Deptos\EDUCACAO EMPRESARIAL\FERNANDA MONIT\Fernanda\ILHA FLAG - ATUALIZADO Flag Contestação de Despesas.pdf</t>
  </si>
  <si>
    <t>12/20/2019 09:45:47</t>
  </si>
  <si>
    <t>ligação operador madrugada.docx</t>
  </si>
  <si>
    <t>\\acsfs\Deptos\EDUCACAO EMPRESARIAL\FERNANDA MONIT\Fernanda\ligação operador madrugada.docx</t>
  </si>
  <si>
    <t>12/20/2019 09:45:48</t>
  </si>
  <si>
    <t>MAPA OPERACIONAL 16102019 (2).xlsx</t>
  </si>
  <si>
    <t>\\acsfs\Deptos\EDUCACAO EMPRESARIAL\FERNANDA MONIT\Fernanda\MAPA OPERACIONAL 16102019 (2).xlsx</t>
  </si>
  <si>
    <t>12/19/2019 22:54:09</t>
  </si>
  <si>
    <t>Faturamento Antecipado Echostar - Fase 1.xlsx</t>
  </si>
  <si>
    <t>F:\Drive H\Algar Tech\00.Desktop\Faturamento Antecipado Echostar - Fase 1.xlsx</t>
  </si>
  <si>
    <t>MAPA OPERACIONAL BV CARTOES.xlsx</t>
  </si>
  <si>
    <t>\\acsfs\Deptos\EDUCACAO EMPRESARIAL\FERNANDA MONIT\Fernanda\MAPA OPERACIONAL BV CARTOES.xlsx</t>
  </si>
  <si>
    <t>Modelo de laudo (2).pdf</t>
  </si>
  <si>
    <t>\\acsfs\Deptos\EDUCACAO EMPRESARIAL\FERNANDA MONIT\Fernanda\Modelo de laudo (2).pdf</t>
  </si>
  <si>
    <t>Modelo de laudo (2).xlsx</t>
  </si>
  <si>
    <t>\\acsfs\Deptos\EDUCACAO EMPRESARIAL\FERNANDA MONIT\Fernanda\Modelo de laudo (2).xlsx</t>
  </si>
  <si>
    <t>\\acsfs\Deptos\EDUCACAO EMPRESARIAL\FERNANDA MONIT\Fernanda\Modelo Monitoria.txt</t>
  </si>
  <si>
    <t>MONITORIAS 29-11-19.txt</t>
  </si>
  <si>
    <t>\\acsfs\Deptos\EDUCACAO EMPRESARIAL\FERNANDA MONIT\Fernanda\MONITORIAS 29-11-19.txt</t>
  </si>
  <si>
    <t>OPERADORES QUE NAO CONSTAM LIGAÇÃO NO NICE.xlsx</t>
  </si>
  <si>
    <t>\\acsfs\Deptos\EDUCACAO EMPRESARIAL\FERNANDA MONIT\Fernanda\OPERADORES QUE NAO CONSTAM LIGAÇÃO NO NICE.xlsx</t>
  </si>
  <si>
    <t>12/20/2019 09:45:53</t>
  </si>
  <si>
    <t>Relatorio nome operador.csv</t>
  </si>
  <si>
    <t>\\acsfs\Deptos\EDUCACAO EMPRESARIAL\FERNANDA MONIT\Fernanda\Relatorio nome operador.csv</t>
  </si>
  <si>
    <t>12/20/2019 09:46:07</t>
  </si>
  <si>
    <t>SKIL URA - BV CARTÕES - 01-11-19 segundo ciclo.xlsb</t>
  </si>
  <si>
    <t>\\acsfs\Deptos\EDUCACAO EMPRESARIAL\FERNANDA MONIT\Fernanda\SKIL URA - BV CARTÕES - 01-11-19 segundo ciclo.xlsb</t>
  </si>
  <si>
    <t>VozADEVILSON GABRIEL LINDEMBERG EVANGELISTA16.docx</t>
  </si>
  <si>
    <t>\\acsfs\Deptos\EDUCACAO EMPRESARIAL\FERNANDA MONIT\Fernanda\VozADEVILSON GABRIEL LINDEMBERG EVANGELISTA16.docx</t>
  </si>
  <si>
    <t>VozTHYAGO SANTANA PASETTO17.docx</t>
  </si>
  <si>
    <t>\\acsfs\Deptos\EDUCACAO EMPRESARIAL\FERNANDA MONIT\Fernanda\VozTHYAGO SANTANA PASETTO17.docx</t>
  </si>
  <si>
    <t>~$NITORIA DEZEMBRO.docx</t>
  </si>
  <si>
    <t>\\acsfs\Deptos\EDUCACAO EMPRESARIAL\FERNANDA MONIT\Fernanda\~$NITORIA DEZEMBRO.docx</t>
  </si>
  <si>
    <t>\\acsfs\Deptos\Operacao\Banco_Votorantim\Qualidade\Fernanda\AUDITORIA DE VENDAS\</t>
  </si>
  <si>
    <t>Auditoria BV Cartões.xlsx</t>
  </si>
  <si>
    <t>\\acsfs\Deptos\EDUCACAO EMPRESARIAL\FERNANDA MONIT\Fernanda\AUDITORIA DE VENDAS\Auditoria BV Cartões.xlsx</t>
  </si>
  <si>
    <t>AUDITORIA DE VENDAS BV CARTÕES - OUTUBRO 2019 - FERNANDA.xlsx</t>
  </si>
  <si>
    <t>\\acsfs\Deptos\EDUCACAO EMPRESARIAL\FERNANDA MONIT\Fernanda\AUDITORIA DE VENDAS\AUDITORIA DE VENDAS BV CARTÕES - OUTUBRO 2019 - FERNANDA.xlsx</t>
  </si>
  <si>
    <t>\\acsfs\Deptos\Operacao\Banco_Votorantim\Qualidade\Fernanda\Fernanda Aparecida Borges\</t>
  </si>
  <si>
    <t>\\acsfs\Deptos\EDUCACAO EMPRESARIAL\FERNANDA MONIT\Fernanda\Fernanda Aparecida Borges\Auditoria BV Cartões.xlsx</t>
  </si>
  <si>
    <t>12/20/2019 09:46:08</t>
  </si>
  <si>
    <t>BANCO DE DADOS - OPERAÇÃO (1) 13-11-19.xlsx</t>
  </si>
  <si>
    <t>\\acsfs\Deptos\EDUCACAO EMPRESARIAL\FERNANDA MONIT\Fernanda\Fernanda Aparecida Borges\BANCO DE DADOS - OPERAÇÃO (1) 13-11-19.xlsx</t>
  </si>
  <si>
    <t>carteira habilitação fer.pdf</t>
  </si>
  <si>
    <t>\\acsfs\Deptos\EDUCACAO EMPRESARIAL\FERNANDA MONIT\Fernanda\Fernanda Aparecida Borges\carteira habilitação fer.pdf</t>
  </si>
  <si>
    <t>\\acsfs\Deptos\EDUCACAO EMPRESARIAL\FERNANDA MONIT\Fernanda\Fernanda Aparecida Borges\carteira habilitação fer.pdf\</t>
  </si>
  <si>
    <t>\\acsfs\Deptos\EDUCACAO EMPRESARIAL\FERNANDA MONIT\Fernanda\Fernanda Aparecida Borges\carteira habilitação fer.pdf\:Zone.Identifier:$DATA</t>
  </si>
  <si>
    <t>Central Cartão (3).xls</t>
  </si>
  <si>
    <t>\\acsfs\Deptos\EDUCACAO EMPRESARIAL\FERNANDA MONIT\Fernanda\Fernanda Aparecida Borges\Central Cartão (3).xls</t>
  </si>
  <si>
    <t>Check List CRCC_ NOVO_v2 (1).xls</t>
  </si>
  <si>
    <t>\\acsfs\Deptos\EDUCACAO EMPRESARIAL\FERNANDA MONIT\Fernanda\Fernanda Aparecida Borges\Check List CRCC_ NOVO_v2 (1).xls</t>
  </si>
  <si>
    <t>checklist cartao BV.xls</t>
  </si>
  <si>
    <t>\\acsfs\Deptos\EDUCACAO EMPRESARIAL\FERNANDA MONIT\Fernanda\Fernanda Aparecida Borges\checklist cartao BV.xls</t>
  </si>
  <si>
    <t>CPF DO CLIENTE 728.122.221-15 OPERADOR.xlsx</t>
  </si>
  <si>
    <t>\\acsfs\Deptos\EDUCACAO EMPRESARIAL\FERNANDA MONIT\Fernanda\Fernanda Aparecida Borges\CPF DO CLIENTE 728.122.221-15 OPERADOR.xlsx</t>
  </si>
  <si>
    <t>IMG_20191105_122521.jpg</t>
  </si>
  <si>
    <t>\\acsfs\Deptos\EDUCACAO EMPRESARIAL\FERNANDA MONIT\Fernanda\Fernanda Aparecida Borges\IMG_20191105_122521.jpg</t>
  </si>
  <si>
    <t>\\acsfs\Deptos\EDUCACAO EMPRESARIAL\FERNANDA MONIT\Fernanda\Fernanda Aparecida Borges\IMG_20191105_122521.jpg\</t>
  </si>
  <si>
    <t>\\acsfs\Deptos\EDUCACAO EMPRESARIAL\FERNANDA MONIT\Fernanda\Fernanda Aparecida Borges\IMG_20191105_122521.jpg\:Zone.Identifier:$DATA</t>
  </si>
  <si>
    <t>\\acsfs\Deptos\EDUCACAO EMPRESARIAL\FERNANDA MONIT\Fernanda\Fernanda Aparecida Borges\MAPA OPERACIONAL BV CARTOES.xlsx</t>
  </si>
  <si>
    <t>12/20/2019 09:46:15</t>
  </si>
  <si>
    <t>SKIL URA - BV CARTÕES - 01-11-19.xlsb</t>
  </si>
  <si>
    <t>\\acsfs\Deptos\EDUCACAO EMPRESARIAL\FERNANDA MONIT\Fernanda\Fernanda Aparecida Borges\SKIL URA - BV CARTÕES - 01-11-19.xlsb</t>
  </si>
  <si>
    <t>Rafaela Marques.htm</t>
  </si>
  <si>
    <t>\\acsfs\Deptos\EDUCACAO EMPRESARIAL\FERNANDA MONIT\Fernanda\ligaçoes para Mutant\Rafaela Marques.htm</t>
  </si>
  <si>
    <t>Inclusão Empresas - Nova Segmentação - Eutelsat.xlsx</t>
  </si>
  <si>
    <t>F:\Drive H\Algar Tech\00.Desktop\Inclusão Empresas - Nova Segmentação - Eutelsat.xlsx</t>
  </si>
  <si>
    <t>\\acsfs\Deptos\EDUCACAO EMPRESARIAL\FERNANDA MONIT\Fernanda\ligaçoes para Mutant\Rafaela Marques.htm\</t>
  </si>
  <si>
    <t>\\acsfs\Deptos\EDUCACAO EMPRESARIAL\FERNANDA MONIT\Fernanda\ligaçoes para Mutant\Rafaela Marques.htm\:Zone.Identifier:$DATA</t>
  </si>
  <si>
    <t>VALERIA SENA DE ARAUJO.htm</t>
  </si>
  <si>
    <t>\\acsfs\Deptos\EDUCACAO EMPRESARIAL\FERNANDA MONIT\Fernanda\ligaçoes para Mutant\VALERIA SENA DE ARAUJO.htm</t>
  </si>
  <si>
    <t>\\acsfs\Deptos\EDUCACAO EMPRESARIAL\FERNANDA MONIT\Fernanda\ligaçoes para Mutant\VALERIA SENA DE ARAUJO.htm\</t>
  </si>
  <si>
    <t>\\acsfs\Deptos\EDUCACAO EMPRESARIAL\FERNANDA MONIT\Fernanda\ligaçoes para Mutant\VALERIA SENA DE ARAUJO.htm\:Zone.Identifier:$DATA</t>
  </si>
  <si>
    <t>view.htm</t>
  </si>
  <si>
    <t>\\acsfs\Deptos\EDUCACAO EMPRESARIAL\FERNANDA MONIT\Fernanda\ligaçoes para Mutant\view.htm</t>
  </si>
  <si>
    <t>\\acsfs\Deptos\EDUCACAO EMPRESARIAL\FERNANDA MONIT\Fernanda\ligaçoes para Mutant\view.htm\</t>
  </si>
  <si>
    <t>\\acsfs\Deptos\EDUCACAO EMPRESARIAL\FERNANDA MONIT\Fernanda\ligaçoes para Mutant\view.htm\:Zone.Identifier:$DATA</t>
  </si>
  <si>
    <t>12/20/2019 09:49:21</t>
  </si>
  <si>
    <t>fb03f925-3c09-4d9c-a550-d5bf45f75ca1.tmp</t>
  </si>
  <si>
    <t>\\acsfs\profiles$\leticiala\Downloads\fb03f925-3c09-4d9c-a550-d5bf45f75ca1.tmp</t>
  </si>
  <si>
    <t>\\acsfs\Deptos\Operacao\Banco_Votorantim\Qualidade\Fernanda\MONITORIA NOVEMBRO\ALERTA DE ATENDIMENTO (2).xlsx\</t>
  </si>
  <si>
    <t>\\acsfs\Deptos\EDUCACAO EMPRESARIAL\FERNANDA MONIT\Fernanda\MONITORIA NOVEMBRO\ALERTA DE ATENDIMENTO (2).xlsx</t>
  </si>
  <si>
    <t>\\acsfs\Deptos\Operacao\Banco_Votorantim\Qualidade\Fernanda\MONITORIA NOVEMBRO\</t>
  </si>
  <si>
    <t>CHECLIST NOVEMBRO.xls</t>
  </si>
  <si>
    <t>\\acsfs\Deptos\EDUCACAO EMPRESARIAL\FERNANDA MONIT\Fernanda\MONITORIA NOVEMBRO\CHECLIST NOVEMBRO.xls</t>
  </si>
  <si>
    <t>12/20/2019 09:46:16</t>
  </si>
  <si>
    <t>\\acsfs\Deptos\EDUCACAO EMPRESARIAL\FERNANDA MONIT\Fernanda\MONITORIA NOVEMBRO\Modelo Monitoria.txt</t>
  </si>
  <si>
    <t>Monitoria novembro 21-11-19.docx</t>
  </si>
  <si>
    <t>\\acsfs\Deptos\EDUCACAO EMPRESARIAL\FERNANDA MONIT\Fernanda\MONITORIA NOVEMBRO\Monitoria novembro 21-11-19.docx</t>
  </si>
  <si>
    <t>Monitoria novembro.docx</t>
  </si>
  <si>
    <t>\\acsfs\Deptos\EDUCACAO EMPRESARIAL\FERNANDA MONIT\Fernanda\MONITORIA NOVEMBRO\Monitoria novembro.docx</t>
  </si>
  <si>
    <t>12/20/2019 09:46:18</t>
  </si>
  <si>
    <t>RELAT_FILAS_1001_DIAR_20191112_050545..csv</t>
  </si>
  <si>
    <t>\\acsfs\Deptos\EDUCACAO EMPRESARIAL\FERNANDA MONIT\Fernanda\MONITORIA NOVEMBRO\RELAT_FILAS_1001_DIAR_20191112_050545..csv</t>
  </si>
  <si>
    <t>RELAT_FILAS_1001_DIAR_20191112_050545.CSV</t>
  </si>
  <si>
    <t>\\acsfs\Deptos\EDUCACAO EMPRESARIAL\FERNANDA MONIT\Fernanda\MONITORIA NOVEMBRO\RELAT_FILAS_1001_DIAR_20191112_050545.CSV</t>
  </si>
  <si>
    <t>12/20/2019 09:46:31</t>
  </si>
  <si>
    <t>RELAT_FILAS_1001_DIAR_20191115_045115.CSV</t>
  </si>
  <si>
    <t>\\acsfs\Deptos\EDUCACAO EMPRESARIAL\FERNANDA MONIT\Fernanda\MONITORIA NOVEMBRO\RELAT_FILAS_1001_DIAR_20191115_045115.CSV</t>
  </si>
  <si>
    <t>12/20/2019 09:46:59</t>
  </si>
  <si>
    <t>RELAT_FILAS_1001_DIAR_20191115_045115.xlsx</t>
  </si>
  <si>
    <t>\\acsfs\Deptos\EDUCACAO EMPRESARIAL\FERNANDA MONIT\Fernanda\MONITORIA NOVEMBRO\RELAT_FILAS_1001_DIAR_20191115_045115.xlsx</t>
  </si>
  <si>
    <t>12/20/2019 09:47:00</t>
  </si>
  <si>
    <t>~$nitoria novembro 21-11-19.docx</t>
  </si>
  <si>
    <t>\\acsfs\Deptos\EDUCACAO EMPRESARIAL\FERNANDA MONIT\Fernanda\MONITORIA NOVEMBRO\~$nitoria novembro 21-11-19.docx</t>
  </si>
  <si>
    <t>~$nitoria novembro.docx</t>
  </si>
  <si>
    <t>\\acsfs\Deptos\EDUCACAO EMPRESARIAL\FERNANDA MONIT\Fernanda\MONITORIA NOVEMBRO\~$nitoria novembro.docx</t>
  </si>
  <si>
    <t>\\acsfs\Deptos\Operacao\Banco_Votorantim\Qualidade\Fernanda\MONITORIA OUTUBRO\</t>
  </si>
  <si>
    <t>MONITORIA 21.docx</t>
  </si>
  <si>
    <t>\\acsfs\Deptos\EDUCACAO EMPRESARIAL\FERNANDA MONIT\Fernanda\MONITORIA OUTUBRO\MONITORIA 21.docx</t>
  </si>
  <si>
    <t>MONITORIA 08-11.docx</t>
  </si>
  <si>
    <t>\\acsfs\Deptos\EDUCACAO EMPRESARIAL\FERNANDA MONIT\Fernanda\MONITORIA OUTUBRO\MONITORIA 08-11.docx</t>
  </si>
  <si>
    <t>Monitoria OUTUBRO.xlsx</t>
  </si>
  <si>
    <t>\\acsfs\Deptos\EDUCACAO EMPRESARIAL\FERNANDA MONIT\Fernanda\MONITORIA OUTUBRO\Monitoria OUTUBRO.xlsx</t>
  </si>
  <si>
    <t>~$NITORIA 21.docx</t>
  </si>
  <si>
    <t>\\acsfs\Deptos\EDUCACAO EMPRESARIAL\FERNANDA MONIT\Fernanda\MONITORIA OUTUBRO\~$NITORIA 21.docx</t>
  </si>
  <si>
    <t>\\acsfs\Deptos\EDUCACAO EMPRESARIAL\FERNANDA MONIT\Fernanda\MONITORIAS DEZEMBRO\MONITORIA DEZEMBRO.docx</t>
  </si>
  <si>
    <t>\\acsfs\Deptos\EDUCACAO EMPRESARIAL\FERNANDA MONIT\Fernanda\MONITORIAS DEZEMBRO\MONITORIA DEZEMBRO12-12.docx</t>
  </si>
  <si>
    <t>\\acsfs\Deptos\EDUCACAO EMPRESARIAL\FERNANDA MONIT\Fernanda\MONITORIAS DEZEMBRO\monitorias 12-12-19 a tarde.txt</t>
  </si>
  <si>
    <t>\\acsfs\Deptos\EDUCACAO EMPRESARIAL\FERNANDA MONIT\Fernanda\MONITORIAS DEZEMBRO\~$NITORIA DEZEMBRO.docx</t>
  </si>
  <si>
    <t>~$NITORIA DEZEMBRO12-12.docx</t>
  </si>
  <si>
    <t>\\acsfs\Deptos\EDUCACAO EMPRESARIAL\FERNANDA MONIT\Fernanda\MONITORIAS DEZEMBRO\~$NITORIA DEZEMBRO12-12.docx</t>
  </si>
  <si>
    <t>07184812590Iuri Douglas Costa Mota.docx</t>
  </si>
  <si>
    <t>\\acsfs\Deptos\EDUCACAO EMPRESARIAL\FERNANDA MONIT\Fernanda\RECLAMAÇÃO E OUVIDORIA\07184812590Iuri Douglas Costa Mota.docx</t>
  </si>
  <si>
    <t>MRC Tracking -Algar.xlsx</t>
  </si>
  <si>
    <t>F:\Drive H\Algar Tech\00.Desktop\MRC Tracking -Algar.xlsx</t>
  </si>
  <si>
    <t>12/20/2019 09:47:01</t>
  </si>
  <si>
    <t>\\acsfs\Deptos\Operacao\Banco_Votorantim\Qualidade\Fernanda\RECLAMAÇÃO E OUVIDORIA\Ariel de Oliveira Gonçalves.docx\</t>
  </si>
  <si>
    <t>\\acsfs\Deptos\EDUCACAO EMPRESARIAL\FERNANDA MONIT\Fernanda\RECLAMAÇÃO E OUVIDORIA\Ariel de Oliveira Gonçalves.docx</t>
  </si>
  <si>
    <t>Ariel de Oliveira Gonçalves.docx</t>
  </si>
  <si>
    <t>BACEN_RECLAMAÇÕES - FERNANDA.xlsx</t>
  </si>
  <si>
    <t>\\acsfs\Deptos\EDUCACAO EMPRESARIAL\FERNANDA MONIT\Fernanda\RECLAMAÇÃO E OUVIDORIA\BACEN_RECLAMAÇÕES - FERNANDA.xlsx</t>
  </si>
  <si>
    <t>12/20/2019 09:47:02</t>
  </si>
  <si>
    <t>\\acsfs\Deptos\Operacao\Banco_Votorantim\Qualidade\Fernanda\RECLAMAÇÃO E OUVIDORIA\Carlos Eduardo dos Santos.docx\</t>
  </si>
  <si>
    <t>\\acsfs\Deptos\EDUCACAO EMPRESARIAL\FERNANDA MONIT\Fernanda\RECLAMAÇÃO E OUVIDORIA\Carlos Eduardo dos Santos.docx</t>
  </si>
  <si>
    <t>Carlos Eduardo dos Santos.docx</t>
  </si>
  <si>
    <t>CASO 00798505 Regis.docx</t>
  </si>
  <si>
    <t>\\acsfs\Deptos\EDUCACAO EMPRESARIAL\FERNANDA MONIT\Fernanda\RECLAMAÇÃO E OUVIDORIA\CASO 00798505 Regis.docx</t>
  </si>
  <si>
    <t>\\acsfs\Deptos\EDUCACAO EMPRESARIAL\FERNANDA MONIT\Fernanda\RECLAMAÇÃO E OUVIDORIA\CPF 09936554833 Adnilton Nascimento.pdf</t>
  </si>
  <si>
    <t>\\acsfs\Deptos\Operacao\Banco_Votorantim\Qualidade\Fernanda\RECLAMAÇÃO E OUVIDORIA\CPF 170.192.678-40 OPERADOR JOAO VITOR ALVES LIMA_.docx\</t>
  </si>
  <si>
    <t>\\acsfs\Deptos\EDUCACAO EMPRESARIAL\FERNANDA MONIT\Fernanda\RECLAMAÇÃO E OUVIDORIA\CPF 170.192.678-40 OPERADOR JOAO VITOR ALVES LIMA_.docx</t>
  </si>
  <si>
    <t>CPF 170.192.678-40 OPERADOR JOAO VITOR ALVES LIMA_.docx</t>
  </si>
  <si>
    <t>\\acsfs\Deptos\EDUCACAO EMPRESARIAL\FERNANDA MONIT\Fernanda\RECLAMAÇÃO E OUVIDORIA\CPF 002.918.617-09 Valdenice Rodrigues Vieira.docx</t>
  </si>
  <si>
    <t>\\acsfs\Deptos\EDUCACAO EMPRESARIAL\FERNANDA MONIT\Fernanda\RECLAMAÇÃO E OUVIDORIA\CPF 002.918.617-09 Valdenice Rodrigues Vieira.pdf</t>
  </si>
  <si>
    <t>12/20/2019 09:47:03</t>
  </si>
  <si>
    <t>\\acsfs\Deptos\EDUCACAO EMPRESARIAL\FERNANDA MONIT\Fernanda\RECLAMAÇÃO E OUVIDORIA\CPF 031.594.560-56 Luiza Santos .pdf</t>
  </si>
  <si>
    <t>\\acsfs\Deptos\EDUCACAO EMPRESARIAL\FERNANDA MONIT\Fernanda\RECLAMAÇÃO E OUVIDORIA\CPF 03159456056 Luiza Santos.pdf</t>
  </si>
  <si>
    <t>\\acsfs\Deptos\EDUCACAO EMPRESARIAL\FERNANDA MONIT\Fernanda\RECLAMAÇÃO E OUVIDORIA\CPF 03159456056Luiza Santos .pdf</t>
  </si>
  <si>
    <t>\\acsfs\Deptos\EDUCACAO EMPRESARIAL\FERNANDA MONIT\Fernanda\RECLAMAÇÃO E OUVIDORIA\CPF 04248677458 Francisca Afonso dos Santos.pdf</t>
  </si>
  <si>
    <t>CPF 04799048473 Denilson FErnandes da Silva.docx</t>
  </si>
  <si>
    <t>\\acsfs\Deptos\EDUCACAO EMPRESARIAL\FERNANDA MONIT\Fernanda\RECLAMAÇÃO E OUVIDORIA\CPF 04799048473 Denilson FErnandes da Silva.docx</t>
  </si>
  <si>
    <t>CPF 06896897805 AZENILDA DE SANTANA PEREIRA.pdf</t>
  </si>
  <si>
    <t>\\acsfs\Deptos\EDUCACAO EMPRESARIAL\FERNANDA MONIT\Fernanda\RECLAMAÇÃO E OUVIDORIA\CPF 06896897805 AZENILDA DE SANTANA PEREIRA.pdf</t>
  </si>
  <si>
    <t>\\acsfs\Deptos\Operacao\Banco_Votorantim\Qualidade\Fernanda\RECLAMAÇÃO E OUVIDORIA\CPF 07184812590 Iuri Douglas Costa Mota.docx\</t>
  </si>
  <si>
    <t>\\acsfs\Deptos\EDUCACAO EMPRESARIAL\FERNANDA MONIT\Fernanda\RECLAMAÇÃO E OUVIDORIA\CPF 07184812590 Iuri Douglas Costa Mota.docx</t>
  </si>
  <si>
    <t>CPF 07184812590 Iuri Douglas Costa Mota.docx</t>
  </si>
  <si>
    <t>CPF 07184812590 Iuri Douglas Costa Mota.pdf</t>
  </si>
  <si>
    <t>\\acsfs\Deptos\EDUCACAO EMPRESARIAL\FERNANDA MONIT\Fernanda\RECLAMAÇÃO E OUVIDORIA\CPF 07184812590 Iuri Douglas Costa Mota.pdf</t>
  </si>
  <si>
    <t>CPF 08888047760 Fernanda Luiza da Silva Cruz...pdf</t>
  </si>
  <si>
    <t>\\acsfs\Deptos\EDUCACAO EMPRESARIAL\FERNANDA MONIT\Fernanda\RECLAMAÇÃO E OUVIDORIA\CPF 08888047760 Fernanda Luiza da Silva Cruz...pdf</t>
  </si>
  <si>
    <t>\\acsfs\Deptos\Operacao\Banco_Votorantim\Qualidade\Fernanda\RECLAMAÇÃO E OUVIDORIA\CPF 08888047760 Fernanda Luiza da Silva Cruz.docx\</t>
  </si>
  <si>
    <t>\\acsfs\Deptos\EDUCACAO EMPRESARIAL\FERNANDA MONIT\Fernanda\RECLAMAÇÃO E OUVIDORIA\CPF 08888047760 Fernanda Luiza da Silva Cruz.docx</t>
  </si>
  <si>
    <t>CPF 08888047760 Fernanda Luiza da Silva Cruz.docx</t>
  </si>
  <si>
    <t>12/20/2019 09:47:04</t>
  </si>
  <si>
    <t>\\acsfs\Deptos\Operacao\Banco_Votorantim\Qualidade\Fernanda\RECLAMAÇÃO E OUVIDORIA\CPF 320.699.918-90 Noemia da Conceição freitas.docx\</t>
  </si>
  <si>
    <t>\\acsfs\Deptos\EDUCACAO EMPRESARIAL\FERNANDA MONIT\Fernanda\RECLAMAÇÃO E OUVIDORIA\CPF 320.699.918-90 Noemia da Conceição freitas.docx</t>
  </si>
  <si>
    <t>\\acsfs\Deptos\EDUCACAO EMPRESARIAL\FERNANDA MONIT\Fernanda\RECLAMAÇÃO E OUVIDORIA\CPF 320.699.918-90 Noemia da Conceição freitas.pdf</t>
  </si>
  <si>
    <t>\\acsfs\Deptos\Operacao\Banco_Votorantim\Qualidade\Fernanda\RECLAMAÇÃO E OUVIDORIA\Josue Euclair Fernandes Vieigas.docx\</t>
  </si>
  <si>
    <t>\\acsfs\Deptos\EDUCACAO EMPRESARIAL\FERNANDA MONIT\Fernanda\RECLAMAÇÃO E OUVIDORIA\Josue Euclair Fernandes Vieigas.docx</t>
  </si>
  <si>
    <t>Josue Euclair Fernandes Vieigas.docx</t>
  </si>
  <si>
    <t>Josue Euclair Fernandes Vieigas.pdf</t>
  </si>
  <si>
    <t>\\acsfs\Deptos\EDUCACAO EMPRESARIAL\FERNANDA MONIT\Fernanda\RECLAMAÇÃO E OUVIDORIA\Josue Euclair Fernandes Vieigas.pdf</t>
  </si>
  <si>
    <t>LAUDO DE LIGAÇÃO.docx</t>
  </si>
  <si>
    <t>\\acsfs\Deptos\EDUCACAO EMPRESARIAL\FERNANDA MONIT\Fernanda\RECLAMAÇÃO E OUVIDORIA\LAUDO DE LIGAÇÃO.docx</t>
  </si>
  <si>
    <t>\\acsfs\Deptos\EDUCACAO EMPRESARIAL\FERNANDA MONIT\Fernanda\RECLAMAÇÃO E OUVIDORIA\MODELO DE LAUDO EM BRANCO (4) - Cópia - Cópia - Cópia.docx</t>
  </si>
  <si>
    <t>\\acsfs\Deptos\Operacao\Banco_Votorantim\Qualidade\Fernanda\RECLAMAÇÃO E OUVIDORIA\MODELO DE LAUDO EM BRANCO (3) - Cópia - Cópia - Cópia.docx\</t>
  </si>
  <si>
    <t>\\acsfs\Deptos\EDUCACAO EMPRESARIAL\FERNANDA MONIT\Fernanda\RECLAMAÇÃO E OUVIDORIA\MODELO DE LAUDO EM BRANCO (3) - Cópia - Cópia - Cópia.docx</t>
  </si>
  <si>
    <t>MODELO DE LAUDO EM BRANCO (3) - Cópia - Cópia - Cópia.docx</t>
  </si>
  <si>
    <t>\\acsfs\Deptos\EDUCACAO EMPRESARIAL\FERNANDA MONIT\Fernanda\RECLAMAÇÃO E OUVIDORIA\MODELO DE LAUDO EM BRANCO (5) - Cópia - Cópia - Cópia.docx</t>
  </si>
  <si>
    <t>12/19/2019 22:54:12</t>
  </si>
  <si>
    <t>Saldo A100 ROW 31072015.xlsx</t>
  </si>
  <si>
    <t>F:\Drive H\Algar Tech\00.Desktop\Saldo A100 ROW 31072015.xlsx</t>
  </si>
  <si>
    <t>\\acsfs\Deptos\EDUCACAO EMPRESARIAL\FERNANDA MONIT\Fernanda\RECLAMAÇÃO E OUVIDORIA\MODELO DE LAUDO EM BRANCO(3) - Cópia - Cópia - Cópia - Cópia.docx</t>
  </si>
  <si>
    <t>12/20/2019 09:47:05</t>
  </si>
  <si>
    <t>\\acsfs\Deptos\EDUCACAO EMPRESARIAL\FERNANDA MONIT\Fernanda\RECLAMAÇÃO E OUVIDORIA\MODELO DE LAUDO EM BRANCO(3) - Cópia - Cópia - Cópia.docx</t>
  </si>
  <si>
    <t>\\acsfs\Deptos\Operacao\Banco_Votorantim\Qualidade\Fernanda\RECLAMAÇÃO E OUVIDORIA\MODELO DE LAUDO EM BRANCO(3) - Cópia - Cópia.docx\</t>
  </si>
  <si>
    <t>\\acsfs\Deptos\EDUCACAO EMPRESARIAL\FERNANDA MONIT\Fernanda\RECLAMAÇÃO E OUVIDORIA\MODELO DE LAUDO EM BRANCO(3) - Cópia - Cópia.docx</t>
  </si>
  <si>
    <t>MODELO DE LAUDO EM BRANCO(3) - Cópia - Cópia.docx</t>
  </si>
  <si>
    <t>\\acsfs\Deptos\EDUCACAO EMPRESARIAL\FERNANDA MONIT\Fernanda\RECLAMAÇÃO E OUVIDORIA\reclamação 09-12-19.docx</t>
  </si>
  <si>
    <t>\\acsfs\Deptos\Operacao\Banco_Votorantim\Qualidade\Fernanda\RECLAMAÇÃO E OUVIDORIA\SEBASTIAO COSTA DOS SANTOS CPF 49152947300.docx\</t>
  </si>
  <si>
    <t>\\acsfs\Deptos\EDUCACAO EMPRESARIAL\FERNANDA MONIT\Fernanda\RECLAMAÇÃO E OUVIDORIA\SEBASTIAO COSTA DOS SANTOS CPF 49152947300.docx</t>
  </si>
  <si>
    <t>12/19/2019 22:54:14</t>
  </si>
  <si>
    <t>Tapete Adesivo - Novo Sistema de Precificação Data Center V 2015-7-001.xlsb</t>
  </si>
  <si>
    <t>F:\Drive H\Algar Tech\00.Desktop\Tapete Adesivo - Novo Sistema de Precificação Data Center V 2015-7-001.xlsb</t>
  </si>
  <si>
    <t>SEBASTIAO COSTA DOS SANTOS CPF 49152947300.docx</t>
  </si>
  <si>
    <t>~$clamação 09-12-19.docx</t>
  </si>
  <si>
    <t>\\acsfs\Deptos\EDUCACAO EMPRESARIAL\FERNANDA MONIT\Fernanda\RECLAMAÇÃO E OUVIDORIA\~$clamação 09-12-19.docx</t>
  </si>
  <si>
    <t>~$DELO DE LAUDO (3) - Cópia - Cópia.docx</t>
  </si>
  <si>
    <t>\\acsfs\Deptos\EDUCACAO EMPRESARIAL\FERNANDA MONIT\Fernanda\RECLAMAÇÃO E OUVIDORIA\~$DELO DE LAUDO (3) - Cópia - Cópia.docx</t>
  </si>
  <si>
    <t>~$DELO DE LAUDO EM BRANCO (5) - Cópia - Cópia - Cópia.docx</t>
  </si>
  <si>
    <t>\\acsfs\Deptos\EDUCACAO EMPRESARIAL\FERNANDA MONIT\Fernanda\RECLAMAÇÃO E OUVIDORIA\~$DELO DE LAUDO EM BRANCO (5) - Cópia - Cópia - Cópia.docx</t>
  </si>
  <si>
    <t>~$DELO DE LAUDO EM BRANCO(3) - Cópia - Cópia.docx</t>
  </si>
  <si>
    <t>\\acsfs\Deptos\EDUCACAO EMPRESARIAL\FERNANDA MONIT\Fernanda\RECLAMAÇÃO E OUVIDORIA\~$DELO DE LAUDO EM BRANCO(3) - Cópia - Cópia.docx</t>
  </si>
  <si>
    <t>~$F 002.918.617-09 Valdenice Rodrigues Vieira.docx</t>
  </si>
  <si>
    <t>\\acsfs\Deptos\EDUCACAO EMPRESARIAL\FERNANDA MONIT\Fernanda\RECLAMAÇÃO E OUVIDORIA\~$F 002.918.617-09 Valdenice Rodrigues Vieira.docx</t>
  </si>
  <si>
    <t>~$sue Euclair Fernandes Vieigas.docx</t>
  </si>
  <si>
    <t>\\acsfs\Deptos\EDUCACAO EMPRESARIAL\FERNANDA MONIT\Fernanda\RECLAMAÇÃO E OUVIDORIA\~$sue Euclair Fernandes Vieigas.docx</t>
  </si>
  <si>
    <t>~$UDO DE LIGAÇÃO.docx</t>
  </si>
  <si>
    <t>\\acsfs\Deptos\EDUCACAO EMPRESARIAL\FERNANDA MONIT\Fernanda\RECLAMAÇÃO E OUVIDORIA\~$UDO DE LIGAÇÃO.docx</t>
  </si>
  <si>
    <t>\\acsfs\Deptos\Operacao\Banco_Votorantim\Qualidade\Fernanda\RECLAMAÇÃO E OUVIDORIA\ligação de reclamação e ouvidoria\</t>
  </si>
  <si>
    <t>CPF 170.192.678-40 OPERADOR JOAO VITOR ALVES LIMA_1_6750726834548194901_1_32.wav</t>
  </si>
  <si>
    <t>\\acsfs\Deptos\EDUCACAO EMPRESARIAL\FERNANDA MONIT\Fernanda\RECLAMAÇÃO E OUVIDORIA\ligação de reclamação e ouvidoria\CPF 170.192.678-40 OPERADOR JOAO VITOR ALVES LIMA_1_6750726834548194901_1_32.wav</t>
  </si>
  <si>
    <t>Marilia Fernandes Paes Leme Borges_1_6756593953148045461_1_32.wav</t>
  </si>
  <si>
    <t>\\acsfs\Deptos\EDUCACAO EMPRESARIAL\FERNANDA MONIT\Fernanda\RECLAMAÇÃO E OUVIDORIA\ligação de reclamação e ouvidoria\Marilia Fernandes Paes Leme Borges_1_6756593953148045461_1_32.wav</t>
  </si>
  <si>
    <t>12/20/2019 09:47:06</t>
  </si>
  <si>
    <t>\\acsfs\Deptos\Operacao\Banco_Votorantim\Qualidade\Fernanda\RECLAMAÇÃO E OUVIDORIA\RECLAMAÇÃO\MODELO DE LAUDO (2) - Cópia - Cópia.docx\</t>
  </si>
  <si>
    <t>\\acsfs\Deptos\EDUCACAO EMPRESARIAL\FERNANDA MONIT\Fernanda\RECLAMAÇÃO E OUVIDORIA\RECLAMAÇÃO\MODELO DE LAUDO (2) - Cópia - Cópia.docx</t>
  </si>
  <si>
    <t>\\acsfs\Deptos\Operacao\Banco_Votorantim\Qualidade\Fernanda\RECLAMAÇÃO E OUVIDORIA\RECLAMAÇÃO\</t>
  </si>
  <si>
    <t>MODELO DE LAUDO (2) - Cópia - Cópia.docx</t>
  </si>
  <si>
    <t>12/19/2019 22:54:18</t>
  </si>
  <si>
    <t>E:\00.Desktop\A100 Sumario Faturamento\</t>
  </si>
  <si>
    <t>2013-01_A100 Billing Detail Summary.xlsx</t>
  </si>
  <si>
    <t>F:\Drive H\Algar Tech\00.Desktop\A100 Sumario Faturamento\2013-01_A100 Billing Detail Summary.xlsx</t>
  </si>
  <si>
    <t>2013-02_A100 Billing Detail Summary.xlsx</t>
  </si>
  <si>
    <t>F:\Drive H\Algar Tech\00.Desktop\A100 Sumario Faturamento\2013-02_A100 Billing Detail Summary.xlsx</t>
  </si>
  <si>
    <t>2013-03_A100 Billing Detail Summary.xlsx</t>
  </si>
  <si>
    <t>F:\Drive H\Algar Tech\00.Desktop\A100 Sumario Faturamento\2013-03_A100 Billing Detail Summary.xlsx</t>
  </si>
  <si>
    <t>12/19/2019 22:54:19</t>
  </si>
  <si>
    <t>2013-04_A100 Billing Detail Summary.xlsx</t>
  </si>
  <si>
    <t>F:\Drive H\Algar Tech\00.Desktop\A100 Sumario Faturamento\2013-04_A100 Billing Detail Summary.xlsx</t>
  </si>
  <si>
    <t>2013-05_A100 Billing Detail Summary.xlsx</t>
  </si>
  <si>
    <t>F:\Drive H\Algar Tech\00.Desktop\A100 Sumario Faturamento\2013-05_A100 Billing Detail Summary.xlsx</t>
  </si>
  <si>
    <t>2013-06_A100 Billing Detail Summary.xlsx</t>
  </si>
  <si>
    <t>F:\Drive H\Algar Tech\00.Desktop\A100 Sumario Faturamento\2013-06_A100 Billing Detail Summary.xlsx</t>
  </si>
  <si>
    <t>2013-07-2_A100 Billing Detail Summary.xlsx</t>
  </si>
  <si>
    <t>F:\Drive H\Algar Tech\00.Desktop\A100 Sumario Faturamento\2013-07-2_A100 Billing Detail Summary.xlsx</t>
  </si>
  <si>
    <t>12/19/2019 22:54:20</t>
  </si>
  <si>
    <t>2013-07_A100 Billing Detail Summary_rev1.xlsx</t>
  </si>
  <si>
    <t>F:\Drive H\Algar Tech\00.Desktop\A100 Sumario Faturamento\2013-07_A100 Billing Detail Summary_rev1.xlsx</t>
  </si>
  <si>
    <t>2013-08-2_A100 Billing Detail Summary.xlsx</t>
  </si>
  <si>
    <t>F:\Drive H\Algar Tech\00.Desktop\A100 Sumario Faturamento\2013-08-2_A100 Billing Detail Summary.xlsx</t>
  </si>
  <si>
    <t>2013-08_A100 Billing Detail Summary.xlsx</t>
  </si>
  <si>
    <t>F:\Drive H\Algar Tech\00.Desktop\A100 Sumario Faturamento\2013-08_A100 Billing Detail Summary.xlsx</t>
  </si>
  <si>
    <t>2013-09_A100 Billing Detail Summary.xlsx</t>
  </si>
  <si>
    <t>F:\Drive H\Algar Tech\00.Desktop\A100 Sumario Faturamento\2013-09_A100 Billing Detail Summary.xlsx</t>
  </si>
  <si>
    <t>12/20/2019 09:45:29</t>
  </si>
  <si>
    <t>12/20/2019 09:46:36</t>
  </si>
  <si>
    <t>12/19/2019 22:54:21</t>
  </si>
  <si>
    <t>2013-10_A100 Billing Detail Summary.xlsx</t>
  </si>
  <si>
    <t>F:\Drive H\Algar Tech\00.Desktop\A100 Sumario Faturamento\2013-10_A100 Billing Detail Summary.xlsx</t>
  </si>
  <si>
    <t>0bca7094-2bb2-4762-9647-deddaa603f6a.tmp</t>
  </si>
  <si>
    <t>\\acsfs\profiles$\gabrielafs\Downloads\0bca7094-2bb2-4762-9647-deddaa603f6a.tmp</t>
  </si>
  <si>
    <t>2013-11_A100 Billing Detail Summary.xlsx</t>
  </si>
  <si>
    <t>F:\Drive H\Algar Tech\00.Desktop\A100 Sumario Faturamento\2013-11_A100 Billing Detail Summary.xlsx</t>
  </si>
  <si>
    <t>12/20/2019 09:51:41</t>
  </si>
  <si>
    <t>2013-12_A100 Billing Detail Summary.xlsx</t>
  </si>
  <si>
    <t>F:\Drive H\Algar Tech\00.Desktop\A100 Sumario Faturamento\2013-12_A100 Billing Detail Summary.xlsx</t>
  </si>
  <si>
    <t>2014-01_A100 Billing Detail Summary.xlsx</t>
  </si>
  <si>
    <t>F:\Drive H\Algar Tech\00.Desktop\A100 Sumario Faturamento\2014-01_A100 Billing Detail Summary.xlsx</t>
  </si>
  <si>
    <t>2014-02_A100 Billing Detail Summary.xlsx</t>
  </si>
  <si>
    <t>F:\Drive H\Algar Tech\00.Desktop\A100 Sumario Faturamento\2014-02_A100 Billing Detail Summary.xlsx</t>
  </si>
  <si>
    <t>2014-03_A100 Billing Detail Summary.xlsx</t>
  </si>
  <si>
    <t>F:\Drive H\Algar Tech\00.Desktop\A100 Sumario Faturamento\2014-03_A100 Billing Detail Summary.xlsx</t>
  </si>
  <si>
    <t>2014-04_A100 Billing Detail Summary_rev1.xlsx</t>
  </si>
  <si>
    <t>F:\Drive H\Algar Tech\00.Desktop\A100 Sumario Faturamento\2014-04_A100 Billing Detail Summary_rev1.xlsx</t>
  </si>
  <si>
    <t>12/19/2019 22:54:22</t>
  </si>
  <si>
    <t>2014-05_A100 Billing Detail Summary.xlsx</t>
  </si>
  <si>
    <t>F:\Drive H\Algar Tech\00.Desktop\A100 Sumario Faturamento\2014-05_A100 Billing Detail Summary.xlsx</t>
  </si>
  <si>
    <t>2014-06_A100 Billing Detail Summary.xlsx</t>
  </si>
  <si>
    <t>F:\Drive H\Algar Tech\00.Desktop\A100 Sumario Faturamento\2014-06_A100 Billing Detail Summary.xlsx</t>
  </si>
  <si>
    <t>2014-07_A100 Billing Detail Summary.xlsx</t>
  </si>
  <si>
    <t>F:\Drive H\Algar Tech\00.Desktop\A100 Sumario Faturamento\2014-07_A100 Billing Detail Summary.xlsx</t>
  </si>
  <si>
    <t>2014-08_A100 Billing Detail Summary_rev2.xlsx</t>
  </si>
  <si>
    <t>F:\Drive H\Algar Tech\00.Desktop\A100 Sumario Faturamento\2014-08_A100 Billing Detail Summary_rev2.xlsx</t>
  </si>
  <si>
    <t>2014-09_A100 Billing Detail Summary_rev1.xlsx</t>
  </si>
  <si>
    <t>F:\Drive H\Algar Tech\00.Desktop\A100 Sumario Faturamento\2014-09_A100 Billing Detail Summary_rev1.xlsx</t>
  </si>
  <si>
    <t>2014-10_A100 Billing Detail Summary_rev1.xlsx</t>
  </si>
  <si>
    <t>F:\Drive H\Algar Tech\00.Desktop\A100 Sumario Faturamento\2014-10_A100 Billing Detail Summary_rev1.xlsx</t>
  </si>
  <si>
    <t>2014-11_A100 Billing Detail Summary.xlsx</t>
  </si>
  <si>
    <t>F:\Drive H\Algar Tech\00.Desktop\A100 Sumario Faturamento\2014-11_A100 Billing Detail Summary.xlsx</t>
  </si>
  <si>
    <t>2014-12_A100 Billing Detail Summary.xlsx</t>
  </si>
  <si>
    <t>F:\Drive H\Algar Tech\00.Desktop\A100 Sumario Faturamento\2014-12_A100 Billing Detail Summary.xlsx</t>
  </si>
  <si>
    <t>12/19/2019 22:54:23</t>
  </si>
  <si>
    <t>2015-01_A100 Billing Detail Summary_rev1.xlsx</t>
  </si>
  <si>
    <t>F:\Drive H\Algar Tech\00.Desktop\A100 Sumario Faturamento\2015-01_A100 Billing Detail Summary_rev1.xlsx</t>
  </si>
  <si>
    <t>2015-02_A100 Billing Detail Summary_rev2.xlsx</t>
  </si>
  <si>
    <t>F:\Drive H\Algar Tech\00.Desktop\A100 Sumario Faturamento\2015-02_A100 Billing Detail Summary_rev2.xlsx</t>
  </si>
  <si>
    <t>2015-03_A100 Billing Detail Summary_rev1.xlsx</t>
  </si>
  <si>
    <t>F:\Drive H\Algar Tech\00.Desktop\A100 Sumario Faturamento\2015-03_A100 Billing Detail Summary_rev1.xlsx</t>
  </si>
  <si>
    <t>2015-04_A100 Billing Detail Summary_rev2.xlsx</t>
  </si>
  <si>
    <t>F:\Drive H\Algar Tech\00.Desktop\A100 Sumario Faturamento\2015-04_A100 Billing Detail Summary_rev2.xlsx</t>
  </si>
  <si>
    <t>2015-05_A100 Billing Detail Summary_rev2.xlsx</t>
  </si>
  <si>
    <t>F:\Drive H\Algar Tech\00.Desktop\A100 Sumario Faturamento\2015-05_A100 Billing Detail Summary_rev2.xlsx</t>
  </si>
  <si>
    <t>2015-06_A100 Billing Detail Summary_rev0.xlsx</t>
  </si>
  <si>
    <t>F:\Drive H\Algar Tech\00.Desktop\A100 Sumario Faturamento\2015-06_A100 Billing Detail Summary_rev0.xlsx</t>
  </si>
  <si>
    <t>12/19/2019 22:54:24</t>
  </si>
  <si>
    <t>2015-07_A100 Billing Detail Summary.xlsx</t>
  </si>
  <si>
    <t>F:\Drive H\Algar Tech\00.Desktop\A100 Sumario Faturamento\2015-07_A100 Billing Detail Summary.xlsx</t>
  </si>
  <si>
    <t>12/20/2019 09:47:50</t>
  </si>
  <si>
    <t>CURVA NORMAL - 19/12/2019</t>
  </si>
  <si>
    <t>12/19/2019 22:54:30</t>
  </si>
  <si>
    <t>E:\00.Desktop\Backup\2 - Business Performance\2017\pifi pafi\</t>
  </si>
  <si>
    <t>142791-PIF PAF SD e FD BP Preço C010 B011 Desonerada_v4.2 08x05.xlsb</t>
  </si>
  <si>
    <t>F:\Drive H\Algar Tech\00.Desktop\Backup\2 - Business Performance\2017\pifi pafi\142791-PIF PAF SD e FD BP Preço C010 B011 Desonerada_v4.2 08x05.xlsb</t>
  </si>
  <si>
    <t>E:\00.Desktop\Backup\2 - Business Performance\2017\pifi pafi\142791-PIF PAF SD e FD BP Preço C010 B011 Desonerada_v4.2 08x05.xlsb\</t>
  </si>
  <si>
    <t>E:\00.Desktop\Backup\2 - Business Performance\2017\Wanessa\</t>
  </si>
  <si>
    <t>F:\Drive H\Algar Tech\00.Desktop\Backup\2 - Business Performance\2017\Wanessa\Solicitações de Férias Irregulares.xls</t>
  </si>
  <si>
    <t>Transacoes por Item de Faturamento.xlsx</t>
  </si>
  <si>
    <t>F:\Drive H\Algar Tech\00.Desktop\Backup\2 - Business Performance\2017\Wanessa\Transacoes por Item de Faturamento.xlsx</t>
  </si>
  <si>
    <t>12/19/2019 22:55:17</t>
  </si>
  <si>
    <t>E:\00.Desktop\Backup\2 - Business Performance\2017\Wanessa\Demandas\</t>
  </si>
  <si>
    <t>QV EBIT BPO.xlsx</t>
  </si>
  <si>
    <t>F:\Drive H\Algar Tech\00.Desktop\Backup\2 - Business Performance\2017\Wanessa\Demandas\QV EBIT BPO.xlsx</t>
  </si>
  <si>
    <t>12/19/2019 22:55:35</t>
  </si>
  <si>
    <t>E:\00.Desktop\Backup\2 - Business Performance\2017\Wanessa\Demandas\LATAM\</t>
  </si>
  <si>
    <t>Algar - Argentina Noviembre 2017.xlsx</t>
  </si>
  <si>
    <t>F:\Drive H\Algar Tech\00.Desktop\Backup\2 - Business Performance\2017\Wanessa\Demandas\LATAM\Algar - Argentina Noviembre 2017.xlsx</t>
  </si>
  <si>
    <t>12/19/2019 22:55:46</t>
  </si>
  <si>
    <t>Algar - Colombia Noviembre 2017.xlsx</t>
  </si>
  <si>
    <t>F:\Drive H\Algar Tech\00.Desktop\Backup\2 - Business Performance\2017\Wanessa\Demandas\LATAM\Algar - Colombia Noviembre 2017.xlsx</t>
  </si>
  <si>
    <t>12/19/2019 22:55:47</t>
  </si>
  <si>
    <t>Balanco HFM_2017_LATAM.xlsx</t>
  </si>
  <si>
    <t>F:\Drive H\Algar Tech\00.Desktop\Backup\2 - Business Performance\2017\Wanessa\Demandas\LATAM\Balanco HFM_2017_LATAM.xlsx</t>
  </si>
  <si>
    <t>12/19/2019 22:55:48</t>
  </si>
  <si>
    <t>BP Crescimento Argentina e Chile - 4a. REUGER 2017.xlsb</t>
  </si>
  <si>
    <t>F:\Drive H\Algar Tech\00.Desktop\Backup\2 - Business Performance\2017\Wanessa\Demandas\LATAM\BP Crescimento Argentina e Chile - 4a. REUGER 2017.xlsb</t>
  </si>
  <si>
    <t>E:\Materiais de Trabalho\</t>
  </si>
  <si>
    <t>Lista Mediapel 2013 FINAL ATI e SYNOS.xls</t>
  </si>
  <si>
    <t>F:\Drive H\Algar Tech\Materiais de Trabalho\Lista Mediapel 2013 FINAL ATI e SYNOS.xls</t>
  </si>
  <si>
    <t>BP Crescimento Colômbia - 4a. REUGER 2017.xlsb</t>
  </si>
  <si>
    <t>F:\Drive H\Algar Tech\00.Desktop\Backup\2 - Business Performance\2017\Wanessa\Demandas\LATAM\BP Crescimento Colômbia - 4a. REUGER 2017.xlsb</t>
  </si>
  <si>
    <t>12/19/2019 22:55:49</t>
  </si>
  <si>
    <t>12/20/2019 09:52:41</t>
  </si>
  <si>
    <t>BP Internacionalização Mexico - 4a. REUGER 2017.xlsb</t>
  </si>
  <si>
    <t>F:\Drive H\Algar Tech\00.Desktop\Backup\2 - Business Performance\2017\Wanessa\Demandas\LATAM\BP Internacionalização Mexico - 4a. REUGER 2017.xlsb</t>
  </si>
  <si>
    <t>12/19/2019 22:55:52</t>
  </si>
  <si>
    <t>CAPEX 2018_CNPJ.xlsx</t>
  </si>
  <si>
    <t>F:\Drive H\Algar Tech\00.Desktop\Backup\2 - Business Performance\2017\Wanessa\Demandas\LATAM\CAPEX 2018_CNPJ.xlsx</t>
  </si>
  <si>
    <t>12/19/2019 22:55:53</t>
  </si>
  <si>
    <t>E:\Materiais de Trabalho\Lista Mediapel 2013 FINAL ATI e SYNOS.zip\</t>
  </si>
  <si>
    <t>F:\Drive H\Algar Tech\Materiais de Trabalho\Lista Mediapel 2013 FINAL ATI e SYNOS.zip</t>
  </si>
  <si>
    <t>12/19/2019 22:55:58</t>
  </si>
  <si>
    <t>Comparativo DRE.xlsx</t>
  </si>
  <si>
    <t>F:\Drive H\Algar Tech\00.Desktop\Backup\2 - Business Performance\2017\Wanessa\Demandas\LATAM\Comparativo DRE.xlsx</t>
  </si>
  <si>
    <t>DRE QV 2017.xlsx</t>
  </si>
  <si>
    <t>F:\Drive H\Algar Tech\00.Desktop\Backup\2 - Business Performance\2017\Wanessa\Demandas\LATAM\DRE QV 2017.xlsx</t>
  </si>
  <si>
    <t>12/19/2019 22:56:07</t>
  </si>
  <si>
    <t>Orçamento Receitas 2018 por cliente.xlsx</t>
  </si>
  <si>
    <t>F:\Drive H\Algar Tech\00.Desktop\Backup\2 - Business Performance\2017\Wanessa\Demandas\LATAM\Orçamento Receitas 2018 por cliente.xlsx</t>
  </si>
  <si>
    <t>Premissas Latam_Prazos.xlsx</t>
  </si>
  <si>
    <t>F:\Drive H\Algar Tech\00.Desktop\Backup\2 - Business Performance\2017\Wanessa\Demandas\LATAM\Premissas Latam_Prazos.xlsx</t>
  </si>
  <si>
    <t>12/19/2019 22:56:08</t>
  </si>
  <si>
    <t>QV Orcamento 2018 Latam.xlsx</t>
  </si>
  <si>
    <t>F:\Drive H\Algar Tech\00.Desktop\Backup\2 - Business Performance\2017\Wanessa\Demandas\LATAM\QV Orcamento 2018 Latam.xlsx</t>
  </si>
  <si>
    <t>E:\00.Desktop\Backup\2 - Business Performance\2017\Wanessa\Demandas\LP\</t>
  </si>
  <si>
    <t>DRE EBIT 4.xlsx</t>
  </si>
  <si>
    <t>F:\Drive H\Algar Tech\00.Desktop\Backup\2 - Business Performance\2017\Wanessa\Demandas\LP\DRE EBIT 4.xlsx</t>
  </si>
  <si>
    <t>12/19/2019 22:56:09</t>
  </si>
  <si>
    <t>Lista Midiapel - 2013 ATI e SYNOS.xlsx</t>
  </si>
  <si>
    <t>F:\Drive H\Algar Tech\Materiais de Trabalho\Lista Midiapel - 2013 ATI e SYNOS.xlsx</t>
  </si>
  <si>
    <t>LP_OPEX TORRES NEGÓCIO_v4.xlsx</t>
  </si>
  <si>
    <t>F:\Drive H\Algar Tech\00.Desktop\Backup\2 - Business Performance\2017\Wanessa\Demandas\LP\LP_OPEX TORRES NEGÓCIO_v4.xlsx</t>
  </si>
  <si>
    <t>12/19/2019 22:56:10</t>
  </si>
  <si>
    <t>QV por CNPJ.xls</t>
  </si>
  <si>
    <t>F:\Drive H\Algar Tech\00.Desktop\Backup\2 - Business Performance\2017\Wanessa\Demandas\LP\QV por CNPJ.xls</t>
  </si>
  <si>
    <t>12/19/2019 22:56:33</t>
  </si>
  <si>
    <t>E:\00.Desktop\Backup\2 - Business Performance\2017\Wanessa\Demandas\Margem BPO\</t>
  </si>
  <si>
    <t>Detalhado Rateio.xlsx</t>
  </si>
  <si>
    <t>F:\Drive H\Algar Tech\00.Desktop\Backup\2 - Business Performance\2017\Wanessa\Demandas\Margem BPO\Detalhado Rateio.xlsx</t>
  </si>
  <si>
    <t>12/19/2019 22:56:34</t>
  </si>
  <si>
    <t>E:\Materiais de Trabalho\2017.3.7 - Bateria Celular\</t>
  </si>
  <si>
    <t>Material de Escritorio.xls</t>
  </si>
  <si>
    <t>F:\Drive H\Algar Tech\Materiais de Trabalho\2017.3.7 - Bateria Celular\Material de Escritorio.xls</t>
  </si>
  <si>
    <t>DRE QV.xlsx</t>
  </si>
  <si>
    <t>F:\Drive H\Algar Tech\00.Desktop\Backup\2 - Business Performance\2017\Wanessa\Demandas\Margem BPO\DRE QV.xlsx</t>
  </si>
  <si>
    <t>F:\Drive H\Algar Tech\00.Desktop\Backup\2 - Business Performance\2017\Wanessa\Demandas\Margem BPO\LP_OPEX TORRES NEGÓCIO_v4.xlsx</t>
  </si>
  <si>
    <t>12/19/2019 22:56:42</t>
  </si>
  <si>
    <t>Orçamento Consolidado v5final.xlsx</t>
  </si>
  <si>
    <t>F:\Drive H\Algar Tech\00.Desktop\Backup\2 - Business Performance\2017\Wanessa\Demandas\Margem BPO\Orçamento Consolidado v5final.xlsx</t>
  </si>
  <si>
    <t>Orçamento Incremental 2018_TOTAL v5 (002).xlsx</t>
  </si>
  <si>
    <t>F:\Drive H\Algar Tech\00.Desktop\Backup\2 - Business Performance\2017\Wanessa\Demandas\Margem BPO\Orçamento Incremental 2018_TOTAL v5 (002).xlsx</t>
  </si>
  <si>
    <t>F:\Drive H\Algar Tech\Materiais de Trabalho\2017.3.7 - Bateria Celular\Template_Materiais_Escritorio_Informatica.xlsx</t>
  </si>
  <si>
    <t>QV Orcamento 2017.xls</t>
  </si>
  <si>
    <t>F:\Drive H\Algar Tech\00.Desktop\Backup\2 - Business Performance\2017\Wanessa\Demandas\Margem BPO\QV Orcamento 2017.xls</t>
  </si>
  <si>
    <t>E:\Materiais de Trabalho\2017.3.7 - Bateria Celular\Draft\</t>
  </si>
  <si>
    <t>F:\Drive H\Algar Tech\Materiais de Trabalho\2017.3.7 - Bateria Celular\Draft\Material de Escritorio.xls</t>
  </si>
  <si>
    <t>12/19/2019 22:56:44</t>
  </si>
  <si>
    <t>E:\00.Desktop\Backup\2 - Business Performance\2017\Wanessa\Demandas\ORCAMENTO 2018\</t>
  </si>
  <si>
    <t>1 - Aplicacoes.xlsx</t>
  </si>
  <si>
    <t>F:\Drive H\Algar Tech\00.Desktop\Backup\2 - Business Performance\2017\Wanessa\Demandas\ORCAMENTO 2018\1 - Aplicacoes.xlsx</t>
  </si>
  <si>
    <t>12/19/2019 22:57:20</t>
  </si>
  <si>
    <t>102017_Forecast de Receita Oficial v2.xlsx</t>
  </si>
  <si>
    <t>F:\Drive H\Algar Tech\00.Desktop\Backup\2 - Business Performance\2017\Wanessa\Demandas\ORCAMENTO 2018\102017_Forecast de Receita Oficial v2.xlsx</t>
  </si>
  <si>
    <t>E:\Materiais de Trabalho\Bateria Dell\</t>
  </si>
  <si>
    <t>Formulario.xls</t>
  </si>
  <si>
    <t>F:\Drive H\Algar Tech\Materiais de Trabalho\Bateria Dell\Formulario.xls</t>
  </si>
  <si>
    <t>12/19/2019 22:57:21</t>
  </si>
  <si>
    <t>2 - BPO.xlsx</t>
  </si>
  <si>
    <t>F:\Drive H\Algar Tech\00.Desktop\Backup\2 - Business Performance\2017\Wanessa\Demandas\ORCAMENTO 2018\2 - BPO.xlsx</t>
  </si>
  <si>
    <t>3 - Infra TI.xlsx</t>
  </si>
  <si>
    <t>F:\Drive H\Algar Tech\00.Desktop\Backup\2 - Business Performance\2017\Wanessa\Demandas\ORCAMENTO 2018\3 - Infra TI.xlsx</t>
  </si>
  <si>
    <t>12/20/2019 09:51:29</t>
  </si>
  <si>
    <t>4 - LATAM.xlsx</t>
  </si>
  <si>
    <t>F:\Drive H\Algar Tech\00.Desktop\Backup\2 - Business Performance\2017\Wanessa\Demandas\ORCAMENTO 2018\4 - LATAM.xlsx</t>
  </si>
  <si>
    <t>12/19/2019 22:57:22</t>
  </si>
  <si>
    <t>5 - SG TI.xlsx</t>
  </si>
  <si>
    <t>F:\Drive H\Algar Tech\00.Desktop\Backup\2 - Business Performance\2017\Wanessa\Demandas\ORCAMENTO 2018\5 - SG TI.xlsx</t>
  </si>
  <si>
    <t>6 - TELECOM.xlsx</t>
  </si>
  <si>
    <t>F:\Drive H\Algar Tech\00.Desktop\Backup\2 - Business Performance\2017\Wanessa\Demandas\ORCAMENTO 2018\6 - TELECOM.xlsx</t>
  </si>
  <si>
    <t>12/19/2019 22:57:30</t>
  </si>
  <si>
    <t>Orcamento Detalhado Marketing.xlsx</t>
  </si>
  <si>
    <t>F:\Drive H\Algar Tech\00.Desktop\Backup\2 - Business Performance\2017\Wanessa\Demandas\ORCAMENTO 2018\Orcamento Detalhado Marketing.xlsx</t>
  </si>
  <si>
    <t>12/20/2019 09:47:37</t>
  </si>
  <si>
    <t>12/19/2019 22:57:31</t>
  </si>
  <si>
    <t>QV_11102017.xls</t>
  </si>
  <si>
    <t>F:\Drive H\Algar Tech\00.Desktop\Backup\2 - Business Performance\2017\Wanessa\Demandas\ORCAMENTO 2018\QV_11102017.xls</t>
  </si>
  <si>
    <t>F:\Drive H\Algar Tech\00.Desktop\Backup\2 - Business Performance\2017\Wanessa\Demandas\ORCAMENTO 2018\Resumo.xlsx</t>
  </si>
  <si>
    <t>12/19/2019 22:57:36</t>
  </si>
  <si>
    <t>E:\00.Desktop\Backup\2 - Business Performance\2017\Wanessa\Demandas\SGI\</t>
  </si>
  <si>
    <t>QV CLIENTES.xls</t>
  </si>
  <si>
    <t>F:\Drive H\Algar Tech\00.Desktop\Backup\2 - Business Performance\2017\Wanessa\Demandas\SGI\QV CLIENTES.xls</t>
  </si>
  <si>
    <t>E:\Materiais de Trabalho\GDO 3495\</t>
  </si>
  <si>
    <t>Requisições Internas.xls</t>
  </si>
  <si>
    <t>F:\Drive H\Algar Tech\Materiais de Trabalho\GDO 3495\Requisições Internas.xls</t>
  </si>
  <si>
    <t>12/19/2019 22:57:42</t>
  </si>
  <si>
    <t>E:\00.Desktop\Backup\2 - Business Performance\2017\Wanessa\Demandas\SGI\QV CLIENTES.zip\</t>
  </si>
  <si>
    <t>F:\Drive H\Algar Tech\00.Desktop\Backup\2 - Business Performance\2017\Wanessa\Demandas\SGI\QV CLIENTES.zip</t>
  </si>
  <si>
    <t>E:\Materiais de Trabalho\Material de Trabalho - 2015.9.11\</t>
  </si>
  <si>
    <t>Materiais de Compra X Midiapel - Gabriel Jose Storti.xlsx</t>
  </si>
  <si>
    <t>F:\Drive H\Algar Tech\Materiais de Trabalho\Material de Trabalho - 2015.9.11\Materiais de Compra X Midiapel - Gabriel Jose Storti.xlsx</t>
  </si>
  <si>
    <t>12/19/2019 22:57:45</t>
  </si>
  <si>
    <t>E:\00.Desktop\Backup\2 - Business Performance\2018\01 - Projetos Assistidos\02 - Gestao Amb. Tecnologia\Banco Itau\</t>
  </si>
  <si>
    <t>145043 - BP Preço C011 B012 Desonerada 60%.xlsb</t>
  </si>
  <si>
    <t>F:\Drive H\Algar Tech\00.Desktop\Backup\2 - Business Performance\2018\01 - Projetos Assistidos\02 - Gestao Amb. Tecnologia\Banco Itau\145043 - BP Preço C011 B012 Desonerada 60%.xlsb</t>
  </si>
  <si>
    <t>E:\00.Desktop\Backup\2 - Business Performance\2018\01 - Projetos Assistidos\02 - Gestao Amb. Tecnologia\Banco Itau\145043 - BP Preço C011 B012 Desonerada 60%.xlsb\</t>
  </si>
  <si>
    <t>12/19/2019 22:57:49</t>
  </si>
  <si>
    <t>145043 - BP Preço C011 B012 Desonerada 60%_v2.xlsb</t>
  </si>
  <si>
    <t>F:\Drive H\Algar Tech\00.Desktop\Backup\2 - Business Performance\2018\01 - Projetos Assistidos\02 - Gestao Amb. Tecnologia\Banco Itau\145043 - BP Preço C011 B012 Desonerada 60%_v2.xlsb</t>
  </si>
  <si>
    <t>E:\00.Desktop\Backup\2 - Business Performance\2018\01 - Projetos Assistidos\02 - Gestao Amb. Tecnologia\Banco Itau\145043 - BP Preço C011 B012 Desonerada 60%_v2.xlsb\</t>
  </si>
  <si>
    <t>12/19/2019 22:57:52</t>
  </si>
  <si>
    <t>BP Preço C011 B012 Onerada 60%_v2 CONTINGENCIA 50.xlsb</t>
  </si>
  <si>
    <t>F:\Drive H\Algar Tech\00.Desktop\Backup\2 - Business Performance\2018\01 - Projetos Assistidos\02 - Gestao Amb. Tecnologia\Banco Itau\BP Preço C011 B012 Onerada 60%_v2 CONTINGENCIA 50.xlsb</t>
  </si>
  <si>
    <t>E:\00.Desktop\Backup\2 - Business Performance\2018\01 - Projetos Assistidos\02 - Gestao Amb. Tecnologia\Banco Itau\BP Preço C011 B012 Onerada 60%_v2 CONTINGENCIA 50.xlsb\</t>
  </si>
  <si>
    <t>12/19/2019 22:57:56</t>
  </si>
  <si>
    <t>BP Preço C011 B012 Onerada 60%_v2 CONTINGENCIA 90.xlsb</t>
  </si>
  <si>
    <t>F:\Drive H\Algar Tech\00.Desktop\Backup\2 - Business Performance\2018\01 - Projetos Assistidos\02 - Gestao Amb. Tecnologia\Banco Itau\BP Preço C011 B012 Onerada 60%_v2 CONTINGENCIA 90.xlsb</t>
  </si>
  <si>
    <t>E:\00.Desktop\Backup\2 - Business Performance\2018\01 - Projetos Assistidos\02 - Gestao Amb. Tecnologia\Banco Itau\BP Preço C011 B012 Onerada 60%_v2 CONTINGENCIA 90.xlsb\</t>
  </si>
  <si>
    <t>12/19/2019 22:58:01</t>
  </si>
  <si>
    <t>BP Preço C011 B012 Onerada 60%_v2.xlsb</t>
  </si>
  <si>
    <t>F:\Drive H\Algar Tech\00.Desktop\Backup\2 - Business Performance\2018\01 - Projetos Assistidos\02 - Gestao Amb. Tecnologia\Banco Itau\BP Preço C011 B012 Onerada 60%_v2.xlsb</t>
  </si>
  <si>
    <t>E:\00.Desktop\Backup\2 - Business Performance\2018\01 - Projetos Assistidos\02 - Gestao Amb. Tecnologia\Banco Itau\BP Preço C011 B012 Onerada 60%_v2.xlsb\</t>
  </si>
  <si>
    <t>12/19/2019 22:58:03</t>
  </si>
  <si>
    <t>BP Preço C011 B012 Onerada.xlsb</t>
  </si>
  <si>
    <t>F:\Drive H\Algar Tech\00.Desktop\Backup\2 - Business Performance\2018\01 - Projetos Assistidos\02 - Gestao Amb. Tecnologia\Banco Itau\BP Preço C011 B012 Onerada.xlsb</t>
  </si>
  <si>
    <t>E:\00.Desktop\Backup\2 - Business Performance\2018\01 - Projetos Assistidos\02 - Gestao Amb. Tecnologia\Banco Itau\BP Preço C011 B012 Onerada.xlsb\</t>
  </si>
  <si>
    <t>12/19/2019 22:58:07</t>
  </si>
  <si>
    <t>E:\00.Desktop\Backup\2 - Business Performance\2018\01 - Projetos Assistidos\02 - Gestao Amb. Tecnologia\Boticário\</t>
  </si>
  <si>
    <t>BP Preço C011 B012 Desonerada - Boticário - Proposta 144907v1.1.xlsb</t>
  </si>
  <si>
    <t>F:\Drive H\Algar Tech\00.Desktop\Backup\2 - Business Performance\2018\01 - Projetos Assistidos\02 - Gestao Amb. Tecnologia\Boticário\BP Preço C011 B012 Desonerada - Boticário - Proposta 144907v1.1.xlsb</t>
  </si>
  <si>
    <t>E:\00.Desktop\Backup\2 - Business Performance\2018\01 - Projetos Assistidos\02 - Gestao Amb. Tecnologia\Boticário\BP Preço C011 B012 Desonerada - Boticário - Proposta 144907v1.1.xlsb\</t>
  </si>
  <si>
    <t>12/19/2019 22:58:09</t>
  </si>
  <si>
    <t>FLUXO BOTICARIO.xlsx</t>
  </si>
  <si>
    <t>F:\Drive H\Algar Tech\00.Desktop\Backup\2 - Business Performance\2018\01 - Projetos Assistidos\02 - Gestao Amb. Tecnologia\Boticário\FLUXO BOTICARIO.xlsx</t>
  </si>
  <si>
    <t>12/19/2019 22:58:11</t>
  </si>
  <si>
    <t>E:\00.Desktop\Backup\2 - Business Performance\2018\01 - Projetos Assistidos\02 - Gestao Amb. Tecnologia\PIF PAF\</t>
  </si>
  <si>
    <t>BP PIF PAF_Risco de Rescisao.xlsx</t>
  </si>
  <si>
    <t>F:\Drive H\Algar Tech\00.Desktop\Backup\2 - Business Performance\2018\01 - Projetos Assistidos\02 - Gestao Amb. Tecnologia\PIF PAF\BP PIF PAF_Risco de Rescisao.xlsx</t>
  </si>
  <si>
    <t>12/19/2019 22:58:15</t>
  </si>
  <si>
    <t>E:\00.Desktop\Backup\2 - Business Performance\2018\01 - Projetos Assistidos\03 - Gestao Serv. de Telecom\VIVO\</t>
  </si>
  <si>
    <t>145999 - BP Preço C011 B012 - NE-sem ad Ajute Opex..xlsb</t>
  </si>
  <si>
    <t>F:\Drive H\Algar Tech\00.Desktop\Backup\2 - Business Performance\2018\01 - Projetos Assistidos\03 - Gestao Serv. de Telecom\VIVO\145999 - BP Preço C011 B012 - NE-sem ad Ajute Opex..xlsb</t>
  </si>
  <si>
    <t>12/20/2019 09:53:41</t>
  </si>
  <si>
    <t>E:\00.Desktop\Backup\2 - Business Performance\2018\01 - Projetos Assistidos\03 - Gestao Serv. de Telecom\VIVO\145999 - BP Preço C011 B012 - NE-sem ad Ajute Opex..xlsb\</t>
  </si>
  <si>
    <t>12/20/2019 09:48:28</t>
  </si>
  <si>
    <t>12/19/2019 22:58:23</t>
  </si>
  <si>
    <t>145999 - BP Preço C011 B012 - NE-sem ad..xlsb</t>
  </si>
  <si>
    <t>F:\Drive H\Algar Tech\00.Desktop\Backup\2 - Business Performance\2018\01 - Projetos Assistidos\03 - Gestao Serv. de Telecom\VIVO\145999 - BP Preço C011 B012 - NE-sem ad..xlsb</t>
  </si>
  <si>
    <t>E:\00.Desktop\Backup\2 - Business Performance\2018\01 - Projetos Assistidos\03 - Gestao Serv. de Telecom\VIVO\145999 - BP Preço C011 B012 - NE-sem ad..xlsb\</t>
  </si>
  <si>
    <t>2018.xls</t>
  </si>
  <si>
    <t>F:\Drive H\Algar Tech\00.Desktop\Backup\2 - Business Performance\2018\01 - Projetos Assistidos\03 - Gestao Serv. de Telecom\VIVO\2018.xls</t>
  </si>
  <si>
    <t>12/19/2019 22:58:25</t>
  </si>
  <si>
    <t>Cópia de FERIAS 6005 E 6006.xlsx</t>
  </si>
  <si>
    <t>F:\Drive H\Algar Tech\00.Desktop\Backup\2 - Business Performance\2018\01 - Projetos Assistidos\03 - Gestao Serv. de Telecom\VIVO\Cópia de FERIAS 6005 E 6006.xlsx</t>
  </si>
  <si>
    <t>Provisão férias.xls</t>
  </si>
  <si>
    <t>F:\Drive H\Algar Tech\00.Desktop\Backup\2 - Business Performance\2018\01 - Projetos Assistidos\03 - Gestao Serv. de Telecom\VIVO\Provisão férias.xls</t>
  </si>
  <si>
    <t>F:\Drive H\Algar Tech\00.Desktop\Backup\2 - Business Performance\2018\01 - Projetos Assistidos\03 - Gestao Serv. de Telecom\VIVO\Simulação.xlsx</t>
  </si>
  <si>
    <t>12/19/2019 22:58:31</t>
  </si>
  <si>
    <t>E:\00.Desktop\Backup\2 - Business Performance\2018\01 - Projetos Assistidos\03 - Gestao Serv. de Telecom\Vivo Lote 4 e 5\</t>
  </si>
  <si>
    <t>145999 - BP Preço C011 B012 - MG-Centro Oeste.xlsb</t>
  </si>
  <si>
    <t>F:\Drive H\Algar Tech\00.Desktop\Backup\2 - Business Performance\2018\01 - Projetos Assistidos\03 - Gestao Serv. de Telecom\Vivo Lote 4 e 5\145999 - BP Preço C011 B012 - MG-Centro Oeste.xlsb</t>
  </si>
  <si>
    <t>E:\00.Desktop\Backup\2 - Business Performance\2018\01 - Projetos Assistidos\03 - Gestao Serv. de Telecom\Vivo Lote 4 e 5\145999 - BP Preço C011 B012 - MG-Centro Oeste.xlsb\</t>
  </si>
  <si>
    <t>12/19/2019 22:58:37</t>
  </si>
  <si>
    <t>145999 - BP Preço C011 B012 - RJO.xlsb</t>
  </si>
  <si>
    <t>F:\Drive H\Algar Tech\00.Desktop\Backup\2 - Business Performance\2018\01 - Projetos Assistidos\03 - Gestao Serv. de Telecom\Vivo Lote 4 e 5\145999 - BP Preço C011 B012 - RJO.xlsb</t>
  </si>
  <si>
    <t>E:\00.Desktop\Backup\2 - Business Performance\2018\01 - Projetos Assistidos\03 - Gestao Serv. de Telecom\Vivo Lote 4 e 5\145999 - BP Preço C011 B012 - RJO.xlsb\</t>
  </si>
  <si>
    <t>12/19/2019 22:58:38</t>
  </si>
  <si>
    <t>Modelo Apresetação.xlsx</t>
  </si>
  <si>
    <t>F:\Drive H\Algar Tech\00.Desktop\Backup\2 - Business Performance\2018\01 - Projetos Assistidos\03 - Gestao Serv. de Telecom\Vivo Lote 4 e 5\Modelo Apresetação.xlsx</t>
  </si>
  <si>
    <t>12/19/2019 22:58:51</t>
  </si>
  <si>
    <t>E:\00.Desktop\Backup\2 - Business Performance\2018\01 - Projetos Assistidos\03 - Gestao Serv. de Telecom\VIVO_ùltimo\Vivo\</t>
  </si>
  <si>
    <t>145999 - BP Preço C011 B012 - NE-adicional.xlsb</t>
  </si>
  <si>
    <t>F:\Drive H\Algar Tech\00.Desktop\Backup\2 - Business Performance\2018\01 - Projetos Assistidos\03 - Gestao Serv. de Telecom\VIVO_ùltimo\Vivo\145999 - BP Preço C011 B012 - NE-adicional.xlsb</t>
  </si>
  <si>
    <t>E:\00.Desktop\Backup\2 - Business Performance\2018\01 - Projetos Assistidos\03 - Gestao Serv. de Telecom\VIVO_ùltimo\Vivo\145999 - BP Preço C011 B012 - NE-adicional.xlsb\</t>
  </si>
  <si>
    <t>12/19/2019 22:58:55</t>
  </si>
  <si>
    <t>145999 - BP Preço C011 B012 - NE.xlsb</t>
  </si>
  <si>
    <t>F:\Drive H\Algar Tech\00.Desktop\Backup\2 - Business Performance\2018\01 - Projetos Assistidos\03 - Gestao Serv. de Telecom\VIVO_ùltimo\Vivo\145999 - BP Preço C011 B012 - NE.xlsb</t>
  </si>
  <si>
    <t>E:\00.Desktop\Backup\2 - Business Performance\2018\01 - Projetos Assistidos\03 - Gestao Serv. de Telecom\VIVO_ùltimo\Vivo\145999 - BP Preço C011 B012 - NE.xlsb\</t>
  </si>
  <si>
    <t>12/19/2019 22:59:09</t>
  </si>
  <si>
    <t>Calculo Percentual de CPRB Orçamento Consolidado.xlsx</t>
  </si>
  <si>
    <t>F:\Drive H\Algar Tech\00.Desktop\Backup\2 - Business Performance\2018\01 - Projetos Assistidos\03 - Gestao Serv. de Telecom\VIVO_ùltimo\Vivo\Calculo Percentual de CPRB Orçamento Consolidado.xlsx</t>
  </si>
  <si>
    <t>12/19/2019 22:59:42</t>
  </si>
  <si>
    <t>E:\00.Desktop\Backup\2 - Business Performance\2018\01 - Projetos Assistidos\03 - Gestao Serv. de Telecom\VIVO_ùltimo\Vivo\Compliance de Contratos - Vivo Telefônica v1.pptx\</t>
  </si>
  <si>
    <t>F:\Drive H\Algar Tech\00.Desktop\Backup\2 - Business Performance\2018\01 - Projetos Assistidos\03 - Gestao Serv. de Telecom\VIVO_ùltimo\Vivo\Compliance de Contratos - Vivo Telefônica v1.pptx</t>
  </si>
  <si>
    <t>Microsoft_Excel_Binary_Worksheet10.xlsb</t>
  </si>
  <si>
    <t>Microsoft_Excel_Binary_Worksheet11.xlsb</t>
  </si>
  <si>
    <t>Microsoft_Excel_Binary_Worksheet13.xlsb</t>
  </si>
  <si>
    <t>Microsoft_Excel_Binary_Worksheet14.xlsb</t>
  </si>
  <si>
    <t>12/19/2019 22:59:43</t>
  </si>
  <si>
    <t>Microsoft_Excel_Binary_Worksheet8.xlsb</t>
  </si>
  <si>
    <t>12/19/2019 22:59:44</t>
  </si>
  <si>
    <t>12/19/2019 22:59:45</t>
  </si>
  <si>
    <t>12/19/2019 22:59:46</t>
  </si>
  <si>
    <t>12/19/2019 22:59:47</t>
  </si>
  <si>
    <t>12/19/2019 22:59:48</t>
  </si>
  <si>
    <t>12/19/2019 22:59:49</t>
  </si>
  <si>
    <t>12/19/2019 22:59:50</t>
  </si>
  <si>
    <t>E:\00.Desktop\Backup\2 - Business Performance\2018\01 - Projetos Assistidos\03 - Gestao Serv. de Telecom\VIVO_ùltimo\Vivo\Compliance de Contratos - Vivo Telefônica v1.pptx\Microsoft_Excel_Binary_Worksheet.xlsb\</t>
  </si>
  <si>
    <t>E:\00.Desktop\Backup\2 - Business Performance\2018\01 - Projetos Assistidos\03 - Gestao Serv. de Telecom\VIVO_ùltimo\Vivo\Compliance de Contratos - Vivo Telefônica v1.pptx\Microsoft_Excel_Binary_Worksheet10.xlsb\</t>
  </si>
  <si>
    <t>12/19/2019 22:59:51</t>
  </si>
  <si>
    <t>E:\00.Desktop\Backup\2 - Business Performance\2018\01 - Projetos Assistidos\03 - Gestao Serv. de Telecom\VIVO_ùltimo\Vivo\Compliance de Contratos - Vivo Telefônica v1.pptx\Microsoft_Excel_Binary_Worksheet11.xlsb\</t>
  </si>
  <si>
    <t>12/19/2019 22:59:52</t>
  </si>
  <si>
    <t>E:\00.Desktop\Backup\2 - Business Performance\2018\01 - Projetos Assistidos\03 - Gestao Serv. de Telecom\VIVO_ùltimo\Vivo\Compliance de Contratos - Vivo Telefônica v1.pptx\Microsoft_Excel_Binary_Worksheet13.xlsb\</t>
  </si>
  <si>
    <t>E:\00.Desktop\Backup\2 - Business Performance\2018\01 - Projetos Assistidos\03 - Gestao Serv. de Telecom\VIVO_ùltimo\Vivo\Compliance de Contratos - Vivo Telefônica v1.pptx\Microsoft_Excel_Binary_Worksheet14.xlsb\</t>
  </si>
  <si>
    <t>12/19/2019 22:59:53</t>
  </si>
  <si>
    <t>E:\00.Desktop\Backup\2 - Business Performance\2018\01 - Projetos Assistidos\03 - Gestao Serv. de Telecom\VIVO_ùltimo\Vivo\Compliance de Contratos - Vivo Telefônica v1.pptx\Microsoft_Excel_Binary_Worksheet3.xlsb\</t>
  </si>
  <si>
    <t>12/19/2019 22:59:54</t>
  </si>
  <si>
    <t>E:\00.Desktop\Backup\2 - Business Performance\2018\01 - Projetos Assistidos\03 - Gestao Serv. de Telecom\VIVO_ùltimo\Vivo\Compliance de Contratos - Vivo Telefônica v1.pptx\Microsoft_Excel_Binary_Worksheet7.xlsb\</t>
  </si>
  <si>
    <t>12/19/2019 22:59:55</t>
  </si>
  <si>
    <t>E:\00.Desktop\Backup\2 - Business Performance\2018\01 - Projetos Assistidos\03 - Gestao Serv. de Telecom\VIVO_ùltimo\Vivo\Compliance de Contratos - Vivo Telefônica v1.pptx\Microsoft_Excel_Binary_Worksheet8.xlsb\</t>
  </si>
  <si>
    <t>12/19/2019 23:00:09</t>
  </si>
  <si>
    <t>Cópia de 145999 - BP Preço C011 B012 - NE-adicional-6 meses.xlsb</t>
  </si>
  <si>
    <t>F:\Drive H\Algar Tech\00.Desktop\Backup\2 - Business Performance\2018\01 - Projetos Assistidos\03 - Gestao Serv. de Telecom\VIVO_ùltimo\Vivo\Cópia de 145999 - BP Preço C011 B012 - NE-adicional-6 meses.xlsb</t>
  </si>
  <si>
    <t>E:\00.Desktop\Backup\2 - Business Performance\2018\01 - Projetos Assistidos\03 - Gestao Serv. de Telecom\VIVO_ùltimo\Vivo\Cópia de 145999 - BP Preço C011 B012 - NE-adicional-6 meses.xlsb\</t>
  </si>
  <si>
    <t>DRE Comparativo resultados Anterior Maio a dez .xls</t>
  </si>
  <si>
    <t>F:\Drive H\Algar Tech\00.Desktop\Backup\2 - Business Performance\2018\01 - Projetos Assistidos\03 - Gestao Serv. de Telecom\VIVO_ùltimo\Vivo\DRE Comparativo resultados Anterior Maio a dez .xls</t>
  </si>
  <si>
    <t>12/19/2019 23:00:10</t>
  </si>
  <si>
    <t>DRE Comparativo resultados.xls</t>
  </si>
  <si>
    <t>F:\Drive H\Algar Tech\00.Desktop\Backup\2 - Business Performance\2018\01 - Projetos Assistidos\03 - Gestao Serv. de Telecom\VIVO_ùltimo\Vivo\DRE Comparativo resultados.xls</t>
  </si>
  <si>
    <t>12/19/2019 23:00:12</t>
  </si>
  <si>
    <t>12/20/2019 09:54:41</t>
  </si>
  <si>
    <t>Multas 2017.xlsx</t>
  </si>
  <si>
    <t>F:\Drive H\Algar Tech\00.Desktop\Backup\2 - Business Performance\2018\01 - Projetos Assistidos\03 - Gestao Serv. de Telecom\VIVO_ùltimo\Vivo\Multas 2017.xlsx</t>
  </si>
  <si>
    <t>Vivo Fat a e B.xls</t>
  </si>
  <si>
    <t>F:\Drive H\Algar Tech\00.Desktop\Backup\2 - Business Performance\2018\01 - Projetos Assistidos\03 - Gestao Serv. de Telecom\VIVO_ùltimo\Vivo\Vivo Fat a e B.xls</t>
  </si>
  <si>
    <t>12/20/2019 09:48:42</t>
  </si>
  <si>
    <t>12/20/2019 09:49:12</t>
  </si>
  <si>
    <t>12/20/2019 09:50:12</t>
  </si>
  <si>
    <t>12/20/2019 09:51:12</t>
  </si>
  <si>
    <t>12/20/2019 09:51:42</t>
  </si>
  <si>
    <t>12/19/2019 23:00:19</t>
  </si>
  <si>
    <t>E:\00.Desktop\Backup\2 - Business Performance\2018\01 - Projetos Assistidos\03 - Gestao Serv. de Telecom\VIVO_ùltimo\Vivo\Estudo 09 fev\</t>
  </si>
  <si>
    <t>145999 - BP Preço C011 B012 - com ad..xlsb</t>
  </si>
  <si>
    <t>F:\Drive H\Algar Tech\00.Desktop\Backup\2 - Business Performance\2018\01 - Projetos Assistidos\03 - Gestao Serv. de Telecom\VIVO_ùltimo\Vivo\Estudo 09 fev\145999 - BP Preço C011 B012 - com ad..xlsb</t>
  </si>
  <si>
    <t>E:\00.Desktop\Backup\2 - Business Performance\2018\01 - Projetos Assistidos\03 - Gestao Serv. de Telecom\VIVO_ùltimo\Vivo\Estudo 09 fev\145999 - BP Preço C011 B012 - com ad..xlsb\</t>
  </si>
  <si>
    <t>12/19/2019 23:00:25</t>
  </si>
  <si>
    <t>F:\Drive H\Algar Tech\00.Desktop\Backup\2 - Business Performance\2018\01 - Projetos Assistidos\03 - Gestao Serv. de Telecom\VIVO_ùltimo\Vivo\Estudo 09 fev\145999 - BP Preço C011 B012 - sem ad..xlsb</t>
  </si>
  <si>
    <t>E:\00.Desktop\Backup\2 - Business Performance\2018\01 - Projetos Assistidos\03 - Gestao Serv. de Telecom\VIVO_ùltimo\Vivo\Estudo 09 fev\145999 - BP Preço C011 B012 - sem ad..xlsb\</t>
  </si>
  <si>
    <t>12/19/2019 23:00:26</t>
  </si>
  <si>
    <t>F:\Drive H\Algar Tech\00.Desktop\Backup\2 - Business Performance\2018\01 - Projetos Assistidos\03 - Gestao Serv. de Telecom\VIVO_ùltimo\Vivo\Estudo 09 fev\2018.xls</t>
  </si>
  <si>
    <t>Cópia de Custos Eq Compartilhada_Antonio.xlsx</t>
  </si>
  <si>
    <t>F:\Drive H\Algar Tech\00.Desktop\Backup\2 - Business Performance\2018\01 - Projetos Assistidos\03 - Gestao Serv. de Telecom\VIVO_ùltimo\Vivo\Estudo 09 fev\Cópia de Custos Eq Compartilhada_Antonio.xlsx</t>
  </si>
  <si>
    <t>12/19/2019 23:00:33</t>
  </si>
  <si>
    <t>E:\00.Desktop\Backup\2 - Business Performance\2018\01 - Projetos Assistidos\03 - Gestao Serv. de Telecom\VIVO_ùltimo\Vivo\Estudo 09 fev\Anterior com ext. Adc. 15 TH\</t>
  </si>
  <si>
    <t>145999 - BP Preço C011 B012 - NE-adicional-6 meses.xlsb</t>
  </si>
  <si>
    <t>F:\Drive H\Algar Tech\00.Desktop\Backup\2 - Business Performance\2018\01 - Projetos Assistidos\03 - Gestao Serv. de Telecom\VIVO_ùltimo\Vivo\Estudo 09 fev\Anterior com ext. Adc. 15 TH\145999 - BP Preço C011 B012 - NE-adicional-6 meses.xlsb</t>
  </si>
  <si>
    <t>E:\00.Desktop\Backup\2 - Business Performance\2018\01 - Projetos Assistidos\03 - Gestao Serv. de Telecom\VIVO_ùltimo\Vivo\Estudo 09 fev\Anterior com ext. Adc. 15 TH\145999 - BP Preço C011 B012 - NE-adicional-6 meses.xlsb\</t>
  </si>
  <si>
    <t>E:\0.A100\00.Faturamento\</t>
  </si>
  <si>
    <t>Forecast - MRC Amazon 2020 - 2019.9.4.xlsx</t>
  </si>
  <si>
    <t>F:\Drive H\Algar Tech\0.A100\00.Faturamento\Forecast - MRC Amazon 2020 - 2019.9.4.xlsx</t>
  </si>
  <si>
    <t>12/19/2019 23:00:41</t>
  </si>
  <si>
    <t>E:\00.Desktop\Backup\2 - Business Performance\2018\01 - Projetos Assistidos\03 - Gestao Serv. de Telecom\VIVO_ùltimo\Vivo\Estudo 09 fev\Anterior sem Adicional 15 TH\</t>
  </si>
  <si>
    <t>145999 - BP Preço C011 B012 - NE-6 meses.xlsb</t>
  </si>
  <si>
    <t>F:\Drive H\Algar Tech\00.Desktop\Backup\2 - Business Performance\2018\01 - Projetos Assistidos\03 - Gestao Serv. de Telecom\VIVO_ùltimo\Vivo\Estudo 09 fev\Anterior sem Adicional 15 TH\145999 - BP Preço C011 B012 - NE-6 meses.xlsb</t>
  </si>
  <si>
    <t>E:\00.Desktop\Backup\2 - Business Performance\2018\01 - Projetos Assistidos\03 - Gestao Serv. de Telecom\VIVO_ùltimo\Vivo\Estudo 09 fev\Anterior sem Adicional 15 TH\145999 - BP Preço C011 B012 - NE-6 meses.xlsb\</t>
  </si>
  <si>
    <t>12/19/2019 23:00:46</t>
  </si>
  <si>
    <t>E:\00.Desktop\Backup\2 - Business Performance\2018\01 - Projetos Assistidos\03 - Gestao Serv. de Telecom\VIVO_ùltimo\Vivo\Versão 14 fev\</t>
  </si>
  <si>
    <t>F:\Drive H\Algar Tech\00.Desktop\Backup\2 - Business Performance\2018\01 - Projetos Assistidos\03 - Gestao Serv. de Telecom\VIVO_ùltimo\Vivo\Versão 14 fev\145999 - BP Preço C011 B012 - com ad..xlsb</t>
  </si>
  <si>
    <t>12/20/2019 09:49:15</t>
  </si>
  <si>
    <t>12/20/2019 09:51:15</t>
  </si>
  <si>
    <t>E:\00.Desktop\Backup\2 - Business Performance\2018\01 - Projetos Assistidos\03 - Gestao Serv. de Telecom\VIVO_ùltimo\Vivo\Versão 14 fev\145999 - BP Preço C011 B012 - com ad..xlsb\</t>
  </si>
  <si>
    <t>12/19/2019 23:00:50</t>
  </si>
  <si>
    <t>F:\Drive H\Algar Tech\00.Desktop\Backup\2 - Business Performance\2018\01 - Projetos Assistidos\03 - Gestao Serv. de Telecom\VIVO_ùltimo\Vivo\Versão 14 fev\145999 - BP Preço C011 B012 - sem ad..xlsb</t>
  </si>
  <si>
    <t>E:\00.Desktop\Backup\2 - Business Performance\2018\01 - Projetos Assistidos\03 - Gestao Serv. de Telecom\VIVO_ùltimo\Vivo\Versão 14 fev\145999 - BP Preço C011 B012 - sem ad..xlsb\</t>
  </si>
  <si>
    <t>12/20/2019 09:53:19</t>
  </si>
  <si>
    <t>Forecast - MRC Amazon 2020.xlsx</t>
  </si>
  <si>
    <t>F:\Drive H\Algar Tech\0.A100\00.Faturamento\Forecast - MRC Amazon 2020.xlsx</t>
  </si>
  <si>
    <t>12/19/2019 23:00:51</t>
  </si>
  <si>
    <t>2018 2.xls</t>
  </si>
  <si>
    <t>F:\Drive H\Algar Tech\00.Desktop\Backup\2 - Business Performance\2018\01 - Projetos Assistidos\03 - Gestao Serv. de Telecom\VIVO_ùltimo\Vivo\Versão 14 fev\2018 2.xls</t>
  </si>
  <si>
    <t>F:\Drive H\Algar Tech\00.Desktop\Backup\2 - Business Performance\2018\01 - Projetos Assistidos\03 - Gestao Serv. de Telecom\VIVO_ùltimo\Vivo\Versão 14 fev\2018.xls</t>
  </si>
  <si>
    <t>12/19/2019 23:00:53</t>
  </si>
  <si>
    <t>Forecast - MRC Amazon 2020_2019.10.04.xlsx</t>
  </si>
  <si>
    <t>F:\Drive H\Algar Tech\0.A100\00.Faturamento\Forecast - MRC Amazon 2020_2019.10.04.xlsx</t>
  </si>
  <si>
    <t>F:\Drive H\Algar Tech\00.Desktop\Backup\2 - Business Performance\2018\01 - Projetos Assistidos\03 - Gestao Serv. de Telecom\VIVO_ùltimo\Vivo\Versão 14 fev\Cópia de Custos Eq Compartilhada_Antonio.xlsx</t>
  </si>
  <si>
    <t>12/20/2019 09:52:24</t>
  </si>
  <si>
    <t>10.200.67.57</t>
  </si>
  <si>
    <t>TALITA SANTOS SILVA CASTRO (361).contact</t>
  </si>
  <si>
    <t>\\acsfs\profiles$\talitassc\Contacts\TALITA SANTOS SILVA CASTRO (361).contact</t>
  </si>
  <si>
    <t>12/20/2019 09:52:25</t>
  </si>
  <si>
    <t>12/20/2019 09:52:52</t>
  </si>
  <si>
    <t>12/20/2019 09:52:53</t>
  </si>
  <si>
    <t>12/20/2019 09:52:54</t>
  </si>
  <si>
    <t>12/20/2019 09:52:55</t>
  </si>
  <si>
    <t>12/19/2019 23:00:54</t>
  </si>
  <si>
    <t>Forecast - MRC Amazon 2020_2019.10.04_407 racks.xlsx</t>
  </si>
  <si>
    <t>F:\Drive H\Algar Tech\0.A100\00.Faturamento\Forecast - MRC Amazon 2020_2019.10.04_407 racks.xlsx</t>
  </si>
  <si>
    <t>12/20/2019 09:52:56</t>
  </si>
  <si>
    <t>12/20/2019 09:52:57</t>
  </si>
  <si>
    <t>12/20/2019 09:52:58</t>
  </si>
  <si>
    <t>12/20/2019 09:52:59</t>
  </si>
  <si>
    <t>12/20/2019 09:53:00</t>
  </si>
  <si>
    <t>12/20/2019 09:53:01</t>
  </si>
  <si>
    <t>12/20/2019 09:53:02</t>
  </si>
  <si>
    <t>F:\Drive H\Algar Tech\00.Desktop\Backup\2 - Business Performance\2018\01 - Projetos Assistidos\03 - Gestao Serv. de Telecom\VIVO_ùltimo\Vivo\Versão 14 fev\DRE Comparativo resultados Anterior Maio a dez .xls</t>
  </si>
  <si>
    <t>12/20/2019 09:53:03</t>
  </si>
  <si>
    <t>12/20/2019 09:53:04</t>
  </si>
  <si>
    <t>Forecast - MRC Amazon 2020_2019.10.04_429 racks.xlsx</t>
  </si>
  <si>
    <t>F:\Drive H\Algar Tech\0.A100\00.Faturamento\Forecast - MRC Amazon 2020_2019.10.04_429 racks.xlsx</t>
  </si>
  <si>
    <t>12/20/2019 09:53:05</t>
  </si>
  <si>
    <t>12/20/2019 09:53:07</t>
  </si>
  <si>
    <t>12/20/2019 09:53:08</t>
  </si>
  <si>
    <t>12/20/2019 09:53:09</t>
  </si>
  <si>
    <t>12/20/2019 09:53:10</t>
  </si>
  <si>
    <t>12/20/2019 09:53:11</t>
  </si>
  <si>
    <t>12/20/2019 09:53:12</t>
  </si>
  <si>
    <t>12/20/2019 09:53:14</t>
  </si>
  <si>
    <t>12/20/2019 09:53:15</t>
  </si>
  <si>
    <t>12/20/2019 09:53:56</t>
  </si>
  <si>
    <t>12/20/2019 09:53:57</t>
  </si>
  <si>
    <t>12/20/2019 09:53:58</t>
  </si>
  <si>
    <t>12/20/2019 09:53:59</t>
  </si>
  <si>
    <t>DRE Comparativo resultados Anterior Maio a dez_.xls</t>
  </si>
  <si>
    <t>F:\Drive H\Algar Tech\00.Desktop\Backup\2 - Business Performance\2018\01 - Projetos Assistidos\03 - Gestao Serv. de Telecom\VIVO_ùltimo\Vivo\Versão 14 fev\DRE Comparativo resultados Anterior Maio a dez_.xls</t>
  </si>
  <si>
    <t>12/19/2019 23:00:56</t>
  </si>
  <si>
    <t>Forecast - MRC Amazon 2020_2019.9.30.xlsx</t>
  </si>
  <si>
    <t>F:\Drive H\Algar Tech\0.A100\00.Faturamento\Forecast - MRC Amazon 2020_2019.9.30.xlsx</t>
  </si>
  <si>
    <t>12/19/2019 23:00:57</t>
  </si>
  <si>
    <t>Relação MRC Amazon.xlsx</t>
  </si>
  <si>
    <t>F:\Drive H\Algar Tech\0.A100\00.Faturamento\Relação MRC Amazon.xlsx</t>
  </si>
  <si>
    <t>12/20/2019 09:49:37</t>
  </si>
  <si>
    <t>Relação MRC Amazon_rev1.xlsx</t>
  </si>
  <si>
    <t>F:\Drive H\Algar Tech\0.A100\00.Faturamento\Relação MRC Amazon_rev1.xlsx</t>
  </si>
  <si>
    <t>12/19/2019 23:00:58</t>
  </si>
  <si>
    <t>Relação MRC Amazon_rev2.xlsx</t>
  </si>
  <si>
    <t>F:\Drive H\Algar Tech\0.A100\00.Faturamento\Relação MRC Amazon_rev2.xlsx</t>
  </si>
  <si>
    <t>12/19/2019 23:00:59</t>
  </si>
  <si>
    <t>E:\00.Desktop\Backup\2 - Business Performance\2018\01 - Projetos Assistidos\05 - Infra TI\1- Estudo Preço\Aumento Microsoft\</t>
  </si>
  <si>
    <t>Data Center 11-jan-2018_CORE _Aumento Cto.xlsb</t>
  </si>
  <si>
    <t>F:\Drive H\Algar Tech\00.Desktop\Backup\2 - Business Performance\2018\01 - Projetos Assistidos\05 - Infra TI\1- Estudo Preço\Aumento Microsoft\Data Center 11-jan-2018_CORE _Aumento Cto.xlsb</t>
  </si>
  <si>
    <t>E:\00.Desktop\Backup\2 - Business Performance\2018\01 - Projetos Assistidos\05 - Infra TI\1- Estudo Preço\Aumento Microsoft\Data Center 11-jan-2018_CORE _Aumento Cto.xlsb\</t>
  </si>
  <si>
    <t>12/19/2019 23:01:00</t>
  </si>
  <si>
    <t>Data Center 11-jan-2018_Microsoft Spla Aumento Cto.xlsb</t>
  </si>
  <si>
    <t>F:\Drive H\Algar Tech\00.Desktop\Backup\2 - Business Performance\2018\01 - Projetos Assistidos\05 - Infra TI\1- Estudo Preço\Aumento Microsoft\Data Center 11-jan-2018_Microsoft Spla Aumento Cto.xlsb</t>
  </si>
  <si>
    <t>E:\00.Desktop\Backup\2 - Business Performance\2018\01 - Projetos Assistidos\05 - Infra TI\1- Estudo Preço\Aumento Microsoft\Data Center 11-jan-2018_Microsoft Spla Aumento Cto.xlsb\</t>
  </si>
  <si>
    <t>Relação NRC Amazon.xlsx</t>
  </si>
  <si>
    <t>F:\Drive H\Algar Tech\0.A100\00.Faturamento\Relação NRC Amazon.xlsx</t>
  </si>
  <si>
    <t>Reporte Reajustes Microsoft SPLA.xlsx</t>
  </si>
  <si>
    <t>F:\Drive H\Algar Tech\00.Desktop\Backup\2 - Business Performance\2018\01 - Projetos Assistidos\05 - Infra TI\1- Estudo Preço\Aumento Microsoft\Reporte Reajustes Microsoft SPLA.xlsx</t>
  </si>
  <si>
    <t>12/19/2019 23:01:02</t>
  </si>
  <si>
    <t>E:\00.Desktop\Backup\2 - Business Performance\2018\01 - Projetos Assistidos\05 - Infra TI\1- Estudo Preço\Estudo Preço_Mix Produto\</t>
  </si>
  <si>
    <t>Mix - Grande.xlsb</t>
  </si>
  <si>
    <t>F:\Drive H\Algar Tech\00.Desktop\Backup\2 - Business Performance\2018\01 - Projetos Assistidos\05 - Infra TI\1- Estudo Preço\Estudo Preço_Mix Produto\Mix - Grande.xlsb</t>
  </si>
  <si>
    <t>E:\00.Desktop\Backup\2 - Business Performance\2018\01 - Projetos Assistidos\05 - Infra TI\1- Estudo Preço\Estudo Preço_Mix Produto\Mix - Grande.xlsb\</t>
  </si>
  <si>
    <t>12/19/2019 23:01:03</t>
  </si>
  <si>
    <t>Mix - medio-grade.xlsb</t>
  </si>
  <si>
    <t>F:\Drive H\Algar Tech\00.Desktop\Backup\2 - Business Performance\2018\01 - Projetos Assistidos\05 - Infra TI\1- Estudo Preço\Estudo Preço_Mix Produto\Mix - medio-grade.xlsb</t>
  </si>
  <si>
    <t>E:\00.Desktop\Backup\2 - Business Performance\2018\01 - Projetos Assistidos\05 - Infra TI\1- Estudo Preço\Estudo Preço_Mix Produto\Mix - medio-grade.xlsb\</t>
  </si>
  <si>
    <t>12/19/2019 23:01:04</t>
  </si>
  <si>
    <t>Mix - Medio.xlsb</t>
  </si>
  <si>
    <t>F:\Drive H\Algar Tech\00.Desktop\Backup\2 - Business Performance\2018\01 - Projetos Assistidos\05 - Infra TI\1- Estudo Preço\Estudo Preço_Mix Produto\Mix - Medio.xlsb</t>
  </si>
  <si>
    <t>E:\00.Desktop\Backup\2 - Business Performance\2018\01 - Projetos Assistidos\05 - Infra TI\1- Estudo Preço\Estudo Preço_Mix Produto\Mix - Medio.xlsb\</t>
  </si>
  <si>
    <t>12/19/2019 23:01:05</t>
  </si>
  <si>
    <t>Mix - Pequeno.xlsb</t>
  </si>
  <si>
    <t>F:\Drive H\Algar Tech\00.Desktop\Backup\2 - Business Performance\2018\01 - Projetos Assistidos\05 - Infra TI\1- Estudo Preço\Estudo Preço_Mix Produto\Mix - Pequeno.xlsb</t>
  </si>
  <si>
    <t>E:\00.Desktop\Backup\2 - Business Performance\2018\01 - Projetos Assistidos\05 - Infra TI\1- Estudo Preço\Estudo Preço_Mix Produto\Mix - Pequeno.xlsb\</t>
  </si>
  <si>
    <t>Resumo Mix.xlsx</t>
  </si>
  <si>
    <t>F:\Drive H\Algar Tech\00.Desktop\Backup\2 - Business Performance\2018\01 - Projetos Assistidos\05 - Infra TI\1- Estudo Preço\Estudo Preço_Mix Produto\Resumo Mix.xlsx</t>
  </si>
  <si>
    <t>12/19/2019 23:01:16</t>
  </si>
  <si>
    <t>E:\00.Desktop\Backup\2 - Business Performance\2018\01 - Projetos Assistidos\05 - Infra TI\Amazon Fase VI\</t>
  </si>
  <si>
    <t>BP Amazon - Incluso 58 Racks_IFRS 15.xlsm</t>
  </si>
  <si>
    <t>F:\Drive H\Algar Tech\00.Desktop\Backup\2 - Business Performance\2018\01 - Projetos Assistidos\05 - Infra TI\Amazon Fase VI\BP Amazon - Incluso 58 Racks_IFRS 15.xlsm</t>
  </si>
  <si>
    <t>12/19/2019 23:01:17</t>
  </si>
  <si>
    <t>BP Amazon_128 Racks.xlsm</t>
  </si>
  <si>
    <t>F:\Drive H\Algar Tech\00.Desktop\Backup\2 - Business Performance\2018\01 - Projetos Assistidos\05 - Infra TI\Amazon Fase VI\BP Amazon_128 Racks.xlsm</t>
  </si>
  <si>
    <t>12/19/2019 23:01:21</t>
  </si>
  <si>
    <t>BP Amazon_128 Racks_IFRS 15.xlsm</t>
  </si>
  <si>
    <t>F:\Drive H\Algar Tech\00.Desktop\Backup\2 - Business Performance\2018\01 - Projetos Assistidos\05 - Infra TI\Amazon Fase VI\BP Amazon_128 Racks_IFRS 15.xlsm</t>
  </si>
  <si>
    <t>12/19/2019 23:01:23</t>
  </si>
  <si>
    <t>BP Amazon_128 Racks_Locacao.xlsm</t>
  </si>
  <si>
    <t>F:\Drive H\Algar Tech\00.Desktop\Backup\2 - Business Performance\2018\01 - Projetos Assistidos\05 - Infra TI\Amazon Fase VI\BP Amazon_128 Racks_Locacao.xlsm</t>
  </si>
  <si>
    <t>12/19/2019 23:01:25</t>
  </si>
  <si>
    <t>BP Amazon_128 Racks_Locacao_IFRS 15.xlsm</t>
  </si>
  <si>
    <t>F:\Drive H\Algar Tech\00.Desktop\Backup\2 - Business Performance\2018\01 - Projetos Assistidos\05 - Infra TI\Amazon Fase VI\BP Amazon_128 Racks_Locacao_IFRS 15.xlsm</t>
  </si>
  <si>
    <t>12/19/2019 23:01:35</t>
  </si>
  <si>
    <t>BP Amazon_70 Racks.xlsm</t>
  </si>
  <si>
    <t>F:\Drive H\Algar Tech\00.Desktop\Backup\2 - Business Performance\2018\01 - Projetos Assistidos\05 - Infra TI\Amazon Fase VI\BP Amazon_70 Racks.xlsm</t>
  </si>
  <si>
    <t>BP Amazon_70 Racks_IFRS 15.xlsm</t>
  </si>
  <si>
    <t>F:\Drive H\Algar Tech\00.Desktop\Backup\2 - Business Performance\2018\01 - Projetos Assistidos\05 - Infra TI\Amazon Fase VI\BP Amazon_70 Racks_IFRS 15.xlsm</t>
  </si>
  <si>
    <t>12/19/2019 23:01:40</t>
  </si>
  <si>
    <t>BP Amazon_70 Racks_Locacao.xlsm</t>
  </si>
  <si>
    <t>F:\Drive H\Algar Tech\00.Desktop\Backup\2 - Business Performance\2018\01 - Projetos Assistidos\05 - Infra TI\Amazon Fase VI\BP Amazon_70 Racks_Locacao.xlsm</t>
  </si>
  <si>
    <t>12/19/2019 23:01:41</t>
  </si>
  <si>
    <t>E:\00.Desktop\Backup\2 - Business Performance\2018\01 - Projetos Assistidos\05 - Infra TI\Amazon Fase VI\Arquivos Recebidos\</t>
  </si>
  <si>
    <t>A100 70Racks CAPEX-OPEX 180105.xlsx</t>
  </si>
  <si>
    <t>F:\Drive H\Algar Tech\00.Desktop\Backup\2 - Business Performance\2018\01 - Projetos Assistidos\05 - Infra TI\Amazon Fase VI\Arquivos Recebidos\A100 70Racks CAPEX-OPEX 180105.xlsx</t>
  </si>
  <si>
    <t>A100 70Racks CAPEX-OPEX-LOCAÇÃO 60 meses 180116.xlsx</t>
  </si>
  <si>
    <t>F:\Drive H\Algar Tech\00.Desktop\Backup\2 - Business Performance\2018\01 - Projetos Assistidos\05 - Infra TI\Amazon Fase VI\Arquivos Recebidos\A100 70Racks CAPEX-OPEX-LOCAÇÃO 60 meses 180116.xlsx</t>
  </si>
  <si>
    <t>12/19/2019 23:01:42</t>
  </si>
  <si>
    <t>Template para BP.xlsx</t>
  </si>
  <si>
    <t>F:\Drive H\Algar Tech\00.Desktop\Backup\2 - Business Performance\2018\01 - Projetos Assistidos\05 - Infra TI\Amazon Fase VI\Arquivos Recebidos\Template para BP.xlsx</t>
  </si>
  <si>
    <t>12/19/2019 23:01:47</t>
  </si>
  <si>
    <t>E:\00.Desktop\Backup\2 - Business Performance\2018\01 - Projetos Assistidos\05 - Infra TI\Faber Castel\</t>
  </si>
  <si>
    <t>sem basis - finalde BP Preço C011 B012 Desonerada_v3.xlsb</t>
  </si>
  <si>
    <t>F:\Drive H\Algar Tech\00.Desktop\Backup\2 - Business Performance\2018\01 - Projetos Assistidos\05 - Infra TI\Faber Castel\sem basis - finalde BP Preço C011 B012 Desonerada_v3.xlsb</t>
  </si>
  <si>
    <t>E:\00.Desktop\Backup\2 - Business Performance\2018\01 - Projetos Assistidos\05 - Infra TI\Faber Castel\sem basis - finalde BP Preço C011 B012 Desonerada_v3.xlsb\</t>
  </si>
  <si>
    <t>12/19/2019 23:01:48</t>
  </si>
  <si>
    <t>Setup Faber Castel Data Center 21-12-2017v2_Rampa Setup.xlsb</t>
  </si>
  <si>
    <t>F:\Drive H\Algar Tech\00.Desktop\Backup\2 - Business Performance\2018\01 - Projetos Assistidos\05 - Infra TI\Faber Castel\Setup Faber Castel Data Center 21-12-2017v2_Rampa Setup.xlsb</t>
  </si>
  <si>
    <t>E:\00.Desktop\Backup\2 - Business Performance\2018\01 - Projetos Assistidos\05 - Infra TI\Faber Castel\Setup Faber Castel Data Center 21-12-2017v2_Rampa Setup.xlsb\</t>
  </si>
  <si>
    <t>12/19/2019 23:01:50</t>
  </si>
  <si>
    <t>E:\00.Desktop\Backup\2 - Business Performance\2018\01 - Projetos Assistidos\05 - Infra TI\Pearson\</t>
  </si>
  <si>
    <t>Precificação 144584 Data Center_v4 Cloud Privada 01-11-2017 Rampa Receita.xlsb</t>
  </si>
  <si>
    <t>F:\Drive H\Algar Tech\00.Desktop\Backup\2 - Business Performance\2018\01 - Projetos Assistidos\05 - Infra TI\Pearson\Precificação 144584 Data Center_v4 Cloud Privada 01-11-2017 Rampa Receita.xlsb</t>
  </si>
  <si>
    <t>12/20/2019 09:55:40</t>
  </si>
  <si>
    <t>E:\00.Desktop\Backup\2 - Business Performance\2018\01 - Projetos Assistidos\05 - Infra TI\Pearson\Precificação 144584 Data Center_v4 Cloud Privada 01-11-2017 Rampa Receita.xlsb\</t>
  </si>
  <si>
    <t>12/19/2019 23:01:52</t>
  </si>
  <si>
    <t>Precificação 144584 Data Center_v4 Cloud Pública 01-01-2017_Rampa Receita.xlsb</t>
  </si>
  <si>
    <t>F:\Drive H\Algar Tech\00.Desktop\Backup\2 - Business Performance\2018\01 - Projetos Assistidos\05 - Infra TI\Pearson\Precificação 144584 Data Center_v4 Cloud Pública 01-01-2017_Rampa Receita.xlsb</t>
  </si>
  <si>
    <t>E:\00.Desktop\Backup\2 - Business Performance\2018\01 - Projetos Assistidos\05 - Infra TI\Pearson\Precificação 144584 Data Center_v4 Cloud Pública 01-01-2017_Rampa Receita.xlsb\</t>
  </si>
  <si>
    <t>12/19/2019 23:02:00</t>
  </si>
  <si>
    <t>E:\00.Desktop\Backup\2 - Business Performance\2018\01 - Projetos Assistidos\06 - Latam\Analise Orcamento 2018\</t>
  </si>
  <si>
    <t>F:\Drive H\Algar Tech\00.Desktop\Backup\2 - Business Performance\2018\01 - Projetos Assistidos\06 - Latam\Analise Orcamento 2018\Comparativo DRE.xlsx</t>
  </si>
  <si>
    <t>12/19/2019 23:02:34</t>
  </si>
  <si>
    <t>E:\00.Desktop\Backup\2 - Business Performance\2018\01 - Projetos Assistidos\06 - Latam\Analise Orcamento 2018\Fechamento Latam Dezembro\</t>
  </si>
  <si>
    <t>Conciliacao Argentina.xlsx</t>
  </si>
  <si>
    <t>F:\Drive H\Algar Tech\00.Desktop\Backup\2 - Business Performance\2018\01 - Projetos Assistidos\06 - Latam\Analise Orcamento 2018\Fechamento Latam Dezembro\Conciliacao Argentina.xlsx</t>
  </si>
  <si>
    <t>12/19/2019 23:02:52</t>
  </si>
  <si>
    <t>E:\00.Desktop\Backup\2 - Business Performance\2018\01 - Projetos Assistidos\06 - Latam\Analise Orcamento 2018\Fechamento Latam Novembro\</t>
  </si>
  <si>
    <t>F:\Drive H\Algar Tech\00.Desktop\Backup\2 - Business Performance\2018\01 - Projetos Assistidos\06 - Latam\Analise Orcamento 2018\Fechamento Latam Novembro\Algar - Argentina Noviembre 2017.xlsx</t>
  </si>
  <si>
    <t>12/19/2019 23:03:12</t>
  </si>
  <si>
    <t>F:\Drive H\Algar Tech\00.Desktop\Backup\2 - Business Performance\2018\01 - Projetos Assistidos\06 - Latam\Analise Orcamento 2018\Fechamento Latam Novembro\Algar - Colombia Noviembre 2017.xlsx</t>
  </si>
  <si>
    <t>12/19/2019 23:03:16</t>
  </si>
  <si>
    <t>E:\00.Desktop\Backup\2 - Business Performance\2018\01 - Projetos Assistidos\06 - Latam\Reprojecao de BP Latam\</t>
  </si>
  <si>
    <t>Latam Argentina_BP Reprojetado 2018 a 2021.xlsm</t>
  </si>
  <si>
    <t>F:\Drive H\Algar Tech\00.Desktop\Backup\2 - Business Performance\2018\01 - Projetos Assistidos\06 - Latam\Reprojecao de BP Latam\Latam Argentina_BP Reprojetado 2018 a 2021.xlsm</t>
  </si>
  <si>
    <t>12/19/2019 23:03:18</t>
  </si>
  <si>
    <t>Latam Colombia_BP Reprojetado 2018 a 2021.xlsm</t>
  </si>
  <si>
    <t>F:\Drive H\Algar Tech\00.Desktop\Backup\2 - Business Performance\2018\01 - Projetos Assistidos\06 - Latam\Reprojecao de BP Latam\Latam Colombia_BP Reprojetado 2018 a 2021.xlsm</t>
  </si>
  <si>
    <t>12/19/2019 23:03:20</t>
  </si>
  <si>
    <t>Latam Consolidado.xlsm</t>
  </si>
  <si>
    <t>F:\Drive H\Algar Tech\00.Desktop\Backup\2 - Business Performance\2018\01 - Projetos Assistidos\06 - Latam\Reprojecao de BP Latam\Latam Consolidado.xlsm</t>
  </si>
  <si>
    <t>12/19/2019 23:03:23</t>
  </si>
  <si>
    <t>Latam Mexico_BP Reprojetado 2018 a 2021.xlsm</t>
  </si>
  <si>
    <t>F:\Drive H\Algar Tech\00.Desktop\Backup\2 - Business Performance\2018\01 - Projetos Assistidos\06 - Latam\Reprojecao de BP Latam\Latam Mexico_BP Reprojetado 2018 a 2021.xlsm</t>
  </si>
  <si>
    <t>12/19/2019 23:03:26</t>
  </si>
  <si>
    <t>E:\00.Desktop\Backup\2 - Business Performance\2018\01 - Projetos Assistidos\06 - Latam\Reprojecao de BP Latam\Bases Reprojecao\</t>
  </si>
  <si>
    <t>F:\Drive H\Algar Tech\00.Desktop\Backup\2 - Business Performance\2018\01 - Projetos Assistidos\06 - Latam\Reprojecao de BP Latam\Bases Reprojecao\Balanco HFM_2017_LATAM.xlsx</t>
  </si>
  <si>
    <t>12/19/2019 23:03:27</t>
  </si>
  <si>
    <t>F:\Drive H\Algar Tech\00.Desktop\Backup\2 - Business Performance\2018\01 - Projetos Assistidos\06 - Latam\Reprojecao de BP Latam\Bases Reprojecao\BP Crescimento Argentina e Chile - 4a. REUGER 2017.xlsb</t>
  </si>
  <si>
    <t>F:\Drive H\Algar Tech\00.Desktop\Backup\2 - Business Performance\2018\01 - Projetos Assistidos\06 - Latam\Reprojecao de BP Latam\Bases Reprojecao\BP Crescimento Colômbia - 4a. REUGER 2017.xlsb</t>
  </si>
  <si>
    <t>12/19/2019 23:03:28</t>
  </si>
  <si>
    <t>F:\Drive H\Algar Tech\00.Desktop\Backup\2 - Business Performance\2018\01 - Projetos Assistidos\06 - Latam\Reprojecao de BP Latam\Bases Reprojecao\BP Internacionalização Mexico - 4a. REUGER 2017.xlsb</t>
  </si>
  <si>
    <t>12/20/2019 09:50:03</t>
  </si>
  <si>
    <t>0b969a36-b52c-4d06-85f2-e499c08539d1.tmp</t>
  </si>
  <si>
    <t>\\acsfs\profiles$\leticiala\Downloads\0b969a36-b52c-4d06-85f2-e499c08539d1.tmp</t>
  </si>
  <si>
    <t>12/19/2019 23:03:36</t>
  </si>
  <si>
    <t>F:\Drive H\Algar Tech\00.Desktop\Backup\2 - Business Performance\2018\01 - Projetos Assistidos\06 - Latam\Reprojecao de BP Latam\Bases Reprojecao\CAPEX 2018_CNPJ.xlsx</t>
  </si>
  <si>
    <t>F:\Drive H\Algar Tech\00.Desktop\Backup\2 - Business Performance\2018\01 - Projetos Assistidos\06 - Latam\Reprojecao de BP Latam\Bases Reprojecao\DRE QV 2017.xlsx</t>
  </si>
  <si>
    <t>12/19/2019 23:03:38</t>
  </si>
  <si>
    <t>Longo Prazo MG 14112017.xlsx</t>
  </si>
  <si>
    <t>F:\Drive H\Algar Tech\00.Desktop\Backup\2 - Business Performance\2018\01 - Projetos Assistidos\06 - Latam\Reprojecao de BP Latam\Bases Reprojecao\Longo Prazo MG 14112017.xlsx</t>
  </si>
  <si>
    <t>F:\Drive H\Algar Tech\00.Desktop\Backup\2 - Business Performance\2018\01 - Projetos Assistidos\06 - Latam\Reprojecao de BP Latam\Bases Reprojecao\Premissas Latam_Prazos.xlsx</t>
  </si>
  <si>
    <t>12/19/2019 23:03:43</t>
  </si>
  <si>
    <t>E:\00.Desktop\Backup\2 - Business Performance\2018\02 - Projetos Coorporativos\01- GRC\BP Investimentos 2018\</t>
  </si>
  <si>
    <t>BP Capex Novas Vendas 2018 RLC.xlsm</t>
  </si>
  <si>
    <t>F:\Drive H\Algar Tech\00.Desktop\Backup\2 - Business Performance\2018\02 - Projetos Coorporativos\01- GRC\BP Investimentos 2018\BP Capex Novas Vendas 2018 RLC.xlsm</t>
  </si>
  <si>
    <t>QV Analitico.xlsx</t>
  </si>
  <si>
    <t>F:\Drive H\Algar Tech\00.Desktop\Backup\2 - Business Performance\2018\02 - Projetos Coorporativos\01- GRC\BP Investimentos 2018\QV Analitico.xlsx</t>
  </si>
  <si>
    <t>Rampa CAPEX_2018_Consolidado.xlsx</t>
  </si>
  <si>
    <t>F:\Drive H\Algar Tech\00.Desktop\Backup\2 - Business Performance\2018\02 - Projetos Coorporativos\01- GRC\BP Investimentos 2018\Rampa CAPEX_2018_Consolidado.xlsx</t>
  </si>
  <si>
    <t>12/19/2019 23:03:45</t>
  </si>
  <si>
    <t>E:\00.Desktop\Backup\2 - Business Performance\2018\02 - Projetos Coorporativos\03-Infra Estrutura\Investimento 2018\</t>
  </si>
  <si>
    <t>Analitico QV.xlsx</t>
  </si>
  <si>
    <t>F:\Drive H\Algar Tech\00.Desktop\Backup\2 - Business Performance\2018\02 - Projetos Coorporativos\03-Infra Estrutura\Investimento 2018\Analitico QV.xlsx</t>
  </si>
  <si>
    <t>12/19/2019 23:03:47</t>
  </si>
  <si>
    <t>BP CAPEX INFRA TI 2018.xlsm</t>
  </si>
  <si>
    <t>F:\Drive H\Algar Tech\00.Desktop\Backup\2 - Business Performance\2018\02 - Projetos Coorporativos\03-Infra Estrutura\Investimento 2018\BP CAPEX INFRA TI 2018.xlsm</t>
  </si>
  <si>
    <t>E:\00.Desktop\Backup\2 - Business Performance\2018\02 - Projetos Coorporativos\03-Infra Estrutura\Investimento 2018\ENC Capex incremental 2018.msg\s203\</t>
  </si>
  <si>
    <t>Infra_TI_Incremental_2018.xlsx</t>
  </si>
  <si>
    <t>F:\Drive H\Algar Tech\00.Desktop\Backup\2 - Business Performance\2018\02 - Projetos Coorporativos\03-Infra Estrutura\Investimento 2018\ENC Capex incremental 2018.msg</t>
  </si>
  <si>
    <t>12/19/2019 23:03:48</t>
  </si>
  <si>
    <t>E:\00.Desktop\Backup\2 - Business Performance\2018\02 - Projetos Coorporativos\03-Infra Estrutura\Multi Cloud - Estrategico\</t>
  </si>
  <si>
    <t>BP Gerenciamento de Cloud - 4a. REUGER 2017.xlsb</t>
  </si>
  <si>
    <t>F:\Drive H\Algar Tech\00.Desktop\Backup\2 - Business Performance\2018\02 - Projetos Coorporativos\03-Infra Estrutura\Multi Cloud - Estrategico\BP Gerenciamento de Cloud - 4a. REUGER 2017.xlsb</t>
  </si>
  <si>
    <t>12/19/2019 23:03:49</t>
  </si>
  <si>
    <t>Orcamento 2018 Novos Negocios Infra TI.xlsx</t>
  </si>
  <si>
    <t>F:\Drive H\Algar Tech\00.Desktop\Backup\2 - Business Performance\2018\02 - Projetos Coorporativos\03-Infra Estrutura\Multi Cloud - Estrategico\Orcamento 2018 Novos Negocios Infra TI.xlsx</t>
  </si>
  <si>
    <t>Orcamento 2018 Novos Negocios Infra TI_cenário 7,5%.xlsx</t>
  </si>
  <si>
    <t>F:\Drive H\Algar Tech\00.Desktop\Backup\2 - Business Performance\2018\02 - Projetos Coorporativos\03-Infra Estrutura\Multi Cloud - Estrategico\Orcamento 2018 Novos Negocios Infra TI_cenário 7,5%.xlsx</t>
  </si>
  <si>
    <t>Orcamento 2018 Recorrente Multi Cloud Cenário Real.xlsx</t>
  </si>
  <si>
    <t>F:\Drive H\Algar Tech\00.Desktop\Backup\2 - Business Performance\2018\02 - Projetos Coorporativos\03-Infra Estrutura\Multi Cloud - Estrategico\Orcamento 2018 Recorrente Multi Cloud Cenário Real.xlsx</t>
  </si>
  <si>
    <t>Orcamento 2018 Recorrente Multi Cloud.xlsx</t>
  </si>
  <si>
    <t>F:\Drive H\Algar Tech\00.Desktop\Backup\2 - Business Performance\2018\02 - Projetos Coorporativos\03-Infra Estrutura\Multi Cloud - Estrategico\Orcamento 2018 Recorrente Multi Cloud.xlsx</t>
  </si>
  <si>
    <t>12/19/2019 23:04:09</t>
  </si>
  <si>
    <t>PMR clientes.xlsb</t>
  </si>
  <si>
    <t>F:\Drive H\Algar Tech\00.Desktop\Backup\2 - Business Performance\2018\02 - Projetos Coorporativos\03-Infra Estrutura\Multi Cloud - Estrategico\PMR clientes.xlsb</t>
  </si>
  <si>
    <t>12/19/2019 23:04:15</t>
  </si>
  <si>
    <t>Receitas por cliente 2018.xlsx</t>
  </si>
  <si>
    <t>F:\Drive H\Algar Tech\00.Desktop\Backup\2 - Business Performance\2018\02 - Projetos Coorporativos\03-Infra Estrutura\Multi Cloud - Estrategico\Receitas por cliente 2018.xlsx</t>
  </si>
  <si>
    <t>12/19/2019 23:04:16</t>
  </si>
  <si>
    <t>E:\00.Desktop\Backup\2 - Business Performance\2018\02 - Projetos Coorporativos\03-Infra Estrutura\Multi Cloud - Estrategico\Primeiro Cenário\</t>
  </si>
  <si>
    <t>BP Gerenciamento de Cloud - 1a.Cenário sem cresc. 18 - Cópia.xlsb</t>
  </si>
  <si>
    <t>F:\Drive H\Algar Tech\00.Desktop\Backup\2 - Business Performance\2018\02 - Projetos Coorporativos\03-Infra Estrutura\Multi Cloud - Estrategico\Primeiro Cenário\BP Gerenciamento de Cloud - 1a.Cenário sem cresc. 18 - Cópia.xlsb</t>
  </si>
  <si>
    <t>BP Gerenciamento de Cloud - 1a.Cenário.xlsb</t>
  </si>
  <si>
    <t>F:\Drive H\Algar Tech\00.Desktop\Backup\2 - Business Performance\2018\02 - Projetos Coorporativos\03-Infra Estrutura\Multi Cloud - Estrategico\Primeiro Cenário\BP Gerenciamento de Cloud - 1a.Cenário.xlsb</t>
  </si>
  <si>
    <t>12/19/2019 23:04:17</t>
  </si>
  <si>
    <t>E:\00.Desktop\Backup\2 - Business Performance\2018\02 - Projetos Coorporativos\03-Infra Estrutura\Multi Cloud - Estrategico\Segundo Cenário\</t>
  </si>
  <si>
    <t>BP Gerenciamento de Cloud - 2a.Cenário -MC Ideal.xlsb</t>
  </si>
  <si>
    <t>F:\Drive H\Algar Tech\00.Desktop\Backup\2 - Business Performance\2018\02 - Projetos Coorporativos\03-Infra Estrutura\Multi Cloud - Estrategico\Segundo Cenário\BP Gerenciamento de Cloud - 2a.Cenário -MC Ideal.xlsb</t>
  </si>
  <si>
    <t>12/19/2019 23:04:18</t>
  </si>
  <si>
    <t>BP Gerenciamento de Cloud - 2a.Cenário capex 2018 - Cópia.xlsb</t>
  </si>
  <si>
    <t>F:\Drive H\Algar Tech\00.Desktop\Backup\2 - Business Performance\2018\02 - Projetos Coorporativos\03-Infra Estrutura\Multi Cloud - Estrategico\Segundo Cenário\BP Gerenciamento de Cloud - 2a.Cenário capex 2018 - Cópia.xlsb</t>
  </si>
  <si>
    <t>12/20/2019 09:53:37</t>
  </si>
  <si>
    <t>497e8dba-c2ae-4da1-b455-95c35a2b040a.tmp</t>
  </si>
  <si>
    <t>\\acsfs\profiles$\geovannasm\Downloads\497e8dba-c2ae-4da1-b455-95c35a2b040a.tmp</t>
  </si>
  <si>
    <t>12/20/2019 09:53:52</t>
  </si>
  <si>
    <t>9c39ce16-4a7f-49a3-aa3f-d76dd4f5ae77.tmp</t>
  </si>
  <si>
    <t>\\acsfs\profiles$\geovannasm\Downloads\9c39ce16-4a7f-49a3-aa3f-d76dd4f5ae77.tmp</t>
  </si>
  <si>
    <t>12/19/2019 23:04:19</t>
  </si>
  <si>
    <t>BP Gerenciamento de Cloud - 2a.Cenário capex 2018.xlsb</t>
  </si>
  <si>
    <t>F:\Drive H\Algar Tech\00.Desktop\Backup\2 - Business Performance\2018\02 - Projetos Coorporativos\03-Infra Estrutura\Multi Cloud - Estrategico\Segundo Cenário\BP Gerenciamento de Cloud - 2a.Cenário capex 2018.xlsb</t>
  </si>
  <si>
    <t>BP Gerenciamento de Cloud - 2a.Cenário.xlsb</t>
  </si>
  <si>
    <t>F:\Drive H\Algar Tech\00.Desktop\Backup\2 - Business Performance\2018\02 - Projetos Coorporativos\03-Infra Estrutura\Multi Cloud - Estrategico\Segundo Cenário\BP Gerenciamento de Cloud - 2a.Cenário.xlsb</t>
  </si>
  <si>
    <t>12/19/2019 23:04:21</t>
  </si>
  <si>
    <t>E:\00.Desktop\Backup\2 - Business Performance\2018\02 - Projetos Coorporativos\04-Aplicações\</t>
  </si>
  <si>
    <t>CMMI - 500 mil sem Receita Incremental.xlsx</t>
  </si>
  <si>
    <t>F:\Drive H\Algar Tech\00.Desktop\Backup\2 - Business Performance\2018\02 - Projetos Coorporativos\04-Aplicações\CMMI - 500 mil sem Receita Incremental.xlsx</t>
  </si>
  <si>
    <t>12/19/2019 23:04:23</t>
  </si>
  <si>
    <t>E:\00.Desktop\Backup\2 - Business Performance\2018\03 - LP\</t>
  </si>
  <si>
    <t>OPEX TORRES NEGÓCIO_v4.xlsx</t>
  </si>
  <si>
    <t>F:\Drive H\Algar Tech\00.Desktop\Backup\2 - Business Performance\2018\03 - LP\OPEX TORRES NEGÓCIO_v4.xlsx</t>
  </si>
  <si>
    <t>12/20/2019 09:51:37</t>
  </si>
  <si>
    <t>629aca86-4df6-486a-891d-197c0380d878.tmp</t>
  </si>
  <si>
    <t>\\acsfs\profiles$\nathaliadf\Downloads\629aca86-4df6-486a-891d-197c0380d878.tmp</t>
  </si>
  <si>
    <t>dfa4e759-ce70-4af1-97a5-4af4c6a3f0ab.tmp</t>
  </si>
  <si>
    <t>\\acsfs\profiles$\nathaliadf\Downloads\dfa4e759-ce70-4af1-97a5-4af4c6a3f0ab.tmp</t>
  </si>
  <si>
    <t>12/19/2019 23:04:25</t>
  </si>
  <si>
    <t>Planilha Modelo BP 2017 TECH_v4.xlsm</t>
  </si>
  <si>
    <t>F:\Drive H\Algar Tech\00.Desktop\Backup\2 - Business Performance\2018\03 - LP\Planilha Modelo BP 2017 TECH_v4.xlsm</t>
  </si>
  <si>
    <t>12/19/2019 23:04:34</t>
  </si>
  <si>
    <t>12/20/2019 09:56:41</t>
  </si>
  <si>
    <t>E:\00.Desktop\Backup\2 - Business Performance\2018\03 - LP\Apresentações\Apresentação Conselho_Financeiro.pptx\</t>
  </si>
  <si>
    <t>F:\Drive H\Algar Tech\00.Desktop\Backup\2 - Business Performance\2018\03 - LP\Apresentações\Apresentação Conselho_Financeiro.pptx</t>
  </si>
  <si>
    <t>12/19/2019 23:04:35</t>
  </si>
  <si>
    <t>12/19/2019 23:04:36</t>
  </si>
  <si>
    <t>12/20/2019 09:51:36</t>
  </si>
  <si>
    <t>12/20/2019 09:54:19</t>
  </si>
  <si>
    <t>\\acsfs\DEPTOS\Operacao\Banco_Votorantim\Qualidade\Anderson\Auditoria de Vendas\Laudo\BV Cartoes\Dezembro\Romario Silva\</t>
  </si>
  <si>
    <t>\\acsfs\DEPTOS\Operacao\Banco_Votorantim\Qualidade\Anderson\Auditoria de Vendas\Laudo\BV Cartoes\Dezembro\Romario Silva\Thumbs.db</t>
  </si>
  <si>
    <t>12/20/2019 09:52:16</t>
  </si>
  <si>
    <t>12/20/2019 09:57:41</t>
  </si>
  <si>
    <t>lista de presença nr17 - avon (20-12-2019).xlsx</t>
  </si>
  <si>
    <t>12/20/2019 09:55:58</t>
  </si>
  <si>
    <t>12/20/2019 09:58:08</t>
  </si>
  <si>
    <t>12/20/2019 09:58:41</t>
  </si>
  <si>
    <t>12/20/2019 09:55:16</t>
  </si>
  <si>
    <t>12/20/2019 09:59:41</t>
  </si>
  <si>
    <t>12/20/2019 09:57:16</t>
  </si>
  <si>
    <t>12/20/2019 09:56:04</t>
  </si>
  <si>
    <t>12/20/2019 09:55:38</t>
  </si>
  <si>
    <t>12/20/2019 09:58:28</t>
  </si>
  <si>
    <t>12/20/2019 10:00:41</t>
  </si>
  <si>
    <t>backofficebv@dxc.com;jean.loiola@bv.com.br;larissa.alcantara@bv.com.br;marianeps@algartech.com;talmaiardo@algartech.com;thiagordu@algartech.com;</t>
  </si>
  <si>
    <t>backofficebv@dxc.com,jean.loiola@bv.com.br,larissa.alcantara@bv.com.br,marianeps@algartech.com,talmaiardo@algartech.com,thiagordu@algartech.com</t>
  </si>
  <si>
    <t>12/20/2019 09:58:32</t>
  </si>
  <si>
    <t>12/20/2019 09:59:03</t>
  </si>
  <si>
    <t>5c40f0ef-97ae-4175-8135-293dd154276a.tmp</t>
  </si>
  <si>
    <t>\\acsfs\profiles$\vivianealda\Downloads\5c40f0ef-97ae-4175-8135-293dd154276a.tmp</t>
  </si>
  <si>
    <t>12/19/2019 23:04:37</t>
  </si>
  <si>
    <t>12/19/2019 23:04:38</t>
  </si>
  <si>
    <t>12/19/2019 23:04:39</t>
  </si>
  <si>
    <t>12/19/2019 23:04:40</t>
  </si>
  <si>
    <t>12/19/2019 23:04:41</t>
  </si>
  <si>
    <t>12/19/2019 23:04:51</t>
  </si>
  <si>
    <t>E:\00.Desktop\Backup\2 - Business Performance\2018\03 - LP\Apresentações\Apresentação Conselho_Financeiro_20Jan.pptx\</t>
  </si>
  <si>
    <t>F:\Drive H\Algar Tech\00.Desktop\Backup\2 - Business Performance\2018\03 - LP\Apresentações\Apresentação Conselho_Financeiro_20Jan.pptx</t>
  </si>
  <si>
    <t>12/19/2019 23:05:03</t>
  </si>
  <si>
    <t>E:\00.Desktop\Backup\2 - Business Performance\2018\03 - LP\Apresentações\Apresentação Conselho_Financeiro_v1.pptx\</t>
  </si>
  <si>
    <t>F:\Drive H\Algar Tech\00.Desktop\Backup\2 - Business Performance\2018\03 - LP\Apresentações\Apresentação Conselho_Financeiro_v1.pptx</t>
  </si>
  <si>
    <t>12/19/2019 23:05:04</t>
  </si>
  <si>
    <t>12/19/2019 23:05:05</t>
  </si>
  <si>
    <t>12/20/2019 10:01:41</t>
  </si>
  <si>
    <t>12/20/2019 09:57:17</t>
  </si>
  <si>
    <t>c:\users\marcotvo\desktop\</t>
  </si>
  <si>
    <t>estrutura marco tulio - novembro.xlsx</t>
  </si>
  <si>
    <t>12/20/2019 09:59:51</t>
  </si>
  <si>
    <t>12/20/2019 10:02:41</t>
  </si>
  <si>
    <t>12/20/2019 09:59:31</t>
  </si>
  <si>
    <t>12/20/2019 10:00:59</t>
  </si>
  <si>
    <t>12/20/2019 10:01:38</t>
  </si>
  <si>
    <t>12/20/2019 10:01:39</t>
  </si>
  <si>
    <t>12/20/2019 10:01:16</t>
  </si>
  <si>
    <t>12/20/2019 10:04:41</t>
  </si>
  <si>
    <t>12/20/2019 10:03:16</t>
  </si>
  <si>
    <t>12/20/2019 10:01:28</t>
  </si>
  <si>
    <t>12/20/2019 10:01:37</t>
  </si>
  <si>
    <t>12/20/2019 10:02:39</t>
  </si>
  <si>
    <t>12/20/2019 10:05:41</t>
  </si>
  <si>
    <t>66153adf-a4d6-4de2-8401-7a69d40f9918.tmp</t>
  </si>
  <si>
    <t>\\acsfs\profiles$\leticiala\Downloads\66153adf-a4d6-4de2-8401-7a69d40f9918.tmp</t>
  </si>
  <si>
    <t>12/20/2019 10:03:59</t>
  </si>
  <si>
    <t>12/20/2019 10:04:02</t>
  </si>
  <si>
    <t>12/20/2019 10:06:41</t>
  </si>
  <si>
    <t>12/20/2019 10:04:19</t>
  </si>
  <si>
    <t>\\acsfs\DEPTOS\Operacao\Banco_Votorantim\Qualidade\Paulo\Farol de Qualidade\DEZEMBRO\RELATORIO PARA FAROL.xlsx\</t>
  </si>
  <si>
    <t>12/20/2019 10:04:22</t>
  </si>
  <si>
    <t>12/20/2019 10:05:31</t>
  </si>
  <si>
    <t>12/20/2019 10:05:52</t>
  </si>
  <si>
    <t>12/19/2019 18:31:27</t>
  </si>
  <si>
    <t>12/20/2019 10:08:41</t>
  </si>
  <si>
    <t>mail.google.com/_/upload?authuser=2&amp;dcp=asu-n&amp;upload_id=AEnB2UqrjEUsYI2zmJ1pGyfr-MQ4ALRsglsOE6AuQI_mXFuLITaUncUDlvqF-W8xxt2TC-9Cdck2t-2ZJZjcRRM4d6byZJulRLTOBI7s_9dMHKmJ4KZZ9ZE&amp;upload_protocol=resumable</t>
  </si>
  <si>
    <t>12/20/2019 10:04:20</t>
  </si>
  <si>
    <t>12/20/2019 10:06:36</t>
  </si>
  <si>
    <t>12/20/2019 10:06:42</t>
  </si>
  <si>
    <t>12/20/2019 10:09:41</t>
  </si>
  <si>
    <t>12/20/2019 10:07:16</t>
  </si>
  <si>
    <t>12/20/2019 10:07:37</t>
  </si>
  <si>
    <t>12/20/2019 10:08:59</t>
  </si>
  <si>
    <t>12/20/2019 10:06:06</t>
  </si>
  <si>
    <t>12/20/2019 10:10:41</t>
  </si>
  <si>
    <t>12/20/2019 10:06:34</t>
  </si>
  <si>
    <t>12/20/2019 10:07:00</t>
  </si>
  <si>
    <t>12/20/2019 10:07:26</t>
  </si>
  <si>
    <t>12/20/2019 10:05:54</t>
  </si>
  <si>
    <t>12/20/2019 10:11:41</t>
  </si>
  <si>
    <t>6dc47038-ad52-4548-95a9-1a32cc8abb6e.tmp</t>
  </si>
  <si>
    <t>\\acsfs\profiles$\deborahsi\Downloads\6dc47038-ad52-4548-95a9-1a32cc8abb6e.tmp</t>
  </si>
  <si>
    <t>12/20/2019 10:12:00</t>
  </si>
  <si>
    <t>12/20/2019 10:12:42</t>
  </si>
  <si>
    <t>12/20/2019 10:11:51</t>
  </si>
  <si>
    <t>12/20/2019 10:10:42</t>
  </si>
  <si>
    <t>12/20/2019 10:14:42</t>
  </si>
  <si>
    <t>12/20/2019 10:11:46</t>
  </si>
  <si>
    <t>12/20/2019 10:09:16</t>
  </si>
  <si>
    <t>12/20/2019 10:13:16</t>
  </si>
  <si>
    <t>12/20/2019 10:13:37</t>
  </si>
  <si>
    <t>12/20/2019 10:13:54</t>
  </si>
  <si>
    <t>12/20/2019 10:15:41</t>
  </si>
  <si>
    <t>Gestão de Reajustes 2019 v8.1 20_12.xlsx</t>
  </si>
  <si>
    <t>12/20/2019 10:14:36</t>
  </si>
  <si>
    <t>12/20/2019 10:13:40</t>
  </si>
  <si>
    <t>f1e60d05-ad2e-49a3-9429-02a065be79b9.tmp</t>
  </si>
  <si>
    <t>\\acsfs\profiles$\vivianealda\Downloads\f1e60d05-ad2e-49a3-9429-02a065be79b9.tmp</t>
  </si>
  <si>
    <t>12/20/2019 10:12:31</t>
  </si>
  <si>
    <t>12/20/2019 10:16:41</t>
  </si>
  <si>
    <t>12/20/2019 10:14:34</t>
  </si>
  <si>
    <t>12/20/2019 10:11:33</t>
  </si>
  <si>
    <t>12/20/2019 10:11:37</t>
  </si>
  <si>
    <t>12/20/2019 10:15:57</t>
  </si>
  <si>
    <t>12/20/2019 10:17:41</t>
  </si>
  <si>
    <t>12/20/2019 10:16:44</t>
  </si>
  <si>
    <t>12/20/2019 10:15:24</t>
  </si>
  <si>
    <t>c1e25eab-e0a0-4510-aa07-990a14cd35e9.tmp</t>
  </si>
  <si>
    <t>\\acsfs\profiles$\YASMINSC\Downloads\c1e25eab-e0a0-4510-aa07-990a14cd35e9.tmp</t>
  </si>
  <si>
    <t>12/20/2019 10:12:59</t>
  </si>
  <si>
    <t>12/20/2019 10:16:24</t>
  </si>
  <si>
    <t>12/20/2019 10:16:37</t>
  </si>
  <si>
    <t>12/20/2019 10:15:22</t>
  </si>
  <si>
    <t>12/20/2019 10:18:42</t>
  </si>
  <si>
    <t>Calculadora Prêmio.xlsx</t>
  </si>
  <si>
    <t>\\acsfs\DEPTOS\Operacao\Banco_Votorantim\Supervisao\SUPERS BV CARTÕES\ADILSON\Vendas\Calculadora Prêmio.xlsx</t>
  </si>
  <si>
    <t>12/20/2019 10:13:42</t>
  </si>
  <si>
    <t>12/20/2019 10:19:41</t>
  </si>
  <si>
    <t>12/20/2019 10:16:12</t>
  </si>
  <si>
    <t>12/20/2019 10:15:16</t>
  </si>
  <si>
    <t>12/20/2019 10:16:43</t>
  </si>
  <si>
    <t>12/20/2019 10:19:32</t>
  </si>
  <si>
    <t>12/20/2019 10:20:41</t>
  </si>
  <si>
    <t>\\acsfs\Deptos\EDUCACAO EMPRESARIAL\FERNANDA MONIT\</t>
  </si>
  <si>
    <t>Nayara Nery Araujo Oliveira_1_6766669319359250178_1_32.wav</t>
  </si>
  <si>
    <t>\\acsfs\Deptos\EDUCACAO EMPRESARIAL\FERNANDA MONIT\Nayara Nery Araujo Oliveira_1_6766669319359250178_1_32.wav</t>
  </si>
  <si>
    <t>12/20/2019 10:21:41</t>
  </si>
  <si>
    <t>12/20/2019 10:20:24</t>
  </si>
  <si>
    <t>12/20/2019 10:22:41</t>
  </si>
  <si>
    <t>12/20/2019 10:18:07</t>
  </si>
  <si>
    <t>12/20/2019 10:18:09</t>
  </si>
  <si>
    <t>12/20/2019 10:22:30</t>
  </si>
  <si>
    <t>12/20/2019 10:23:42</t>
  </si>
  <si>
    <t>NB-DIEGOALS</t>
  </si>
  <si>
    <t>C:\Users\diegoals\Downloads\</t>
  </si>
  <si>
    <t>Relatório Diario CAOA 18-12.xlsx</t>
  </si>
  <si>
    <t>12/20/2019 10:21:12</t>
  </si>
  <si>
    <t>12/20/2019 10:24:41</t>
  </si>
  <si>
    <t>12/20/2019 10:23:12</t>
  </si>
  <si>
    <t>12/20/2019 10:19:16</t>
  </si>
  <si>
    <t>12/20/2019 10:21:16</t>
  </si>
  <si>
    <t>12/20/2019 10:19:37</t>
  </si>
  <si>
    <t>12/20/2019 10:20:39</t>
  </si>
  <si>
    <t>12/20/2019 10:25:42</t>
  </si>
  <si>
    <t>Regis Ezaias da Silva Junior_1_6766285748714936878_1_32.wav</t>
  </si>
  <si>
    <t>\\acsfs\Deptos\EDUCACAO EMPRESARIAL\FERNANDA MONIT\Regis Ezaias da Silva Junior_1_6766285748714936878_1_32.wav</t>
  </si>
  <si>
    <t>12/20/2019 10:21:25</t>
  </si>
  <si>
    <t>Thais Machado Bezerra_1_6765851179628964948_1_32.wav</t>
  </si>
  <si>
    <t>\\acsfs\Deptos\EDUCACAO EMPRESARIAL\FERNANDA MONIT\Thais Machado Bezerra_1_6765851179628964948_1_32.wav</t>
  </si>
  <si>
    <t>12/20/2019 10:26:41</t>
  </si>
  <si>
    <t>12/20/2019 10:25:09</t>
  </si>
  <si>
    <t>08c1658e-0bbc-4f33-a363-a3a3ac008b2f.tmp</t>
  </si>
  <si>
    <t>\\acsfs\profiles$\LUCASBS\Downloads\08c1658e-0bbc-4f33-a363-a3a3ac008b2f.tmp</t>
  </si>
  <si>
    <t>12/20/2019 10:24:29</t>
  </si>
  <si>
    <t>\\acsfs\DEPTOS\Operacao\Banco_Votorantim\Qualidade\Anderson\Auditoria de Vendas\Laudo\BV Cartoes\Novembro\Lais Ribeiro - PP\</t>
  </si>
  <si>
    <t>\\acsfs\DEPTOS\Operacao\Banco_Votorantim\Qualidade\Anderson\Auditoria de Vendas\Laudo\BV Cartoes\Novembro\Lais Ribeiro - PP\Thumbs.db</t>
  </si>
  <si>
    <t>12/20/2019 10:24:30</t>
  </si>
  <si>
    <t>\\acsfs\DEPTOS\Operacao\Banco_Votorantim\Qualidade\Anderson\Auditoria de Vendas\Laudo\BV Cartoes\Novembro\Lais Ribeiro - SPR\</t>
  </si>
  <si>
    <t>\\acsfs\DEPTOS\Operacao\Banco_Votorantim\Qualidade\Anderson\Auditoria de Vendas\Laudo\BV Cartoes\Novembro\Lais Ribeiro - SPR\Thumbs.db</t>
  </si>
  <si>
    <t>\\acsfs\DEPTOS\Operacao\Banco_Votorantim\Qualidade\Anderson\Auditoria de Vendas\Laudo\BV Cartoes\Novembro\Lais Ribeiro- SPR 12.11.2019\</t>
  </si>
  <si>
    <t>\\acsfs\DEPTOS\Operacao\Banco_Votorantim\Qualidade\Anderson\Auditoria de Vendas\Laudo\BV Cartoes\Novembro\Lais Ribeiro- SPR 12.11.2019\Thumbs.db</t>
  </si>
  <si>
    <t>12/20/2019 10:25:13</t>
  </si>
  <si>
    <t>\\acsfs\DEPTOS\Operacao\Banco_Votorantim\Qualidade\Anderson\Auditoria de Vendas\Laudo\BV Cartoes\Novembro\Matheus Gonzaga - PP\</t>
  </si>
  <si>
    <t>\\acsfs\DEPTOS\Operacao\Banco_Votorantim\Qualidade\Anderson\Auditoria de Vendas\Laudo\BV Cartoes\Novembro\Matheus Gonzaga - PP\Thumbs.db</t>
  </si>
  <si>
    <t>12/20/2019 10:21:51</t>
  </si>
  <si>
    <t>12/20/2019 10:27:42</t>
  </si>
  <si>
    <t>12/20/2019 10:22:21</t>
  </si>
  <si>
    <t>12/20/2019 10:23:05</t>
  </si>
  <si>
    <t>12/20/2019 10:23:11</t>
  </si>
  <si>
    <t>12/20/2019 10:23:17</t>
  </si>
  <si>
    <t>12/20/2019 10:23:23</t>
  </si>
  <si>
    <t>12/20/2019 10:23:25</t>
  </si>
  <si>
    <t>12/20/2019 10:23:38</t>
  </si>
  <si>
    <t>12/20/2019 10:23:40</t>
  </si>
  <si>
    <t>12/20/2019 10:27:19</t>
  </si>
  <si>
    <t>12/20/2019 10:24:12</t>
  </si>
  <si>
    <t>12/20/2019 10:29:42</t>
  </si>
  <si>
    <t>12/20/2019 10:25:52</t>
  </si>
  <si>
    <t>12/20/2019 10:25:16</t>
  </si>
  <si>
    <t>12/20/2019 10:27:16</t>
  </si>
  <si>
    <t>12/20/2019 10:24:33</t>
  </si>
  <si>
    <t>12/20/2019 10:25:37</t>
  </si>
  <si>
    <t>12/20/2019 10:25:41</t>
  </si>
  <si>
    <t>12/20/2019 10:30:41</t>
  </si>
  <si>
    <t>12/20/2019 10:25:59</t>
  </si>
  <si>
    <t>12/20/2019 10:26:11</t>
  </si>
  <si>
    <t>12/20/2019 10:26:24</t>
  </si>
  <si>
    <t>12/20/2019 10:27:02</t>
  </si>
  <si>
    <t>12/20/2019 10:31:41</t>
  </si>
  <si>
    <t>12/20/2019 10:25:58</t>
  </si>
  <si>
    <t>10.12.240.67</t>
  </si>
  <si>
    <t>CRONOGRAMA SAC - PA DIGITAL- RETENÇÃO.xlsx</t>
  </si>
  <si>
    <t>12/20/2019 10:28:25</t>
  </si>
  <si>
    <t>ad1377c2-31a8-4923-ba70-2c3784c92f3d.tmp</t>
  </si>
  <si>
    <t>\\acsfs\profiles$\paulovadc\Downloads\ad1377c2-31a8-4923-ba70-2c3784c92f3d.tmp</t>
  </si>
  <si>
    <t>12/20/2019 10:28:02</t>
  </si>
  <si>
    <t>0f89bcdb-4eea-4b30-abb3-acb312c5e11b.tmp</t>
  </si>
  <si>
    <t>\\acsfs\profiles$\LUCASBS\Downloads\0f89bcdb-4eea-4b30-abb3-acb312c5e11b.tmp</t>
  </si>
  <si>
    <t>12/20/2019 10:26:55</t>
  </si>
  <si>
    <t>\\acsfs\DEPTOS\Operacao\Banco_Votorantim\Qualidade\Anderson\Auditoria de Vendas\Laudo\BV Cartoes\Novembro\Ana Paula da Silva - SPF\</t>
  </si>
  <si>
    <t>Ana Paula da Silva_BV Cartoes_SPF_11.11.2019.docx</t>
  </si>
  <si>
    <t>\\acsfs\DEPTOS\Operacao\Banco_Votorantim\Qualidade\Anderson\Auditoria de Vendas\Laudo\BV Cartoes\Novembro\Ana Paula da Silva - SPF\Ana Paula da Silva_BV Cartoes_SPF_11.11.2019.docx</t>
  </si>
  <si>
    <t>12/20/2019 10:28:23</t>
  </si>
  <si>
    <t>\\acsfs\DEPTOS\EDUCACAO EMPRESARIAL\2 - Operações\0 - BV\5 - QUALIDADE\Nova pasta\Nova pasta\Ana Paula da Silva_BV Cartoes_SPF_11.11.2019.docx</t>
  </si>
  <si>
    <t>12/20/2019 10:28:26</t>
  </si>
  <si>
    <t>Vendas de Serviços ALGAR - Dezembro_2019 (10).xlsb</t>
  </si>
  <si>
    <t>\\acsfs\DEPTOS\EDUCACAO EMPRESARIAL\2 - Operações\0 - BV\5 - QUALIDADE\Nova pasta\Nova pasta\Vendas de Serviços ALGAR - Dezembro_2019 (10).xlsb</t>
  </si>
  <si>
    <t>\\acsfs\DEPTOS\EDUCACAO EMPRESARIAL\2 - Operações\0 - BV\5 - QUALIDADE\Nova pasta\Nova pasta\Vendas de Serviços ALGAR - Dezembro_2019 (10).xlsb\</t>
  </si>
  <si>
    <t>\\acsfs\DEPTOS\EDUCACAO EMPRESARIAL\2 - Operações\0 - BV\5 - QUALIDADE\Nova pasta\Nova pasta\Vendas de Serviços ALGAR - Dezembro_2019 (10).xlsb\:Zone.Identifier:$DATA</t>
  </si>
  <si>
    <t>\\acsfs\DEPTOS\EDUCACAO EMPRESARIAL\2 - Operações\0 - BV\5 - QUALIDADE\Nova pasta\Nova pasta\Check List - BV CARTOES_.xlsx</t>
  </si>
  <si>
    <t>1.mp4</t>
  </si>
  <si>
    <t>Algar_Midias play</t>
  </si>
  <si>
    <t>\\acsfs\DEPTOS\EDUCACAO EMPRESARIAL\2 - Operações\0 - BV\5 - QUALIDADE\Nova pasta\Nova pasta\1.mp4</t>
  </si>
  <si>
    <t>email.txt</t>
  </si>
  <si>
    <t>\\acsfs\DEPTOS\EDUCACAO EMPRESARIAL\2 - Operações\0 - BV\5 - QUALIDADE\Nova pasta\Nova pasta\email.txt</t>
  </si>
  <si>
    <t>12/20/2019 10:31:42</t>
  </si>
  <si>
    <t>12/20/2019 10:32:42</t>
  </si>
  <si>
    <t>12/20/2019 10:28:39</t>
  </si>
  <si>
    <t>12/20/2019 10:28:40</t>
  </si>
  <si>
    <t>12/20/2019 10:29:19</t>
  </si>
  <si>
    <t>12/20/2019 10:29:21</t>
  </si>
  <si>
    <t>12/20/2019 10:29:23</t>
  </si>
  <si>
    <t>12/20/2019 10:29:25</t>
  </si>
  <si>
    <t>12/20/2019 10:29:31</t>
  </si>
  <si>
    <t>12/20/2019 10:29:33</t>
  </si>
  <si>
    <t>12/20/2019 10:31:22</t>
  </si>
  <si>
    <t>12/20/2019 10:31:27</t>
  </si>
  <si>
    <t>12/20/2019 10:31:28</t>
  </si>
  <si>
    <t>12/20/2019 10:34:42</t>
  </si>
  <si>
    <t>12/20/2019 10:30:12</t>
  </si>
  <si>
    <t>12/20/2019 10:31:16</t>
  </si>
  <si>
    <t>12/20/2019 10:33:16</t>
  </si>
  <si>
    <t>12/20/2019 10:31:37</t>
  </si>
  <si>
    <t>12/20/2019 10:32:05</t>
  </si>
  <si>
    <t>12/20/2019 10:35:41</t>
  </si>
  <si>
    <t>Receitas Previstas 2020.xlsx</t>
  </si>
  <si>
    <t>12/20/2019 10:34:26</t>
  </si>
  <si>
    <t>claudineiavc@algartech.com.br;equipefabi@algartech.com.br;evertonpdsr@algartech.com.br;fabianapm@algartech.com;ideniraa@algartech.com.br;tecnicospj@algartech.com.br;</t>
  </si>
  <si>
    <t>RES: ESCALA FERIADO</t>
  </si>
  <si>
    <t>claudineiavc@algartech.com.br,equipefabi@algartech.com.br,evertonpdsr@algartech.com.br,fabianapm@algartech.com,ideniraa@algartech.com.br,tecnicospj@algartech.com.br</t>
  </si>
  <si>
    <t>12/20/2019 10:34:51</t>
  </si>
  <si>
    <t>12/20/2019 10:31:02</t>
  </si>
  <si>
    <t>12/20/2019 10:31:05</t>
  </si>
  <si>
    <t>58a5db38-0258-4996-8544-2645ca76dd8d.tmp</t>
  </si>
  <si>
    <t>\\acsfs\profiles$\geovannasm\Downloads\58a5db38-0258-4996-8544-2645ca76dd8d.tmp</t>
  </si>
  <si>
    <t>12/20/2019 10:27:07</t>
  </si>
  <si>
    <t>12/20/2019 10:36:42</t>
  </si>
  <si>
    <t>H:\PMO Governança\03 - ACOMPANHAMENTO DE PROJETOS\ELECTROLUX\PMO - STATUS DE GOVERNANÇA - PROJETOS GOVERNADOS 2019 - RFP ELECTROLUX - 19-11-21 - CENARIO EBIT.pptx\</t>
  </si>
  <si>
    <t>12/20/2019 10:37:41</t>
  </si>
  <si>
    <t>12/20/2019 10:33:58</t>
  </si>
  <si>
    <t>12/20/2019 10:36:36</t>
  </si>
  <si>
    <t>12/20/2019 10:33:12</t>
  </si>
  <si>
    <t>5aa2ccca-2a32-4a5e-b911-799b559467a0.tmp</t>
  </si>
  <si>
    <t>\\acsfs\profiles$\Flaviojmm\Downloads\5aa2ccca-2a32-4a5e-b911-799b559467a0.tmp</t>
  </si>
  <si>
    <t>12/20/2019 10:36:24</t>
  </si>
  <si>
    <t>12/20/2019 10:36:25</t>
  </si>
  <si>
    <t>12/20/2019 10:36:59</t>
  </si>
  <si>
    <t>12/20/2019 10:38:42</t>
  </si>
  <si>
    <t>12/20/2019 10:34:12</t>
  </si>
  <si>
    <t>12/20/2019 10:39:41</t>
  </si>
  <si>
    <t>12/20/2019 10:36:43</t>
  </si>
  <si>
    <t>12/20/2019 10:37:12</t>
  </si>
  <si>
    <t>12/20/2019 10:37:42</t>
  </si>
  <si>
    <t>12/20/2019 10:38:58</t>
  </si>
  <si>
    <t>daa7f752-35a8-4f2c-ab53-c068f2b394a8.tmp</t>
  </si>
  <si>
    <t>\\acsfs\profiles$\KARENDSR\Downloads\daa7f752-35a8-4f2c-ab53-c068f2b394a8.tmp</t>
  </si>
  <si>
    <t>12/20/2019 10:37:16</t>
  </si>
  <si>
    <t>12/20/2019 10:37:37</t>
  </si>
  <si>
    <t>12/20/2019 10:38:24</t>
  </si>
  <si>
    <t>12/20/2019 10:40:42</t>
  </si>
  <si>
    <t>0ef4cadf-c65b-465f-9514-36b3b51f85af.tmp</t>
  </si>
  <si>
    <t>\\acsfs\profiles$\geovannasm\Downloads\0ef4cadf-c65b-465f-9514-36b3b51f85af.tmp</t>
  </si>
  <si>
    <t>12/20/2019 10:39:43</t>
  </si>
  <si>
    <t>\\acsfs\profiles$\geovannasm\Downloads\$RECYCLE.BIN\</t>
  </si>
  <si>
    <t>$I9SV6JS.pdf</t>
  </si>
  <si>
    <t>\\acsfs\profiles$\geovannasm\Downloads\$RECYCLE.BIN\$I9SV6JS.pdf</t>
  </si>
  <si>
    <t>12/20/2019 10:38:19</t>
  </si>
  <si>
    <t>72acb149-5985-45ae-98b2-38b82030409d.tmp</t>
  </si>
  <si>
    <t>\\acsfs\profiles$\gabrielhca\Downloads\72acb149-5985-45ae-98b2-38b82030409d.tmp</t>
  </si>
  <si>
    <t>12/20/2019 10:39:01</t>
  </si>
  <si>
    <t>9c417269-7b4e-47cb-97ab-2d2c3aa58c04.tmp</t>
  </si>
  <si>
    <t>\\acsfs\profiles$\gabrielhca\Downloads\9c417269-7b4e-47cb-97ab-2d2c3aa58c04.tmp</t>
  </si>
  <si>
    <t>12/20/2019 10:38:50</t>
  </si>
  <si>
    <t>ea0e328a-9c36-4992-9bbe-bf5bb1eeebdc.tmp</t>
  </si>
  <si>
    <t>\\acsfs\profiles$\geovanaasa\Downloads\ea0e328a-9c36-4992-9bbe-bf5bb1eeebdc.tmp</t>
  </si>
  <si>
    <t>12/20/2019 10:39:49</t>
  </si>
  <si>
    <t>52a9879b-335e-4d7b-a39e-f6ccab9c7929.tmp</t>
  </si>
  <si>
    <t>\\acsfs\profiles$\geovanaasa\Downloads\52a9879b-335e-4d7b-a39e-f6ccab9c7929.tmp</t>
  </si>
  <si>
    <t>12/20/2019 10:36:32</t>
  </si>
  <si>
    <t>12/20/2019 10:41:41</t>
  </si>
  <si>
    <t>12/20/2019 10:42:41</t>
  </si>
  <si>
    <t>12/20/2019 10:40:36</t>
  </si>
  <si>
    <t>12/20/2019 10:40:54</t>
  </si>
  <si>
    <t>12/20/2019 10:38:05</t>
  </si>
  <si>
    <t>12/20/2019 10:43:41</t>
  </si>
  <si>
    <t>mail.google.com/_/upload?authuser=2&amp;dcp=asu-n&amp;upload_id=AEnB2Upa1k2QvlYw2aqf7Ayp1NAi5cLpPMzd0I7WUyXa79g-J4HRgDL1gRKpKuvvT2cxyPxdr_nEmsdRu1eXqrTG5aHLwISt5o1MDI4FdJJF3XuAy8XV_yY&amp;upload_protocol=resumable</t>
  </si>
  <si>
    <t>Qtd Venda x Não Venda.xlsx</t>
  </si>
  <si>
    <t>12/20/2019 10:39:12</t>
  </si>
  <si>
    <t>12/20/2019 10:44:40</t>
  </si>
  <si>
    <t>12/20/2019 10:39:42</t>
  </si>
  <si>
    <t>12/20/2019 10:41:12</t>
  </si>
  <si>
    <t>12/20/2019 10:43:12</t>
  </si>
  <si>
    <t>12/20/2019 10:43:42</t>
  </si>
  <si>
    <t>12/20/2019 10:43:53</t>
  </si>
  <si>
    <t>40aed9d5-d1ae-4145-8cc7-abebb5c03604.tmp</t>
  </si>
  <si>
    <t>\\acsfs\profiles$\KARENDSR\Downloads\40aed9d5-d1ae-4145-8cc7-abebb5c03604.tmp</t>
  </si>
  <si>
    <t>12/20/2019 10:39:16</t>
  </si>
  <si>
    <t>12/20/2019 10:43:16</t>
  </si>
  <si>
    <t>12/20/2019 10:39:26</t>
  </si>
  <si>
    <t>12/20/2019 10:39:50</t>
  </si>
  <si>
    <t>12/20/2019 10:43:37</t>
  </si>
  <si>
    <t>12/20/2019 10:42:01</t>
  </si>
  <si>
    <t>12/20/2019 10:45:41</t>
  </si>
  <si>
    <t>a3d72989-4450-4763-bbba-63a2e9076126.tmp</t>
  </si>
  <si>
    <t>\\acsfs\profiles$\gabrielhca\Downloads\a3d72989-4450-4763-bbba-63a2e9076126.tmp</t>
  </si>
  <si>
    <t>12/20/2019 10:43:54</t>
  </si>
  <si>
    <t>e12b7ee8-477a-45ba-9ca4-be28505c1350.tmp</t>
  </si>
  <si>
    <t>\\acsfs\profiles$\gabrielhca\Downloads\e12b7ee8-477a-45ba-9ca4-be28505c1350.tmp</t>
  </si>
  <si>
    <t>12/20/2019 10:44:18</t>
  </si>
  <si>
    <t>40081181-b6a7-419e-bfe3-6d51911625fb.tmp</t>
  </si>
  <si>
    <t>\\acsfs\profiles$\gabrielhca\Downloads\40081181-b6a7-419e-bfe3-6d51911625fb.tmp</t>
  </si>
  <si>
    <t>12/20/2019 10:40:40</t>
  </si>
  <si>
    <t>0e399a8e-4611-42b2-8eee-22ab759204da.tmp</t>
  </si>
  <si>
    <t>\\acsfs\profiles$\gabrielarb\Downloads\0e399a8e-4611-42b2-8eee-22ab759204da.tmp</t>
  </si>
  <si>
    <t>12/20/2019 10:44:08</t>
  </si>
  <si>
    <t>12/20/2019 10:46:40</t>
  </si>
  <si>
    <t>b58978df-0bac-4690-8ab8-34d26acbb107.tmp</t>
  </si>
  <si>
    <t>\\acsfs\profiles$\LUCASBS\Downloads\b58978df-0bac-4690-8ab8-34d26acbb107.tmp</t>
  </si>
  <si>
    <t>12/20/2019 10:47:41</t>
  </si>
  <si>
    <t>12/20/2019 10:46:36</t>
  </si>
  <si>
    <t>12/20/2019 10:44:38</t>
  </si>
  <si>
    <t>mail.google.com/_/upload?authuser=0&amp;dcp=asu-n&amp;upload_id=AEnB2UopVhq1gqfy654wpuJcK8kIcp3ShxRYwQGyDYs4IeE2VsbolNdT5LJmwnSZzbf_D0QD04wB0Izy9CUES7D31DqvpLaq__Aq1SCedDzr1bGKjxPMwyk&amp;upload_protocol=resumable</t>
  </si>
  <si>
    <t>BD - DESLIGADOS - 12-2019.xlsx</t>
  </si>
  <si>
    <t>12/20/2019 10:44:54</t>
  </si>
  <si>
    <t>12/20/2019 10:44:57</t>
  </si>
  <si>
    <t>12/20/2019 10:45:37</t>
  </si>
  <si>
    <t>12/20/2019 10:45:45</t>
  </si>
  <si>
    <t>12/20/2019 10:47:09</t>
  </si>
  <si>
    <t>https://udpwfmniceap02/pt_br/web/guest/home?p_auth=yx0o3o7l&amp;p_p_id=58&amp;p_p_lifecycle=1&amp;p_p_state=maximized&amp;p_p_mode=view&amp;savelastpath=0&amp;_58_struts_action=/login/forgot_password</t>
  </si>
  <si>
    <t>12/20/2019 10:43:29</t>
  </si>
  <si>
    <t>12/20/2019 10:48:41</t>
  </si>
  <si>
    <t>12/20/2019 10:45:29</t>
  </si>
  <si>
    <t>\\acsfs\DEPTOS\Operacao\Banco_Votorantim\Comum\00 - COMUM - BV CARTÕES\EQUIPE ADILSON\Reneg\9778BF33.tmp\</t>
  </si>
  <si>
    <t>\\acsfs\DEPTOS\Operacao\Banco_Votorantim\Comum\00 - COMUM - BV CARTÕES\EQUIPE ADILSON\Reneg\9778BF33.tmp\:Zone.Identifier:$DATA</t>
  </si>
  <si>
    <t>12/20/2019 10:45:30</t>
  </si>
  <si>
    <t>\\acsfs\DEPTOS\Operacao\Banco_Votorantim\Comum\00 - COMUM - BV CARTÕES\EQUIPE ADILSON\Reneg\</t>
  </si>
  <si>
    <t>12/20/2019 10:45:36</t>
  </si>
  <si>
    <t>\\acsfs\DEPTOS\Operacao\Banco_Votorantim\Comum\00 - COMUM - BV CARTÕES\EQUIPE ADILSON\Reneg\5A9C0966.tmp\</t>
  </si>
  <si>
    <t>\\acsfs\DEPTOS\Operacao\Banco_Votorantim\Comum\00 - COMUM - BV CARTÕES\EQUIPE ADILSON\Reneg\5A9C0966.tmp\:Zone.Identifier:$DATA</t>
  </si>
  <si>
    <t>12/20/2019 10:44:12</t>
  </si>
  <si>
    <t>12/20/2019 10:49:41</t>
  </si>
  <si>
    <t>12/20/2019 10:44:42</t>
  </si>
  <si>
    <t>12/20/2019 10:45:12</t>
  </si>
  <si>
    <t>12/20/2019 10:45:42</t>
  </si>
  <si>
    <t>12/20/2019 10:46:12</t>
  </si>
  <si>
    <t>12/20/2019 10:46:42</t>
  </si>
  <si>
    <t>12/20/2019 10:45:23</t>
  </si>
  <si>
    <t>624ed2e1-1e8e-420f-9d5f-3ab2ace22d35.tmp</t>
  </si>
  <si>
    <t>\\acsfs\profiles$\KARENDSR\Downloads\624ed2e1-1e8e-420f-9d5f-3ab2ace22d35.tmp</t>
  </si>
  <si>
    <t>8b9e5813-a7c0-4e38-892f-7e3157a59ef7.tmp</t>
  </si>
  <si>
    <t>\\acsfs\profiles$\KARENDSR\Downloads\8b9e5813-a7c0-4e38-892f-7e3157a59ef7.tmp</t>
  </si>
  <si>
    <t>12/20/2019 10:45:48</t>
  </si>
  <si>
    <t>e31ce892-adc9-43bd-837c-ad9d043e44ea.tmp</t>
  </si>
  <si>
    <t>\\acsfs\profiles$\KARENDSR\Downloads\e31ce892-adc9-43bd-837c-ad9d043e44ea.tmp</t>
  </si>
  <si>
    <t>12/20/2019 10:45:16</t>
  </si>
  <si>
    <t>12/20/2019 10:48:23</t>
  </si>
  <si>
    <t>mail.google.com/_/upload?authuser=1&amp;dcp=asu-n&amp;upload_id=AEnB2UpiCRNbinlSgpq-BFYTRV46H5Scmz1dZnuaI9V4Nms2QhUXiDoDEZFtdGb8tx4LKQ1m8WdpPJ6MAnTgN0xVcubTF3ZTD4DSXD46PD0uHxKr4DFNyCc&amp;upload_protocol=resumable</t>
  </si>
  <si>
    <t>Resumo dimensionamento Prevenção Fraude_Carrefour - 12062019 (1).xlsm</t>
  </si>
  <si>
    <t>12/20/2019 10:47:38</t>
  </si>
  <si>
    <t>12/20/2019 10:49:39</t>
  </si>
  <si>
    <t>12/20/2019 10:50:41</t>
  </si>
  <si>
    <t>30f7b5e9-40ec-4e3a-91d1-dffdfe7a472e.tmp</t>
  </si>
  <si>
    <t>\\acsfs\profiles$\geovanaasa\Downloads\30f7b5e9-40ec-4e3a-91d1-dffdfe7a472e.tmp</t>
  </si>
  <si>
    <t>12/20/2019 10:50:19</t>
  </si>
  <si>
    <t>12/20/2019 10:51:40</t>
  </si>
  <si>
    <t>12/20/2019 10:50:20</t>
  </si>
  <si>
    <t>12/20/2019 10:50:21</t>
  </si>
  <si>
    <t>12/20/2019 10:50:22</t>
  </si>
  <si>
    <t>12/20/2019 10:50:23</t>
  </si>
  <si>
    <t>12/20/2019 10:50:24</t>
  </si>
  <si>
    <t>12/20/2019 10:50:26</t>
  </si>
  <si>
    <t>12/20/2019 10:50:27</t>
  </si>
  <si>
    <t>12/20/2019 10:50:28</t>
  </si>
  <si>
    <t>12/20/2019 10:50:29</t>
  </si>
  <si>
    <t>12/20/2019 10:50:30</t>
  </si>
  <si>
    <t>12/20/2019 10:50:31</t>
  </si>
  <si>
    <t>12/20/2019 10:49:53</t>
  </si>
  <si>
    <t>12/20/2019 10:50:32</t>
  </si>
  <si>
    <t>12/20/2019 10:50:33</t>
  </si>
  <si>
    <t>12/20/2019 10:50:34</t>
  </si>
  <si>
    <t>12/20/2019 10:50:35</t>
  </si>
  <si>
    <t>12/20/2019 10:50:36</t>
  </si>
  <si>
    <t>12/20/2019 10:50:37</t>
  </si>
  <si>
    <t>12/20/2019 10:50:38</t>
  </si>
  <si>
    <t>12/20/2019 10:50:39</t>
  </si>
  <si>
    <t>12/20/2019 10:50:40</t>
  </si>
  <si>
    <t>12/20/2019 10:50:42</t>
  </si>
  <si>
    <t>12/20/2019 10:50:43</t>
  </si>
  <si>
    <t>12/20/2019 10:50:44</t>
  </si>
  <si>
    <t>12/20/2019 10:50:45</t>
  </si>
  <si>
    <t>12/20/2019 10:50:46</t>
  </si>
  <si>
    <t>12/20/2019 10:50:47</t>
  </si>
  <si>
    <t>12/20/2019 10:50:48</t>
  </si>
  <si>
    <t>12/20/2019 10:50:49</t>
  </si>
  <si>
    <t>12/20/2019 10:52:41</t>
  </si>
  <si>
    <t>12/20/2019 10:49:06</t>
  </si>
  <si>
    <t>12/20/2019 10:51:11</t>
  </si>
  <si>
    <t>12/20/2019 10:51:01</t>
  </si>
  <si>
    <t>12/20/2019 10:51:19</t>
  </si>
  <si>
    <t>12/20/2019 10:51:21</t>
  </si>
  <si>
    <t>12/20/2019 10:49:30</t>
  </si>
  <si>
    <t>12/20/2019 10:53:40</t>
  </si>
  <si>
    <t>12/20/2019 10:50:02</t>
  </si>
  <si>
    <t>3ce5dfdb-c9c9-4dda-9131-acdace0f6141.tmp</t>
  </si>
  <si>
    <t>\\acsfs\profiles$\isabellegtds\Downloads\3ce5dfdb-c9c9-4dda-9131-acdace0f6141.tmp</t>
  </si>
  <si>
    <t>12/20/2019 10:48:48</t>
  </si>
  <si>
    <t>12/20/2019 10:51:45</t>
  </si>
  <si>
    <t>janainapa@algartech.com.br;</t>
  </si>
  <si>
    <t>ENC: Volume Gerenciadas Amex e Visa - 20/12</t>
  </si>
  <si>
    <t>janainapa@algartech.com.br</t>
  </si>
  <si>
    <t>12/20/2019 10:52:43</t>
  </si>
  <si>
    <t>12/20/2019 10:54:41</t>
  </si>
  <si>
    <t>12/20/2019 10:49:16</t>
  </si>
  <si>
    <t>12/20/2019 10:51:12</t>
  </si>
  <si>
    <t>12/20/2019 10:49:38</t>
  </si>
  <si>
    <t>12/20/2019 10:55:41</t>
  </si>
  <si>
    <t>12/20/2019 10:56:40</t>
  </si>
  <si>
    <t>12/20/2019 10:53:17</t>
  </si>
  <si>
    <t>\\acsfs\profiles$\LUCASBS\</t>
  </si>
  <si>
    <t>.~lock.RENEG BV.ods#</t>
  </si>
  <si>
    <t>\\acsfs\profiles$\LUCASBS\.~lock.RENEG BV.ods#</t>
  </si>
  <si>
    <t>12/20/2019 10:53:18</t>
  </si>
  <si>
    <t>lu1242015eoo8.tmp</t>
  </si>
  <si>
    <t>\\acsfs\profiles$\LUCASBS\lu1242015eoo8.tmp</t>
  </si>
  <si>
    <t>\\acsfs\profiles$\LUCASBS\lu1242015eoo8.tmp\</t>
  </si>
  <si>
    <t>\\acsfs\profiles$\LUCASBS\lu1242015eoo8.tmp\META-INF\</t>
  </si>
  <si>
    <t>\\acsfs\profiles$\LUCASBS\lu1242015eoo8.tmp\Thumbnails\</t>
  </si>
  <si>
    <t>12/20/2019 10:54:26</t>
  </si>
  <si>
    <t>9059fcce-1ba2-41a5-a4ff-73d418a49796.tmp</t>
  </si>
  <si>
    <t>\\acsfs\profiles$\LUCASBS\Downloads\9059fcce-1ba2-41a5-a4ff-73d418a49796.tmp</t>
  </si>
  <si>
    <t>12/20/2019 10:57:41</t>
  </si>
  <si>
    <t>12/20/2019 10:54:03</t>
  </si>
  <si>
    <t>12/20/2019 10:54:15</t>
  </si>
  <si>
    <t>12/20/2019 10:54:16</t>
  </si>
  <si>
    <t>12/20/2019 10:57:03</t>
  </si>
  <si>
    <t>12/20/2019 10:58:41</t>
  </si>
  <si>
    <t>594bf083-5ee7-40e3-83b6-3d1da320fb26.tmp</t>
  </si>
  <si>
    <t>\\acsfs\profiles$\isabellegtds\Downloads\594bf083-5ee7-40e3-83b6-3d1da320fb26.tmp</t>
  </si>
  <si>
    <t>12/20/2019 10:55:14</t>
  </si>
  <si>
    <t>rafael.bortolato@invenit.com.br;</t>
  </si>
  <si>
    <t>rafael.bortolato@invenit.com.br</t>
  </si>
  <si>
    <t>12/20/2019 10:56:56</t>
  </si>
  <si>
    <t>12/20/2019 10:55:43</t>
  </si>
  <si>
    <t>12/20/2019 10:59:41</t>
  </si>
  <si>
    <t>12/20/2019 10:56:13</t>
  </si>
  <si>
    <t>12/20/2019 10:56:43</t>
  </si>
  <si>
    <t>12/20/2019 10:57:13</t>
  </si>
  <si>
    <t>12/20/2019 10:57:43</t>
  </si>
  <si>
    <t>12/20/2019 10:58:43</t>
  </si>
  <si>
    <t>12/20/2019 10:55:16</t>
  </si>
  <si>
    <t>12/20/2019 10:56:16</t>
  </si>
  <si>
    <t>12/20/2019 10:55:10</t>
  </si>
  <si>
    <t>12/20/2019 10:55:39</t>
  </si>
  <si>
    <t>12/20/2019 10:56:08</t>
  </si>
  <si>
    <t>12/20/2019 11:00:42</t>
  </si>
  <si>
    <t>3d72ff85-e239-4eb1-b13d-b966cca41f6a.tmp</t>
  </si>
  <si>
    <t>\\acsfs\profiles$\ayalabfi\Downloads\3d72ff85-e239-4eb1-b13d-b966cca41f6a.tmp</t>
  </si>
  <si>
    <t>12/20/2019 11:00:14</t>
  </si>
  <si>
    <t>5750c730-48a1-428e-bc4c-266bdd9293b6.tmp</t>
  </si>
  <si>
    <t>\\acsfs\profiles$\gabrielhca\Downloads\5750c730-48a1-428e-bc4c-266bdd9293b6.tmp</t>
  </si>
  <si>
    <t>12/20/2019 11:01:41</t>
  </si>
  <si>
    <t>12/20/2019 10:58:24</t>
  </si>
  <si>
    <t>dfb08d2d-fb64-40c0-9cfd-ba3d19ab02cf.tmp</t>
  </si>
  <si>
    <t>\\acsfs\profiles$\JOAOVAL\Downloads\dfb08d2d-fb64-40c0-9cfd-ba3d19ab02cf.tmp</t>
  </si>
  <si>
    <t>12/20/2019 11:00:26</t>
  </si>
  <si>
    <t>77b67c38-b09d-4888-b082-3ea51d140897.tmp</t>
  </si>
  <si>
    <t>\\acsfs\profiles$\JOAOVAL\Downloads\77b67c38-b09d-4888-b082-3ea51d140897.tmp</t>
  </si>
  <si>
    <t>12/20/2019 10:58:10</t>
  </si>
  <si>
    <t>"domain":"bancobrasil.com.br"}; _pk_id.16.3c5e=b6901a99bb3e8d3c.1575379765.20.1576847328.1576847046.; cdetalhe=b!3d32002|o!3d0|j!3d0|p!3d1|f!3d0 servico=exibirtelainformativanologin;"domain":"bancobrasil.com.br"}; _pk_id.16.3c5e=b6901a99bb3e8d3c.1575379765.20.1576847328.1576847046.; cdetalhe=b!3d32002|o!3d0|j!3d0|p!3d1|f!3d0 servico=listardebatesfalecomseugerente;"domain":"bancobrasil.com.br"}; _pk_id.16.3c5e=b6901a99bb3e8d3c.1575379765.20.1576847328.1576847046.; cdetalhe=b!3d32002|o!3d0|j!3d0|p!3d1|f!3d0 servico=verificarnovasmensagens;"domain":"bancobrasil.com.br"}; cs___sessionid___0={"name":"sessionid";"domain":"bancobrasil.com.br"}; ortcsession-u0jwbb-s=6c181ea79487e66f; ortcsession-u0jwbb=6c181ea79487e66f; cs___pminteractions___0={"name":"pminteractions";"expires":"2019-12-20t14:04:25.083z";"expires":"2020-12-20t13:04:25.084z";"heartbeat":{"fails":3;"https://www.bb.com.br/pbb/pagina-inicial"]; _pk_ses.16.3c5e=*; nvgc41493=0|0; nav41493=97e1b157ccf6abd0431b508d709|2_355; aapf.l=1; aapf.pr=w3siy29kawdvijo</t>
  </si>
  <si>
    <t>"domain":"bancobrasil.com.br"}; _pk_id.16.3c5e=b6901a99bb3e8d3c.1575379765.20.1576847328.1576847046.; cdetalhe=b!3d32002|o!3d0|j!3d0|p!3d1|f!3d0 servico=exibirtelainformativanologin,"domain":"bancobrasil.com.br"}; _pk_id.16.3c5e=b6901a99bb3e8d3c.1575379765.20.1576847328.1576847046.; cdetalhe=b!3d32002|o!3d0|j!3d0|p!3d1|f!3d0 servico=listardebatesfalecomseugerente,"domain":"bancobrasil.com.br"}; _pk_id.16.3c5e=b6901a99bb3e8d3c.1575379765.20.1576847328.1576847046.; cdetalhe=b!3d32002|o!3d0|j!3d0|p!3d1|f!3d0 servico=verificarnovasmensagens,"domain":"bancobrasil.com.br"}; cs___sessionid___0={"name":"sessionid","domain":"bancobrasil.com.br"}; ortcsession-u0jwbb-s=6c181ea79487e66f; ortcsession-u0jwbb=6c181ea79487e66f; cs___pminteractions___0={"name":"pminteractions","expires":"2019-12-20t14:04:25.083z","expires":"2020-12-20t13:04:25.084z","heartbeat":{"fails":3,"https://www.bb.com.br/pbb/pagina-inicial"]; _pk_ses.16.3c5e=*; nvgc41493=0|0; nav41493=97e1b157ccf6abd0431b508d709|2_355; aapf.l=1; aapf.pr=w3siy29kawdvijo</t>
  </si>
  <si>
    <t>12/20/2019 10:58:30</t>
  </si>
  <si>
    <t>12/20/2019 11:02:41</t>
  </si>
  <si>
    <t>12/20/2019 10:58:36</t>
  </si>
  <si>
    <t>12/20/2019 10:59:30</t>
  </si>
  <si>
    <t>12/20/2019 10:58:31</t>
  </si>
  <si>
    <t>12/20/2019 11:03:41</t>
  </si>
  <si>
    <t>12/20/2019 10:59:18</t>
  </si>
  <si>
    <t>12/20/2019 11:01:03</t>
  </si>
  <si>
    <t>12/20/2019 10:59:13</t>
  </si>
  <si>
    <t>12/20/2019 11:04:41</t>
  </si>
  <si>
    <t>12/20/2019 10:59:43</t>
  </si>
  <si>
    <t>12/20/2019 11:00:13</t>
  </si>
  <si>
    <t>12/20/2019 11:00:43</t>
  </si>
  <si>
    <t>12/20/2019 11:02:01</t>
  </si>
  <si>
    <t>https://udpmailboxap01.acs.com.br:8443/h/search?si=4&amp;so=0&amp;sc=50211&amp;st=conversation&amp;action=compose&amp;paction=paneview</t>
  </si>
  <si>
    <t>12/20/2019 11:02:31</t>
  </si>
  <si>
    <t>12/20/2019 11:02:39</t>
  </si>
  <si>
    <t>12/20/2019 11:03:13</t>
  </si>
  <si>
    <t>12/20/2019 11:03:43</t>
  </si>
  <si>
    <t>12/20/2019 11:00:34</t>
  </si>
  <si>
    <t>5909501e-1a8a-4078-a63c-c060c6a09be8.tmp</t>
  </si>
  <si>
    <t>\\acsfs\profiles$\KARENDSR\Downloads\5909501e-1a8a-4078-a63c-c060c6a09be8.tmp</t>
  </si>
  <si>
    <t>12/20/2019 11:01:16</t>
  </si>
  <si>
    <t>12/20/2019 11:02:16</t>
  </si>
  <si>
    <t>12/20/2019 11:01:11</t>
  </si>
  <si>
    <t>12/20/2019 11:01:38</t>
  </si>
  <si>
    <t>12/20/2019 11:02:56</t>
  </si>
  <si>
    <t>12/20/2019 11:04:12</t>
  </si>
  <si>
    <t>12/20/2019 11:05:42</t>
  </si>
  <si>
    <t>C:\Users\simoneesm\OneDrive - Grupo Algar\Controle\CLIENTES\DPRF\Operação\Faturamento\11 - Novembro\</t>
  </si>
  <si>
    <t>ATESTE CONTRATO 26_2019 - Novembro.xlsx</t>
  </si>
  <si>
    <t>12/20/2019 11:03:49</t>
  </si>
  <si>
    <t>12/20/2019 11:03:05</t>
  </si>
  <si>
    <t>8c993fe4-3072-4630-b163-a53ae27bdc02.tmp</t>
  </si>
  <si>
    <t>\\acsfs\profiles$\geovannasm\Downloads\8c993fe4-3072-4630-b163-a53ae27bdc02.tmp</t>
  </si>
  <si>
    <t>12/20/2019 11:00:41</t>
  </si>
  <si>
    <t>61c4efde-f83e-43f5-9d69-de8cb1eee901.tmp</t>
  </si>
  <si>
    <t>\\acsfs\profiles$\gabrielhca\Downloads\61c4efde-f83e-43f5-9d69-de8cb1eee901.tmp</t>
  </si>
  <si>
    <t>12/20/2019 11:01:37</t>
  </si>
  <si>
    <t>12/20/2019 11:03:00</t>
  </si>
  <si>
    <t>49a5d9a4-1d41-4f9f-91c2-18a381cad5ac.tmp</t>
  </si>
  <si>
    <t>\\acsfs\profiles$\gabrielarb\Downloads\49a5d9a4-1d41-4f9f-91c2-18a381cad5ac.tmp</t>
  </si>
  <si>
    <t>12/20/2019 11:02:17</t>
  </si>
  <si>
    <t>12/20/2019 11:06:42</t>
  </si>
  <si>
    <t>12/20/2019 10:39:06</t>
  </si>
  <si>
    <t>12/20/2019 11:07:42</t>
  </si>
  <si>
    <t>C:\Users\sarahro\Downloads\</t>
  </si>
  <si>
    <t>UPH Cnovas e Formalização.xlsx</t>
  </si>
  <si>
    <t>12/20/2019 11:03:08</t>
  </si>
  <si>
    <t>12/20/2019 11:08:42</t>
  </si>
  <si>
    <t>anavbg@algartech.com;bvs-centralcartoes@bv.com.br;cintia.souza-domingues@dxc.com;eduardo.santana@bv.com.br;fernandorsju@algartech.com;kesiadof@algartech.com;marianeps@algartech.com;talmaiardo@algartech.com;thiagordu@algartech.com;</t>
  </si>
  <si>
    <t>anavbg@algartech.com,bvs-centralcartoes@bv.com.br,cintia.souza-domingues@dxc.com,eduardo.santana@bv.com.br,fernandorsju@algartech.com,kesiadof@algartech.com,marianeps@algartech.com,talmaiardo@algartech.com,thiagordu@algartech.com</t>
  </si>
  <si>
    <t>12/20/2019 11:03:11</t>
  </si>
  <si>
    <t>12/20/2019 11:03:16</t>
  </si>
  <si>
    <t>12/20/2019 11:05:05</t>
  </si>
  <si>
    <t>12/20/2019 11:04:13</t>
  </si>
  <si>
    <t>12/20/2019 11:09:42</t>
  </si>
  <si>
    <t>12/20/2019 11:07:16</t>
  </si>
  <si>
    <t>12/20/2019 11:08:16</t>
  </si>
  <si>
    <t>12/20/2019 11:07:37</t>
  </si>
  <si>
    <t>12/20/2019 11:11:42</t>
  </si>
  <si>
    <t>12/20/2019 11:09:37</t>
  </si>
  <si>
    <t>12/20/2019 11:12:42</t>
  </si>
  <si>
    <t>12/20/2019 11:08:14</t>
  </si>
  <si>
    <t>12/20/2019 11:11:52</t>
  </si>
  <si>
    <t>12/20/2019 11:12:05</t>
  </si>
  <si>
    <t>12/20/2019 11:12:14</t>
  </si>
  <si>
    <t>12/20/2019 11:10:47</t>
  </si>
  <si>
    <t>12/20/2019 11:13:43</t>
  </si>
  <si>
    <t>12/20/2019 11:10:44</t>
  </si>
  <si>
    <t>XLOG_sorayadsr_20122019_111038.log</t>
  </si>
  <si>
    <t>\\acsfs\profiles$\sorayadsr\My Documents\xworkcenter\logs\XLOG_sorayadsr_20122019_111038.log</t>
  </si>
  <si>
    <t>12/20/2019 11:11:43</t>
  </si>
  <si>
    <t>12/20/2019 11:14:42</t>
  </si>
  <si>
    <t>12/20/2019 11:11:44</t>
  </si>
  <si>
    <t>12/20/2019 11:12:13</t>
  </si>
  <si>
    <t>12/20/2019 11:12:43</t>
  </si>
  <si>
    <t>12/20/2019 11:13:14</t>
  </si>
  <si>
    <t>12/20/2019 11:13:16</t>
  </si>
  <si>
    <t>12/20/2019 11:10:43</t>
  </si>
  <si>
    <t>12/20/2019 11:13:37</t>
  </si>
  <si>
    <t>12/20/2019 11:13:13</t>
  </si>
  <si>
    <t>mail.google.com/_/upload?authuser=1&amp;dcp=asu-n&amp;upload_id=AEnB2Uq58VhxOpc73rmsMsdHX-bpD03g-PING9dk_bNuUKzS_j5XJcoYnLMp_wO61VeVxp7br6_rMj2cCtoTxCfvR-wK1uQJqu_Mf6nRinAUK45bvZAdiek&amp;upload_protocol=resumable</t>
  </si>
  <si>
    <t>SETUP_Operação e Pausas.xls</t>
  </si>
  <si>
    <t>12/20/2019 11:11:39</t>
  </si>
  <si>
    <t>12/20/2019 11:15:43</t>
  </si>
  <si>
    <t>32b9634e-a9c3-4234-8017-a5bcf3c2b368.tmp</t>
  </si>
  <si>
    <t>\\acsfs\profiles$\gabrielhca\Downloads\32b9634e-a9c3-4234-8017-a5bcf3c2b368.tmp</t>
  </si>
  <si>
    <t>12/20/2019 11:13:57</t>
  </si>
  <si>
    <t>12/20/2019 11:16:42</t>
  </si>
  <si>
    <t>12/20/2019 11:15:35</t>
  </si>
  <si>
    <t>lu1242015eooh.tmp</t>
  </si>
  <si>
    <t>\\acsfs\profiles$\LUCASBS\lu1242015eooh.tmp</t>
  </si>
  <si>
    <t>\\acsfs\profiles$\LUCASBS\lu1242015eooh.tmp\</t>
  </si>
  <si>
    <t>\\acsfs\profiles$\LUCASBS\lu1242015eooh.tmp\META-INF\</t>
  </si>
  <si>
    <t>\\acsfs\profiles$\LUCASBS\lu1242015eooh.tmp\Thumbnails\</t>
  </si>
  <si>
    <t>12/20/2019 11:14:30</t>
  </si>
  <si>
    <t>12/20/2019 11:17:43</t>
  </si>
  <si>
    <t>12/20/2019 11:14:34</t>
  </si>
  <si>
    <t>\\acsfs\engeset\FINANCEIRO_ULA\FATURAMENTO\23. Pré Faturamento\3.TI Infra e SD\TI -INFRA\12.Dezembro 2019\TATI\</t>
  </si>
  <si>
    <t>12.TEC Faturamento Camargo e Correa.xlsx</t>
  </si>
  <si>
    <t>12/20/2019 11:17:44</t>
  </si>
  <si>
    <t>12/20/2019 11:19:43</t>
  </si>
  <si>
    <t>12/20/2019 11:18:14</t>
  </si>
  <si>
    <t>12/20/2019 11:14:16</t>
  </si>
  <si>
    <t>12/20/2019 11:16:44</t>
  </si>
  <si>
    <t>\\acsfs\Deptos\EDUCACAO EMPRESARIAL\KÉSIA\OUVIDORIA, PROCON, BACEN E RECLAME AQUI\</t>
  </si>
  <si>
    <t>CPF 01423424751 - OPERADOR LEONARDO COSTA BARROS_1_6763399380368164699_1_32.wav</t>
  </si>
  <si>
    <t>\\acsfs\Deptos\EDUCACAO EMPRESARIAL\KÉSIA\OUVIDORIA, PROCON, BACEN E RECLAME AQUI\CPF 01423424751 - OPERADOR LEONARDO COSTA BARROS_1_6763399380368164699_1_32.wav</t>
  </si>
  <si>
    <t>12/20/2019 11:17:46</t>
  </si>
  <si>
    <t>30741;andrelpsa@algartech.com;joaogvc@algartech.com;leonardoao@algartech.com;maristelavodq@bv.algartech.com;paulacn@algartech.com;qualidadealgarbv@algartech.com;rafaelggs@algartech.com;supervisaobancovotorantim@algartech.com;taysdss@algartech.com;viniciussg@algartech.com;</t>
  </si>
  <si>
    <t>30741,andrelpsa@algartech.com,joaogvc@algartech.com,leonardoao@algartech.com,maristelavodq@bv.algartech.com,paulacn@algartech.com,qualidadealgarbv@algartech.com,rafaelggs@algartech.com,supervisaobancovotorantim@algartech.com,taysdss@algartech.com,viniciussg@algartech.com</t>
  </si>
  <si>
    <t>12/20/2019 11:17:59</t>
  </si>
  <si>
    <t>andrelpsa@algartech.com;joaogvc@algartech.com;leonardoao@algartech.com;maristelavodq@bv.algartech.com;paulacn@algartech.com;qualidadealgarbv@algartech.com;rafaelggs@algartech.com;supervisaobancovotorantim@algartech.com;taysdss@algartech.com;viniciussg@algartech.com;</t>
  </si>
  <si>
    <t>andrelpsa@algartech.com,joaogvc@algartech.com,leonardoao@algartech.com,maristelavodq@bv.algartech.com,paulacn@algartech.com,qualidadealgarbv@algartech.com,rafaelggs@algartech.com,supervisaobancovotorantim@algartech.com,taysdss@algartech.com,viniciussg@algartech.com</t>
  </si>
  <si>
    <t>12/20/2019 11:18:10</t>
  </si>
  <si>
    <t>12/20/2019 11:18:11</t>
  </si>
  <si>
    <t>12/20/2019 11:18:32</t>
  </si>
  <si>
    <t>12/20/2019 11:20:42</t>
  </si>
  <si>
    <t>1406fccd-9d3c-4e72-9b9f-74afeae3cf46.tmp</t>
  </si>
  <si>
    <t>\\acsfs\profiles$\leticiala\Downloads\1406fccd-9d3c-4e72-9b9f-74afeae3cf46.tmp</t>
  </si>
  <si>
    <t>12/20/2019 11:17:41</t>
  </si>
  <si>
    <t>12/20/2019 11:21:42</t>
  </si>
  <si>
    <t>075e9550-804b-4fb1-809f-0e0516af2bae.tmp</t>
  </si>
  <si>
    <t>\\acsfs\profiles$\paulovadc\Downloads\075e9550-804b-4fb1-809f-0e0516af2bae.tmp</t>
  </si>
  <si>
    <t>12/20/2019 11:17:39</t>
  </si>
  <si>
    <t>12/20/2019 11:22:42</t>
  </si>
  <si>
    <t>12/20/2019 11:21:01</t>
  </si>
  <si>
    <t>12/20/2019 11:20:15</t>
  </si>
  <si>
    <t>12/20/2019 11:22:01</t>
  </si>
  <si>
    <t>12/20/2019 11:23:42</t>
  </si>
  <si>
    <t>C:\Users\douglassp\OneDrive - Grupo Algar\Projetos\GRC 4.0\ppt\Marketofy 2.0 - 16x9 - MAIN.ppt\s4\</t>
  </si>
  <si>
    <t>Microsoft Excel Chart10.dat</t>
  </si>
  <si>
    <t>Microsoft Excel Chart11.dat</t>
  </si>
  <si>
    <t>Microsoft Excel Chart12.dat</t>
  </si>
  <si>
    <t>Microsoft Excel Chart13.dat</t>
  </si>
  <si>
    <t>12/20/2019 11:22:02</t>
  </si>
  <si>
    <t>Microsoft Excel Chart14.dat</t>
  </si>
  <si>
    <t>12/20/2019 11:22:05</t>
  </si>
  <si>
    <t>Microsoft Excel Chart15.dat</t>
  </si>
  <si>
    <t>12/20/2019 11:22:06</t>
  </si>
  <si>
    <t>Microsoft Excel Chart16.dat</t>
  </si>
  <si>
    <t>Microsoft Excel Chart17.dat</t>
  </si>
  <si>
    <t>Microsoft Excel Chart18.dat</t>
  </si>
  <si>
    <t>12/20/2019 11:22:07</t>
  </si>
  <si>
    <t>Microsoft Excel Chart3.dat</t>
  </si>
  <si>
    <t>Microsoft Excel Chart4.dat</t>
  </si>
  <si>
    <t>Microsoft Excel Chart5.dat</t>
  </si>
  <si>
    <t>Microsoft Excel Chart6.dat</t>
  </si>
  <si>
    <t>Microsoft Excel Chart7.dat</t>
  </si>
  <si>
    <t>Microsoft Excel Chart8.dat</t>
  </si>
  <si>
    <t>Microsoft Excel Chart9.dat</t>
  </si>
  <si>
    <t>12/20/2019 11:21:14</t>
  </si>
  <si>
    <t>12/20/2019 11:24:43</t>
  </si>
  <si>
    <t>12/20/2019 11:21:44</t>
  </si>
  <si>
    <t>12/20/2019 11:22:44</t>
  </si>
  <si>
    <t>12/20/2019 11:23:14</t>
  </si>
  <si>
    <t>12/20/2019 11:19:18</t>
  </si>
  <si>
    <t>12/20/2019 11:20:16</t>
  </si>
  <si>
    <t>12/20/2019 11:19:37</t>
  </si>
  <si>
    <t>12/20/2019 11:20:18</t>
  </si>
  <si>
    <t>12/20/2019 11:26:43</t>
  </si>
  <si>
    <t>12/20/2019 11:27:42</t>
  </si>
  <si>
    <t>12/20/2019 11:25:18</t>
  </si>
  <si>
    <t>12/20/2019 11:25:04</t>
  </si>
  <si>
    <t>12/20/2019 11:28:43</t>
  </si>
  <si>
    <t>12/20/2019 11:27:29</t>
  </si>
  <si>
    <t>C:\Users\heliorg\OneDrive - Grupo Algar\Squad\URAs\7 - Electrolux\</t>
  </si>
  <si>
    <t>Laudas_Melhorias URA PCI.xlsx</t>
  </si>
  <si>
    <t>12/20/2019 11:24:14</t>
  </si>
  <si>
    <t>12/20/2019 11:29:42</t>
  </si>
  <si>
    <t>12/20/2019 11:26:44</t>
  </si>
  <si>
    <t>12/20/2019 11:27:14</t>
  </si>
  <si>
    <t>12/20/2019 11:25:16</t>
  </si>
  <si>
    <t>12/20/2019 11:26:16</t>
  </si>
  <si>
    <t>12/20/2019 11:25:13</t>
  </si>
  <si>
    <t>12/20/2019 11:25:37</t>
  </si>
  <si>
    <t>12/20/2019 11:26:03</t>
  </si>
  <si>
    <t>12/20/2019 11:31:02</t>
  </si>
  <si>
    <t>12/20/2019 11:31:42</t>
  </si>
  <si>
    <t>12/20/2019 11:31:03</t>
  </si>
  <si>
    <t>lu1242015eooq.tmp</t>
  </si>
  <si>
    <t>\\acsfs\profiles$\LUCASBS\lu1242015eooq.tmp</t>
  </si>
  <si>
    <t>\\acsfs\profiles$\LUCASBS\lu1242015eooq.tmp\</t>
  </si>
  <si>
    <t>\\acsfs\profiles$\LUCASBS\lu1242015eooq.tmp\META-INF\</t>
  </si>
  <si>
    <t>\\acsfs\profiles$\LUCASBS\lu1242015eooq.tmp\Thumbnails\</t>
  </si>
  <si>
    <t>12/20/2019 11:32:42</t>
  </si>
  <si>
    <t>12/20/2019 11:30:55</t>
  </si>
  <si>
    <t>12/20/2019 11:29:12</t>
  </si>
  <si>
    <t>12/20/2019 11:29:05</t>
  </si>
  <si>
    <t>12/20/2019 11:33:42</t>
  </si>
  <si>
    <t>mail.google.com/_/upload?authuser=2&amp;dcp=asu-n&amp;upload_id=AEnB2UqxPZjGnZzBlqHNYpopmfZdfPR0loqCn969VMUmh0Rp-D_4qbVEXtm86iXPrFfKGj8o4ixCQCqJhVpa-kT8mJHVuDfAt3acSSzGYz-fAgmmoAieF3E&amp;upload_protocol=resumable</t>
  </si>
  <si>
    <t>bgrayenywbdwabdfxvdoe0fctvkjgasmw1dktlxrqljcc0c=;bgrayenywbdwabdfxvdoe0fctvkjgbmwrffraetrqhzaduqx;</t>
  </si>
  <si>
    <t>bgrayenywbdwabdfxvdoe0fctvkjgasmw1dktlxrqljcc0c=,bgrayenywbdwabdfxvdoe0fctvkjgbmwrffraetrqhzaduqx</t>
  </si>
  <si>
    <t>12/20/2019 11:31:53</t>
  </si>
  <si>
    <t>12/20/2019 11:30:15</t>
  </si>
  <si>
    <t>12/20/2019 11:34:42</t>
  </si>
  <si>
    <t>12/20/2019 11:30:45</t>
  </si>
  <si>
    <t>12/20/2019 11:31:16</t>
  </si>
  <si>
    <t>12/20/2019 11:32:16</t>
  </si>
  <si>
    <t>12/20/2019 11:33:44</t>
  </si>
  <si>
    <t>b6ad1652-4045-4a42-b580-7df175603faa.tmp</t>
  </si>
  <si>
    <t>\\acsfs\profiles$\claudiajca\Downloads\b6ad1652-4045-4a42-b580-7df175603faa.tmp</t>
  </si>
  <si>
    <t>12/20/2019 11:31:37</t>
  </si>
  <si>
    <t>12/20/2019 11:33:50</t>
  </si>
  <si>
    <t>12/20/2019 11:34:05</t>
  </si>
  <si>
    <t>12/20/2019 11:35:42</t>
  </si>
  <si>
    <t>12/20/2019 11:33:32</t>
  </si>
  <si>
    <t>12/20/2019 11:36:42</t>
  </si>
  <si>
    <t>2fb52068-03b1-4f9a-bac8-ef36a3c8a9f9.tmp</t>
  </si>
  <si>
    <t>\\acsfs\profiles$\marcosvnds\Downloads\2fb52068-03b1-4f9a-bac8-ef36a3c8a9f9.tmp</t>
  </si>
  <si>
    <t>12/20/2019 11:37:41</t>
  </si>
  <si>
    <t>12/20/2019 11:36:20</t>
  </si>
  <si>
    <t>12/20/2019 11:36:37</t>
  </si>
  <si>
    <t>ed10d299-f919-4f0b-9459-599f0881bf42.tmp</t>
  </si>
  <si>
    <t>\\acsfs\profiles$\larissaad\Downloads\ed10d299-f919-4f0b-9459-599f0881bf42.tmp</t>
  </si>
  <si>
    <t>12/20/2019 11:32:06</t>
  </si>
  <si>
    <t>12/20/2019 11:33:11</t>
  </si>
  <si>
    <t>12/20/2019 11:33:13</t>
  </si>
  <si>
    <t>12/20/2019 11:33:29</t>
  </si>
  <si>
    <t>12/20/2019 11:33:31</t>
  </si>
  <si>
    <t>12/20/2019 11:35:06</t>
  </si>
  <si>
    <t>12/20/2019 11:38:42</t>
  </si>
  <si>
    <t>12/20/2019 11:34:59</t>
  </si>
  <si>
    <t>12/20/2019 11:39:42</t>
  </si>
  <si>
    <t>mail.google.com/_/upload?authuser=1&amp;dcp=asu-n&amp;upload_id=AEnB2UpTNyQM_WW7J1DmEt1CTTOtn1rwawO92BrSS51IdhH5c3-mUy-GAVEa0nyHh3Yj-tqKKGagVIS3y1IgRphSwDBNeOoB65dLoM9l4tI6_9iELBsmgmI&amp;upload_protocol=resumable</t>
  </si>
  <si>
    <t>Auditoria Novembro 19.xlsx</t>
  </si>
  <si>
    <t>12/20/2019 11:35:45</t>
  </si>
  <si>
    <t>12/20/2019 11:36:15</t>
  </si>
  <si>
    <t>12/20/2019 11:36:45</t>
  </si>
  <si>
    <t>12/20/2019 11:37:15</t>
  </si>
  <si>
    <t>12/20/2019 11:37:16</t>
  </si>
  <si>
    <t>12/20/2019 11:38:16</t>
  </si>
  <si>
    <t>12/20/2019 11:35:49</t>
  </si>
  <si>
    <t>c133d245-199f-4a7a-a03c-c0eba51b4514.tmp</t>
  </si>
  <si>
    <t>\\acsfs\profiles$\claudiajca\Downloads\c133d245-199f-4a7a-a03c-c0eba51b4514.tmp</t>
  </si>
  <si>
    <t>12/20/2019 11:37:37</t>
  </si>
  <si>
    <t>12/20/2019 11:39:53</t>
  </si>
  <si>
    <t>12/20/2019 11:40:42</t>
  </si>
  <si>
    <t>12/20/2019 11:39:59</t>
  </si>
  <si>
    <t>XLOG_danielpdl_17122019_075252.log</t>
  </si>
  <si>
    <t>\\acsfs\profiles$\danielpdl\My Documents\xworkcenter\logs\XLOG_danielpdl_17122019_075252.log</t>
  </si>
  <si>
    <t>12/20/2019 11:37:55</t>
  </si>
  <si>
    <t>12/20/2019 11:41:42</t>
  </si>
  <si>
    <t>12/20/2019 11:37:56</t>
  </si>
  <si>
    <t>lu1242015eoov.tmp</t>
  </si>
  <si>
    <t>\\acsfs\profiles$\LUCASBS\lu1242015eoov.tmp</t>
  </si>
  <si>
    <t>\\acsfs\profiles$\LUCASBS\lu1242015eoov.tmp\</t>
  </si>
  <si>
    <t>\\acsfs\profiles$\LUCASBS\lu1242015eoov.tmp\META-INF\</t>
  </si>
  <si>
    <t>\\acsfs\profiles$\LUCASBS\lu1242015eoov.tmp\Thumbnails\</t>
  </si>
  <si>
    <t>12/20/2019 11:40:38</t>
  </si>
  <si>
    <t>12/20/2019 11:40:39</t>
  </si>
  <si>
    <t>lu1242015eop0.tmp</t>
  </si>
  <si>
    <t>\\acsfs\profiles$\LUCASBS\lu1242015eop0.tmp</t>
  </si>
  <si>
    <t>\\acsfs\profiles$\LUCASBS\lu1242015eop0.tmp\</t>
  </si>
  <si>
    <t>\\acsfs\profiles$\LUCASBS\lu1242015eop0.tmp\META-INF\</t>
  </si>
  <si>
    <t>\\acsfs\profiles$\LUCASBS\lu1242015eop0.tmp\Thumbnails\</t>
  </si>
  <si>
    <t>12/20/2019 11:42:42</t>
  </si>
  <si>
    <t>12/20/2019 11:39:21</t>
  </si>
  <si>
    <t>12/20/2019 11:38:10</t>
  </si>
  <si>
    <t>12/20/2019 11:38:11</t>
  </si>
  <si>
    <t>12/20/2019 11:43:42</t>
  </si>
  <si>
    <t>12/20/2019 11:40:16</t>
  </si>
  <si>
    <t>12/20/2019 11:44:41</t>
  </si>
  <si>
    <t>12/20/2019 11:40:46</t>
  </si>
  <si>
    <t>12/20/2019 11:43:16</t>
  </si>
  <si>
    <t>12/20/2019 11:43:29</t>
  </si>
  <si>
    <t>12/20/2019 11:43:56</t>
  </si>
  <si>
    <t>CPF_ 014.234.247-51 ANDREIA MARIA DE SOUZA.pdf</t>
  </si>
  <si>
    <t>\\acsfs\Deptos\EDUCACAO EMPRESARIAL\KÉSIA\OUVIDORIA, PROCON, BACEN E RECLAME AQUI\CPF_ 014.234.247-51 ANDREIA MARIA DE SOUZA.pdf</t>
  </si>
  <si>
    <t>\\acsfs\Deptos\EDUCACAO EMPRESARIAL\KÉSIA\OUVIDORIA, PROCON, BACEN E RECLAME AQUI\CPF_ 014.234.247-51 ANDREIA MARIA DE SOUZA.pdf\</t>
  </si>
  <si>
    <t>\\acsfs\Deptos\EDUCACAO EMPRESARIAL\KÉSIA\OUVIDORIA, PROCON, BACEN E RECLAME AQUI\CPF_ 014.234.247-51 ANDREIA MARIA DE SOUZA.pdf\:Zone.Identifier:$DATA</t>
  </si>
  <si>
    <t>12/20/2019 11:41:38</t>
  </si>
  <si>
    <t>12/20/2019 11:43:37</t>
  </si>
  <si>
    <t>12/20/2019 11:44:04</t>
  </si>
  <si>
    <t>12/20/2019 11:45:42</t>
  </si>
  <si>
    <t>mail.google.com/_/upload?authuser=0&amp;dcp=asu-n&amp;upload_id=AEnB2Uq7mHVjGRVDAmqu_Rs3Y2BUiFaAHR1raxPLAHPQTEU30cANX2dy2b6kNie1uaaQxCPe75AaL4yU7p9kPoCMjn3eeBQvRva-ZXFt1MdiHrM6uvwxsx0&amp;upload_protocol=resumable</t>
  </si>
  <si>
    <t>0;0.475;0.475];0.668;0];10.814999928697944;12.125000124797225;12.854];126.11500010825694;13.53;138.541;14.34500003233552;15.344;15.344];15.552;15.552];1597.681];164.43499992601573;166.76499997265637;169.3399997893721;178.03000006824732;1918.874999973923;2;2.1100000012665987;2026.8449999857694;2027.1750001702458;208.34499993361533;2093.7749999575317;2095.5799999646842;2096.830000169575;2097.2100000362843;2097.3200001753867;21.464;21.464];21.7;21.7];2105.3450000472367;2106.7699999548495;22.46999996714294;227.53999987617135;23.904999950900674;245.625];254.18499996885657;2667.4250001087785;2749.9649999663234;2844.5150000043213;2852.595000062138;2853.4200000576675;2854.2949999682605;2858.320000115782;2929.5950001105666;2930.6199999991804;2989.5200000610203;3;3.2550001051276922;3014.614999992773;3066.2500001490116;3116.120000137016;33.212;33.212];342.0550001319498;38.007];4;4.842;4067.2649999614805;4124.770000111312;4325.990000041202;4344.655000139028;4349.415000062436;4357.1350001730025;4396.265000104904;4396.9300</t>
  </si>
  <si>
    <t>\\acsfs\deptos\CAS - Coordenação de Arquitetura de Soluções\Projetos\2019\Algar Telecom\220397 - ALGAR TELECOM - PROPOSTA ATENDIMENTO OPERAÇÃO MPE\Preço\</t>
  </si>
  <si>
    <t>220397 - MPE Plan Precificacao C018 B018.xlsb</t>
  </si>
  <si>
    <t>0,0.475,0.475],0.668,0],10.814999928697944,12.125000124797225,12.854],126.11500010825694,13.53,138.541,14.34500003233552,15.344,15.344],15.552,15.552],1597.681],164.43499992601573,166.76499997265637,169.3399997893721,178.03000006824732,1918.874999973923,2,2.1100000012665987,2026.8449999857694,2027.1750001702458,208.34499993361533,2093.7749999575317,2095.5799999646842,2096.830000169575,2097.2100000362843,2097.3200001753867,21.464,21.464],21.7,21.7],2105.3450000472367,2106.7699999548495,22.46999996714294,227.53999987617135,23.904999950900674,245.625],254.18499996885657,2667.4250001087785,2749.9649999663234,2844.5150000043213,2852.595000062138,2853.4200000576675,2854.2949999682605,2858.320000115782,2929.5950001105666,2930.6199999991804,2989.5200000610203,3,3.2550001051276922,3014.614999992773,3066.2500001490116,3116.120000137016,33.212,33.212],342.0550001319498,38.007],4,4.842,4067.2649999614805,4124.770000111312,4325.990000041202,4344.655000139028,4349.415000062436,4357.1350001730025,4396.265000104904,4396.9300</t>
  </si>
  <si>
    <t>\\acsfs\deptos\CAS - Coordenação de Arquitetura de Soluções\Projetos\2019\Algar Telecom\220397 - ALGAR TELECOM - PROPOSTA ATENDIMENTO OPERAÇÃO MPE\Preço\220397 - MPE Plan Precificacao C018 B018.xlsb\</t>
  </si>
  <si>
    <t>12/20/2019 11:47:42</t>
  </si>
  <si>
    <t>12/20/2019 11:46:23</t>
  </si>
  <si>
    <t>12/20/2019 11:46:34</t>
  </si>
  <si>
    <t>12/20/2019 11:46:43</t>
  </si>
  <si>
    <t>12/20/2019 11:47:05</t>
  </si>
  <si>
    <t>12/20/2019 11:47:07</t>
  </si>
  <si>
    <t>12/20/2019 11:48:42</t>
  </si>
  <si>
    <t>12/20/2019 11:44:16</t>
  </si>
  <si>
    <t>12/20/2019 11:49:42</t>
  </si>
  <si>
    <t>12/20/2019 11:47:21</t>
  </si>
  <si>
    <t>12/20/2019 11:44:44</t>
  </si>
  <si>
    <t>bvs-centralcartoes@bv.com.br;cintia.souza-domingues@dxc.com;eduardo.santana@bv.com.br;fernandaab@algartech.com;fernandorsju@algartech.com;marianeps@algartech.com;severinojfds@algartech.com;talmaiardo@algartech.com;thiagordu@algartech.com;</t>
  </si>
  <si>
    <t>bvs-centralcartoes@bv.com.br,cintia.souza-domingues@dxc.com,eduardo.santana@bv.com.br,fernandaab@algartech.com,fernandorsju@algartech.com,marianeps@algartech.com,severinojfds@algartech.com,talmaiardo@algartech.com,thiagordu@algartech.com</t>
  </si>
  <si>
    <t>12/20/2019 11:45:08</t>
  </si>
  <si>
    <t>12/20/2019 11:45:20</t>
  </si>
  <si>
    <t>12/20/2019 11:46:00</t>
  </si>
  <si>
    <t>12/20/2019 11:46:02</t>
  </si>
  <si>
    <t>mail.google.com/_/upload?authuser=0&amp;dcp=asu-n&amp;upload_id=AEnB2UqXjDVachTSKO9eyoSBjXNfaY_vI7xy3WK0T2sOloWRLVOyGFPh9dSsOB8AFXnzUw5STMQqMrw8_WvpAU4fEZxiSuR4gg&amp;upload_protocol=resumable</t>
  </si>
  <si>
    <t>12/20/2019 11:49:25</t>
  </si>
  <si>
    <t>12/20/2019 11:45:34</t>
  </si>
  <si>
    <t>12/20/2019 11:50:42</t>
  </si>
  <si>
    <t>584b28bd-ffc2-4970-87aa-9863b6689683.tmp</t>
  </si>
  <si>
    <t>\\acsfs\profiles$\leticiala\Downloads\584b28bd-ffc2-4970-87aa-9863b6689683.tmp</t>
  </si>
  <si>
    <t>12/20/2019 11:48:45</t>
  </si>
  <si>
    <t>12/20/2019 11:51:41</t>
  </si>
  <si>
    <t>12/20/2019 11:48:46</t>
  </si>
  <si>
    <t>lu1743211r6jc.tmp</t>
  </si>
  <si>
    <t>\\acsfs\profiles$\paulovadc\lu1743211r6jc.tmp</t>
  </si>
  <si>
    <t>\\acsfs\profiles$\paulovadc\lu1743211r6jc.tmp\</t>
  </si>
  <si>
    <t>\\acsfs\profiles$\paulovadc\lu1743211r6jc.tmp\META-INF\</t>
  </si>
  <si>
    <t>\\acsfs\profiles$\paulovadc\lu1743211r6jc.tmp\Thumbnails\</t>
  </si>
  <si>
    <t>c4c7c297-2f36-4db4-bdc3-495149c00fb9.tmp</t>
  </si>
  <si>
    <t>\\acsfs\profiles$\marcosvnds\Downloads\c4c7c297-2f36-4db4-bdc3-495149c00fb9.tmp</t>
  </si>
  <si>
    <t>12/20/2019 11:50:16</t>
  </si>
  <si>
    <t>12/20/2019 11:52:42</t>
  </si>
  <si>
    <t>12/20/2019 11:48:09</t>
  </si>
  <si>
    <t>12/20/2019 11:48:10</t>
  </si>
  <si>
    <t>12/20/2019 11:47:44</t>
  </si>
  <si>
    <t>12/20/2019 11:47:45</t>
  </si>
  <si>
    <t>12/20/2019 11:47:46</t>
  </si>
  <si>
    <t>12/20/2019 11:47:47</t>
  </si>
  <si>
    <t>12/20/2019 11:47:48</t>
  </si>
  <si>
    <t>12/20/2019 11:47:49</t>
  </si>
  <si>
    <t>12/20/2019 11:47:50</t>
  </si>
  <si>
    <t>12/20/2019 11:47:51</t>
  </si>
  <si>
    <t>12/20/2019 11:47:52</t>
  </si>
  <si>
    <t>12/20/2019 11:47:53</t>
  </si>
  <si>
    <t>12/20/2019 11:47:54</t>
  </si>
  <si>
    <t>12/20/2019 11:47:55</t>
  </si>
  <si>
    <t>12/20/2019 11:47:56</t>
  </si>
  <si>
    <t>12/20/2019 11:47:57</t>
  </si>
  <si>
    <t>12/20/2019 11:47:58</t>
  </si>
  <si>
    <t>12/20/2019 11:53:41</t>
  </si>
  <si>
    <t>12/20/2019 11:51:58</t>
  </si>
  <si>
    <t>12/20/2019 11:49:04</t>
  </si>
  <si>
    <t>0a04beb7-c6ce-4e04-9587-e63bca960ce6.tmp</t>
  </si>
  <si>
    <t>\\acsfs\profiles$\sarahbal\Downloads\0a04beb7-c6ce-4e04-9587-e63bca960ce6.tmp</t>
  </si>
  <si>
    <t>12/20/2019 11:49:02</t>
  </si>
  <si>
    <t>12/20/2019 11:54:42</t>
  </si>
  <si>
    <t>66ab06d2-c302-41b7-9c37-4c8dff1f8abc.tmp</t>
  </si>
  <si>
    <t>\\acsfs\profiles$\quindaizaagds\Downloads\66ab06d2-c302-41b7-9c37-4c8dff1f8abc.tmp</t>
  </si>
  <si>
    <t>12/20/2019 11:53:03</t>
  </si>
  <si>
    <t>12/20/2019 11:49:17</t>
  </si>
  <si>
    <t>12/20/2019 11:50:17</t>
  </si>
  <si>
    <t>12/20/2019 11:49:37</t>
  </si>
  <si>
    <t>12/20/2019 11:53:26</t>
  </si>
  <si>
    <t>12/20/2019 11:55:42</t>
  </si>
  <si>
    <t>eef1f7c3-36de-44b8-aa91-98f74887856f.tmp</t>
  </si>
  <si>
    <t>\\acsfs\profiles$\leticiala\Downloads\eef1f7c3-36de-44b8-aa91-98f74887856f.tmp</t>
  </si>
  <si>
    <t>12/20/2019 11:54:46</t>
  </si>
  <si>
    <t>https://s1.ariba.com/sourcing/main/aw?awr=1y&amp;awssk=pb44lcuo&amp;</t>
  </si>
  <si>
    <t>\\acsfs\engeset\CPV_ULA\ADMINISTRATIVO\CONTROLE ADMINISTRATIVO\DOCUMENTAÇÃO PARA HABILITAÇÃO\Algar TI\2019\218440 - ATOS - RECURSOS PROFISSIONAIS TÉCNICOS FIELD - 16.12.2019\Envio\</t>
  </si>
  <si>
    <t>12/20/2019 11:52:27</t>
  </si>
  <si>
    <t>12/20/2019 11:57:42</t>
  </si>
  <si>
    <t>12/20/2019 11:56:58</t>
  </si>
  <si>
    <t>12/20/2019 11:56:59</t>
  </si>
  <si>
    <t>12/20/2019 11:57:01</t>
  </si>
  <si>
    <t>12/20/2019 11:57:05</t>
  </si>
  <si>
    <t>12/20/2019 11:58:42</t>
  </si>
  <si>
    <t>12/20/2019 11:55:03</t>
  </si>
  <si>
    <t>\\ACSFS\Deptos\EDUCACAO EMPRESARIAL\FERNANDA MONIT\Fernanda\RECLAMAÇÃO E OUVIDORIA\</t>
  </si>
  <si>
    <t>CPF 40665835809 Bruno Dias Silva.pdf</t>
  </si>
  <si>
    <t>\\ACSFS\Deptos\EDUCACAO EMPRESARIAL\FERNANDA MONIT\Fernanda\RECLAMAÇÃO E OUVIDORIA\CPF 40665835809 Bruno Dias Silva.pdf</t>
  </si>
  <si>
    <t>12/20/2019 11:54:47</t>
  </si>
  <si>
    <t>12/20/2019 11:55:34</t>
  </si>
  <si>
    <t>12/20/2019 11:55:17</t>
  </si>
  <si>
    <t>12/20/2019 11:59:42</t>
  </si>
  <si>
    <t>12/20/2019 11:56:17</t>
  </si>
  <si>
    <t>12/20/2019 11:55:39</t>
  </si>
  <si>
    <t>12/20/2019 11:56:57</t>
  </si>
  <si>
    <t>12/20/2019 11:58:17</t>
  </si>
  <si>
    <t>12/20/2019 12:01:43</t>
  </si>
  <si>
    <t>12/20/2019 11:57:44</t>
  </si>
  <si>
    <t>21952142-6938-45f2-96e8-abc2ab848113.tmp</t>
  </si>
  <si>
    <t>\\acsfs\profiles$\marcosvnds\Downloads\21952142-6938-45f2-96e8-abc2ab848113.tmp</t>
  </si>
  <si>
    <t>12/20/2019 12:02:42</t>
  </si>
  <si>
    <t>12/20/2019 12:00:51</t>
  </si>
  <si>
    <t>12/20/2019 12:00:52</t>
  </si>
  <si>
    <t>lu1154041nbn.tmp</t>
  </si>
  <si>
    <t>\\acsfs\profiles$\kamillacr\My Documents\lu1154041nbn.tmp</t>
  </si>
  <si>
    <t>\\acsfs\profiles$\kamillacr\My Documents\lu1154041nbn.tmp\</t>
  </si>
  <si>
    <t>\\acsfs\profiles$\kamillacr\My Documents\lu1154041nbn.tmp\META-INF\</t>
  </si>
  <si>
    <t>\\acsfs\profiles$\kamillacr\My Documents\lu1154041nbn.tmp\Thumbnails\</t>
  </si>
  <si>
    <t>12/20/2019 12:01:14</t>
  </si>
  <si>
    <t>12/20/2019 11:58:58</t>
  </si>
  <si>
    <t>12/20/2019 12:03:42</t>
  </si>
  <si>
    <t>12/20/2019 11:59:58</t>
  </si>
  <si>
    <t>mail.google.com/_/upload?authuser=0&amp;dcp=asu-n&amp;upload_id=AEnB2UpKkD51ZnZrbsiz2hB1RinGFciZfG-A3EFvBsIoaWrLR-c9TSomqk1nBknnrn4tGw25UXawK4tb9Q2d43uoiJLSmnZiUw&amp;upload_protocol=resumable</t>
  </si>
  <si>
    <t>\\udpavonfs01\AVON\06. PCP\JOSÉ AFONSO DA SILVA NETO\RANKING\</t>
  </si>
  <si>
    <t>12/20/2019 12:00:16</t>
  </si>
  <si>
    <t>mail.google.com/_/upload?authuser=0&amp;dcp=asu-n&amp;upload_id=AEnB2Uq1SgIl_-kJE5j2B2EBX5O4I99GHnM7Hf7vdx2owTV_-SU9OPgDdDVSXK6epnxR7Leu7GbX4aWNw3xVumb8aGKUqKrz27xB5Xr7XhCnt-2DnhvlGUs&amp;upload_protocol=resumable</t>
  </si>
  <si>
    <t>Ranking_Dez.19.xlsx</t>
  </si>
  <si>
    <t>12/20/2019 12:01:17</t>
  </si>
  <si>
    <t>12/20/2019 12:04:42</t>
  </si>
  <si>
    <t>12/20/2019 12:02:17</t>
  </si>
  <si>
    <t>12/20/2019 12:01:37</t>
  </si>
  <si>
    <t>12/20/2019 12:03:38</t>
  </si>
  <si>
    <t>12/20/2019 12:07:42</t>
  </si>
  <si>
    <t>12/20/2019 12:03:39</t>
  </si>
  <si>
    <t>lu1242015eop9.tmp</t>
  </si>
  <si>
    <t>\\acsfs\profiles$\LUCASBS\lu1242015eop9.tmp</t>
  </si>
  <si>
    <t>\\acsfs\profiles$\LUCASBS\lu1242015eop9.tmp\</t>
  </si>
  <si>
    <t>\\acsfs\profiles$\LUCASBS\lu1242015eop9.tmp\META-INF\</t>
  </si>
  <si>
    <t>12/20/2019 12:02:07</t>
  </si>
  <si>
    <t>12/20/2019 12:02:13</t>
  </si>
  <si>
    <t>c8aad19c-8b53-41a5-954c-817c62bdaf0f.tmp</t>
  </si>
  <si>
    <t>\\acsfs\profiles$\larissaad\Downloads\c8aad19c-8b53-41a5-954c-817c62bdaf0f.tmp</t>
  </si>
  <si>
    <t>\\acsfs\profiles$\LUCASBS\lu1242015eop9.tmp\Thumbnails\</t>
  </si>
  <si>
    <t>12/20/2019 12:02:31</t>
  </si>
  <si>
    <t>12/20/2019 12:06:21</t>
  </si>
  <si>
    <t>12/20/2019 12:08:42</t>
  </si>
  <si>
    <t>12/20/2019 12:05:09</t>
  </si>
  <si>
    <t>\\ACSFS\Deptos\EDUCACAO EMPRESARIAL\2 - Operações\0.01 BV CARTÕES\Larisa\</t>
  </si>
  <si>
    <t>Video Modelo BV.mp4</t>
  </si>
  <si>
    <t>\\ACSFS\Deptos\EDUCACAO EMPRESARIAL\2 - Operações\0.01 BV CARTÕES\Larisa\Video Modelo BV.mp4</t>
  </si>
  <si>
    <t>12/20/2019 12:05:18</t>
  </si>
  <si>
    <t>Apresentação DMA - 17_12_19.pptx</t>
  </si>
  <si>
    <t>Algar_Encrypted Files</t>
  </si>
  <si>
    <t>\\ACSFS\Deptos\EDUCACAO EMPRESARIAL\2 - Operações\0.01 BV CARTÕES\Larisa\Apresentação DMA - 17_12_19.pptx</t>
  </si>
  <si>
    <t>12/20/2019 12:07:47</t>
  </si>
  <si>
    <t>12/20/2019 12:09:43</t>
  </si>
  <si>
    <t>12/20/2019 12:07:17</t>
  </si>
  <si>
    <t>12/20/2019 12:08:17</t>
  </si>
  <si>
    <t>12/20/2019 12:05:01</t>
  </si>
  <si>
    <t>12/20/2019 12:07:38</t>
  </si>
  <si>
    <t>12/20/2019 12:07:23</t>
  </si>
  <si>
    <t>12/20/2019 12:12:42</t>
  </si>
  <si>
    <t>12/20/2019 12:11:47</t>
  </si>
  <si>
    <t>12/20/2019 12:11:11</t>
  </si>
  <si>
    <t>mail.google.com/_/upload?authuser=0&amp;dcp=asu-n&amp;upload_id=AEnB2Uo4NAmBNULTMdB_PHd1LYA3d8B1LsDTFuwDtTeHbAdfqIBpPWWqA4McXe9E1I-nodvqmFEHvL61LitPf3Uq2JfM0zzVw3POFUriNQyzgnxDKjqlpT8&amp;upload_protocol=resumable</t>
  </si>
  <si>
    <t>akassiablc@algartech.com;denisevca@algartech.com;franciscoebf@algartecnologia.com.br;wayneroa@algartech.com;</t>
  </si>
  <si>
    <t>akassiablc@algartech.com,denisevca@algartech.com,franciscoebf@algartecnologia.com.br,wayneroa@algartech.com</t>
  </si>
  <si>
    <t>12/20/2019 12:11:21</t>
  </si>
  <si>
    <t>12/20/2019 12:10:46</t>
  </si>
  <si>
    <t>12/20/2019 12:13:42</t>
  </si>
  <si>
    <t>Melhorias SAC_POPUP_AltoValor_Simulador.mp4</t>
  </si>
  <si>
    <t>\\ACSFS\Deptos\EDUCACAO EMPRESARIAL\2 - Operações\0.01 BV CARTÕES\Larisa\Melhorias SAC_POPUP_AltoValor_Simulador.mp4</t>
  </si>
  <si>
    <t>12/20/2019 12:13:17</t>
  </si>
  <si>
    <t>12/20/2019 12:14:42</t>
  </si>
  <si>
    <t>12/20/2019 12:12:34</t>
  </si>
  <si>
    <t>12/20/2019 12:13:39</t>
  </si>
  <si>
    <t>12/20/2019 12:15:42</t>
  </si>
  <si>
    <t>12/20/2019 12:15:56</t>
  </si>
  <si>
    <t>12/20/2019 12:17:42</t>
  </si>
  <si>
    <t>12/20/2019 12:17:08</t>
  </si>
  <si>
    <t>12/20/2019 12:17:09</t>
  </si>
  <si>
    <t>12/20/2019 12:13:29</t>
  </si>
  <si>
    <t>12/20/2019 12:18:42</t>
  </si>
  <si>
    <t>\\ACSFS\Deptos\EDUCACAO EMPRESARIAL\2 - Operações\0.01 BV CARTÕES\Larisa\Multiplicadores Internos - Técnicas educacionais.pptx\</t>
  </si>
  <si>
    <t>\\ACSFS\Deptos\EDUCACAO EMPRESARIAL\2 - Operações\0.01 BV CARTÕES\Larisa\Multiplicadores Internos - Técnicas educacionais.pptx</t>
  </si>
  <si>
    <t>12/20/2019 12:13:30</t>
  </si>
  <si>
    <t>image11.emf</t>
  </si>
  <si>
    <t>image14.emf</t>
  </si>
  <si>
    <t>image15.emf</t>
  </si>
  <si>
    <t>12/20/2019 12:13:31</t>
  </si>
  <si>
    <t>image19.emf</t>
  </si>
  <si>
    <t>image3.emf</t>
  </si>
  <si>
    <t>12/20/2019 12:13:32</t>
  </si>
  <si>
    <t>image4.emf</t>
  </si>
  <si>
    <t>image8.emf</t>
  </si>
  <si>
    <t>12/20/2019 12:13:33</t>
  </si>
  <si>
    <t>media1.mp4</t>
  </si>
  <si>
    <t>Multiplicadores Internos - Técnicas educacionais.pptx</t>
  </si>
  <si>
    <t>12/20/2019 12:15:29</t>
  </si>
  <si>
    <t>12/20/2019 12:14:17</t>
  </si>
  <si>
    <t>12/20/2019 12:19:42</t>
  </si>
  <si>
    <t>12/20/2019 12:17:32</t>
  </si>
  <si>
    <t>12/20/2019 12:22:42</t>
  </si>
  <si>
    <t>12/20/2019 12:22:09</t>
  </si>
  <si>
    <t>12/20/2019 12:22:14</t>
  </si>
  <si>
    <t>12/20/2019 12:22:02</t>
  </si>
  <si>
    <t>12/20/2019 12:23:42</t>
  </si>
  <si>
    <t>12/20/2019 12:18:27</t>
  </si>
  <si>
    <t>\\ACSFS\Deptos\EDUCACAO EMPRESARIAL\2 - Operações\0.01 BV CARTÕES\Larisa\NOSSO JEITO DE SER.pptx\</t>
  </si>
  <si>
    <t>\\ACSFS\Deptos\EDUCACAO EMPRESARIAL\2 - Operações\0.01 BV CARTÕES\Larisa\NOSSO JEITO DE SER.pptx</t>
  </si>
  <si>
    <t>image16.emf</t>
  </si>
  <si>
    <t>12/20/2019 12:18:28</t>
  </si>
  <si>
    <t>image30.svg</t>
  </si>
  <si>
    <t>12/20/2019 12:18:29</t>
  </si>
  <si>
    <t>media2.mp4</t>
  </si>
  <si>
    <t>12/20/2019 12:18:30</t>
  </si>
  <si>
    <t>NOSSO JEITO DE SER.pptx</t>
  </si>
  <si>
    <t>12/20/2019 12:21:51</t>
  </si>
  <si>
    <t>12/20/2019 12:24:42</t>
  </si>
  <si>
    <t>1f08a31d-a5c1-4837-b26f-9c4c3883aec8.tmp</t>
  </si>
  <si>
    <t>\\acsfs\profiles$\alicecpbc\Downloads\1f08a31d-a5c1-4837-b26f-9c4c3883aec8.tmp</t>
  </si>
  <si>
    <t>12/20/2019 12:19:20</t>
  </si>
  <si>
    <t>12/20/2019 12:20:17</t>
  </si>
  <si>
    <t>12/20/2019 12:19:39</t>
  </si>
  <si>
    <t>12/20/2019 12:25:42</t>
  </si>
  <si>
    <t>12/20/2019 12:20:05</t>
  </si>
  <si>
    <t>12/20/2019 12:24:14</t>
  </si>
  <si>
    <t>e127917a-2e29-405e-9881-196dc5a2e2c0.tmp</t>
  </si>
  <si>
    <t>\\acsfs\profiles$\gabrielafs\Downloads\e127917a-2e29-405e-9881-196dc5a2e2c0.tmp</t>
  </si>
  <si>
    <t>12/20/2019 12:25:49</t>
  </si>
  <si>
    <t>12/20/2019 12:27:42</t>
  </si>
  <si>
    <t>12/20/2019 12:23:47</t>
  </si>
  <si>
    <t>12/20/2019 12:26:13</t>
  </si>
  <si>
    <t>12/20/2019 12:26:26</t>
  </si>
  <si>
    <t>12/20/2019 12:26:27</t>
  </si>
  <si>
    <t>12/20/2019 12:27:11</t>
  </si>
  <si>
    <t>12/20/2019 12:28:42</t>
  </si>
  <si>
    <t>12/20/2019 12:25:17</t>
  </si>
  <si>
    <t>12/20/2019 12:29:42</t>
  </si>
  <si>
    <t>12/20/2019 12:26:17</t>
  </si>
  <si>
    <t>12/20/2019 12:28:32</t>
  </si>
  <si>
    <t>12/20/2019 12:28:33</t>
  </si>
  <si>
    <t>12/20/2019 12:25:16</t>
  </si>
  <si>
    <t>12/20/2019 12:26:45</t>
  </si>
  <si>
    <t>CPF 21601256876 - OPERADOR HENRIQUE HUMBERTO MARCELINO DE OLIVEIRA_1_6767708151689057172_1_32.wav</t>
  </si>
  <si>
    <t>\\acsfs\Deptos\EDUCACAO EMPRESARIAL\KÉSIA\OUVIDORIA, PROCON, BACEN E RECLAME AQUI\CPF 21601256876 - OPERADOR HENRIQUE HUMBERTO MARCELINO DE OLIVEIRA_1_6767708151689057172_1_32.wav</t>
  </si>
  <si>
    <t>12/20/2019 12:25:38</t>
  </si>
  <si>
    <t>12/20/2019 12:30:42</t>
  </si>
  <si>
    <t>12/20/2019 12:27:50</t>
  </si>
  <si>
    <t>12/20/2019 12:27:09</t>
  </si>
  <si>
    <t>12/20/2019 12:31:42</t>
  </si>
  <si>
    <t>12/20/2019 12:28:25</t>
  </si>
  <si>
    <t>12/20/2019 12:32:41</t>
  </si>
  <si>
    <t>12/20/2019 12:28:26</t>
  </si>
  <si>
    <t>lu1242015eope.tmp</t>
  </si>
  <si>
    <t>\\acsfs\profiles$\LUCASBS\lu1242015eope.tmp</t>
  </si>
  <si>
    <t>\\acsfs\profiles$\LUCASBS\lu1242015eope.tmp\</t>
  </si>
  <si>
    <t>\\acsfs\profiles$\LUCASBS\lu1242015eope.tmp\META-INF\</t>
  </si>
  <si>
    <t>\\acsfs\profiles$\LUCASBS\lu1242015eope.tmp\Thumbnails\</t>
  </si>
  <si>
    <t>12/20/2019 12:31:18</t>
  </si>
  <si>
    <t>12/20/2019 12:34:41</t>
  </si>
  <si>
    <t>12/20/2019 12:29:47</t>
  </si>
  <si>
    <t>12/20/2019 12:31:19</t>
  </si>
  <si>
    <t>e3d96f67-3604-4dfb-a94f-9e40e0ac806a.tmp</t>
  </si>
  <si>
    <t>\\acsfs\profiles$\ERICALSR\Downloads\e3d96f67-3604-4dfb-a94f-9e40e0ac806a.tmp</t>
  </si>
  <si>
    <t>12/20/2019 12:31:38</t>
  </si>
  <si>
    <t>12/20/2019 12:35:42</t>
  </si>
  <si>
    <t>12/20/2019 12:34:18</t>
  </si>
  <si>
    <t>12/20/2019 12:39:42</t>
  </si>
  <si>
    <t>12/20/2019 12:37:17</t>
  </si>
  <si>
    <t>12/20/2019 12:35:38</t>
  </si>
  <si>
    <t>12/20/2019 12:40:42</t>
  </si>
  <si>
    <t>12/20/2019 12:37:38</t>
  </si>
  <si>
    <t>12/20/2019 12:38:14</t>
  </si>
  <si>
    <t>12/20/2019 12:42:42</t>
  </si>
  <si>
    <t>5b91c982-e337-4185-9af0-ac58c451fe7e.tmp</t>
  </si>
  <si>
    <t>\\acsfs\profiles$\YASMINSC\Downloads\5b91c982-e337-4185-9af0-ac58c451fe7e.tmp</t>
  </si>
  <si>
    <t>12/20/2019 12:38:32</t>
  </si>
  <si>
    <t>12/20/2019 12:43:42</t>
  </si>
  <si>
    <t>70dfc72f-e7f6-4f2e-bffb-b7195be56722.tmp</t>
  </si>
  <si>
    <t>\\acsfs\profiles$\luanarda\Downloads\70dfc72f-e7f6-4f2e-bffb-b7195be56722.tmp</t>
  </si>
  <si>
    <t>12/20/2019 12:38:56</t>
  </si>
  <si>
    <t>CPF Cliente Bruno Dias Silva.pdf</t>
  </si>
  <si>
    <t>\\ACSFS\Deptos\EDUCACAO EMPRESARIAL\FERNANDA MONIT\Fernanda\RECLAMAÇÃO E OUVIDORIA\CPF Cliente Bruno Dias Silva.pdf</t>
  </si>
  <si>
    <t>12/20/2019 12:40:31</t>
  </si>
  <si>
    <t>12/20/2019 12:42:48</t>
  </si>
  <si>
    <t>12/20/2019 12:41:24</t>
  </si>
  <si>
    <t>mail.google.com/_/upload?authuser=0&amp;dcp=asu-n&amp;upload_id=AEnB2UpbC9YkvT9Qm3w8PIbgYsYaT-HoixuNcNqFPCeKIDeTSu5imfumqBTxG5_abj0eYncQ4tmEoBArQYvM9WsfLlGvnlN0fnD7VrYgXME494ZqmP-Xdgs&amp;upload_protocol=resumable</t>
  </si>
  <si>
    <t>\\acsfs\ACS\Suporte à Operações\02 - Faturamento\2019\12 - Dezembro\ODONTOPREV\</t>
  </si>
  <si>
    <t>SL XXXXX - ODONTOPREV - NOV.19.xlsx</t>
  </si>
  <si>
    <t>12/20/2019 12:40:17</t>
  </si>
  <si>
    <t>12/20/2019 12:44:42</t>
  </si>
  <si>
    <t>12/20/2019 12:43:17</t>
  </si>
  <si>
    <t>12/20/2019 12:43:28</t>
  </si>
  <si>
    <t>12/20/2019 12:45:42</t>
  </si>
  <si>
    <t>12/20/2019 12:43:37</t>
  </si>
  <si>
    <t>12/20/2019 12:41:23</t>
  </si>
  <si>
    <t>6e3decef-99a4-4a25-9250-c39d2e1fc827.tmp</t>
  </si>
  <si>
    <t>\\acsfs\profiles$\ayalabfi\Downloads\6e3decef-99a4-4a25-9250-c39d2e1fc827.tmp</t>
  </si>
  <si>
    <t>12/20/2019 12:44:05</t>
  </si>
  <si>
    <t>12/20/2019 12:46:42</t>
  </si>
  <si>
    <t>12/20/2019 12:43:41</t>
  </si>
  <si>
    <t>12/20/2019 12:47:42</t>
  </si>
  <si>
    <t>12/20/2019 12:42:50</t>
  </si>
  <si>
    <t>12/20/2019 12:47:10</t>
  </si>
  <si>
    <t>12/20/2019 12:48:42</t>
  </si>
  <si>
    <t>55ab7d48-dc8b-4b72-9a1d-5e759ca52baa.tmp</t>
  </si>
  <si>
    <t>\\acsfs\profiles$\nataliacsl\Downloads\55ab7d48-dc8b-4b72-9a1d-5e759ca52baa.tmp</t>
  </si>
  <si>
    <t>12/20/2019 12:43:40</t>
  </si>
  <si>
    <t>12/20/2019 12:43:45</t>
  </si>
  <si>
    <t>12/20/2019 12:43:52</t>
  </si>
  <si>
    <t>12/20/2019 12:43:59</t>
  </si>
  <si>
    <t>12/20/2019 12:44:11</t>
  </si>
  <si>
    <t>12/20/2019 12:44:13</t>
  </si>
  <si>
    <t>12/20/2019 12:45:09</t>
  </si>
  <si>
    <t>12/20/2019 12:45:20</t>
  </si>
  <si>
    <t>mail.google.com/_/upload?authuser=0&amp;dcp=asu-n&amp;upload_id=AEnB2UokiC-zVnpCclPeX3BBk11xJXNt8Q1BxM65baokesb4gcyfvBWd2LumcAjL4rBBFow2sVucA5i4RGnB9s6CPPmvY4-uSrJHPgJ-TDUUEXBuQMzkOl0&amp;upload_protocol=resumable</t>
  </si>
  <si>
    <t>Patricia Oliveira Carvalho_1_6754093126835573587_1_32.wav</t>
  </si>
  <si>
    <t>12/20/2019 12:45:56</t>
  </si>
  <si>
    <t>12/20/2019 12:46:21</t>
  </si>
  <si>
    <t>12/20/2019 12:46:49</t>
  </si>
  <si>
    <t>12/20/2019 12:47:30</t>
  </si>
  <si>
    <t>12/20/2019 12:44:41</t>
  </si>
  <si>
    <t>TALITA SANTOS SILVA CASTRO (17067).contact</t>
  </si>
  <si>
    <t>\\acsfs\profiles$\talitassc\Contacts\TALITA SANTOS SILVA CASTRO (17067).contact</t>
  </si>
  <si>
    <t>12/20/2019 12:44:53</t>
  </si>
  <si>
    <t>12/20/2019 12:44:54</t>
  </si>
  <si>
    <t>12/20/2019 12:44:55</t>
  </si>
  <si>
    <t>12/20/2019 12:44:56</t>
  </si>
  <si>
    <t>12/20/2019 12:44:57</t>
  </si>
  <si>
    <t>12/20/2019 12:44:58</t>
  </si>
  <si>
    <t>12/20/2019 12:44:59</t>
  </si>
  <si>
    <t>12/20/2019 12:45:00</t>
  </si>
  <si>
    <t>12/20/2019 12:45:43</t>
  </si>
  <si>
    <t>12/20/2019 12:45:44</t>
  </si>
  <si>
    <t>12/20/2019 12:46:17</t>
  </si>
  <si>
    <t>12/20/2019 12:49:42</t>
  </si>
  <si>
    <t>12/20/2019 12:49:38</t>
  </si>
  <si>
    <t>12/20/2019 12:50:41</t>
  </si>
  <si>
    <t>12/20/2019 12:46:18</t>
  </si>
  <si>
    <t>9b183e49-03c3-434b-8e5d-828f53b39ab0.tmp</t>
  </si>
  <si>
    <t>\\acsfs\profiles$\ayalabfi\Downloads\9b183e49-03c3-434b-8e5d-828f53b39ab0.tmp</t>
  </si>
  <si>
    <t>12/20/2019 12:48:19</t>
  </si>
  <si>
    <t>12/20/2019 12:52:41</t>
  </si>
  <si>
    <t>12/20/2019 12:51:24</t>
  </si>
  <si>
    <t>12/20/2019 12:53:42</t>
  </si>
  <si>
    <t>12/20/2019 12:49:53</t>
  </si>
  <si>
    <t>12/20/2019 12:54:43</t>
  </si>
  <si>
    <t>12/20/2019 12:51:53</t>
  </si>
  <si>
    <t>12/20/2019 12:52:23</t>
  </si>
  <si>
    <t>12/20/2019 12:53:04</t>
  </si>
  <si>
    <t>https://udpmailboxap01.acs.com.br:8443/h/search?si=0&amp;so=0&amp;sc=50170&amp;sfi=2&amp;st=conversation&amp;action=compose</t>
  </si>
  <si>
    <t>12/20/2019 12:53:33</t>
  </si>
  <si>
    <t>12/20/2019 12:53:41</t>
  </si>
  <si>
    <t>mar;martala@algartech.com;</t>
  </si>
  <si>
    <t>https://mar,martala@algartech.com</t>
  </si>
  <si>
    <t>12/20/2019 12:49:17</t>
  </si>
  <si>
    <t>12/20/2019 12:52:17</t>
  </si>
  <si>
    <t>12/20/2019 12:49:43</t>
  </si>
  <si>
    <t>bvs-centralcartoes@bv.com.br;cintia.souza-domingues@dxc.com;eduardo.santana@bv.com.br;fernandaab@algartech.com;fernandorsju@algartech.com;marianeps@algartech.com;talmaiardo@algartech.com;thiagordu@algartech.com;</t>
  </si>
  <si>
    <t>bvs-centralcartoes@bv.com.br,cintia.souza-domingues@dxc.com,eduardo.santana@bv.com.br,fernandaab@algartech.com,fernandorsju@algartech.com,marianeps@algartech.com,talmaiardo@algartech.com,thiagordu@algartech.com</t>
  </si>
  <si>
    <t>12/20/2019 12:50:09</t>
  </si>
  <si>
    <t>12/20/2019 12:50:25</t>
  </si>
  <si>
    <t>12/20/2019 12:51:14</t>
  </si>
  <si>
    <t>CPF_ 216.012.568-76 MARA LIGIA ISAQUIEL.pdf</t>
  </si>
  <si>
    <t>\\acsfs\Deptos\EDUCACAO EMPRESARIAL\KÉSIA\OUVIDORIA, PROCON, BACEN E RECLAME AQUI\CPF_ 216.012.568-76 MARA LIGIA ISAQUIEL.pdf</t>
  </si>
  <si>
    <t>\\acsfs\Deptos\EDUCACAO EMPRESARIAL\KÉSIA\OUVIDORIA, PROCON, BACEN E RECLAME AQUI\CPF_ 216.012.568-76 MARA LIGIA ISAQUIEL.pdf\</t>
  </si>
  <si>
    <t>\\acsfs\Deptos\EDUCACAO EMPRESARIAL\KÉSIA\OUVIDORIA, PROCON, BACEN E RECLAME AQUI\CPF_ 216.012.568-76 MARA LIGIA ISAQUIEL.pdf\:Zone.Identifier:$DATA</t>
  </si>
  <si>
    <t>12/20/2019 12:51:31</t>
  </si>
  <si>
    <t>mail.google.com/_/upload?authuser=0&amp;dcp=asu-n&amp;upload_id=AEnB2Uo9k4hFH7q6pbByZy9-L7Df2Qyj8sxdBRBKGCsnU6niKRR4JJQrwH6YIKRS5dYcALNPWX5TJzN1uEDIervAX36tKjmGDAZ2GJa_14x0vvFEZbPKnrU&amp;upload_protocol=resumable</t>
  </si>
  <si>
    <t>12/20/2019 12:52:25</t>
  </si>
  <si>
    <t>12/20/2019 12:52:30</t>
  </si>
  <si>
    <t>12/20/2019 12:52:33</t>
  </si>
  <si>
    <t>12/20/2019 12:53:01</t>
  </si>
  <si>
    <t>bvs-centralcartoes@bv.com.br;cintia.souza-domingues@dxc.com;eduardo.santana@bv.com.br;fernandaab@algartech.com;fernandorsju@algartech.com;marianacds@algartech.com;marianeps@algartech.com;talmaiardo@algartech.com;thiagordu@algartech.com;</t>
  </si>
  <si>
    <t>bvs-centralcartoes@bv.com.br,cintia.souza-domingues@dxc.com,eduardo.santana@bv.com.br,fernandaab@algartech.com,fernandorsju@algartech.com,marianacds@algartech.com,marianeps@algartech.com,talmaiardo@algartech.com,thiagordu@algartech.com</t>
  </si>
  <si>
    <t>12/20/2019 12:53:37</t>
  </si>
  <si>
    <t>12/20/2019 12:50:59</t>
  </si>
  <si>
    <t>12/20/2019 12:55:42</t>
  </si>
  <si>
    <t>12/20/2019 12:54:04</t>
  </si>
  <si>
    <t>12/20/2019 12:57:42</t>
  </si>
  <si>
    <t>12/20/2019 12:54:15</t>
  </si>
  <si>
    <t>12/20/2019 12:55:24</t>
  </si>
  <si>
    <t>12/20/2019 12:59:42</t>
  </si>
  <si>
    <t>12/20/2019 12:57:54</t>
  </si>
  <si>
    <t>12/20/2019 12:55:17</t>
  </si>
  <si>
    <t>12/20/2019 12:58:17</t>
  </si>
  <si>
    <t>12/20/2019 12:54:41</t>
  </si>
  <si>
    <t>12/20/2019 12:54:47</t>
  </si>
  <si>
    <t>12/20/2019 12:55:02</t>
  </si>
  <si>
    <t>12/20/2019 12:55:20</t>
  </si>
  <si>
    <t>12/20/2019 12:55:38</t>
  </si>
  <si>
    <t>12/20/2019 13:00:42</t>
  </si>
  <si>
    <t>12/20/2019 12:58:47</t>
  </si>
  <si>
    <t>12/20/2019 13:00:03</t>
  </si>
  <si>
    <t>12/20/2019 13:02:42</t>
  </si>
  <si>
    <t>12/20/2019 13:00:55</t>
  </si>
  <si>
    <t>12/20/2019 13:01:06</t>
  </si>
  <si>
    <t>12/20/2019 13:01:10</t>
  </si>
  <si>
    <t>12/20/2019 13:01:15</t>
  </si>
  <si>
    <t>12/20/2019 12:58:54</t>
  </si>
  <si>
    <t>12/20/2019 13:04:42</t>
  </si>
  <si>
    <t>12/20/2019 13:01:18</t>
  </si>
  <si>
    <t>12/20/2019 13:01:37</t>
  </si>
  <si>
    <t>12/20/2019 13:05:42</t>
  </si>
  <si>
    <t>12/20/2019 13:04:53</t>
  </si>
  <si>
    <t>38774c6e-a401-41d1-8a6a-e5964c034f7b.tmp</t>
  </si>
  <si>
    <t>\\acsfs\profiles$\geovannasm\Downloads\38774c6e-a401-41d1-8a6a-e5964c034f7b.tmp</t>
  </si>
  <si>
    <t>12/20/2019 13:03:46</t>
  </si>
  <si>
    <t>035dd699-9757-49e1-8e74-075721c599c1.tmp</t>
  </si>
  <si>
    <t>\\acsfs\profiles$\gabrielarb\Downloads\035dd699-9757-49e1-8e74-075721c599c1.tmp</t>
  </si>
  <si>
    <t>12/20/2019 13:05:59</t>
  </si>
  <si>
    <t>12/20/2019 13:07:42</t>
  </si>
  <si>
    <t>e2e17198-9ff7-446b-85d3-739e6d2c4002.tmp</t>
  </si>
  <si>
    <t>\\acsfs\profiles$\katiahmdj\Downloads\e2e17198-9ff7-446b-85d3-739e6d2c4002.tmp</t>
  </si>
  <si>
    <t>12/20/2019 13:06:08</t>
  </si>
  <si>
    <t>238f74ff-b7a8-4480-b2c2-3c9630b28a58.tmp</t>
  </si>
  <si>
    <t>\\acsfs\profiles$\katiahmdj\Downloads\238f74ff-b7a8-4480-b2c2-3c9630b28a58.tmp</t>
  </si>
  <si>
    <t>12/20/2019 13:03:35</t>
  </si>
  <si>
    <t>12/20/2019 13:08:42</t>
  </si>
  <si>
    <t>12/20/2019 13:05:09</t>
  </si>
  <si>
    <t>12/20/2019 13:09:42</t>
  </si>
  <si>
    <t>12/20/2019 13:08:15</t>
  </si>
  <si>
    <t>12/20/2019 13:04:18</t>
  </si>
  <si>
    <t>12/20/2019 13:07:18</t>
  </si>
  <si>
    <t>12/20/2019 13:05:01</t>
  </si>
  <si>
    <t>12/20/2019 13:08:10</t>
  </si>
  <si>
    <t>12/20/2019 13:06:51</t>
  </si>
  <si>
    <t>12/20/2019 13:10:42</t>
  </si>
  <si>
    <t>12/20/2019 13:07:37</t>
  </si>
  <si>
    <t>12/20/2019 13:10:38</t>
  </si>
  <si>
    <t>12/20/2019 13:12:42</t>
  </si>
  <si>
    <t>10.200.99.118</t>
  </si>
  <si>
    <t>fernandaap</t>
  </si>
  <si>
    <t>c:\users\fernandaap\downloads\</t>
  </si>
  <si>
    <t>massagem.xls</t>
  </si>
  <si>
    <t>12/20/2019 13:10:50</t>
  </si>
  <si>
    <t>maquiagem.xls</t>
  </si>
  <si>
    <t>12/20/2019 13:11:09</t>
  </si>
  <si>
    <t>tarô d.xls</t>
  </si>
  <si>
    <t>12/20/2019 13:08:28</t>
  </si>
  <si>
    <t>12/20/2019 13:10:14</t>
  </si>
  <si>
    <t>80b70fcd-9421-4c66-8000-2a2deb742383.tmp</t>
  </si>
  <si>
    <t>\\acsfs\profiles$\katiahmdj\Downloads\80b70fcd-9421-4c66-8000-2a2deb742383.tmp</t>
  </si>
  <si>
    <t>12/20/2019 13:12:17</t>
  </si>
  <si>
    <t>12/20/2019 13:13:42</t>
  </si>
  <si>
    <t>aa1415ad-3519-4cc4-b7a7-728baff18787.tmp</t>
  </si>
  <si>
    <t>\\acsfs\profiles$\sarahbal\Downloads\aa1415ad-3519-4cc4-b7a7-728baff18787.tmp</t>
  </si>
  <si>
    <t>12/20/2019 13:14:43</t>
  </si>
  <si>
    <t>12/20/2019 13:10:18</t>
  </si>
  <si>
    <t>12/20/2019 13:13:18</t>
  </si>
  <si>
    <t>12/20/2019 13:12:03</t>
  </si>
  <si>
    <t>12/20/2019 13:12:08</t>
  </si>
  <si>
    <t>12/20/2019 13:13:38</t>
  </si>
  <si>
    <t>12/20/2019 13:15:42</t>
  </si>
  <si>
    <t>12/20/2019 13:14:56</t>
  </si>
  <si>
    <t>12/20/2019 13:16:42</t>
  </si>
  <si>
    <t>12/20/2019 13:15:27</t>
  </si>
  <si>
    <t>12/20/2019 13:17:41</t>
  </si>
  <si>
    <t>12/20/2019 13:17:30</t>
  </si>
  <si>
    <t>12/20/2019 13:18:42</t>
  </si>
  <si>
    <t>12/20/2019 13:16:18</t>
  </si>
  <si>
    <t>12/20/2019 13:19:41</t>
  </si>
  <si>
    <t>12/20/2019 13:18:56</t>
  </si>
  <si>
    <t>12/20/2019 13:19:38</t>
  </si>
  <si>
    <t>12/20/2019 13:20:42</t>
  </si>
  <si>
    <t>12/20/2019 13:15:24</t>
  </si>
  <si>
    <t>ce3c35c2-f452-44c2-a49b-14b022672b99.tmp</t>
  </si>
  <si>
    <t>\\acsfs\profiles$\vivianealda\Downloads\ce3c35c2-f452-44c2-a49b-14b022672b99.tmp</t>
  </si>
  <si>
    <t>12/20/2019 13:20:14</t>
  </si>
  <si>
    <t>12/20/2019 13:22:41</t>
  </si>
  <si>
    <t>12/20/2019 13:20:15</t>
  </si>
  <si>
    <t>lu1242015eopz.tmp</t>
  </si>
  <si>
    <t>\\acsfs\profiles$\LUCASBS\lu1242015eopz.tmp</t>
  </si>
  <si>
    <t>\\acsfs\profiles$\LUCASBS\lu1242015eopz.tmp\</t>
  </si>
  <si>
    <t>\\acsfs\profiles$\LUCASBS\lu1242015eopz.tmp\META-INF\</t>
  </si>
  <si>
    <t>\\acsfs\profiles$\LUCASBS\lu1242015eopz.tmp\Thumbnails\</t>
  </si>
  <si>
    <t>12/20/2019 13:21:27</t>
  </si>
  <si>
    <t>12/20/2019 13:21:29</t>
  </si>
  <si>
    <t>lu1242015eoq4.tmp</t>
  </si>
  <si>
    <t>\\acsfs\profiles$\LUCASBS\lu1242015eoq4.tmp</t>
  </si>
  <si>
    <t>\\acsfs\profiles$\LUCASBS\lu1242015eoq4.tmp\</t>
  </si>
  <si>
    <t>\\acsfs\profiles$\LUCASBS\lu1242015eoq4.tmp\META-INF\</t>
  </si>
  <si>
    <t>\\acsfs\profiles$\LUCASBS\lu1242015eoq4.tmp\Thumbnails\</t>
  </si>
  <si>
    <t>12/20/2019 13:20:10</t>
  </si>
  <si>
    <t>12/20/2019 13:23:41</t>
  </si>
  <si>
    <t>12/20/2019 13:20:57</t>
  </si>
  <si>
    <t>12/20/2019 13:24:42</t>
  </si>
  <si>
    <t>12/20/2019 13:22:27</t>
  </si>
  <si>
    <t>12/20/2019 13:22:58</t>
  </si>
  <si>
    <t>12/20/2019 13:22:01</t>
  </si>
  <si>
    <t>12/20/2019 13:19:19</t>
  </si>
  <si>
    <t>12/20/2019 13:22:18</t>
  </si>
  <si>
    <t>12/20/2019 13:20:11</t>
  </si>
  <si>
    <t>12/20/2019 13:22:43</t>
  </si>
  <si>
    <t>12/20/2019 13:25:41</t>
  </si>
  <si>
    <t>12/20/2019 13:22:05</t>
  </si>
  <si>
    <t>0d822b0a-aaa5-4d30-b479-83fc76fee16d.tmp</t>
  </si>
  <si>
    <t>\\acsfs\profiles$\geovannasm\Downloads\0d822b0a-aaa5-4d30-b479-83fc76fee16d.tmp</t>
  </si>
  <si>
    <t>12/20/2019 13:24:27</t>
  </si>
  <si>
    <t>12/20/2019 13:24:52</t>
  </si>
  <si>
    <t>12/20/2019 13:26:41</t>
  </si>
  <si>
    <t>12/20/2019 13:22:38</t>
  </si>
  <si>
    <t>\\acsfs\DEPTOS\Operacao\Banco_Votorantim\Qualidade\Anderson\Jose\Novo Documento de Texto (3).txt</t>
  </si>
  <si>
    <t>12/20/2019 13:24:28</t>
  </si>
  <si>
    <t>12/20/2019 13:29:40</t>
  </si>
  <si>
    <t>12/20/2019 13:24:58</t>
  </si>
  <si>
    <t>12/20/2019 13:25:28</t>
  </si>
  <si>
    <t>12/20/2019 13:26:58</t>
  </si>
  <si>
    <t>12/20/2019 13:25:00</t>
  </si>
  <si>
    <t>3cbab37d-cc22-4bfb-a891-621cef09ca54.tmp</t>
  </si>
  <si>
    <t>\\acsfs\profiles$\alicecpbc\Downloads\3cbab37d-cc22-4bfb-a891-621cef09ca54.tmp</t>
  </si>
  <si>
    <t>12/20/2019 13:25:18</t>
  </si>
  <si>
    <t>12/20/2019 13:28:18</t>
  </si>
  <si>
    <t>12/20/2019 13:27:48</t>
  </si>
  <si>
    <t>12/20/2019 13:30:41</t>
  </si>
  <si>
    <t>12/20/2019 13:25:38</t>
  </si>
  <si>
    <t>12/20/2019 13:30:10</t>
  </si>
  <si>
    <t>12/20/2019 13:31:40</t>
  </si>
  <si>
    <t>12/20/2019 13:29:09</t>
  </si>
  <si>
    <t>12/20/2019 13:32:41</t>
  </si>
  <si>
    <t>12/20/2019 13:29:10</t>
  </si>
  <si>
    <t>lu1242015eoq9.tmp</t>
  </si>
  <si>
    <t>\\acsfs\profiles$\LUCASBS\lu1242015eoq9.tmp</t>
  </si>
  <si>
    <t>\\acsfs\profiles$\LUCASBS\lu1242015eoq9.tmp\</t>
  </si>
  <si>
    <t>\\acsfs\profiles$\LUCASBS\lu1242015eoq9.tmp\META-INF\</t>
  </si>
  <si>
    <t>\\acsfs\profiles$\LUCASBS\lu1242015eoq9.tmp\Thumbnails\</t>
  </si>
  <si>
    <t>12/20/2019 13:29:33</t>
  </si>
  <si>
    <t>12/20/2019 13:30:53</t>
  </si>
  <si>
    <t>12/20/2019 13:30:54</t>
  </si>
  <si>
    <t>12/20/2019 13:30:55</t>
  </si>
  <si>
    <t>12/20/2019 13:30:56</t>
  </si>
  <si>
    <t>12/20/2019 13:30:57</t>
  </si>
  <si>
    <t>12/20/2019 13:30:58</t>
  </si>
  <si>
    <t>12/20/2019 13:30:59</t>
  </si>
  <si>
    <t>12/20/2019 13:31:00</t>
  </si>
  <si>
    <t>12/20/2019 13:31:01</t>
  </si>
  <si>
    <t>12/20/2019 13:31:02</t>
  </si>
  <si>
    <t>12/20/2019 13:31:03</t>
  </si>
  <si>
    <t>12/20/2019 13:31:04</t>
  </si>
  <si>
    <t>12/20/2019 13:31:05</t>
  </si>
  <si>
    <t>12/20/2019 13:31:06</t>
  </si>
  <si>
    <t>12/20/2019 13:31:07</t>
  </si>
  <si>
    <t>12/20/2019 13:31:08</t>
  </si>
  <si>
    <t>12/20/2019 13:31:09</t>
  </si>
  <si>
    <t>12/20/2019 13:31:10</t>
  </si>
  <si>
    <t>12/20/2019 13:31:11</t>
  </si>
  <si>
    <t>12/20/2019 13:31:12</t>
  </si>
  <si>
    <t>12/20/2019 13:30:17</t>
  </si>
  <si>
    <t>12/20/2019 13:33:40</t>
  </si>
  <si>
    <t>12/20/2019 13:31:29</t>
  </si>
  <si>
    <t>12/20/2019 13:34:41</t>
  </si>
  <si>
    <t>12/20/2019 13:31:59</t>
  </si>
  <si>
    <t>12/20/2019 13:32:29</t>
  </si>
  <si>
    <t>12/20/2019 13:31:18</t>
  </si>
  <si>
    <t>12/20/2019 13:31:16</t>
  </si>
  <si>
    <t>12/20/2019 13:31:17</t>
  </si>
  <si>
    <t>12/20/2019 13:30:32</t>
  </si>
  <si>
    <t>12/20/2019 13:35:41</t>
  </si>
  <si>
    <t>12/20/2019 13:31:38</t>
  </si>
  <si>
    <t>12/20/2019 13:34:26</t>
  </si>
  <si>
    <t>065e3121-8e4f-42fc-8e60-a30f3450da8c.tmp</t>
  </si>
  <si>
    <t>\\acsfs\profiles$\gabrielhca\Downloads\065e3121-8e4f-42fc-8e60-a30f3450da8c.tmp</t>
  </si>
  <si>
    <t>12/20/2019 13:32:58</t>
  </si>
  <si>
    <t>12/20/2019 13:36:41</t>
  </si>
  <si>
    <t>fe0ec26d-743f-491f-8637-fb7a769bc17c.tmp</t>
  </si>
  <si>
    <t>\\acsfs\profiles$\paulovadc\Downloads\fe0ec26d-743f-491f-8637-fb7a769bc17c.tmp</t>
  </si>
  <si>
    <t>12/20/2019 13:35:54</t>
  </si>
  <si>
    <t>8d677714-fd96-4e40-951a-fd42790a8982.tmp</t>
  </si>
  <si>
    <t>\\acsfs\profiles$\JOAOVAL\Downloads\8d677714-fd96-4e40-951a-fd42790a8982.tmp</t>
  </si>
  <si>
    <t>12/20/2019 13:36:02</t>
  </si>
  <si>
    <t>12/20/2019 13:37:41</t>
  </si>
  <si>
    <t>12/20/2019 13:34:00</t>
  </si>
  <si>
    <t>12/20/2019 13:39:41</t>
  </si>
  <si>
    <t>12/20/2019 13:34:30</t>
  </si>
  <si>
    <t>12/20/2019 13:35:30</t>
  </si>
  <si>
    <t>12/20/2019 13:34:09</t>
  </si>
  <si>
    <t>11759e27-2ea7-4dae-a70f-176912ce210d.tmp</t>
  </si>
  <si>
    <t>\\acsfs\profiles$\KARENDSR\Downloads\11759e27-2ea7-4dae-a70f-176912ce210d.tmp</t>
  </si>
  <si>
    <t>12/20/2019 13:34:45</t>
  </si>
  <si>
    <t>69f9346b-f9c5-4a55-98a2-105c0a32d4ec.tmp</t>
  </si>
  <si>
    <t>\\acsfs\profiles$\KARENDSR\Downloads\69f9346b-f9c5-4a55-98a2-105c0a32d4ec.tmp</t>
  </si>
  <si>
    <t>12/20/2019 13:35:17</t>
  </si>
  <si>
    <t>b42b4cb2-e783-491b-b378-87128aa18f26.tmp</t>
  </si>
  <si>
    <t>\\acsfs\profiles$\KARENDSR\Downloads\b42b4cb2-e783-491b-b378-87128aa18f26.tmp</t>
  </si>
  <si>
    <t>12/20/2019 13:35:18</t>
  </si>
  <si>
    <t>12/20/2019 13:34:18</t>
  </si>
  <si>
    <t>12/20/2019 13:37:18</t>
  </si>
  <si>
    <t>12/20/2019 13:37:38</t>
  </si>
  <si>
    <t>12/20/2019 13:40:41</t>
  </si>
  <si>
    <t>12/20/2019 13:38:05</t>
  </si>
  <si>
    <t>12/20/2019 13:39:18</t>
  </si>
  <si>
    <t>ea6b3946-78ce-41bf-9244-eacb55a90afc.tmp</t>
  </si>
  <si>
    <t>\\acsfs\profiles$\geovannasm\Downloads\ea6b3946-78ce-41bf-9244-eacb55a90afc.tmp</t>
  </si>
  <si>
    <t>12/20/2019 13:36:00</t>
  </si>
  <si>
    <t>ad8fff3e-1d09-441a-a6a1-f1ebf4a4286f.tmp</t>
  </si>
  <si>
    <t>\\acsfs\profiles$\gabrielhca\Downloads\ad8fff3e-1d09-441a-a6a1-f1ebf4a4286f.tmp</t>
  </si>
  <si>
    <t>12/20/2019 13:40:18</t>
  </si>
  <si>
    <t>62d55595-5c12-4a75-a60e-cfbadf7ab3d4.tmp</t>
  </si>
  <si>
    <t>\\acsfs\profiles$\gabrielarb\Downloads\62d55595-5c12-4a75-a60e-cfbadf7ab3d4.tmp</t>
  </si>
  <si>
    <t>12/20/2019 13:40:48</t>
  </si>
  <si>
    <t>12/20/2019 13:42:41</t>
  </si>
  <si>
    <t>12/20/2019 13:40:49</t>
  </si>
  <si>
    <t>lu105321b8otg.tmp</t>
  </si>
  <si>
    <t>\\acsfs\profiles$\LUCASBS\lu105321b8otg.tmp</t>
  </si>
  <si>
    <t>\\acsfs\profiles$\LUCASBS\lu105321b8otg.tmp\</t>
  </si>
  <si>
    <t>\\acsfs\profiles$\LUCASBS\lu105321b8otg.tmp\META-INF\</t>
  </si>
  <si>
    <t>\\acsfs\profiles$\LUCASBS\lu105321b8otg.tmp\Thumbnails\</t>
  </si>
  <si>
    <t>12/20/2019 13:42:26</t>
  </si>
  <si>
    <t>12/20/2019 13:43:41</t>
  </si>
  <si>
    <t>12/20/2019 13:38:22</t>
  </si>
  <si>
    <t>12/20/2019 13:38:28</t>
  </si>
  <si>
    <t>12/20/2019 13:42:04</t>
  </si>
  <si>
    <t>d0ce2dc9-2daa-457e-847a-31cb772aabc0.tmp</t>
  </si>
  <si>
    <t>\\acsfs\profiles$\KARENJSS\Downloads\d0ce2dc9-2daa-457e-847a-31cb772aabc0.tmp</t>
  </si>
  <si>
    <t>12/20/2019 13:43:14</t>
  </si>
  <si>
    <t>b1ed76aa-24bd-44cf-8821-44765e66c926.tmp</t>
  </si>
  <si>
    <t>\\acsfs\profiles$\KARENJSS\Downloads\b1ed76aa-24bd-44cf-8821-44765e66c926.tmp</t>
  </si>
  <si>
    <t>12/20/2019 13:44:41</t>
  </si>
  <si>
    <t>12/20/2019 13:43:18</t>
  </si>
  <si>
    <t>12/20/2019 13:42:59</t>
  </si>
  <si>
    <t>12/20/2019 13:43:38</t>
  </si>
  <si>
    <t>12/20/2019 13:45:41</t>
  </si>
  <si>
    <t>12/20/2019 13:41:29</t>
  </si>
  <si>
    <t>12/20/2019 13:46:41</t>
  </si>
  <si>
    <t>10.200.67.122</t>
  </si>
  <si>
    <t>c52430cc-5ae3-4bfd-9d64-0e0c38593f93.tmp</t>
  </si>
  <si>
    <t>\\acsfs\profiles$\georgendsq\Downloads\c52430cc-5ae3-4bfd-9d64-0e0c38593f93.tmp</t>
  </si>
  <si>
    <t>12/20/2019 13:42:19</t>
  </si>
  <si>
    <t>a8519621-16bd-4673-9217-25d695d86eb4.tmp</t>
  </si>
  <si>
    <t>\\acsfs\profiles$\JOAOVAL\Downloads\a8519621-16bd-4673-9217-25d695d86eb4.tmp</t>
  </si>
  <si>
    <t>12/20/2019 13:43:53</t>
  </si>
  <si>
    <t>e9f96e64-6224-479b-8bd7-f33bdbbf74a9.tmp</t>
  </si>
  <si>
    <t>\\acsfs\profiles$\JOAOVAL\Downloads\e9f96e64-6224-479b-8bd7-f33bdbbf74a9.tmp</t>
  </si>
  <si>
    <t>12/20/2019 13:42:55</t>
  </si>
  <si>
    <t>12/20/2019 13:48:41</t>
  </si>
  <si>
    <t>4301655a-86d0-46c7-818a-549d057f40f8.tmp</t>
  </si>
  <si>
    <t>\\acsfs\profiles$\brendadsl\Downloads\4301655a-86d0-46c7-818a-549d057f40f8.tmp</t>
  </si>
  <si>
    <t>12/20/2019 13:42:57</t>
  </si>
  <si>
    <t>c33da9e1-61ff-435d-94d3-90635ba335aa.tmp</t>
  </si>
  <si>
    <t>\\acsfs\profiles$\brendadsl\Downloads\c33da9e1-61ff-435d-94d3-90635ba335aa.tmp</t>
  </si>
  <si>
    <t>12/20/2019 13:42:58</t>
  </si>
  <si>
    <t>6170a095-b9af-4247-a72e-b056cad7e8ae.tmp</t>
  </si>
  <si>
    <t>\\acsfs\profiles$\brendadsl\Downloads\6170a095-b9af-4247-a72e-b056cad7e8ae.tmp</t>
  </si>
  <si>
    <t>f8762e58-b7f7-4a34-9c2c-7c08c2e9cbb4.tmp</t>
  </si>
  <si>
    <t>\\acsfs\profiles$\brendadsl\Downloads\f8762e58-b7f7-4a34-9c2c-7c08c2e9cbb4.tmp</t>
  </si>
  <si>
    <t>12/20/2019 13:43:00</t>
  </si>
  <si>
    <t>4af28250-eb4f-43f7-ab5a-1e511a4447ca.tmp</t>
  </si>
  <si>
    <t>\\acsfs\profiles$\brendadsl\Downloads\4af28250-eb4f-43f7-ab5a-1e511a4447ca.tmp</t>
  </si>
  <si>
    <t>12/20/2019 13:45:59</t>
  </si>
  <si>
    <t>0ef0150a-d18f-4044-9538-bd52e469df7a.tmp</t>
  </si>
  <si>
    <t>\\acsfs\profiles$\brendadsl\Downloads\0ef0150a-d18f-4044-9538-bd52e469df7a.tmp</t>
  </si>
  <si>
    <t>12/20/2019 13:43:59</t>
  </si>
  <si>
    <t>02875926-66cf-41bc-956a-38bdd08d4ec1.tmp</t>
  </si>
  <si>
    <t>\\acsfs\profiles$\gabriellalpr\Downloads\02875926-66cf-41bc-956a-38bdd08d4ec1.tmp</t>
  </si>
  <si>
    <t>12/20/2019 13:44:37</t>
  </si>
  <si>
    <t>ea6ad46a-6f3b-4ef5-88e1-a46f9ea30f9e.tmp</t>
  </si>
  <si>
    <t>\\acsfs\profiles$\gabriellalpr\Downloads\ea6ad46a-6f3b-4ef5-88e1-a46f9ea30f9e.tmp</t>
  </si>
  <si>
    <t>12/20/2019 13:45:40</t>
  </si>
  <si>
    <t>56ee940c-c3c3-4582-b231-fd428d15abbc.tmp</t>
  </si>
  <si>
    <t>\\acsfs\profiles$\gabriellalpr\Downloads\56ee940c-c3c3-4582-b231-fd428d15abbc.tmp</t>
  </si>
  <si>
    <t>12/20/2019 13:46:57</t>
  </si>
  <si>
    <t>38bb43a0-65c8-496d-a1eb-3350a51f9f41.tmp</t>
  </si>
  <si>
    <t>\\acsfs\profiles$\nataliacsl\Downloads\38bb43a0-65c8-496d-a1eb-3350a51f9f41.tmp</t>
  </si>
  <si>
    <t>12/20/2019 13:46:59</t>
  </si>
  <si>
    <t>4e84da1c-4413-4b7e-942c-ed9bebb49361.tmp</t>
  </si>
  <si>
    <t>\\acsfs\profiles$\nataliacsl\Downloads\4e84da1c-4413-4b7e-942c-ed9bebb49361.tmp</t>
  </si>
  <si>
    <t>12/20/2019 13:48:12</t>
  </si>
  <si>
    <t>12/20/2019 13:45:02</t>
  </si>
  <si>
    <t>12/20/2019 13:49:42</t>
  </si>
  <si>
    <t>12/20/2019 13:45:32</t>
  </si>
  <si>
    <t>12/20/2019 13:46:02</t>
  </si>
  <si>
    <t>12/20/2019 13:46:32</t>
  </si>
  <si>
    <t>12/20/2019 13:47:02</t>
  </si>
  <si>
    <t>12/20/2019 13:47:32</t>
  </si>
  <si>
    <t>12/20/2019 13:48:02</t>
  </si>
  <si>
    <t>12/20/2019 13:48:32</t>
  </si>
  <si>
    <t>12/20/2019 13:45:12</t>
  </si>
  <si>
    <t>12/20/2019 13:46:18</t>
  </si>
  <si>
    <t>12/20/2019 07:08:20</t>
  </si>
  <si>
    <t>1ea7257d-78d7-46b4-817e-d159269c5004.tmp</t>
  </si>
  <si>
    <t>\\acsfs\profiles$\marcosvnds\Downloads\1ea7257d-78d7-46b4-817e-d159269c5004.tmp</t>
  </si>
  <si>
    <t>12/20/2019 07:08:21</t>
  </si>
  <si>
    <t>826904b5-a706-40e6-a2e0-d17338cc79d2.tmp</t>
  </si>
  <si>
    <t>\\acsfs\profiles$\marcosvnds\Downloads\826904b5-a706-40e6-a2e0-d17338cc79d2.tmp</t>
  </si>
  <si>
    <t>12/20/2019 07:08:24</t>
  </si>
  <si>
    <t>Q29udHJvbGxlci5XREUtQlZGLUNIQVQ- (12).ica</t>
  </si>
  <si>
    <t>\\acsfs\profiles$\marcosvnds\Downloads\Q29udHJvbGxlci5XREUtQlZGLUNIQVQ- (12).ica</t>
  </si>
  <si>
    <t>12/20/2019 07:08:49</t>
  </si>
  <si>
    <t>Q29udHJvbGxlci5TQUNBLVNBQw-- (17).ica</t>
  </si>
  <si>
    <t>\\acsfs\profiles$\marcosvnds\Downloads\Q29udHJvbGxlci5TQUNBLVNBQw-- (17).ica</t>
  </si>
  <si>
    <t>12/20/2019 13:45:49</t>
  </si>
  <si>
    <t>12/20/2019 13:50:41</t>
  </si>
  <si>
    <t>12/20/2019 13:49:38</t>
  </si>
  <si>
    <t>12/20/2019 13:48:47</t>
  </si>
  <si>
    <t>7bbe4272-7eef-4a1b-a1d8-cd12f82641a1.tmp</t>
  </si>
  <si>
    <t>\\acsfs\profiles$\gabrielhca\Downloads\7bbe4272-7eef-4a1b-a1d8-cd12f82641a1.tmp</t>
  </si>
  <si>
    <t>12/20/2019 13:46:24</t>
  </si>
  <si>
    <t>57f5140d-c44c-40ff-8f35-cb7a09a90663.tmp</t>
  </si>
  <si>
    <t>\\acsfs\profiles$\gabrielafs\Downloads\57f5140d-c44c-40ff-8f35-cb7a09a90663.tmp</t>
  </si>
  <si>
    <t>12/20/2019 13:45:55</t>
  </si>
  <si>
    <t>7fdb8ee0-42fa-4ee9-aeac-665fd2f61f42.tmp</t>
  </si>
  <si>
    <t>\\acsfs\profiles$\gabrielarb\Downloads\7fdb8ee0-42fa-4ee9-aeac-665fd2f61f42.tmp</t>
  </si>
  <si>
    <t>12/20/2019 13:46:35</t>
  </si>
  <si>
    <t>12/20/2019 13:51:41</t>
  </si>
  <si>
    <t>d15b119e-a0ac-4a50-a192-9211305d3207.tmp</t>
  </si>
  <si>
    <t>\\acsfs\profiles$\JOAOVAL\Downloads\d15b119e-a0ac-4a50-a192-9211305d3207.tmp</t>
  </si>
  <si>
    <t>12/20/2019 13:49:34</t>
  </si>
  <si>
    <t>12/20/2019 13:52:41</t>
  </si>
  <si>
    <t>12/20/2019 13:48:34</t>
  </si>
  <si>
    <t>BERNARDO PATRICK CARNEIRO MOTA (24).contact</t>
  </si>
  <si>
    <t>\\acsfs\profiles$\bernardopcm\Contacts\BERNARDO PATRICK CARNEIRO MOTA (24).contact</t>
  </si>
  <si>
    <t>12/20/2019 13:48:48</t>
  </si>
  <si>
    <t>12/20/2019 13:48:49</t>
  </si>
  <si>
    <t>12/20/2019 13:48:50</t>
  </si>
  <si>
    <t>12/20/2019 13:48:51</t>
  </si>
  <si>
    <t>12/20/2019 13:48:52</t>
  </si>
  <si>
    <t>12/20/2019 13:48:53</t>
  </si>
  <si>
    <t>12/20/2019 13:48:54</t>
  </si>
  <si>
    <t>12/20/2019 13:49:09</t>
  </si>
  <si>
    <t>12/20/2019 13:49:11</t>
  </si>
  <si>
    <t>12/20/2019 13:51:10</t>
  </si>
  <si>
    <t>66015741-17d7-4a44-9510-e10cfbc15714.tmp</t>
  </si>
  <si>
    <t>\\acsfs\profiles$\bernardopcm\Downloads\66015741-17d7-4a44-9510-e10cfbc15714.tmp</t>
  </si>
  <si>
    <t>12/20/2019 13:49:24</t>
  </si>
  <si>
    <t>12/20/2019 13:53:41</t>
  </si>
  <si>
    <t>dcc427d3-b76f-4a4b-9bdb-01a937bcdd4c.tmp</t>
  </si>
  <si>
    <t>\\acsfs\profiles$\brendadsl\Downloads\dcc427d3-b76f-4a4b-9bdb-01a937bcdd4c.tmp</t>
  </si>
  <si>
    <t>12/20/2019 13:51:33</t>
  </si>
  <si>
    <t>12/20/2019 13:49:03</t>
  </si>
  <si>
    <t>12/20/2019 13:54:41</t>
  </si>
  <si>
    <t>12/20/2019 13:49:33</t>
  </si>
  <si>
    <t>12/20/2019 13:49:15</t>
  </si>
  <si>
    <t>774bfc60-cfe2-42bb-abc3-f3c268e61a78.tmp</t>
  </si>
  <si>
    <t>\\acsfs\profiles$\regisadsa\Downloads\774bfc60-cfe2-42bb-abc3-f3c268e61a78.tmp</t>
  </si>
  <si>
    <t>12/20/2019 13:50:31</t>
  </si>
  <si>
    <t>f87ec6d8-e27f-41a0-8e66-775b7f04a573.tmp</t>
  </si>
  <si>
    <t>\\acsfs\profiles$\regisadsa\Downloads\f87ec6d8-e27f-41a0-8e66-775b7f04a573.tmp</t>
  </si>
  <si>
    <t>12/20/2019 13:50:54</t>
  </si>
  <si>
    <t>6da398d8-e76d-4a5d-b425-fbee0ac6ebd3.tmp</t>
  </si>
  <si>
    <t>\\acsfs\profiles$\regisadsa\Downloads\6da398d8-e76d-4a5d-b425-fbee0ac6ebd3.tmp</t>
  </si>
  <si>
    <t>12/20/2019 13:51:04</t>
  </si>
  <si>
    <t>5aa9da8f-c1a5-4268-b308-4a2bbaf74616.tmp</t>
  </si>
  <si>
    <t>\\acsfs\profiles$\regisadsa\Downloads\5aa9da8f-c1a5-4268-b308-4a2bbaf74616.tmp</t>
  </si>
  <si>
    <t>12/20/2019 13:52:27</t>
  </si>
  <si>
    <t>375be3e5-94b8-40ce-a529-a5b30cab5d81.tmp</t>
  </si>
  <si>
    <t>\\acsfs\profiles$\KARENDSR\Downloads\375be3e5-94b8-40ce-a529-a5b30cab5d81.tmp</t>
  </si>
  <si>
    <t>12/20/2019 13:52:51</t>
  </si>
  <si>
    <t>12/20/2019 13:49:18</t>
  </si>
  <si>
    <t>12/20/2019 13:52:18</t>
  </si>
  <si>
    <t>12/20/2019 13:53:08</t>
  </si>
  <si>
    <t>10.200.61.56</t>
  </si>
  <si>
    <t>C:\Users\dolvaner\Desktop\18 12 2019\</t>
  </si>
  <si>
    <t>12/20/2019 13:50:51</t>
  </si>
  <si>
    <t>12/20/2019 13:53:37</t>
  </si>
  <si>
    <t>12/20/2019 13:55:41</t>
  </si>
  <si>
    <t>12/20/2019 13:52:30</t>
  </si>
  <si>
    <t>12/20/2019 13:56:41</t>
  </si>
  <si>
    <t>12/20/2019 13:53:56</t>
  </si>
  <si>
    <t>12/20/2019 13:57:40</t>
  </si>
  <si>
    <t>12/20/2019 13:53:32</t>
  </si>
  <si>
    <t>48a92142-e561-44c9-9d68-b02147cdcf61.tmp</t>
  </si>
  <si>
    <t>\\acsfs\profiles$\bernardopcm\Downloads\48a92142-e561-44c9-9d68-b02147cdcf61.tmp</t>
  </si>
  <si>
    <t>12/20/2019 13:53:58</t>
  </si>
  <si>
    <t>32e925d1-ff3d-47c3-816f-669a06643e46.tmp</t>
  </si>
  <si>
    <t>\\acsfs\profiles$\bernardopcm\Downloads\32e925d1-ff3d-47c3-816f-669a06643e46.tmp</t>
  </si>
  <si>
    <t>12/20/2019 13:55:06</t>
  </si>
  <si>
    <t>a5ce64fc-75a2-4eb5-b060-ca8169e34796.tmp</t>
  </si>
  <si>
    <t>\\acsfs\profiles$\bernardopcm\Downloads\a5ce64fc-75a2-4eb5-b060-ca8169e34796.tmp</t>
  </si>
  <si>
    <t>12/20/2019 13:55:08</t>
  </si>
  <si>
    <t>12/20/2019 13:58:41</t>
  </si>
  <si>
    <t>1ef20795-befe-4681-a258-de546e9a9faa.tmp</t>
  </si>
  <si>
    <t>\\acsfs\profiles$\gabriellalpr\Downloads\1ef20795-befe-4681-a258-de546e9a9faa.tmp</t>
  </si>
  <si>
    <t>12/20/2019 13:54:04</t>
  </si>
  <si>
    <t>12/20/2019 13:59:41</t>
  </si>
  <si>
    <t>12/20/2019 13:54:34</t>
  </si>
  <si>
    <t>12/20/2019 13:55:04</t>
  </si>
  <si>
    <t>12/20/2019 13:55:18</t>
  </si>
  <si>
    <t>12/20/2019 13:58:07</t>
  </si>
  <si>
    <t>12/20/2019 13:58:08</t>
  </si>
  <si>
    <t>12/20/2019 13:56:16</t>
  </si>
  <si>
    <t>713fcedc-6561-44e6-994a-c8fecca2312e.tmp</t>
  </si>
  <si>
    <t>\\acsfs\profiles$\gabrielamdp\Downloads\713fcedc-6561-44e6-994a-c8fecca2312e.tmp</t>
  </si>
  <si>
    <t>12/20/2019 13:56:17</t>
  </si>
  <si>
    <t>5b3ab238-6b46-4996-81d2-c212c662a040.tmp</t>
  </si>
  <si>
    <t>\\acsfs\profiles$\gabrielamdp\Downloads\5b3ab238-6b46-4996-81d2-c212c662a040.tmp</t>
  </si>
  <si>
    <t>12/20/2019 13:56:18</t>
  </si>
  <si>
    <t>6d1dbf22-d4b1-4b8a-a530-d4d13330a837.tmp</t>
  </si>
  <si>
    <t>\\acsfs\profiles$\gabrielamdp\Downloads\6d1dbf22-d4b1-4b8a-a530-d4d13330a837.tmp</t>
  </si>
  <si>
    <t>12/20/2019 13:56:19</t>
  </si>
  <si>
    <t>8aa2a128-8d61-444b-bd03-47fa1732517e.tmp</t>
  </si>
  <si>
    <t>\\acsfs\profiles$\gabrielamdp\Downloads\8aa2a128-8d61-444b-bd03-47fa1732517e.tmp</t>
  </si>
  <si>
    <t>c14c11eb-e767-4604-95bd-43262b374838.tmp</t>
  </si>
  <si>
    <t>\\acsfs\profiles$\gabrielamdp\Downloads\c14c11eb-e767-4604-95bd-43262b374838.tmp</t>
  </si>
  <si>
    <t>cd738ded-905d-4b37-94c2-9e4aea36bdab.tmp</t>
  </si>
  <si>
    <t>\\acsfs\profiles$\andrezacapf\Downloads\cd738ded-905d-4b37-94c2-9e4aea36bdab.tmp</t>
  </si>
  <si>
    <t>64a6e003-e5a3-4999-a070-374bb2b53297.tmp</t>
  </si>
  <si>
    <t>\\acsfs\profiles$\andrezacapf\Downloads\64a6e003-e5a3-4999-a070-374bb2b53297.tmp</t>
  </si>
  <si>
    <t>c5cd5ff9-3dd9-432b-b0e4-80f081d24fea.tmp</t>
  </si>
  <si>
    <t>\\acsfs\profiles$\andrezacapf\Downloads\c5cd5ff9-3dd9-432b-b0e4-80f081d24fea.tmp</t>
  </si>
  <si>
    <t>12/20/2019 13:56:47</t>
  </si>
  <si>
    <t>f72b317d-20de-4d08-9f31-a1a1a8ce5e5d.tmp</t>
  </si>
  <si>
    <t>\\acsfs\profiles$\andrezacapf\Downloads\f72b317d-20de-4d08-9f31-a1a1a8ce5e5d.tmp</t>
  </si>
  <si>
    <t>12/20/2019 13:56:48</t>
  </si>
  <si>
    <t>Q29udHJvbGxlci5CbG9jbyBkZSBOb3Rhcy0x (5).ica</t>
  </si>
  <si>
    <t>\\acsfs\profiles$\andrezacapf\Downloads\Q29udHJvbGxlci5CbG9jbyBkZSBOb3Rhcy0x (5).ica</t>
  </si>
  <si>
    <t>12/20/2019 13:56:49</t>
  </si>
  <si>
    <t>48406cfc-f49e-48fc-9e3e-5bd2a9fde2c0.tmp</t>
  </si>
  <si>
    <t>\\acsfs\profiles$\andrezacapf\Downloads\48406cfc-f49e-48fc-9e3e-5bd2a9fde2c0.tmp</t>
  </si>
  <si>
    <t>12/20/2019 13:56:54</t>
  </si>
  <si>
    <t>d03a8d03-724e-4268-b175-729b8a83f52c.tmp</t>
  </si>
  <si>
    <t>\\acsfs\profiles$\andrezacapf\Downloads\d03a8d03-724e-4268-b175-729b8a83f52c.tmp</t>
  </si>
  <si>
    <t>12/20/2019 13:56:58</t>
  </si>
  <si>
    <t>7120319f-8477-4773-a44b-e74b7305b062.tmp</t>
  </si>
  <si>
    <t>\\acsfs\profiles$\andrezacapf\Downloads\7120319f-8477-4773-a44b-e74b7305b062.tmp</t>
  </si>
  <si>
    <t>12/20/2019 13:57:27</t>
  </si>
  <si>
    <t>Q29udHJvbGxlci5JRS1Qb3J0YWw- (1).ica</t>
  </si>
  <si>
    <t>\\acsfs\profiles$\andrezacapf\Downloads\Q29udHJvbGxlci5JRS1Qb3J0YWw- (1).ica</t>
  </si>
  <si>
    <t>12/20/2019 13:57:49</t>
  </si>
  <si>
    <t>Q29udHJvbGxlci5TQUNBLVNBQw-- (13).ica</t>
  </si>
  <si>
    <t>\\acsfs\profiles$\andrezacapf\Downloads\Q29udHJvbGxlci5TQUNBLVNBQw-- (13).ica</t>
  </si>
  <si>
    <t>12/20/2019 13:58:36</t>
  </si>
  <si>
    <t>1515b496-e90e-4804-8ca5-5e32b83c31e3.tmp</t>
  </si>
  <si>
    <t>\\acsfs\profiles$\andrezacapf\Downloads\1515b496-e90e-4804-8ca5-5e32b83c31e3.tmp</t>
  </si>
  <si>
    <t>12/20/2019 13:55:38</t>
  </si>
  <si>
    <t>12/20/2019 14:00:41</t>
  </si>
  <si>
    <t>12/20/2019 13:58:52</t>
  </si>
  <si>
    <t>366c6a22-3625-4faa-a8f7-1ef39f63255e.tmp</t>
  </si>
  <si>
    <t>\\acsfs\profiles$\gabrielafs\Downloads\366c6a22-3625-4faa-a8f7-1ef39f63255e.tmp</t>
  </si>
  <si>
    <t>12/20/2019 13:59:48</t>
  </si>
  <si>
    <t>12/20/2019 14:02:40</t>
  </si>
  <si>
    <t>12/20/2019 13:58:10</t>
  </si>
  <si>
    <t>12/20/2019 14:00:04</t>
  </si>
  <si>
    <t>12/20/2019 14:03:41</t>
  </si>
  <si>
    <t>Bloco 20122019.txt</t>
  </si>
  <si>
    <t>\\acsfs\profiles$\brendadsl\My Documents\Blocos\Blocos Dezembro 2019\Bloco 20122019.txt</t>
  </si>
  <si>
    <t>12/20/2019 14:02:06</t>
  </si>
  <si>
    <t>12/20/2019 14:04:41</t>
  </si>
  <si>
    <t>12/20/2019 14:02:36</t>
  </si>
  <si>
    <t>12/20/2019 14:03:06</t>
  </si>
  <si>
    <t>12/20/2019 14:03:36</t>
  </si>
  <si>
    <t>12/20/2019 14:01:18</t>
  </si>
  <si>
    <t>12/20/2019 14:03:18</t>
  </si>
  <si>
    <t>12/20/2019 14:01:11</t>
  </si>
  <si>
    <t>378ab8d5-4d33-4937-b9bc-de534f44be73.tmp</t>
  </si>
  <si>
    <t>\\acsfs\profiles$\andrezacapf\Downloads\378ab8d5-4d33-4937-b9bc-de534f44be73.tmp</t>
  </si>
  <si>
    <t>12/20/2019 14:01:25</t>
  </si>
  <si>
    <t>b4a75c8e-1fbb-48d9-a7e7-c77dfbf995fc.tmp</t>
  </si>
  <si>
    <t>\\acsfs\profiles$\andrezacapf\Downloads\b4a75c8e-1fbb-48d9-a7e7-c77dfbf995fc.tmp</t>
  </si>
  <si>
    <t>12/20/2019 14:01:28</t>
  </si>
  <si>
    <t>1d110dcc-34d9-435b-a02c-0d8acc310b94.tmp</t>
  </si>
  <si>
    <t>\\acsfs\profiles$\andrezacapf\Downloads\1d110dcc-34d9-435b-a02c-0d8acc310b94.tmp</t>
  </si>
  <si>
    <t>12/20/2019 14:01:27</t>
  </si>
  <si>
    <t>12/20/2019 14:05:41</t>
  </si>
  <si>
    <t>12/20/2019 14:01:38</t>
  </si>
  <si>
    <t>12/20/2019 14:06:56</t>
  </si>
  <si>
    <t>12/20/2019 14:07:42</t>
  </si>
  <si>
    <t>12/20/2019 14:07:24</t>
  </si>
  <si>
    <t>12/20/2019 14:06:34</t>
  </si>
  <si>
    <t>12/20/2019 14:03:12</t>
  </si>
  <si>
    <t>12/20/2019 14:08:41</t>
  </si>
  <si>
    <t>12/20/2019 14:07:00</t>
  </si>
  <si>
    <t>12/20/2019 14:07:01</t>
  </si>
  <si>
    <t>12/20/2019 14:07:02</t>
  </si>
  <si>
    <t>12/20/2019 14:07:03</t>
  </si>
  <si>
    <t>12/20/2019 14:07:04</t>
  </si>
  <si>
    <t>12/20/2019 14:07:05</t>
  </si>
  <si>
    <t>12/20/2019 14:07:06</t>
  </si>
  <si>
    <t>12/20/2019 14:07:07</t>
  </si>
  <si>
    <t>12/20/2019 14:07:08</t>
  </si>
  <si>
    <t>12/20/2019 14:07:09</t>
  </si>
  <si>
    <t>12/20/2019 14:07:10</t>
  </si>
  <si>
    <t>12/20/2019 14:07:11</t>
  </si>
  <si>
    <t>12/20/2019 14:07:12</t>
  </si>
  <si>
    <t>12/20/2019 14:07:13</t>
  </si>
  <si>
    <t>12/20/2019 14:07:14</t>
  </si>
  <si>
    <t>12/20/2019 14:07:15</t>
  </si>
  <si>
    <t>12/20/2019 14:07:16</t>
  </si>
  <si>
    <t>12/20/2019 14:07:17</t>
  </si>
  <si>
    <t>12/20/2019 14:07:18</t>
  </si>
  <si>
    <t>12/20/2019 14:07:19</t>
  </si>
  <si>
    <t>12/20/2019 14:07:20</t>
  </si>
  <si>
    <t>12/20/2019 14:07:21</t>
  </si>
  <si>
    <t>12/20/2019 14:07:22</t>
  </si>
  <si>
    <t>12/20/2019 14:07:23</t>
  </si>
  <si>
    <t>12/20/2019 14:07:25</t>
  </si>
  <si>
    <t>12/20/2019 14:07:26</t>
  </si>
  <si>
    <t>12/20/2019 14:07:27</t>
  </si>
  <si>
    <t>12/20/2019 14:04:40</t>
  </si>
  <si>
    <t>12/20/2019 14:09:42</t>
  </si>
  <si>
    <t>kawanesdsc</t>
  </si>
  <si>
    <t>mail.google.com/_/upload?authuser=0&amp;dcp=asu-n&amp;upload_id=AEnB2UqhgIh3TyPxSv5kEG45vuPVxx2CipnQIFPu6TuG92AyNMH0Zo8bLL-YMWo5kM3Zmciwm08pOY0dOKjhFYvG8CrIBKRnhfoPmfOlNjEeuwaopmunAVg&amp;upload_protocol=resumable</t>
  </si>
  <si>
    <t>C:\Users\kawanesdsc\Desktop\</t>
  </si>
  <si>
    <t>termos de justificativa -.xlsx</t>
  </si>
  <si>
    <t>12/20/2019 14:07:37</t>
  </si>
  <si>
    <t>12/20/2019 14:05:11</t>
  </si>
  <si>
    <t>12/20/2019 14:06:46</t>
  </si>
  <si>
    <t>100026643261338;</t>
  </si>
  <si>
    <t>https://100026643261338</t>
  </si>
  <si>
    <t>12/20/2019 14:07:49</t>
  </si>
  <si>
    <t>12/20/2019 14:07:51</t>
  </si>
  <si>
    <t>12/20/2019 14:09:03</t>
  </si>
  <si>
    <t>12/20/2019 14:07:38</t>
  </si>
  <si>
    <t>12/20/2019 14:10:41</t>
  </si>
  <si>
    <t>12/20/2019 14:08:58</t>
  </si>
  <si>
    <t>12/20/2019 14:11:42</t>
  </si>
  <si>
    <t>12/20/2019 14:11:20</t>
  </si>
  <si>
    <t>12/20/2019 14:12:41</t>
  </si>
  <si>
    <t>12/20/2019 14:10:37</t>
  </si>
  <si>
    <t>12/20/2019 14:10:19</t>
  </si>
  <si>
    <t>12/20/2019 14:13:42</t>
  </si>
  <si>
    <t>jhonatan.ventino@bradesco.com.br;</t>
  </si>
  <si>
    <t>Base Gerenciadas</t>
  </si>
  <si>
    <t>BASE GERENCIADAS.zip\</t>
  </si>
  <si>
    <t>BASE GERENCIADAS.xlsx</t>
  </si>
  <si>
    <t>jhonatan.ventino@bradesco.com.br</t>
  </si>
  <si>
    <t>12/20/2019 14:12:59</t>
  </si>
  <si>
    <t>bvs-centralcartoes@bv.com.br;cintia.souza-domingues@dxc.com;eduardo.santana@bv.com.br;marianeps@algartech.com;talmaiardo@algartech.com;thiagordu@algartech.com;</t>
  </si>
  <si>
    <t>bvs-centralcartoes@bv.com.br,cintia.souza-domingues@dxc.com,eduardo.santana@bv.com.br,marianeps@algartech.com,talmaiardo@algartech.com,thiagordu@algartech.com</t>
  </si>
  <si>
    <t>12/20/2019 14:09:07</t>
  </si>
  <si>
    <t>12/20/2019 14:14:42</t>
  </si>
  <si>
    <t>12/20/2019 14:09:08</t>
  </si>
  <si>
    <t>12/20/2019 14:09:37</t>
  </si>
  <si>
    <t>12/20/2019 14:10:08</t>
  </si>
  <si>
    <t>12/20/2019 14:10:38</t>
  </si>
  <si>
    <t>12/20/2019 14:11:34</t>
  </si>
  <si>
    <t>12/20/2019 14:09:18</t>
  </si>
  <si>
    <t>12/20/2019 14:13:18</t>
  </si>
  <si>
    <t>12/20/2019 14:09:43</t>
  </si>
  <si>
    <t>12/20/2019 14:10:26</t>
  </si>
  <si>
    <t>12/20/2019 14:10:46</t>
  </si>
  <si>
    <t>12/20/2019 14:11:00</t>
  </si>
  <si>
    <t>12/20/2019 14:11:11</t>
  </si>
  <si>
    <t>12/20/2019 14:13:38</t>
  </si>
  <si>
    <t>12/20/2019 14:15:42</t>
  </si>
  <si>
    <t>12/20/2019 14:14:33</t>
  </si>
  <si>
    <t>Fechamento Debit Balance_Novembro.xls</t>
  </si>
  <si>
    <t>12/20/2019 14:15:22</t>
  </si>
  <si>
    <t>12/20/2019 14:13:33</t>
  </si>
  <si>
    <t>12/20/2019 14:17:42</t>
  </si>
  <si>
    <t>12/20/2019 14:17:10</t>
  </si>
  <si>
    <t>12/20/2019 14:18:42</t>
  </si>
  <si>
    <t>lu11168117p3k.tmp</t>
  </si>
  <si>
    <t>\\acsfs\profiles$\luanarda\lu11168117p3k.tmp</t>
  </si>
  <si>
    <t>\\acsfs\profiles$\luanarda\lu11168117p3k.tmp\</t>
  </si>
  <si>
    <t>\\acsfs\profiles$\luanarda\lu11168117p3k.tmp\META-INF\</t>
  </si>
  <si>
    <t>\\acsfs\profiles$\luanarda\lu11168117p3k.tmp\Thumbnails\</t>
  </si>
  <si>
    <t>12/20/2019 14:13:06</t>
  </si>
  <si>
    <t>12/20/2019 14:13:15</t>
  </si>
  <si>
    <t>12/20/2019 14:18:13</t>
  </si>
  <si>
    <t>12/20/2019 14:14:39</t>
  </si>
  <si>
    <t>12/20/2019 14:19:42</t>
  </si>
  <si>
    <t>12/20/2019 14:16:39</t>
  </si>
  <si>
    <t>12/20/2019 14:15:19</t>
  </si>
  <si>
    <t>12/20/2019 14:17:55</t>
  </si>
  <si>
    <t>12/20/2019 14:20:42</t>
  </si>
  <si>
    <t>.~lock.vendas.ods#</t>
  </si>
  <si>
    <t>\\acsfs\profiles$\marcellewdl\My Documents\.~lock.vendas.ods#</t>
  </si>
  <si>
    <t>12/20/2019 14:17:57</t>
  </si>
  <si>
    <t>lu203641f6ic8.tmp</t>
  </si>
  <si>
    <t>\\acsfs\profiles$\marcellewdl\My Documents\lu203641f6ic8.tmp</t>
  </si>
  <si>
    <t>\\acsfs\profiles$\marcellewdl\My Documents\lu203641f6ic8.tmp\</t>
  </si>
  <si>
    <t>\\acsfs\profiles$\marcellewdl\My Documents\lu203641f6ic8.tmp\META-INF\</t>
  </si>
  <si>
    <t>\\acsfs\profiles$\marcellewdl\My Documents\lu203641f6ic8.tmp\Thumbnails\</t>
  </si>
  <si>
    <t>12/20/2019 14:16:46</t>
  </si>
  <si>
    <t>12/20/2019 14:19:38</t>
  </si>
  <si>
    <t>12/20/2019 14:17:28</t>
  </si>
  <si>
    <t>72c43792-af28-4327-973e-7be23f228166.tmp</t>
  </si>
  <si>
    <t>\\acsfs\profiles$\geovannasm\Downloads\72c43792-af28-4327-973e-7be23f228166.tmp</t>
  </si>
  <si>
    <t>12/20/2019 14:15:32</t>
  </si>
  <si>
    <t>fe6fddfe-c0fa-4d40-9265-530a2d160353.tmp</t>
  </si>
  <si>
    <t>\\acsfs\profiles$\fabianobmf\Downloads\fe6fddfe-c0fa-4d40-9265-530a2d160353.tmp</t>
  </si>
  <si>
    <t>12/20/2019 14:17:01</t>
  </si>
  <si>
    <t>2deb9356-c497-4566-8c05-44768b3e301d.tmp</t>
  </si>
  <si>
    <t>\\acsfs\profiles$\fabianobmf\Downloads\2deb9356-c497-4566-8c05-44768b3e301d.tmp</t>
  </si>
  <si>
    <t>12/20/2019 14:17:39</t>
  </si>
  <si>
    <t>12/20/2019 14:21:43</t>
  </si>
  <si>
    <t>12/20/2019 14:17:40</t>
  </si>
  <si>
    <t>12/20/2019 14:17:56</t>
  </si>
  <si>
    <t>12/20/2019 14:22:42</t>
  </si>
  <si>
    <t>12/20/2019 14:21:18</t>
  </si>
  <si>
    <t>12/19/2019 13:56:14</t>
  </si>
  <si>
    <t>12/20/2019 14:23:42</t>
  </si>
  <si>
    <t>https://excelviewer.herokuapp.com/upload/</t>
  </si>
  <si>
    <t>C:\Users\jefersonfo\Documents\Boticário\Minutas\</t>
  </si>
  <si>
    <t>03_01_Modelo_Abertura_detalhada_Custo_Modelo_Mais Funcoes(1).xlsx</t>
  </si>
  <si>
    <t>12/19/2019 17:05:32</t>
  </si>
  <si>
    <t>C:\Users\jefersonfo\Documents\Natura\</t>
  </si>
  <si>
    <t>RFI_Callcenter 2019.xlsx</t>
  </si>
  <si>
    <t>12/20/2019 14:19:19</t>
  </si>
  <si>
    <t>12/20/2019 14:24:42</t>
  </si>
  <si>
    <t>12/20/2019 14:22:50</t>
  </si>
  <si>
    <t>12/20/2019 14:22:53</t>
  </si>
  <si>
    <t>12/20/2019 14:23:56</t>
  </si>
  <si>
    <t>12/20/2019 14:24:24</t>
  </si>
  <si>
    <t>12/20/2019 14:25:42</t>
  </si>
  <si>
    <t>10.200.67.156</t>
  </si>
  <si>
    <t>ccb4ef0a-7c3d-42bf-bd93-894691faad1a.tmp</t>
  </si>
  <si>
    <t>\\acsfs\profiles$\victorgl\Downloads\ccb4ef0a-7c3d-42bf-bd93-894691faad1a.tmp</t>
  </si>
  <si>
    <t>4ac7757c-5024-4426-81fd-9eb303a1c672.tmp</t>
  </si>
  <si>
    <t>\\acsfs\profiles$\victorgl\Downloads\4ac7757c-5024-4426-81fd-9eb303a1c672.tmp</t>
  </si>
  <si>
    <t>12/20/2019 14:24:47</t>
  </si>
  <si>
    <t>65c1fde4-2317-4d5a-b4e3-d318d598daf6.tmp</t>
  </si>
  <si>
    <t>\\acsfs\profiles$\victorgl\Downloads\65c1fde4-2317-4d5a-b4e3-d318d598daf6.tmp</t>
  </si>
  <si>
    <t>12/20/2019 14:24:34</t>
  </si>
  <si>
    <t>12/20/2019 14:21:59</t>
  </si>
  <si>
    <t>71dffbfd-d66f-4a50-80e9-5a0a3db719bd.tmp</t>
  </si>
  <si>
    <t>\\acsfs\profiles$\geovannasm\Downloads\71dffbfd-d66f-4a50-80e9-5a0a3db719bd.tmp</t>
  </si>
  <si>
    <t>12/20/2019 14:23:19</t>
  </si>
  <si>
    <t>12/20/2019 14:23:44</t>
  </si>
  <si>
    <t>12/20/2019 14:26:42</t>
  </si>
  <si>
    <t>12/20/2019 14:23:45</t>
  </si>
  <si>
    <t>12/20/2019 14:23:47</t>
  </si>
  <si>
    <t>12/20/2019 14:23:49</t>
  </si>
  <si>
    <t>12/20/2019 14:23:50</t>
  </si>
  <si>
    <t>12/20/2019 14:23:51</t>
  </si>
  <si>
    <t>12/20/2019 14:23:52</t>
  </si>
  <si>
    <t>12/20/2019 14:23:53</t>
  </si>
  <si>
    <t>12/20/2019 14:23:54</t>
  </si>
  <si>
    <t>12/20/2019 14:23:55</t>
  </si>
  <si>
    <t>12/20/2019 14:23:57</t>
  </si>
  <si>
    <t>12/20/2019 14:23:58</t>
  </si>
  <si>
    <t>12/20/2019 14:24:00</t>
  </si>
  <si>
    <t>12/20/2019 14:24:01</t>
  </si>
  <si>
    <t>12/20/2019 14:24:02</t>
  </si>
  <si>
    <t>12/20/2019 14:24:03</t>
  </si>
  <si>
    <t>12/20/2019 14:24:04</t>
  </si>
  <si>
    <t>12/20/2019 14:24:05</t>
  </si>
  <si>
    <t>12/20/2019 14:24:06</t>
  </si>
  <si>
    <t>12/20/2019 14:24:07</t>
  </si>
  <si>
    <t>12/20/2019 14:24:08</t>
  </si>
  <si>
    <t>12/20/2019 14:24:09</t>
  </si>
  <si>
    <t>12/20/2019 14:24:10</t>
  </si>
  <si>
    <t>12/20/2019 14:24:11</t>
  </si>
  <si>
    <t>12/20/2019 14:24:12</t>
  </si>
  <si>
    <t>12/20/2019 14:24:13</t>
  </si>
  <si>
    <t>12/20/2019 14:24:14</t>
  </si>
  <si>
    <t>12/20/2019 14:24:15</t>
  </si>
  <si>
    <t>12/20/2019 14:24:16</t>
  </si>
  <si>
    <t>\\acsfs\profiles$\joycemmdl\Saved Games\</t>
  </si>
  <si>
    <t>12/20/2019 14:24:33</t>
  </si>
  <si>
    <t>12/20/2019 14:24:36</t>
  </si>
  <si>
    <t>10.200.66.158</t>
  </si>
  <si>
    <t>b3983962-3882-4931-9693-c8b14ee6dac0.tmp</t>
  </si>
  <si>
    <t>\\acsfs\profiles$\vivianibfs\Downloads\b3983962-3882-4931-9693-c8b14ee6dac0.tmp</t>
  </si>
  <si>
    <t>12/20/2019 14:25:57</t>
  </si>
  <si>
    <t>5cb318b6-26fe-40b4-88f8-6a0dbe47bc63.tmp</t>
  </si>
  <si>
    <t>\\acsfs\profiles$\vivianibfs\Downloads\5cb318b6-26fe-40b4-88f8-6a0dbe47bc63.tmp</t>
  </si>
  <si>
    <t>12/20/2019 14:26:08</t>
  </si>
  <si>
    <t>f7c210b5-2841-4c08-b0d5-e4398781a69c.tmp</t>
  </si>
  <si>
    <t>\\acsfs\profiles$\vivianibfs\Downloads\f7c210b5-2841-4c08-b0d5-e4398781a69c.tmp</t>
  </si>
  <si>
    <t>12/20/2019 14:22:35</t>
  </si>
  <si>
    <t>12/20/2019 14:27:42</t>
  </si>
  <si>
    <t>12/20/2019 14:23:30</t>
  </si>
  <si>
    <t>12/20/2019 14:22:02</t>
  </si>
  <si>
    <t>12/20/2019 14:22:03</t>
  </si>
  <si>
    <t>lu105321b8ott.tmp</t>
  </si>
  <si>
    <t>\\acsfs\profiles$\LUCASBS\lu105321b8ott.tmp</t>
  </si>
  <si>
    <t>\\acsfs\profiles$\LUCASBS\lu105321b8ott.tmp\</t>
  </si>
  <si>
    <t>\\acsfs\profiles$\LUCASBS\lu105321b8ott.tmp\META-INF\</t>
  </si>
  <si>
    <t>\\acsfs\profiles$\LUCASBS\lu105321b8ott.tmp\Thumbnails\</t>
  </si>
  <si>
    <t>12/20/2019 14:26:56</t>
  </si>
  <si>
    <t>12/20/2019 14:23:03</t>
  </si>
  <si>
    <t>/o=exchangelabs/ou=exchange administrative group (fydibohf23spdlt)/cn=recipients/cn=3ff021df50654eacbb960cdf0d157500-guest_3264e;5174.jussara@temposervicos.com.br;jussaragp@algartech.com.br;</t>
  </si>
  <si>
    <t>/o=exchangelabs/ou=exchange administrative group (fydibohf23spdlt)/cn=recipients/cn=3ff021df50654eacbb960cdf0d157500-guest_3264e,5174.jussara@temposervicos.com.br,jussaragp@algartech.com.br</t>
  </si>
  <si>
    <t>12/20/2019 14:02:57</t>
  </si>
  <si>
    <t>12/20/2019 14:28:42</t>
  </si>
  <si>
    <t>Ponto_AnaCarla.xlsx</t>
  </si>
  <si>
    <t>12/20/2019 14:02:59</t>
  </si>
  <si>
    <t>mail.google.com/_/upload?authuser=1&amp;dcp=asu-n&amp;upload_id=AEnB2UrgV1n1hs9q3QEQ-_HKmOf4YP3ZrnuA3vKz8HBF0tDbW5ywHb4xTjYGKjySTO5hRvigMh4p-e0JWYXsXG6IjYhYmXmkXUn3KN4MeKI2kwOa3wDsnQQ&amp;upload_protocol=resumable</t>
  </si>
  <si>
    <t>12/20/2019 14:27:52</t>
  </si>
  <si>
    <t>12/20/2019 14:27:54</t>
  </si>
  <si>
    <t>12/20/2019 14:27:55</t>
  </si>
  <si>
    <t>12/20/2019 14:25:19</t>
  </si>
  <si>
    <t>12/20/2019 14:29:42</t>
  </si>
  <si>
    <t>12/20/2019 14:27:19</t>
  </si>
  <si>
    <t>12/20/2019 14:27:59</t>
  </si>
  <si>
    <t>12/20/2019 14:30:41</t>
  </si>
  <si>
    <t>\\ACSFS\Engeset\FINANCEIRO_ULA\CONTROLA\SG\00 - Aplicações\00- Rascunho\01_Cadastro_CR\CRIAÇÃO CR\</t>
  </si>
  <si>
    <t>CR - IPHAN.xlsx</t>
  </si>
  <si>
    <t>12/20/2019 14:26:57</t>
  </si>
  <si>
    <t>8b84ddb8-f672-49ab-8d24-b933020df0c6.tmp</t>
  </si>
  <si>
    <t>\\acsfs\profiles$\leticiala\Downloads\8b84ddb8-f672-49ab-8d24-b933020df0c6.tmp</t>
  </si>
  <si>
    <t>12/20/2019 14:25:48</t>
  </si>
  <si>
    <t>d91869e7-e8c6-4c98-a8dc-0e622e0dcb5a.tmp</t>
  </si>
  <si>
    <t>\\acsfs\profiles$\adrielyas\Downloads\d91869e7-e8c6-4c98-a8dc-0e622e0dcb5a.tmp</t>
  </si>
  <si>
    <t>12/20/2019 14:25:52</t>
  </si>
  <si>
    <t>85323a46-7027-4d26-967c-8acab1591a86.tmp</t>
  </si>
  <si>
    <t>\\acsfs\profiles$\adrielyas\Downloads\85323a46-7027-4d26-967c-8acab1591a86.tmp</t>
  </si>
  <si>
    <t>12/20/2019 14:25:35</t>
  </si>
  <si>
    <t>d840b741-3154-48be-a72b-4a36695c3c8a.tmp</t>
  </si>
  <si>
    <t>\\acsfs\profiles$\victorgl\Downloads\d840b741-3154-48be-a72b-4a36695c3c8a.tmp</t>
  </si>
  <si>
    <t>ac40fda2-f90f-4789-b016-f569ea8e1323.tmp</t>
  </si>
  <si>
    <t>\\acsfs\profiles$\victorgl\Downloads\ac40fda2-f90f-4789-b016-f569ea8e1323.tmp</t>
  </si>
  <si>
    <t>12/20/2019 14:27:43</t>
  </si>
  <si>
    <t>34170650-6a92-42dc-af70-8d5e690a8510.tmp</t>
  </si>
  <si>
    <t>\\acsfs\profiles$\victorgl\Downloads\34170650-6a92-42dc-af70-8d5e690a8510.tmp</t>
  </si>
  <si>
    <t>12/20/2019 14:25:38</t>
  </si>
  <si>
    <t>12/20/2019 14:28:07</t>
  </si>
  <si>
    <t>12/20/2019 14:27:38</t>
  </si>
  <si>
    <t>12/20/2019 14:31:42</t>
  </si>
  <si>
    <t>87600ef7-ed2b-492d-985a-d1a957179670.tmp</t>
  </si>
  <si>
    <t>\\acsfs\profiles$\joycemmdl\Downloads\87600ef7-ed2b-492d-985a-d1a957179670.tmp</t>
  </si>
  <si>
    <t>12/20/2019 14:27:49</t>
  </si>
  <si>
    <t>Unconfirmed 680605.crdownload</t>
  </si>
  <si>
    <t>\\acsfs\profiles$\joycemmdl\Downloads\Unconfirmed 680605.crdownload</t>
  </si>
  <si>
    <t>18b8000a-522d-4fd0-a538-68f2a0cf5ff7.tmp</t>
  </si>
  <si>
    <t>\\acsfs\profiles$\joycemmdl\Downloads\18b8000a-522d-4fd0-a538-68f2a0cf5ff7.tmp</t>
  </si>
  <si>
    <t>12/20/2019 14:29:31</t>
  </si>
  <si>
    <t>5bc36e9e-ab10-440e-970e-b1100ec7fd8f.tmp</t>
  </si>
  <si>
    <t>\\acsfs\profiles$\joycemmdl\Downloads\5bc36e9e-ab10-440e-970e-b1100ec7fd8f.tmp</t>
  </si>
  <si>
    <t>12/20/2019 14:26:29</t>
  </si>
  <si>
    <t>f7d7fb6e-eb7f-4671-b3e6-9abcb7d164f5.tmp</t>
  </si>
  <si>
    <t>\\acsfs\profiles$\vivianibfs\Downloads\f7d7fb6e-eb7f-4671-b3e6-9abcb7d164f5.tmp</t>
  </si>
  <si>
    <t>12/20/2019 14:26:40</t>
  </si>
  <si>
    <t>5f6da376-44b4-4d41-aba5-2edeb594749d.tmp</t>
  </si>
  <si>
    <t>\\acsfs\profiles$\vivianibfs\Downloads\5f6da376-44b4-4d41-aba5-2edeb594749d.tmp</t>
  </si>
  <si>
    <t>12/20/2019 14:27:30</t>
  </si>
  <si>
    <t>12/20/2019 14:32:41</t>
  </si>
  <si>
    <t>massagem tarde.xls</t>
  </si>
  <si>
    <t>12/20/2019 14:28:28</t>
  </si>
  <si>
    <t>tarô tarde.xls</t>
  </si>
  <si>
    <t>12/20/2019 14:30:34</t>
  </si>
  <si>
    <t>maquiagem tarde.xls</t>
  </si>
  <si>
    <t>12/20/2019 14:28:57</t>
  </si>
  <si>
    <t>12/20/2019 14:28:32</t>
  </si>
  <si>
    <t>claudia.siqueira@temposervicos.com.br;coordenadorespf@algartech.com;demetrio.joaquim@bradesco.com.br;fabiolacc@algartecnologia.com.br;fernanda.sperandio@bradesco.com.br;fernanda.sperandio@fisglobal.com;fredericobs@algartecnologia.com.br;jacqueline.mariano@temposervicos.com.br;juliana.azevedo@fisglobal.com.;michelecdc@algartech.com;micheless@algartech.com.br;rodrigo.cunha@temposervicos.com.br;viviane.virgilio@temposervicos.com.br;</t>
  </si>
  <si>
    <t>Mis Pesquisa de Satisfação - URA - DEZEMBRO</t>
  </si>
  <si>
    <t>claudia.siqueira@temposervicos.com.br,coordenadorespf@algartech.com,demetrio.joaquim@bradesco.com.br,fabiolacc@algartecnologia.com.br,fernanda.sperandio@bradesco.com.br,fernanda.sperandio@fisglobal.com,fredericobs@algartecnologia.com.br,jacqueline.mariano@temposervicos.com.br,juliana.azevedo@fisglobal.com.,michelecdc@algartech.com,micheless@algartech.com.br,rodrigo.cunha@temposervicos.com.br,viviane.virgilio@temposervicos.com.br</t>
  </si>
  <si>
    <t>12/20/2019 14:30:27</t>
  </si>
  <si>
    <t>12/20/2019 14:33:42</t>
  </si>
  <si>
    <t>12/20/2019 14:30:57</t>
  </si>
  <si>
    <t>36fc310b-e015-4e30-bf68-29a2f7019d48.tmp</t>
  </si>
  <si>
    <t>\\acsfs\profiles$\layonmof\Downloads\36fc310b-e015-4e30-bf68-29a2f7019d48.tmp</t>
  </si>
  <si>
    <t>12/20/2019 14:31:44</t>
  </si>
  <si>
    <t>3a064dd4-cf90-40ac-8126-c489ade57bc8.tmp</t>
  </si>
  <si>
    <t>\\acsfs\profiles$\layonmof\Downloads\3a064dd4-cf90-40ac-8126-c489ade57bc8.tmp</t>
  </si>
  <si>
    <t>12/20/2019 14:33:14</t>
  </si>
  <si>
    <t>12/20/2019 14:34:41</t>
  </si>
  <si>
    <t>12/20/2019 14:31:19</t>
  </si>
  <si>
    <t>12/20/2019 14:33:19</t>
  </si>
  <si>
    <t>12/20/2019 14:34:47</t>
  </si>
  <si>
    <t>12/20/2019 14:35:42</t>
  </si>
  <si>
    <t>mail.google.com/_/upload?authuser=0&amp;dcp=asu-n&amp;upload_id=AEnB2UoIfHhMIKpFdRGj5qPZGceSItbrLlv3B-KHuFaH33JDa_qA0AS0Tkt_GI4VMihJ6XrUAWktYVHik7k0kvZOEi-zzqGLnw&amp;upload_protocol=resumable</t>
  </si>
  <si>
    <t>0];0]]_x0004_h�_x001A_;0]l;1300016222;1576098105708;43;[];[]]];false;false]";hdp_iqsgywsydumjfwkiwagod0fjg1ptdhmbunijbe5sh4hjxsrvo8u35eaa\";null;sh3ji7zufm_d8ps8kywvntarryoljfrkvewxpxx9z-k-2u1lmy5_zduzaahjomwmamtnvymq0jzcaknzdstqgniwxakd5laq2bd3kbdtuftpif-eixi9gsrfq-cbj_jhydujjgb4oluc9fhr8f7xrxklycxxfkkaov3tbchnkq4inbs5smt1jlstbb1n2hubjurxqxjq7vbs5r5ugmetqxvcyl1zjrfoafllc;</t>
  </si>
  <si>
    <t>\\acsfs\deptos\CAS - Coordenação de Arquitetura de Soluções\Projetos\2019\Banco PAN\220398 - BANCO PAN - PREVENÇÃO A FRAUDES (RFI)\Preço\</t>
  </si>
  <si>
    <t>220398 BANCO PAN Plan Precificacao C018 B018.xlsb</t>
  </si>
  <si>
    <t>0],0]]_x0004_h�_x001A_,0]l,1300016222,1576098105708,43,[],[]]],false,false]",hdp_iqsgywsydumjfwkiwagod0fjg1ptdhmbunijbe5sh4hjxsrvo8u35eaa\",null,sh3ji7zufm_d8ps8kywvntarryoljfrkvewxpxx9z-k-2u1lmy5_zduzaahjomwmamtnvymq0jzcaknzdstqgniwxakd5laq2bd3kbdtuftpif-eixi9gsrfq-cbj_jhydujjgb4oluc9fhr8f7xrxklycxxfkkaov3tbchnkq4inbs5smt1jlstbb1n2hubjurxqxjq7vbs5r5ugmetqxvcyl1zjrfoafllc</t>
  </si>
  <si>
    <t>\\acsfs\deptos\CAS - Coordenação de Arquitetura de Soluções\Projetos\2019\Banco PAN\220398 - BANCO PAN - PREVENÇÃO A FRAUDES (RFI)\Preço\220398 BANCO PAN Plan Precificacao C018 B018.xlsb\</t>
  </si>
  <si>
    <t>12/20/2019 14:31:38</t>
  </si>
  <si>
    <t>12/20/2019 14:32:05</t>
  </si>
  <si>
    <t>12/20/2019 14:32:58</t>
  </si>
  <si>
    <t>12/20/2019 14:37:41</t>
  </si>
  <si>
    <t>12/20/2019 14:33:53</t>
  </si>
  <si>
    <t>C:\Users\fernandaap\Downloads\</t>
  </si>
  <si>
    <t>Maquiagem Tarde.xls</t>
  </si>
  <si>
    <t>12/20/2019 14:33:27</t>
  </si>
  <si>
    <t>12/20/2019 14:36:49</t>
  </si>
  <si>
    <t>12/20/2019 14:35:26</t>
  </si>
  <si>
    <t>12/20/2019 14:34:15</t>
  </si>
  <si>
    <t>bbafe73e-6db7-4989-b1ef-526edf6df417.tmp</t>
  </si>
  <si>
    <t>\\acsfs\profiles$\wenderbnm\Downloads\bbafe73e-6db7-4989-b1ef-526edf6df417.tmp</t>
  </si>
  <si>
    <t>12/20/2019 14:33:06</t>
  </si>
  <si>
    <t>12/20/2019 14:37:32</t>
  </si>
  <si>
    <t>12/20/2019 14:38:41</t>
  </si>
  <si>
    <t>12/20/2019 14:37:05</t>
  </si>
  <si>
    <t>fbaceb9b-ce24-4d6c-93d1-45ab663f21f2.tmp</t>
  </si>
  <si>
    <t>\\acsfs\profiles$\gabriellalpr\Downloads\fbaceb9b-ce24-4d6c-93d1-45ab663f21f2.tmp</t>
  </si>
  <si>
    <t>12/20/2019 14:33:05</t>
  </si>
  <si>
    <t>135c2f1b-5f73-43ea-8e19-da4415a2f694.tmp</t>
  </si>
  <si>
    <t>\\acsfs\profiles$\layonmof\Downloads\135c2f1b-5f73-43ea-8e19-da4415a2f694.tmp</t>
  </si>
  <si>
    <t>12/20/2019 14:39:41</t>
  </si>
  <si>
    <t>12/20/2019 14:38:16</t>
  </si>
  <si>
    <t>12/20/2019 14:38:46</t>
  </si>
  <si>
    <t>12/20/2019 14:37:19</t>
  </si>
  <si>
    <t>12/20/2019 14:36:09</t>
  </si>
  <si>
    <t>12/20/2019 14:40:41</t>
  </si>
  <si>
    <t>12/20/2019 14:37:38</t>
  </si>
  <si>
    <t>12/20/2019 14:39:50</t>
  </si>
  <si>
    <t>12/20/2019 14:38:05</t>
  </si>
  <si>
    <t>12/20/2019 14:38:56</t>
  </si>
  <si>
    <t>12/20/2019 14:42:41</t>
  </si>
  <si>
    <t>12/20/2019 14:39:16</t>
  </si>
  <si>
    <t>12/20/2019 14:39:17</t>
  </si>
  <si>
    <t>12/20/2019 14:38:08</t>
  </si>
  <si>
    <t>12/20/2019 14:43:42</t>
  </si>
  <si>
    <t>12/20/2019 14:40:14</t>
  </si>
  <si>
    <t>12/20/2019 14:44:41</t>
  </si>
  <si>
    <t>12/20/2019 14:39:19</t>
  </si>
  <si>
    <t>12/20/2019 14:43:19</t>
  </si>
  <si>
    <t>12/20/2019 14:43:38</t>
  </si>
  <si>
    <t>12/20/2019 14:45:42</t>
  </si>
  <si>
    <t>12/20/2019 14:42:19</t>
  </si>
  <si>
    <t>12/20/2019 14:46:41</t>
  </si>
  <si>
    <t>12/20/2019 14:44:40</t>
  </si>
  <si>
    <t>12/20/2019 14:47:42</t>
  </si>
  <si>
    <t>12/20/2019 14:44:50</t>
  </si>
  <si>
    <t>12/20/2019 14:45:51</t>
  </si>
  <si>
    <t>12/20/2019 14:48:41</t>
  </si>
  <si>
    <t>19364_2019.12.20_DEMONSTRATIVO DE FATURAMENTO ELECTROLUCX SAC.xlsx</t>
  </si>
  <si>
    <t>12/20/2019 14:45:19</t>
  </si>
  <si>
    <t>12/20/2019 14:49:42</t>
  </si>
  <si>
    <t>12/20/2019 14:45:11</t>
  </si>
  <si>
    <t>12/20/2019 14:50:41</t>
  </si>
  <si>
    <t>12/20/2019 14:45:28</t>
  </si>
  <si>
    <t>b912377d-413f-44a6-822b-60c3412fde83.tmp</t>
  </si>
  <si>
    <t>\\acsfs\profiles$\fabianafv\Downloads\b912377d-413f-44a6-822b-60c3412fde83.tmp</t>
  </si>
  <si>
    <t>12/20/2019 14:46:29</t>
  </si>
  <si>
    <t>0500b3be-5372-4aee-b9b1-a81d06f497a6.tmp</t>
  </si>
  <si>
    <t>\\acsfs\profiles$\fabianafv\Downloads\0500b3be-5372-4aee-b9b1-a81d06f497a6.tmp</t>
  </si>
  <si>
    <t>12/20/2019 14:46:59</t>
  </si>
  <si>
    <t>a4381523-3ff2-4e63-8495-f519ff570750.tmp</t>
  </si>
  <si>
    <t>\\acsfs\profiles$\fabianafv\Downloads\a4381523-3ff2-4e63-8495-f519ff570750.tmp</t>
  </si>
  <si>
    <t>12/20/2019 14:47:40</t>
  </si>
  <si>
    <t>12/20/2019 14:49:39</t>
  </si>
  <si>
    <t>12/20/2019 14:46:22</t>
  </si>
  <si>
    <t>528226c4-65d3-48d4-a4df-97adb4454ff0.tmp</t>
  </si>
  <si>
    <t>\\acsfs\profiles$\geovannasm\Downloads\528226c4-65d3-48d4-a4df-97adb4454ff0.tmp</t>
  </si>
  <si>
    <t>12/20/2019 14:47:07</t>
  </si>
  <si>
    <t>1cd49019-8cd5-4391-bfcc-cc69557b0b8d.tmp</t>
  </si>
  <si>
    <t>\\acsfs\profiles$\geovannasm\Downloads\1cd49019-8cd5-4391-bfcc-cc69557b0b8d.tmp</t>
  </si>
  <si>
    <t>12/20/2019 14:49:13</t>
  </si>
  <si>
    <t>485db84b-9b4f-47fb-801c-4c2c95c16176.tmp</t>
  </si>
  <si>
    <t>\\acsfs\profiles$\geovannasm\Downloads\485db84b-9b4f-47fb-801c-4c2c95c16176.tmp</t>
  </si>
  <si>
    <t>12/20/2019 14:47:49</t>
  </si>
  <si>
    <t>71ac6fe6-0f08-48c8-9f6e-c184ef53c673.tmp</t>
  </si>
  <si>
    <t>\\acsfs\profiles$\fabianobmf\Downloads\71ac6fe6-0f08-48c8-9f6e-c184ef53c673.tmp</t>
  </si>
  <si>
    <t>12/20/2019 14:47:48</t>
  </si>
  <si>
    <t>12/20/2019 14:51:42</t>
  </si>
  <si>
    <t>12/20/2019 14:48:24</t>
  </si>
  <si>
    <t>12/20/2019 14:52:42</t>
  </si>
  <si>
    <t>12/20/2019 14:48:25</t>
  </si>
  <si>
    <t>lu105321b8ou6.tmp</t>
  </si>
  <si>
    <t>\\acsfs\profiles$\LUCASBS\lu105321b8ou6.tmp</t>
  </si>
  <si>
    <t>\\acsfs\profiles$\LUCASBS\lu105321b8ou6.tmp\</t>
  </si>
  <si>
    <t>\\acsfs\profiles$\LUCASBS\lu105321b8ou6.tmp\META-INF\</t>
  </si>
  <si>
    <t>\\acsfs\profiles$\LUCASBS\lu105321b8ou6.tmp\Thumbnails\</t>
  </si>
  <si>
    <t>12/20/2019 14:50:25</t>
  </si>
  <si>
    <t>\\acsfs\profiles$\Flaviojmm\My Documents\</t>
  </si>
  <si>
    <t>\\acsfs\profiles$\Flaviojmm\My Documents\.~lock.Sem título 1.ods#</t>
  </si>
  <si>
    <t>12/20/2019 14:50:26</t>
  </si>
  <si>
    <t>lu271242pye37.tmp</t>
  </si>
  <si>
    <t>\\acsfs\profiles$\Flaviojmm\My Documents\lu271242pye37.tmp</t>
  </si>
  <si>
    <t>\\acsfs\profiles$\Flaviojmm\My Documents\lu271242pye37.tmp\</t>
  </si>
  <si>
    <t>\\acsfs\profiles$\Flaviojmm\My Documents\lu271242pye37.tmp\META-INF\</t>
  </si>
  <si>
    <t>\\acsfs\profiles$\Flaviojmm\My Documents\lu271242pye37.tmp\Thumbnails\</t>
  </si>
  <si>
    <t>12/20/2019 14:50:09</t>
  </si>
  <si>
    <t>12/20/2019 14:50:30</t>
  </si>
  <si>
    <t>12/20/2019 14:51:13</t>
  </si>
  <si>
    <t>12/20/2019 14:51:15</t>
  </si>
  <si>
    <t>12/20/2019 14:50:21</t>
  </si>
  <si>
    <t>12/20/2019 14:53:42</t>
  </si>
  <si>
    <t>12/20/2019 14:51:12</t>
  </si>
  <si>
    <t>12/20/2019 14:51:41</t>
  </si>
  <si>
    <t>12/20/2019 14:52:11</t>
  </si>
  <si>
    <t>12/20/2019 14:49:19</t>
  </si>
  <si>
    <t>12/20/2019 14:54:42</t>
  </si>
  <si>
    <t>12/20/2019 14:51:19</t>
  </si>
  <si>
    <t>12/20/2019 14:51:40</t>
  </si>
  <si>
    <t>12/20/2019 14:56:42</t>
  </si>
  <si>
    <t>12/20/2019 14:54:54</t>
  </si>
  <si>
    <t>7c63079d-fb14-4fee-b59d-27f4fa24e1b7.tmp</t>
  </si>
  <si>
    <t>\\acsfs\profiles$\erichds\Downloads\7c63079d-fb14-4fee-b59d-27f4fa24e1b7.tmp</t>
  </si>
  <si>
    <t>12/20/2019 14:53:19</t>
  </si>
  <si>
    <t>12/20/2019 14:54:48</t>
  </si>
  <si>
    <t>12/20/2019 14:57:42</t>
  </si>
  <si>
    <t>lu105321b8oub.tmp</t>
  </si>
  <si>
    <t>\\acsfs\profiles$\LUCASBS\lu105321b8oub.tmp</t>
  </si>
  <si>
    <t>\\acsfs\profiles$\LUCASBS\lu105321b8oub.tmp\</t>
  </si>
  <si>
    <t>\\acsfs\profiles$\LUCASBS\lu105321b8oub.tmp\META-INF\</t>
  </si>
  <si>
    <t>\\acsfs\profiles$\LUCASBS\lu105321b8oub.tmp\Thumbnails\</t>
  </si>
  <si>
    <t>12/20/2019 14:53:29</t>
  </si>
  <si>
    <t>lu271242pye3c.tmp</t>
  </si>
  <si>
    <t>\\acsfs\profiles$\Flaviojmm\My Documents\lu271242pye3c.tmp</t>
  </si>
  <si>
    <t>\\acsfs\profiles$\Flaviojmm\My Documents\lu271242pye3c.tmp\</t>
  </si>
  <si>
    <t>\\acsfs\profiles$\Flaviojmm\My Documents\lu271242pye3c.tmp\META-INF\</t>
  </si>
  <si>
    <t>\\acsfs\profiles$\Flaviojmm\My Documents\lu271242pye3c.tmp\Thumbnails\</t>
  </si>
  <si>
    <t>12/20/2019 14:55:00</t>
  </si>
  <si>
    <t>12/20/2019 14:58:42</t>
  </si>
  <si>
    <t>12/20/2019 14:53:30</t>
  </si>
  <si>
    <t>12/20/2019 14:54:10</t>
  </si>
  <si>
    <t>12/20/2019 14:59:42</t>
  </si>
  <si>
    <t>12/20/2019 14:54:20</t>
  </si>
  <si>
    <t>12/20/2019 14:55:05</t>
  </si>
  <si>
    <t>12/20/2019 14:55:19</t>
  </si>
  <si>
    <t>12/20/2019 14:57:19</t>
  </si>
  <si>
    <t>12/20/2019 14:59:36</t>
  </si>
  <si>
    <t>12/20/2019 15:00:41</t>
  </si>
  <si>
    <t>12/20/2019 14:55:29</t>
  </si>
  <si>
    <t>12/20/2019 14:55:38</t>
  </si>
  <si>
    <t>12/20/2019 14:56:34</t>
  </si>
  <si>
    <t>\\acsfs\profiles$\geovanaasa\My Documents\.~lock.Sem título 1.ods#</t>
  </si>
  <si>
    <t>lu851215f1tv.tmp</t>
  </si>
  <si>
    <t>\\acsfs\profiles$\geovanaasa\My Documents\lu851215f1tv.tmp</t>
  </si>
  <si>
    <t>\\acsfs\profiles$\geovanaasa\My Documents\lu851215f1tv.tmp\</t>
  </si>
  <si>
    <t>\\acsfs\profiles$\geovanaasa\My Documents\lu851215f1tv.tmp\META-INF\</t>
  </si>
  <si>
    <t>\\acsfs\profiles$\geovanaasa\My Documents\lu851215f1tv.tmp\Thumbnails\</t>
  </si>
  <si>
    <t>12/20/2019 14:57:02</t>
  </si>
  <si>
    <t>.~lock.geovana.ods#</t>
  </si>
  <si>
    <t>\\acsfs\profiles$\geovanaasa\My Documents\.~lock.geovana.ods#</t>
  </si>
  <si>
    <t>12/20/2019 14:57:03</t>
  </si>
  <si>
    <t>lu851215f1u0.tmp</t>
  </si>
  <si>
    <t>\\acsfs\profiles$\geovanaasa\My Documents\lu851215f1u0.tmp</t>
  </si>
  <si>
    <t>\\acsfs\profiles$\geovanaasa\My Documents\lu851215f1u0.tmp\</t>
  </si>
  <si>
    <t>\\acsfs\profiles$\geovanaasa\My Documents\lu851215f1u0.tmp\META-INF\</t>
  </si>
  <si>
    <t>\\acsfs\profiles$\geovanaasa\My Documents\lu851215f1u0.tmp\Thumbnails\</t>
  </si>
  <si>
    <t>12/20/2019 14:55:56</t>
  </si>
  <si>
    <t>12/20/2019 15:01:42</t>
  </si>
  <si>
    <t>e1c8b2c3-1466-4899-ace4-8a3169ac06f4.tmp</t>
  </si>
  <si>
    <t>\\acsfs\profiles$\erichds\Downloads\e1c8b2c3-1466-4899-ace4-8a3169ac06f4.tmp</t>
  </si>
  <si>
    <t>12/20/2019 14:57:58</t>
  </si>
  <si>
    <t>d274acc5-903b-4f96-b5ba-2c7c1da38a04.tmp</t>
  </si>
  <si>
    <t>\\acsfs\profiles$\erichds\Downloads\d274acc5-903b-4f96-b5ba-2c7c1da38a04.tmp</t>
  </si>
  <si>
    <t>12/20/2019 14:57:50</t>
  </si>
  <si>
    <t>12/20/2019 15:01:03</t>
  </si>
  <si>
    <t>12/20/2019 14:57:01</t>
  </si>
  <si>
    <t>12/20/2019 14:59:00</t>
  </si>
  <si>
    <t>12/20/2019 14:58:39</t>
  </si>
  <si>
    <t>12/20/2019 15:02:42</t>
  </si>
  <si>
    <t>12/20/2019 14:58:49</t>
  </si>
  <si>
    <t>12/20/2019 14:58:58</t>
  </si>
  <si>
    <t>12/20/2019 15:00:01</t>
  </si>
  <si>
    <t>12/20/2019 14:57:57</t>
  </si>
  <si>
    <t>12/20/2019 15:03:42</t>
  </si>
  <si>
    <t>\\acsfs\profiles$\ISABELLEGTDS\Nova pasta\</t>
  </si>
  <si>
    <t>.~lock.isabelle.ods#</t>
  </si>
  <si>
    <t>\\acsfs\profiles$\ISABELLEGTDS\Nova pasta\.~lock.isabelle.ods#</t>
  </si>
  <si>
    <t>lu288362ita2m.tmp</t>
  </si>
  <si>
    <t>\\acsfs\profiles$\ISABELLEGTDS\Nova pasta\lu288362ita2m.tmp</t>
  </si>
  <si>
    <t>\\acsfs\profiles$\ISABELLEGTDS\Nova pasta\lu288362ita2m.tmp\</t>
  </si>
  <si>
    <t>\\acsfs\profiles$\ISABELLEGTDS\Nova pasta\lu288362ita2m.tmp\META-INF\</t>
  </si>
  <si>
    <t>\\acsfs\profiles$\ISABELLEGTDS\Nova pasta\lu288362ita2m.tmp\Thumbnails\</t>
  </si>
  <si>
    <t>12/20/2019 14:57:51</t>
  </si>
  <si>
    <t>Idt_categoria_0.xlsx</t>
  </si>
  <si>
    <t>12/20/2019 15:01:11</t>
  </si>
  <si>
    <t>1fb318c4-ad85-494a-8254-02ac5294215a.tmp</t>
  </si>
  <si>
    <t>\\acsfs\profiles$\gabriellalpr\Downloads\1fb318c4-ad85-494a-8254-02ac5294215a.tmp</t>
  </si>
  <si>
    <t>12/20/2019 14:59:49</t>
  </si>
  <si>
    <t>mail.google.com/sync/u/0/i/s?hl=pt-BR&amp;c=2418</t>
  </si>
  <si>
    <t>12/20/2019 15:00:18</t>
  </si>
  <si>
    <t>mail.google.com/sync/u/0/i/s?hl=pt-BR&amp;c=2422</t>
  </si>
  <si>
    <t>12/20/2019 15:00:57</t>
  </si>
  <si>
    <t>mail.google.com/sync/u/0/i/s?hl=pt-BR&amp;c=2424</t>
  </si>
  <si>
    <t>12/20/2019 14:59:22</t>
  </si>
  <si>
    <t>12/20/2019 15:04:42</t>
  </si>
  <si>
    <t>12/20/2019 15:00:30</t>
  </si>
  <si>
    <t>12/20/2019 15:01:19</t>
  </si>
  <si>
    <t>12/20/2019 15:03:19</t>
  </si>
  <si>
    <t>12/20/2019 15:01:39</t>
  </si>
  <si>
    <t>12/20/2019 15:05:41</t>
  </si>
  <si>
    <t>12/20/2019 15:02:58</t>
  </si>
  <si>
    <t>12/20/2019 15:03:31</t>
  </si>
  <si>
    <t>12/20/2019 15:06:42</t>
  </si>
  <si>
    <t>mail.google.com/_/upload?authuser=0&amp;dcp=asu-n&amp;upload_id=AEnB2UqcwvBk8HK2ZvSY5uBwWl5sLDWfHM9ncmbR1bjsHpzzMdVZW1rHOEG8zLbTLqTEG71mmvYN7Yzc9jYbRncHOd0Fnb_cOptXTh8QOsUjW_3OVhixSSY&amp;upload_protocol=resumable</t>
  </si>
  <si>
    <t>C:\Users\leandrom\Desktop\litigio\</t>
  </si>
  <si>
    <t>Litigio.xlsx</t>
  </si>
  <si>
    <t>12/20/2019 15:01:31</t>
  </si>
  <si>
    <t>23eace30-4c39-4456-b66a-22cb17113a0d.tmp</t>
  </si>
  <si>
    <t>\\acsfs\profiles$\henriqueco\Downloads\23eace30-4c39-4456-b66a-22cb17113a0d.tmp</t>
  </si>
  <si>
    <t>12/20/2019 15:02:46</t>
  </si>
  <si>
    <t>2e9d3309-a892-43a4-bb06-f04467006aa9.tmp</t>
  </si>
  <si>
    <t>\\acsfs\profiles$\henriqueco\Downloads\2e9d3309-a892-43a4-bb06-f04467006aa9.tmp</t>
  </si>
  <si>
    <t>12/20/2019 15:03:09</t>
  </si>
  <si>
    <t>8e00073a-5a30-4160-b911-95b5239f5c81.tmp</t>
  </si>
  <si>
    <t>\\acsfs\profiles$\henriqueco\Downloads\8e00073a-5a30-4160-b911-95b5239f5c81.tmp</t>
  </si>
  <si>
    <t>12/20/2019 15:04:19</t>
  </si>
  <si>
    <t>12/20/2019 15:05:16</t>
  </si>
  <si>
    <t>c021e220-b2c5-48ed-b759-3d6df9038da6.tmp</t>
  </si>
  <si>
    <t>\\acsfs\profiles$\laurandos\Downloads\c021e220-b2c5-48ed-b759-3d6df9038da6.tmp</t>
  </si>
  <si>
    <t>12/20/2019 15:05:58</t>
  </si>
  <si>
    <t>3c15c794-0076-4391-956f-cc89f52c9a97.tmp</t>
  </si>
  <si>
    <t>\\acsfs\profiles$\laurandos\Downloads\3c15c794-0076-4391-956f-cc89f52c9a97.tmp</t>
  </si>
  <si>
    <t>12/20/2019 15:02:25</t>
  </si>
  <si>
    <t>12/20/2019 15:05:02</t>
  </si>
  <si>
    <t>12/20/2019 15:07:43</t>
  </si>
  <si>
    <t>12/20/2019 15:04:43</t>
  </si>
  <si>
    <t>12/20/2019 15:06:38</t>
  </si>
  <si>
    <t>12/20/2019 15:06:39</t>
  </si>
  <si>
    <t>lu105321b8ouk.tmp</t>
  </si>
  <si>
    <t>\\acsfs\profiles$\LUCASBS\lu105321b8ouk.tmp</t>
  </si>
  <si>
    <t>\\acsfs\profiles$\LUCASBS\lu105321b8ouk.tmp\</t>
  </si>
  <si>
    <t>\\acsfs\profiles$\LUCASBS\lu105321b8ouk.tmp\META-INF\</t>
  </si>
  <si>
    <t>\\acsfs\profiles$\LUCASBS\lu105321b8ouk.tmp\Thumbnails\</t>
  </si>
  <si>
    <t>12/20/2019 15:03:11</t>
  </si>
  <si>
    <t>\\acsfs\profiles$\fabianafv\My Documents\.~lock.Sem título 1.ods#</t>
  </si>
  <si>
    <t>lu139241973t.tmp</t>
  </si>
  <si>
    <t>\\acsfs\profiles$\fabianafv\My Documents\lu139241973t.tmp</t>
  </si>
  <si>
    <t>\\acsfs\profiles$\fabianafv\My Documents\lu139241973t.tmp\</t>
  </si>
  <si>
    <t>12/20/2019 15:03:12</t>
  </si>
  <si>
    <t>\\acsfs\profiles$\fabianafv\My Documents\lu139241973t.tmp\META-INF\</t>
  </si>
  <si>
    <t>\\acsfs\profiles$\fabianafv\My Documents\lu139241973t.tmp\Thumbnails\</t>
  </si>
  <si>
    <t>12/20/2019 15:04:13</t>
  </si>
  <si>
    <t>12/20/2019 15:03:16</t>
  </si>
  <si>
    <t>12/20/2019 15:08:42</t>
  </si>
  <si>
    <t>81962f45-cfb6-49d4-aca3-11ebdf8eb68c.tmp</t>
  </si>
  <si>
    <t>\\acsfs\profiles$\layonmof\Downloads\81962f45-cfb6-49d4-aca3-11ebdf8eb68c.tmp</t>
  </si>
  <si>
    <t>12/20/2019 15:06:23</t>
  </si>
  <si>
    <t>ad0b9e87-eccc-45be-8848-b26530804119.tmp</t>
  </si>
  <si>
    <t>\\acsfs\profiles$\layonmof\Downloads\ad0b9e87-eccc-45be-8848-b26530804119.tmp</t>
  </si>
  <si>
    <t>12/20/2019 15:06:25</t>
  </si>
  <si>
    <t>12/20/2019 15:06:32</t>
  </si>
  <si>
    <t>12/20/2019 15:06:26</t>
  </si>
  <si>
    <t>C:\Users\karlosgc\Dropbox\NB-AlgarTech\ITSM\tco\</t>
  </si>
  <si>
    <t>TCO Plataformas de Negócio - Catálogo.xlsx</t>
  </si>
  <si>
    <t>12/20/2019 15:03:27</t>
  </si>
  <si>
    <t>mail.google.com/sync/u/0/i/s?hl=pt-BR&amp;c=2429</t>
  </si>
  <si>
    <t>12/20/2019 15:04:10</t>
  </si>
  <si>
    <t>mail.google.com/sync/u/0/i/s?hl=pt-BR&amp;c=2432</t>
  </si>
  <si>
    <t>12/20/2019 15:04:22</t>
  </si>
  <si>
    <t>mail.google.com/sync/u/0/i/s?hl=pt-BR&amp;c=2435</t>
  </si>
  <si>
    <t>12/20/2019 15:04:28</t>
  </si>
  <si>
    <t>mail.google.com/sync/u/0/i/s?hl=pt-BR&amp;c=2437</t>
  </si>
  <si>
    <t>12/20/2019 15:04:38</t>
  </si>
  <si>
    <t>mail.google.com/sync/u/0/i/s?hl=pt-BR&amp;c=2439</t>
  </si>
  <si>
    <t>anapn@algartech.com</t>
  </si>
  <si>
    <t>12/20/2019 15:06:31</t>
  </si>
  <si>
    <t>12/20/2019 15:03:54</t>
  </si>
  <si>
    <t>12/20/2019 15:09:43</t>
  </si>
  <si>
    <t>12/20/2019 15:04:24</t>
  </si>
  <si>
    <t>12/20/2019 15:07:19</t>
  </si>
  <si>
    <t>12/20/2019 15:07:25</t>
  </si>
  <si>
    <t>12/20/2019 15:04:52</t>
  </si>
  <si>
    <t>12/20/2019 15:10:42</t>
  </si>
  <si>
    <t>mail.google.com/_/upload?authuser=0&amp;dcp=asu-n&amp;upload_id=AEnB2UpMnGFyZHl_zHwlP01PQ8TFNCH07HYvJJWkJFpod6knHjaG6pB39oLqi_itMtVLwNkHe5p2Bp2FSD8v5bjFBtoymEGdjn1h2r2vZbmO4sxu-g66E38&amp;upload_protocol=resumable</t>
  </si>
  <si>
    <t>gilmarpf@algartech.com;senildapdo@algartecnologia.com.br;viniciussg@algartech.com;</t>
  </si>
  <si>
    <t>Informações Avon 2020 - Alinhado.xlsx</t>
  </si>
  <si>
    <t>gilmarpf@algartech.com,senildapdo@algartecnologia.com.br,viniciussg@algartech.com</t>
  </si>
  <si>
    <t>12/20/2019 15:07:38</t>
  </si>
  <si>
    <t>12/20/2019 15:09:20</t>
  </si>
  <si>
    <t>12/20/2019 15:11:43</t>
  </si>
  <si>
    <t>12/20/2019 15:09:48</t>
  </si>
  <si>
    <t>12/20/2019 15:06:56</t>
  </si>
  <si>
    <t>12/20/2019 15:11:29</t>
  </si>
  <si>
    <t>12/20/2019 15:07:03</t>
  </si>
  <si>
    <t>6a79f77e-4098-405f-9672-aeee29da1051.tmp</t>
  </si>
  <si>
    <t>\\acsfs\profiles$\fabianafv\Downloads\6a79f77e-4098-405f-9672-aeee29da1051.tmp</t>
  </si>
  <si>
    <t>12/20/2019 15:10:09</t>
  </si>
  <si>
    <t>12/20/2019 15:09:45</t>
  </si>
  <si>
    <t>12/20/2019 15:12:42</t>
  </si>
  <si>
    <t>12/20/2019 15:09:53</t>
  </si>
  <si>
    <t>12/20/2019 15:10:00</t>
  </si>
  <si>
    <t>12/20/2019 15:10:45</t>
  </si>
  <si>
    <t>12/20/2019 15:13:42</t>
  </si>
  <si>
    <t>12/20/2019 15:10:46</t>
  </si>
  <si>
    <t>lu288362ita2v.tmp</t>
  </si>
  <si>
    <t>\\acsfs\profiles$\ISABELLEGTDS\Nova pasta\lu288362ita2v.tmp</t>
  </si>
  <si>
    <t>\\acsfs\profiles$\ISABELLEGTDS\Nova pasta\lu288362ita2v.tmp\</t>
  </si>
  <si>
    <t>\\acsfs\profiles$\ISABELLEGTDS\Nova pasta\lu288362ita2v.tmp\META-INF\</t>
  </si>
  <si>
    <t>\\acsfs\profiles$\ISABELLEGTDS\Nova pasta\lu288362ita2v.tmp\Thumbnails\</t>
  </si>
  <si>
    <t>12/20/2019 15:10:52</t>
  </si>
  <si>
    <t>12/20/2019 15:10:53</t>
  </si>
  <si>
    <t>lu288362ita30.tmp</t>
  </si>
  <si>
    <t>\\acsfs\profiles$\ISABELLEGTDS\Nova pasta\lu288362ita30.tmp</t>
  </si>
  <si>
    <t>\\acsfs\profiles$\ISABELLEGTDS\Nova pasta\lu288362ita30.tmp\</t>
  </si>
  <si>
    <t>\\acsfs\profiles$\ISABELLEGTDS\Nova pasta\lu288362ita30.tmp\META-INF\</t>
  </si>
  <si>
    <t>\\acsfs\profiles$\ISABELLEGTDS\Nova pasta\lu288362ita30.tmp\Thumbnails\</t>
  </si>
  <si>
    <t>12/20/2019 15:11:03</t>
  </si>
  <si>
    <t>12/20/2019 15:11:04</t>
  </si>
  <si>
    <t>lu288362ita35.tmp</t>
  </si>
  <si>
    <t>\\acsfs\profiles$\ISABELLEGTDS\Nova pasta\lu288362ita35.tmp</t>
  </si>
  <si>
    <t>\\acsfs\profiles$\ISABELLEGTDS\Nova pasta\lu288362ita35.tmp\</t>
  </si>
  <si>
    <t>\\acsfs\profiles$\ISABELLEGTDS\Nova pasta\lu288362ita35.tmp\META-INF\</t>
  </si>
  <si>
    <t>\\acsfs\profiles$\ISABELLEGTDS\Nova pasta\lu288362ita35.tmp\Thumbnails\</t>
  </si>
  <si>
    <t>12/20/2019 15:11:33</t>
  </si>
  <si>
    <t>12/20/2019 15:13:27</t>
  </si>
  <si>
    <t>12/20/2019 15:14:42</t>
  </si>
  <si>
    <t>12/20/2019 15:09:19</t>
  </si>
  <si>
    <t>12/20/2019 15:13:19</t>
  </si>
  <si>
    <t>12/20/2019 15:11:34</t>
  </si>
  <si>
    <t>12/20/2019 15:15:42</t>
  </si>
  <si>
    <t>12/20/2019 15:11:35</t>
  </si>
  <si>
    <t>lu851215f1u9.tmp</t>
  </si>
  <si>
    <t>\\acsfs\profiles$\geovanaasa\My Documents\lu851215f1u9.tmp</t>
  </si>
  <si>
    <t>\\acsfs\profiles$\geovanaasa\My Documents\lu851215f1u9.tmp\</t>
  </si>
  <si>
    <t>\\acsfs\profiles$\geovanaasa\My Documents\lu851215f1u9.tmp\META-INF\</t>
  </si>
  <si>
    <t>\\acsfs\profiles$\geovanaasa\My Documents\lu851215f1u9.tmp\Thumbnails\</t>
  </si>
  <si>
    <t>12/20/2019 15:13:38</t>
  </si>
  <si>
    <t>12/20/2019 15:11:07</t>
  </si>
  <si>
    <t>12/20/2019 15:15:24</t>
  </si>
  <si>
    <t>cf5d80b0-1cee-4077-8a85-fb2a547a1278.tmp</t>
  </si>
  <si>
    <t>\\acsfs\profiles$\gabrielarb\Downloads\cf5d80b0-1cee-4077-8a85-fb2a547a1278.tmp</t>
  </si>
  <si>
    <t>12/20/2019 15:14:08</t>
  </si>
  <si>
    <t>12/20/2019 15:16:41</t>
  </si>
  <si>
    <t>0f9d4058-9b39-4e62-a4d6-40e041472ab6.tmp</t>
  </si>
  <si>
    <t>\\acsfs\profiles$\paulovadc\Downloads\0f9d4058-9b39-4e62-a4d6-40e041472ab6.tmp</t>
  </si>
  <si>
    <t>12/20/2019 15:14:29</t>
  </si>
  <si>
    <t>12/20/2019 15:17:42</t>
  </si>
  <si>
    <t>12/20/2019 15:12:00</t>
  </si>
  <si>
    <t>12/20/2019 15:13:09</t>
  </si>
  <si>
    <t>12/20/2019 15:13:37</t>
  </si>
  <si>
    <t>lu105321b8oup.tmp</t>
  </si>
  <si>
    <t>\\acsfs\profiles$\LUCASBS\lu105321b8oup.tmp</t>
  </si>
  <si>
    <t>\\acsfs\profiles$\LUCASBS\lu105321b8oup.tmp\</t>
  </si>
  <si>
    <t>\\acsfs\profiles$\LUCASBS\lu105321b8oup.tmp\META-INF\</t>
  </si>
  <si>
    <t>\\acsfs\profiles$\LUCASBS\lu105321b8oup.tmp\Thumbnails\</t>
  </si>
  <si>
    <t>12/20/2019 15:12:33</t>
  </si>
  <si>
    <t>lu271242pye3n.tmp</t>
  </si>
  <si>
    <t>\\acsfs\profiles$\Flaviojmm\My Documents\lu271242pye3n.tmp</t>
  </si>
  <si>
    <t>\\acsfs\profiles$\Flaviojmm\My Documents\lu271242pye3n.tmp\</t>
  </si>
  <si>
    <t>\\acsfs\profiles$\Flaviojmm\My Documents\lu271242pye3n.tmp\META-INF\</t>
  </si>
  <si>
    <t>12/20/2019 15:12:34</t>
  </si>
  <si>
    <t>\\acsfs\profiles$\Flaviojmm\My Documents\lu271242pye3n.tmp\Thumbnails\</t>
  </si>
  <si>
    <t>12/20/2019 15:15:09</t>
  </si>
  <si>
    <t>12/20/2019 15:13:57</t>
  </si>
  <si>
    <t>12/20/2019 15:19:42</t>
  </si>
  <si>
    <t>12/20/2019 15:14:27</t>
  </si>
  <si>
    <t>12/20/2019 15:15:18</t>
  </si>
  <si>
    <t>12/20/2019 15:15:19</t>
  </si>
  <si>
    <t>lu18464116gu1.tmp</t>
  </si>
  <si>
    <t>\\acsfs\profiles$\CLAUDIAJCA\lu18464116gu1.tmp</t>
  </si>
  <si>
    <t>\\acsfs\profiles$\CLAUDIAJCA\lu18464116gu1.tmp\</t>
  </si>
  <si>
    <t>\\acsfs\profiles$\CLAUDIAJCA\lu18464116gu1.tmp\META-INF\</t>
  </si>
  <si>
    <t>\\acsfs\profiles$\CLAUDIAJCA\lu18464116gu1.tmp\Thumbnails\</t>
  </si>
  <si>
    <t>12/20/2019 15:15:30</t>
  </si>
  <si>
    <t>c74c5749-17aa-4f8c-a071-8f9f7bc3c310.tmp</t>
  </si>
  <si>
    <t>\\acsfs\profiles$\gabrielamdp\Downloads\c74c5749-17aa-4f8c-a071-8f9f7bc3c310.tmp</t>
  </si>
  <si>
    <t>12/20/2019 15:16:46</t>
  </si>
  <si>
    <t>12/20/2019 15:20:41</t>
  </si>
  <si>
    <t>12/20/2019 15:17:36</t>
  </si>
  <si>
    <t>12/20/2019 15:18:32</t>
  </si>
  <si>
    <t>12/20/2019 15:19:38</t>
  </si>
  <si>
    <t>12/20/2019 15:20:16</t>
  </si>
  <si>
    <t>12/20/2019 15:23:42</t>
  </si>
  <si>
    <t>XLOG_vanessacgs_20122019_081802.log</t>
  </si>
  <si>
    <t>\\acsfs\profiles$\vanessacgs\My Documents\xworkcenter\logs\XLOG_vanessacgs_20122019_081802.log</t>
  </si>
  <si>
    <t>12/20/2019 15:23:09</t>
  </si>
  <si>
    <t>12/20/2019 15:23:00</t>
  </si>
  <si>
    <t>12/20/2019 15:24:41</t>
  </si>
  <si>
    <t>12/20/2019 15:23:30</t>
  </si>
  <si>
    <t>12/20/2019 15:19:20</t>
  </si>
  <si>
    <t>12/20/2019 15:20:28</t>
  </si>
  <si>
    <t>12/20/2019 15:20:29</t>
  </si>
  <si>
    <t>12/20/2019 15:20:30</t>
  </si>
  <si>
    <t>12/20/2019 15:20:32</t>
  </si>
  <si>
    <t>12/20/2019 15:20:33</t>
  </si>
  <si>
    <t>12/20/2019 15:20:34</t>
  </si>
  <si>
    <t>12/20/2019 15:20:35</t>
  </si>
  <si>
    <t>12/20/2019 15:20:36</t>
  </si>
  <si>
    <t>12/20/2019 15:20:37</t>
  </si>
  <si>
    <t>12/20/2019 15:20:39</t>
  </si>
  <si>
    <t>12/20/2019 15:20:40</t>
  </si>
  <si>
    <t>12/20/2019 15:20:42</t>
  </si>
  <si>
    <t>12/20/2019 15:20:43</t>
  </si>
  <si>
    <t>12/20/2019 15:20:44</t>
  </si>
  <si>
    <t>12/20/2019 15:20:45</t>
  </si>
  <si>
    <t>12/20/2019 15:20:54</t>
  </si>
  <si>
    <t>f760f560-2eae-4f4c-b357-c1756f07d701.tmp</t>
  </si>
  <si>
    <t>\\acsfs\profiles$\gabrielamdp\Downloads\f760f560-2eae-4f4c-b357-c1756f07d701.tmp</t>
  </si>
  <si>
    <t>12/20/2019 15:21:04</t>
  </si>
  <si>
    <t>12/20/2019 15:23:07</t>
  </si>
  <si>
    <t>12/20/2019 15:25:42</t>
  </si>
  <si>
    <t>Metas Incrementais 2020 Latam 17-12.xlsx</t>
  </si>
  <si>
    <t>12/20/2019 15:23:02</t>
  </si>
  <si>
    <t>12/20/2019 15:26:41</t>
  </si>
  <si>
    <t>12/20/2019 15:22:15</t>
  </si>
  <si>
    <t>12/20/2019 15:24:26</t>
  </si>
  <si>
    <t>12/20/2019 15:27:42</t>
  </si>
  <si>
    <t>12/20/2019 15:25:05</t>
  </si>
  <si>
    <t>12/20/2019 15:28:41</t>
  </si>
  <si>
    <t>12/20/2019 15:25:48</t>
  </si>
  <si>
    <t>12/20/2019 15:25:51</t>
  </si>
  <si>
    <t>12/20/2019 15:25:53</t>
  </si>
  <si>
    <t>12/20/2019 15:25:54</t>
  </si>
  <si>
    <t>12/20/2019 15:25:56</t>
  </si>
  <si>
    <t>12/20/2019 15:25:59</t>
  </si>
  <si>
    <t>12/20/2019 15:26:00</t>
  </si>
  <si>
    <t>12/20/2019 15:26:02</t>
  </si>
  <si>
    <t>12/20/2019 15:26:04</t>
  </si>
  <si>
    <t>12/20/2019 15:26:07</t>
  </si>
  <si>
    <t>12/20/2019 15:26:09</t>
  </si>
  <si>
    <t>12/20/2019 15:26:11</t>
  </si>
  <si>
    <t>12/20/2019 15:26:12</t>
  </si>
  <si>
    <t>12/20/2019 15:26:14</t>
  </si>
  <si>
    <t>12/20/2019 15:26:15</t>
  </si>
  <si>
    <t>12/20/2019 15:26:16</t>
  </si>
  <si>
    <t>12/20/2019 15:26:17</t>
  </si>
  <si>
    <t>12/20/2019 15:26:19</t>
  </si>
  <si>
    <t>12/20/2019 15:26:20</t>
  </si>
  <si>
    <t>12/20/2019 15:26:21</t>
  </si>
  <si>
    <t>12/20/2019 15:26:22</t>
  </si>
  <si>
    <t>12/20/2019 15:26:23</t>
  </si>
  <si>
    <t>12/20/2019 15:26:24</t>
  </si>
  <si>
    <t>12/20/2019 15:26:25</t>
  </si>
  <si>
    <t>12/20/2019 15:26:27</t>
  </si>
  <si>
    <t>12/20/2019 15:26:29</t>
  </si>
  <si>
    <t>12/20/2019 15:26:31</t>
  </si>
  <si>
    <t>12/20/2019 15:26:32</t>
  </si>
  <si>
    <t>12/20/2019 15:26:33</t>
  </si>
  <si>
    <t>12/20/2019 15:26:34</t>
  </si>
  <si>
    <t>12/20/2019 15:26:35</t>
  </si>
  <si>
    <t>12/20/2019 15:26:36</t>
  </si>
  <si>
    <t>12/20/2019 15:26:37</t>
  </si>
  <si>
    <t>12/20/2019 15:26:38</t>
  </si>
  <si>
    <t>12/20/2019 15:26:39</t>
  </si>
  <si>
    <t>12/20/2019 15:26:40</t>
  </si>
  <si>
    <t>12/20/2019 15:26:43</t>
  </si>
  <si>
    <t>12/20/2019 15:26:44</t>
  </si>
  <si>
    <t>12/20/2019 15:27:06</t>
  </si>
  <si>
    <t>12/20/2019 15:25:20</t>
  </si>
  <si>
    <t>12/20/2019 15:29:41</t>
  </si>
  <si>
    <t>12/20/2019 15:26:03</t>
  </si>
  <si>
    <t>12/20/2019 15:30:42</t>
  </si>
  <si>
    <t>mail.google.com/_/upload?authuser=0&amp;dcp=asu-n&amp;upload_id=AEnB2UoIEYnURyLgZ4z2c-qnI1RSq6ydcUC7FB0qqGuvuk4zCWTGBiR-S7l9Tm2foPCSaSLukqv68ghLNFlKOx-NREqm-KIqqoos5kFIktA4AnkS55e8qFg&amp;upload_protocol=resumable</t>
  </si>
  <si>
    <t>Volumetria Avon_Rose.xlsx</t>
  </si>
  <si>
    <t>12/20/2019 15:28:30</t>
  </si>
  <si>
    <t>12/20/2019 15:25:39</t>
  </si>
  <si>
    <t>12/20/2019 15:27:30</t>
  </si>
  <si>
    <t>c:\users\raicdf\downloads\</t>
  </si>
  <si>
    <t>farol nr-17 - 39ª parcial 2019.xlsb</t>
  </si>
  <si>
    <t>12/20/2019 15:30:00</t>
  </si>
  <si>
    <t>12/20/2019 15:30:14</t>
  </si>
  <si>
    <t>12/20/2019 15:30:25</t>
  </si>
  <si>
    <t>12/20/2019 15:30:27</t>
  </si>
  <si>
    <t>12/20/2019 15:28:21</t>
  </si>
  <si>
    <t>12/20/2019 15:31:41</t>
  </si>
  <si>
    <t>XLOG_marcosvnds_20122019_105014.log</t>
  </si>
  <si>
    <t>\\acsfs\profiles$\marcosvnds\My Documents\xworkcenter\logs\XLOG_marcosvnds_20122019_105014.log</t>
  </si>
  <si>
    <t>12/20/2019 15:32:03</t>
  </si>
  <si>
    <t>12/20/2019 15:33:41</t>
  </si>
  <si>
    <t>6f873759-ee1b-4afd-bb38-c8fce0aa5335.tmp</t>
  </si>
  <si>
    <t>\\acsfs\profiles$\websondsa\Downloads\6f873759-ee1b-4afd-bb38-c8fce0aa5335.tmp</t>
  </si>
  <si>
    <t>12/20/2019 15:29:15</t>
  </si>
  <si>
    <t>12/20/2019 15:29:30</t>
  </si>
  <si>
    <t>12/20/2019 15:29:39</t>
  </si>
  <si>
    <t>12/20/2019 15:29:42</t>
  </si>
  <si>
    <t>12/20/2019 15:29:49</t>
  </si>
  <si>
    <t>12/20/2019 15:29:50</t>
  </si>
  <si>
    <t>12/20/2019 15:29:51</t>
  </si>
  <si>
    <t>12/20/2019 15:29:55</t>
  </si>
  <si>
    <t>12/20/2019 15:29:56</t>
  </si>
  <si>
    <t>12/20/2019 15:30:06</t>
  </si>
  <si>
    <t>12/20/2019 15:30:09</t>
  </si>
  <si>
    <t>12/20/2019 15:30:10</t>
  </si>
  <si>
    <t>12/20/2019 15:30:12</t>
  </si>
  <si>
    <t>12/20/2019 15:30:13</t>
  </si>
  <si>
    <t>12/20/2019 15:30:16</t>
  </si>
  <si>
    <t>12/20/2019 15:30:20</t>
  </si>
  <si>
    <t>12/20/2019 15:30:21</t>
  </si>
  <si>
    <t>12/20/2019 15:30:29</t>
  </si>
  <si>
    <t>12/20/2019 15:30:54</t>
  </si>
  <si>
    <t>12/20/2019 15:30:55</t>
  </si>
  <si>
    <t>12/20/2019 15:30:56</t>
  </si>
  <si>
    <t>12/20/2019 15:31:01</t>
  </si>
  <si>
    <t>12/20/2019 15:31:03</t>
  </si>
  <si>
    <t>12/20/2019 15:31:04</t>
  </si>
  <si>
    <t>12/20/2019 15:31:06</t>
  </si>
  <si>
    <t>12/20/2019 15:31:08</t>
  </si>
  <si>
    <t>12/20/2019 15:31:10</t>
  </si>
  <si>
    <t>12/20/2019 15:31:12</t>
  </si>
  <si>
    <t>12/20/2019 15:31:13</t>
  </si>
  <si>
    <t>12/20/2019 15:31:14</t>
  </si>
  <si>
    <t>12/20/2019 15:31:16</t>
  </si>
  <si>
    <t>12/20/2019 15:31:17</t>
  </si>
  <si>
    <t>12/20/2019 15:31:20</t>
  </si>
  <si>
    <t>12/20/2019 15:31:22</t>
  </si>
  <si>
    <t>12/20/2019 15:31:24</t>
  </si>
  <si>
    <t>12/20/2019 15:31:25</t>
  </si>
  <si>
    <t>12/20/2019 15:31:26</t>
  </si>
  <si>
    <t>12/20/2019 15:31:27</t>
  </si>
  <si>
    <t>12/20/2019 15:31:28</t>
  </si>
  <si>
    <t>12/20/2019 15:31:30</t>
  </si>
  <si>
    <t>12/20/2019 15:31:32</t>
  </si>
  <si>
    <t>12/20/2019 15:34:41</t>
  </si>
  <si>
    <t>12/20/2019 15:32:20</t>
  </si>
  <si>
    <t>12/20/2019 15:33:32</t>
  </si>
  <si>
    <t>mail.google.com/_/upload?authuser=0&amp;dcp=asu-n&amp;upload_id=AEnB2Uo5Dsw2KMzU9HQz9TNsaPjXudDE-6CCKUWQw7ncfxi7X10nJHdD5cj1Ex9kCULTtLX82YV5unuv-XhCkgHcHNPge7RVeQ&amp;upload_protocol=resumable</t>
  </si>
  <si>
    <t>CPF 03689755921 - OPERADOR EDICARLOS DIAS LIMA_1_6765970807353063554_1_32.wav</t>
  </si>
  <si>
    <t>\\acsfs\Deptos\EDUCACAO EMPRESARIAL\KÉSIA\OUVIDORIA, PROCON, BACEN E RECLAME AQUI\CPF 03689755921 - OPERADOR EDICARLOS DIAS LIMA_1_6765970807353063554_1_32.wav</t>
  </si>
  <si>
    <t>bvs-centralcartoes@bv.com.br;cintia.souza-domingues@dxc.com;eduardo.santana@bv.com.br;fernandaab@algartech.com;fernandorsju@algartech.com;marianacds@algartech.com;marianeps@algartech.com;severinojfds@algartech.com;talmaiardo@algartech.com;thiagordu@algartech.com;</t>
  </si>
  <si>
    <t>bvs-centralcartoes@bv.com.br,cintia.souza-domingues@dxc.com,eduardo.santana@bv.com.br,fernandaab@algartech.com,fernandorsju@algartech.com,marianacds@algartech.com,marianeps@algartech.com,severinojfds@algartech.com,talmaiardo@algartech.com,thiagordu@algartech.com</t>
  </si>
  <si>
    <t>12/20/2019 15:32:07</t>
  </si>
  <si>
    <t>12/20/2019 15:32:10</t>
  </si>
  <si>
    <t>12/20/2019 15:32:30</t>
  </si>
  <si>
    <t>mail.google.com/sync/u/0/i/s?hl=pt-BR&amp;c=296</t>
  </si>
  <si>
    <t>12/20/2019 15:32:36</t>
  </si>
  <si>
    <t>mail.google.com/sync/u/0/i/s?hl=pt-BR&amp;c=298</t>
  </si>
  <si>
    <t>12/20/2019 15:32:48</t>
  </si>
  <si>
    <t>mail.google.com/sync/u/0/i/s?hl=pt-BR&amp;c=300</t>
  </si>
  <si>
    <t>12/20/2019 15:33:13</t>
  </si>
  <si>
    <t>CPF_ 036.897.559-21 RUBENS ANTONIO DE OLIVEIRA JUNIOR.pdf</t>
  </si>
  <si>
    <t>\\acsfs\Deptos\EDUCACAO EMPRESARIAL\KÉSIA\OUVIDORIA, PROCON, BACEN E RECLAME AQUI\CPF_ 036.897.559-21 RUBENS ANTONIO DE OLIVEIRA JUNIOR.pdf</t>
  </si>
  <si>
    <t>\\acsfs\Deptos\EDUCACAO EMPRESARIAL\KÉSIA\OUVIDORIA, PROCON, BACEN E RECLAME AQUI\CPF_ 036.897.559-21 RUBENS ANTONIO DE OLIVEIRA JUNIOR.pdf\</t>
  </si>
  <si>
    <t>\\acsfs\Deptos\EDUCACAO EMPRESARIAL\KÉSIA\OUVIDORIA, PROCON, BACEN E RECLAME AQUI\CPF_ 036.897.559-21 RUBENS ANTONIO DE OLIVEIRA JUNIOR.pdf\:Zone.Identifier:$DATA</t>
  </si>
  <si>
    <t>12/20/2019 15:33:18</t>
  </si>
  <si>
    <t>12/20/2019 15:33:22</t>
  </si>
  <si>
    <t>mail.google.com/_/upload?authuser=0&amp;dcp=asu-n&amp;upload_id=AEnB2Upno1y9XnQcVXTeEPzX2DtONk19UF1zUMI_yYeWrxPyTX6IITBCvcNENmKV5QHdJoJKvjcFFNIJSV-Fwb7r7__4WAZCzdfwPXXZMmQkcSkYDCEQth0&amp;upload_protocol=resumable</t>
  </si>
  <si>
    <t>12/20/2019 15:31:38</t>
  </si>
  <si>
    <t>12/20/2019 15:35:41</t>
  </si>
  <si>
    <t>12/20/2019 15:33:51</t>
  </si>
  <si>
    <t>12/20/2019 15:32:28</t>
  </si>
  <si>
    <t>12/20/2019 15:36:41</t>
  </si>
  <si>
    <t>\\acsfs\DEPTOS\Operacao\Banco_Votorantim\Qualidade\Anderson\Jose\Atualizado\</t>
  </si>
  <si>
    <t>Relatorio de Vendas - Auditoria BV Cartoes (Dezembro).xlsx</t>
  </si>
  <si>
    <t>\\acsfs\DEPTOS\Operacao\Banco_Votorantim\Qualidade\Anderson\Jose\Atualizado\Relatorio de Vendas - Auditoria BV Cartoes (Dezembro).xlsx</t>
  </si>
  <si>
    <t>12/20/2019 15:33:33</t>
  </si>
  <si>
    <t>12/20/2019 15:33:50</t>
  </si>
  <si>
    <t>Relatorio de Vendas - Auditoria BV Cartoes (Dezembro) 12.xlsx</t>
  </si>
  <si>
    <t>\\acsfs\DEPTOS\Operacao\Banco_Votorantim\Qualidade\Anderson\Jose\Atualizado\Relatorio de Vendas - Auditoria BV Cartoes (Dezembro) 12.xlsx</t>
  </si>
  <si>
    <t>12/20/2019 15:35:29</t>
  </si>
  <si>
    <t>12/20/2019 15:37:41</t>
  </si>
  <si>
    <t>12/20/2019 15:33:42</t>
  </si>
  <si>
    <t>12/20/2019 15:38:41</t>
  </si>
  <si>
    <t>eduardo.santana@bv.com.br;marianeps@algartech.com;mirianppb@algartech.com;thiagordu@algartech.com;</t>
  </si>
  <si>
    <t>eduardo.santana@bv.com.br,marianeps@algartech.com,mirianppb@algartech.com,thiagordu@algartech.com</t>
  </si>
  <si>
    <t>12/20/2019 15:34:42</t>
  </si>
  <si>
    <t>29366bbe-7f4f-49b8-8f93-e831af63a81f.tmp</t>
  </si>
  <si>
    <t>\\acsfs\profiles$\erichds\Downloads\29366bbe-7f4f-49b8-8f93-e831af63a81f.tmp</t>
  </si>
  <si>
    <t>12/20/2019 15:37:20</t>
  </si>
  <si>
    <t>12/20/2019 15:39:41</t>
  </si>
  <si>
    <t>12/20/2019 15:38:20</t>
  </si>
  <si>
    <t>12/20/2019 15:36:48</t>
  </si>
  <si>
    <t>12/20/2019 15:40:41</t>
  </si>
  <si>
    <t>3adbc84e-5931-4c35-bc14-381725a01976.tmp</t>
  </si>
  <si>
    <t>\\acsfs\profiles$\geovannasm\Downloads\3adbc84e-5931-4c35-bc14-381725a01976.tmp</t>
  </si>
  <si>
    <t>12/20/2019 15:37:39</t>
  </si>
  <si>
    <t>12/20/2019 15:39:42</t>
  </si>
  <si>
    <t>12/20/2019 15:41:41</t>
  </si>
  <si>
    <t>Relatorio de Vendas - Auditoria BV Cartoes (Dezembro) 3.xlsx</t>
  </si>
  <si>
    <t>\\acsfs\DEPTOS\Operacao\Banco_Votorantim\Qualidade\Anderson\Jose\Atualizado\Relatorio de Vendas - Auditoria BV Cartoes (Dezembro) 3.xlsx</t>
  </si>
  <si>
    <t>12/20/2019 15:40:14</t>
  </si>
  <si>
    <t>12/20/2019 15:40:40</t>
  </si>
  <si>
    <t>Relatorio de Vendas - Auditoria BV Cartoes (Dezembro) 5.xlsx</t>
  </si>
  <si>
    <t>\\acsfs\DEPTOS\Operacao\Banco_Votorantim\Qualidade\Anderson\Jose\Atualizado\Relatorio de Vendas - Auditoria BV Cartoes (Dezembro) 5.xlsx</t>
  </si>
  <si>
    <t>12/20/2019 15:40:56</t>
  </si>
  <si>
    <t>12/20/2019 15:38:59</t>
  </si>
  <si>
    <t>12/20/2019 15:43:41</t>
  </si>
  <si>
    <t>7fc1f24e-f196-40d2-986e-beb6d843d74c.tmp</t>
  </si>
  <si>
    <t>\\acsfs\profiles$\erichds\Downloads\7fc1f24e-f196-40d2-986e-beb6d843d74c.tmp</t>
  </si>
  <si>
    <t>12/20/2019 15:40:11</t>
  </si>
  <si>
    <t>12/20/2019 15:44:41</t>
  </si>
  <si>
    <t>12/20/2019 15:41:54</t>
  </si>
  <si>
    <t>12/20/2019 15:42:18</t>
  </si>
  <si>
    <t>12/20/2019 15:42:39</t>
  </si>
  <si>
    <t>$ILXHBFI.txt</t>
  </si>
  <si>
    <t>\\acsfs\profiles$\thaynaracsl\My Documents\$RECYCLE.BIN\$ILXHBFI.txt</t>
  </si>
  <si>
    <t>12/20/2019 15:42:49</t>
  </si>
  <si>
    <t>$IZ8V99N.txt</t>
  </si>
  <si>
    <t>\\acsfs\profiles$\thaynaracsl\My Documents\$RECYCLE.BIN\$IZ8V99N.txt</t>
  </si>
  <si>
    <t>12/20/2019 15:42:37</t>
  </si>
  <si>
    <t>12/20/2019 15:43:38</t>
  </si>
  <si>
    <t>12/20/2019 15:41:50</t>
  </si>
  <si>
    <t>12/20/2019 15:43:20</t>
  </si>
  <si>
    <t>12/20/2019 15:41:40</t>
  </si>
  <si>
    <t>12/20/2019 15:45:41</t>
  </si>
  <si>
    <t>12/20/2019 15:43:39</t>
  </si>
  <si>
    <t>12/20/2019 15:45:31</t>
  </si>
  <si>
    <t>12/20/2019 15:47:41</t>
  </si>
  <si>
    <t>12/20/2019 15:43:03</t>
  </si>
  <si>
    <t>12/20/2019 15:43:52</t>
  </si>
  <si>
    <t>12/20/2019 15:48:41</t>
  </si>
  <si>
    <t>C:\Users\TEMP.ACS.000\Desktop\ligação para Jran 20-12\</t>
  </si>
  <si>
    <t>Protocolo 172888374 Operadora Francislayne Assunção de Sousa_1_6768897337939004368_1_32.wav</t>
  </si>
  <si>
    <t>\\ACSFS\Deptos\EDUCACAO EMPRESARIAL\FERNANDA MONIT\ligação para Jran 20-12\Protocolo 172888374 Operadora Francislayne Assunção de Sousa_1_6768897337939004368_1_32.wav</t>
  </si>
  <si>
    <t>Protocolo 172901109 Operadora Maria Jose Alves Ferreira_1_6768930254568371213_1_32.wav</t>
  </si>
  <si>
    <t>\\ACSFS\Deptos\EDUCACAO EMPRESARIAL\FERNANDA MONIT\ligação para Jran 20-12\Protocolo 172901109 Operadora Maria Jose Alves Ferreira_1_6768930254568371213_1_32.wav</t>
  </si>
  <si>
    <t>Protocolo 172909420 Operadora Jucelia Oliveira de Amorim_1_6768949831029299737_1_32.wav</t>
  </si>
  <si>
    <t>\\ACSFS\Deptos\EDUCACAO EMPRESARIAL\FERNANDA MONIT\ligação para Jran 20-12\Protocolo 172909420 Operadora Jucelia Oliveira de Amorim_1_6768949831029299737_1_32.wav</t>
  </si>
  <si>
    <t>12/20/2019 15:43:53</t>
  </si>
  <si>
    <t>Protocolo 172916065 OPERADOR Leonardo Costa Barros_1_6768996654762765962_1_32.wav</t>
  </si>
  <si>
    <t>\\ACSFS\Deptos\EDUCACAO EMPRESARIAL\FERNANDA MONIT\ligação para Jran 20-12\Protocolo 172916065 OPERADOR Leonardo Costa Barros_1_6768996654762765962_1_32.wav</t>
  </si>
  <si>
    <t>12/20/2019 15:43:31</t>
  </si>
  <si>
    <t>12/20/2019 15:44:43</t>
  </si>
  <si>
    <t>12/20/2019 15:49:41</t>
  </si>
  <si>
    <t>vendas para janeiro 1.txt</t>
  </si>
  <si>
    <t>\\acsfs\profiles$\thaynaracsl\My Documents\vendas para janeiro 1.txt</t>
  </si>
  <si>
    <t>12/20/2019 15:44:08</t>
  </si>
  <si>
    <t>12/20/2019 15:46:17</t>
  </si>
  <si>
    <t>cofernandes@timbrasil.com.br;lcifali@timbrasil.com.br;raquelcc@algartech.com;</t>
  </si>
  <si>
    <t>C:\Users\pauloscr\Downloads\</t>
  </si>
  <si>
    <t>Mobilizações_Orçamentos executados 01-12 à 15-12 - Algar CONSOLIDADO (4).xlsx</t>
  </si>
  <si>
    <t>cofernandes@timbrasil.com.br,lcifali@timbrasil.com.br,raquelcc@algartech.com</t>
  </si>
  <si>
    <t>12/20/2019 15:44:20</t>
  </si>
  <si>
    <t>12/20/2019 15:48:09</t>
  </si>
  <si>
    <t>12/20/2019 15:50:41</t>
  </si>
  <si>
    <t>12/20/2019 15:48:59</t>
  </si>
  <si>
    <t>mail.google.com/sync/u/0/i/s?hl=pt-BR&amp;c=386</t>
  </si>
  <si>
    <t>andrelpsa@algartech.com;gabrielsma@algartech.com;harunams@algartech.com;joaogvc@algartech.com;josiascdsj@algartech.com;leonardoao@algartech.com;marianadjc@algartech.com;mirianppb@algartech.com;paulacn@algartech.com;supervisaobancovotorantim@algartech.com;talmaiardo@algartech.com;taysdss@algartech.com;viniciussg@algartech.com;yuriifd@algartech.com;</t>
  </si>
  <si>
    <t>andrelpsa@algartech.com,gabrielsma@algartech.com,harunams@algartech.com,joaogvc@algartech.com,josiascdsj@algartech.com,leonardoao@algartech.com,marianadjc@algartech.com,mirianppb@algartech.com,paulacn@algartech.com,supervisaobancovotorantim@algartech.com,talmaiardo@algartech.com,taysdss@algartech.com,viniciussg@algartech.com,yuriifd@algartech.com</t>
  </si>
  <si>
    <t>12/20/2019 15:49:29</t>
  </si>
  <si>
    <t>12/20/2019 15:49:39</t>
  </si>
  <si>
    <t>12/20/2019 15:46:52</t>
  </si>
  <si>
    <t>12/20/2019 15:51:41</t>
  </si>
  <si>
    <t>RELATORIO.png</t>
  </si>
  <si>
    <t>\\acsfs\DEPTOS\Operacao\Banco_Votorantim\Qualidade\Anderson\Jose\Atualizado\RELATORIO.png</t>
  </si>
  <si>
    <t>12/20/2019 15:46:57</t>
  </si>
  <si>
    <t>12/20/2019 15:47:01</t>
  </si>
  <si>
    <t>12/20/2019 15:51:25</t>
  </si>
  <si>
    <t>12/20/2019 15:51:31</t>
  </si>
  <si>
    <t>12/20/2019 15:51:46</t>
  </si>
  <si>
    <t>12/20/2019 15:52:41</t>
  </si>
  <si>
    <t>12/20/2019 15:48:43</t>
  </si>
  <si>
    <t>12/20/2019 15:53:41</t>
  </si>
  <si>
    <t>12/20/2019 15:49:38</t>
  </si>
  <si>
    <t>12/20/2019 15:49:46</t>
  </si>
  <si>
    <t>12/20/2019 15:49:49</t>
  </si>
  <si>
    <t>12/20/2019 15:49:56</t>
  </si>
  <si>
    <t>12/20/2019 15:50:07</t>
  </si>
  <si>
    <t>12/20/2019 15:50:17</t>
  </si>
  <si>
    <t>12/20/2019 15:50:28</t>
  </si>
  <si>
    <t>12/20/2019 15:50:33</t>
  </si>
  <si>
    <t>12/20/2019 15:49:20</t>
  </si>
  <si>
    <t>12/20/2019 15:54:41</t>
  </si>
  <si>
    <t>12/20/2019 15:50:20</t>
  </si>
  <si>
    <t>12/20/2019 15:45:16</t>
  </si>
  <si>
    <t>12/20/2019 15:53:24</t>
  </si>
  <si>
    <t>12/20/2019 15:55:41</t>
  </si>
  <si>
    <t>12/20/2019 15:55:09</t>
  </si>
  <si>
    <t>12/20/2019 15:56:40</t>
  </si>
  <si>
    <t>b894c245-18cb-49da-a49e-19e780be1605.tmp</t>
  </si>
  <si>
    <t>\\acsfs\profiles$\paulovadc\Downloads\b894c245-18cb-49da-a49e-19e780be1605.tmp</t>
  </si>
  <si>
    <t>12/20/2019 15:52:55</t>
  </si>
  <si>
    <t>12/20/2019 15:54:00</t>
  </si>
  <si>
    <t>\\acsfs\DEPTOS\Operacao\Banco_Votorantim\Qualidade\Anderson\Jose\Atualizado\Thumbs.db</t>
  </si>
  <si>
    <t>12/20/2019 15:51:58</t>
  </si>
  <si>
    <t>12/20/2019 15:57:41</t>
  </si>
  <si>
    <t>12/20/2019 15:56:16</t>
  </si>
  <si>
    <t>12/20/2019 15:56:46</t>
  </si>
  <si>
    <t>12/20/2019 15:53:38</t>
  </si>
  <si>
    <t>12/20/2019 15:58:41</t>
  </si>
  <si>
    <t>0e71e8a9-cf98-4923-b165-7a05d7586808.tmp</t>
  </si>
  <si>
    <t>\\acsfs\profiles$\brendadsl\Downloads\0e71e8a9-cf98-4923-b165-7a05d7586808.tmp</t>
  </si>
  <si>
    <t>12/20/2019 15:55:12</t>
  </si>
  <si>
    <t>deb8e986-cf27-4553-8ab8-2b3a0bfaa6c5.tmp</t>
  </si>
  <si>
    <t>\\acsfs\profiles$\brendadsl\Downloads\deb8e986-cf27-4553-8ab8-2b3a0bfaa6c5.tmp</t>
  </si>
  <si>
    <t>12/20/2019 15:54:49</t>
  </si>
  <si>
    <t>\\ACSFS\Deptos\EDUCACAO EMPRESARIAL\4 - Gestão de Educação\</t>
  </si>
  <si>
    <t>\\ACSFS\Deptos\EDUCACAO EMPRESARIAL\4 - Gestão de Educação\Thumbs.db</t>
  </si>
  <si>
    <t>12/20/2019 15:55:04</t>
  </si>
  <si>
    <t>12/20/2019 15:55:10</t>
  </si>
  <si>
    <t>12/20/2019 15:55:46</t>
  </si>
  <si>
    <t>mail.google.com/_/upload?authuser=0&amp;dcp=asu-n&amp;upload_id=AEnB2UrCSj2aVv09Dhf3GN7EtsXsrF7tETpCkHuY5t_KZr06AYcyMnwhbKcQCAKHBHqK0-pQHorUiV13LHS8ad7qjq6GYnHviA&amp;upload_protocol=resumable</t>
  </si>
  <si>
    <t>\\ACSFS\Deptos\EDUCACAO EMPRESARIAL\FERNANDA MONIT\Fernanda\</t>
  </si>
  <si>
    <t>12/20/2019 15:56:04</t>
  </si>
  <si>
    <t>12/20/2019 15:55:13</t>
  </si>
  <si>
    <t>12/20/2019 15:59:41</t>
  </si>
  <si>
    <t>12/20/2019 15:55:43</t>
  </si>
  <si>
    <t>12/20/2019 15:56:13</t>
  </si>
  <si>
    <t>12/20/2019 15:56:43</t>
  </si>
  <si>
    <t>12/20/2019 15:55:20</t>
  </si>
  <si>
    <t>12/20/2019 15:56:20</t>
  </si>
  <si>
    <t>12/20/2019 15:57:35</t>
  </si>
  <si>
    <t>12/20/2019 15:56:00</t>
  </si>
  <si>
    <t>12/20/2019 15:55:39</t>
  </si>
  <si>
    <t>12/20/2019 16:00:40</t>
  </si>
  <si>
    <t>12/20/2019 15:57:00</t>
  </si>
  <si>
    <t>12/20/2019 15:59:59</t>
  </si>
  <si>
    <t>12/20/2019 16:02:40</t>
  </si>
  <si>
    <t>12/20/2019 16:00:17</t>
  </si>
  <si>
    <t>12/20/2019 15:58:35</t>
  </si>
  <si>
    <t>12/20/2019 16:03:41</t>
  </si>
  <si>
    <t>12/20/2019 15:59:21</t>
  </si>
  <si>
    <t>12/20/2019 15:59:58</t>
  </si>
  <si>
    <t>12/20/2019 16:03:46</t>
  </si>
  <si>
    <t>12/20/2019 16:04:41</t>
  </si>
  <si>
    <t>12/20/2019 16:01:20</t>
  </si>
  <si>
    <t>12/20/2019 16:02:20</t>
  </si>
  <si>
    <t>12/20/2019 16:01:58</t>
  </si>
  <si>
    <t>12/20/2019 16:03:06</t>
  </si>
  <si>
    <t>12/20/2019 16:05:41</t>
  </si>
  <si>
    <t>b3a51e30-78b2-4461-a358-31a07a9cc8f2.tmp</t>
  </si>
  <si>
    <t>\\acsfs\profiles$\geovannasm\Downloads\b3a51e30-78b2-4461-a358-31a07a9cc8f2.tmp</t>
  </si>
  <si>
    <t>12/20/2019 16:01:53</t>
  </si>
  <si>
    <t>12/20/2019 16:04:40</t>
  </si>
  <si>
    <t>12/20/2019 16:04:22</t>
  </si>
  <si>
    <t>12/20/2019 16:06:41</t>
  </si>
  <si>
    <t>mail.google.com/_/upload?authuser=0&amp;dcp=asu-n&amp;upload_id=AEnB2UrRonXgzEDGZwxF9w00t_zCr8xHRSTG8JFnU9jvAmOQ_5gTdZyIJtGUiOUPPc-3CQbs9Wxb5dkn6dtZLD7ZtI8iHAdN-Q&amp;upload_protocol=resumable</t>
  </si>
  <si>
    <t>archiveonline.csv</t>
  </si>
  <si>
    <t>12/20/2019 16:02:50</t>
  </si>
  <si>
    <t>12/20/2019 16:07:41</t>
  </si>
  <si>
    <t>12/20/2019 16:02:58</t>
  </si>
  <si>
    <t>12/20/2019 16:05:47</t>
  </si>
  <si>
    <t>\\acsfs\profiles$\ellencds\My Documents\</t>
  </si>
  <si>
    <t>id.txt</t>
  </si>
  <si>
    <t>\\acsfs\profiles$\ellencds\My Documents\id.txt</t>
  </si>
  <si>
    <t>12/20/2019 16:02:41</t>
  </si>
  <si>
    <t>3c7dbfc0-4e57-4f00-8831-830736d9d58b.tmp</t>
  </si>
  <si>
    <t>\\acsfs\profiles$\wenderbnm\Downloads\3c7dbfc0-4e57-4f00-8831-830736d9d58b.tmp</t>
  </si>
  <si>
    <t>12/20/2019 16:07:00</t>
  </si>
  <si>
    <t>12/20/2019 16:04:16</t>
  </si>
  <si>
    <t>12/20/2019 16:08:41</t>
  </si>
  <si>
    <t>12/20/2019 16:06:52</t>
  </si>
  <si>
    <t>12/20/2019 16:07:58</t>
  </si>
  <si>
    <t>mail.google.com/mail/u/0/?hl=pt-BR#inbox/FMfcgxwGCQbNCcnZhppxbLNDPgVlPljq</t>
  </si>
  <si>
    <t>Y:\ASA_ULA\NUCLEO_ATIVOS\PROJETOS\2019\INTANGIVEL\</t>
  </si>
  <si>
    <t>Residual Intangível Base Nov_19.xlsx</t>
  </si>
  <si>
    <t>12/20/2019 16:09:41</t>
  </si>
  <si>
    <t>12/20/2019 16:07:20</t>
  </si>
  <si>
    <t>12/20/2019 16:08:20</t>
  </si>
  <si>
    <t>12/20/2019 16:07:40</t>
  </si>
  <si>
    <t>12/20/2019 16:10:42</t>
  </si>
  <si>
    <t>\\acsfs\profiles$\geovannasm\My Documents\$RECYCLE.BIN\</t>
  </si>
  <si>
    <t>$II58BPW.txt</t>
  </si>
  <si>
    <t>\\acsfs\profiles$\geovannasm\My Documents\$RECYCLE.BIN\$II58BPW.txt</t>
  </si>
  <si>
    <t>12/20/2019 16:08:02</t>
  </si>
  <si>
    <t>$IFYEZMO.txt</t>
  </si>
  <si>
    <t>\\acsfs\profiles$\geovannasm\My Documents\$RECYCLE.BIN\$IFYEZMO.txt</t>
  </si>
  <si>
    <t>12/20/2019 16:08:39</t>
  </si>
  <si>
    <t>$IXD0DH6.txt</t>
  </si>
  <si>
    <t>\\acsfs\profiles$\geovannasm\My Documents\$RECYCLE.BIN\$IXD0DH6.txt</t>
  </si>
  <si>
    <t>12/20/2019 16:08:50</t>
  </si>
  <si>
    <t>$IRFS0AH.txt</t>
  </si>
  <si>
    <t>\\acsfs\profiles$\geovannasm\My Documents\$RECYCLE.BIN\$IRFS0AH.txt</t>
  </si>
  <si>
    <t>12/20/2019 16:08:58</t>
  </si>
  <si>
    <t>$IWRHIJ9.txt</t>
  </si>
  <si>
    <t>\\acsfs\profiles$\geovannasm\My Documents\$RECYCLE.BIN\$IWRHIJ9.txt</t>
  </si>
  <si>
    <t>12/20/2019 16:09:00</t>
  </si>
  <si>
    <t>$I7VA3X8.txt</t>
  </si>
  <si>
    <t>\\acsfs\profiles$\geovannasm\My Documents\$RECYCLE.BIN\$I7VA3X8.txt</t>
  </si>
  <si>
    <t>12/20/2019 16:09:04</t>
  </si>
  <si>
    <t>$IXUHSTN.txt</t>
  </si>
  <si>
    <t>\\acsfs\profiles$\geovannasm\My Documents\$RECYCLE.BIN\$IXUHSTN.txt</t>
  </si>
  <si>
    <t>12/20/2019 16:09:16</t>
  </si>
  <si>
    <t>$I92SDTE.txt</t>
  </si>
  <si>
    <t>\\acsfs\profiles$\geovannasm\My Documents\$RECYCLE.BIN\$I92SDTE.txt</t>
  </si>
  <si>
    <t>12/20/2019 16:09:29</t>
  </si>
  <si>
    <t>GABRIELCARNEIRO.txt</t>
  </si>
  <si>
    <t>\\acsfs\profiles$\GABRIELHCA\My Documents\GABRIELCARNEIRO.txt</t>
  </si>
  <si>
    <t>12/20/2019 16:09:30</t>
  </si>
  <si>
    <t>12/20/2019 16:09:31</t>
  </si>
  <si>
    <t>12/20/2019 16:09:26</t>
  </si>
  <si>
    <t>12/20/2019 16:09:36</t>
  </si>
  <si>
    <t>mail.google.com/sync/u/0/i/s?hl=pt-BR&amp;c=421</t>
  </si>
  <si>
    <t>12/20/2019 16:09:46</t>
  </si>
  <si>
    <t>mail.google.com/sync/u/0/i/s?hl=pt-BR&amp;c=424</t>
  </si>
  <si>
    <t>12/20/2019 16:10:01</t>
  </si>
  <si>
    <t>mail.google.com/sync/u/0/i/s?hl=pt-BR&amp;c=426</t>
  </si>
  <si>
    <t>12/20/2019 16:10:11</t>
  </si>
  <si>
    <t>12/20/2019 16:07:38</t>
  </si>
  <si>
    <t>12/20/2019 16:08:21</t>
  </si>
  <si>
    <t>12/20/2019 16:11:42</t>
  </si>
  <si>
    <t>\\acsfs\profiles$\georgendsq\My Documents\$RECYCLE.BIN\</t>
  </si>
  <si>
    <t>$IFFQSQW.png</t>
  </si>
  <si>
    <t>\\acsfs\profiles$\georgendsq\My Documents\$RECYCLE.BIN\$IFFQSQW.png</t>
  </si>
  <si>
    <t>12/20/2019 16:08:33</t>
  </si>
  <si>
    <t>\\acsfs\profiles$\georgendsq\My Documents\My Pictures\$RECYCLE.BIN\</t>
  </si>
  <si>
    <t>$I0D1JLT.PNG</t>
  </si>
  <si>
    <t>\\acsfs\profiles$\georgendsq\My Documents\My Pictures\$RECYCLE.BIN\$I0D1JLT.PNG</t>
  </si>
  <si>
    <t>$IK46UMM.png</t>
  </si>
  <si>
    <t>\\acsfs\profiles$\georgendsq\My Documents\My Pictures\$RECYCLE.BIN\$IK46UMM.png</t>
  </si>
  <si>
    <t>$IR3RNM9.png</t>
  </si>
  <si>
    <t>\\acsfs\profiles$\georgendsq\My Documents\My Pictures\$RECYCLE.BIN\$IR3RNM9.png</t>
  </si>
  <si>
    <t>12/20/2019 16:08:34</t>
  </si>
  <si>
    <t>$IFS6NWB.PNG</t>
  </si>
  <si>
    <t>\\acsfs\profiles$\georgendsq\My Documents\My Pictures\$RECYCLE.BIN\$IFS6NWB.PNG</t>
  </si>
  <si>
    <t>$IZYMCSS.png</t>
  </si>
  <si>
    <t>\\acsfs\profiles$\georgendsq\My Documents\My Pictures\$RECYCLE.BIN\$IZYMCSS.png</t>
  </si>
  <si>
    <t>$INZCVHU.png</t>
  </si>
  <si>
    <t>\\acsfs\profiles$\georgendsq\My Documents\My Pictures\$RECYCLE.BIN\$INZCVHU.png</t>
  </si>
  <si>
    <t>$I7O9TAO.png</t>
  </si>
  <si>
    <t>\\acsfs\profiles$\georgendsq\My Documents\My Pictures\$RECYCLE.BIN\$I7O9TAO.png</t>
  </si>
  <si>
    <t>12/20/2019 16:08:35</t>
  </si>
  <si>
    <t>$I7WZF96.jpg</t>
  </si>
  <si>
    <t>\\acsfs\profiles$\georgendsq\My Documents\My Pictures\$RECYCLE.BIN\$I7WZF96.jpg</t>
  </si>
  <si>
    <t>$IKV1HCY.png</t>
  </si>
  <si>
    <t>\\acsfs\profiles$\georgendsq\My Documents\My Pictures\$RECYCLE.BIN\$IKV1HCY.png</t>
  </si>
  <si>
    <t>$I5RFQBZ.png</t>
  </si>
  <si>
    <t>\\acsfs\profiles$\georgendsq\My Documents\My Pictures\$RECYCLE.BIN\$I5RFQBZ.png</t>
  </si>
  <si>
    <t>$I6AZTC4.png</t>
  </si>
  <si>
    <t>\\acsfs\profiles$\georgendsq\My Documents\My Pictures\$RECYCLE.BIN\$I6AZTC4.png</t>
  </si>
  <si>
    <t>$I1T4NYO.jpg</t>
  </si>
  <si>
    <t>\\acsfs\profiles$\georgendsq\My Documents\My Pictures\$RECYCLE.BIN\$I1T4NYO.jpg</t>
  </si>
  <si>
    <t>12/20/2019 16:07:10</t>
  </si>
  <si>
    <t>74-86-7A-FB-17-C5</t>
  </si>
  <si>
    <t>VOTORANT-VB005</t>
  </si>
  <si>
    <t>12/20/2019 16:08:48</t>
  </si>
  <si>
    <t>\\acsfs\profiles$\alessandrara\My Documents\$RECYCLE.BIN\</t>
  </si>
  <si>
    <t>$I0LJRJ4.txt</t>
  </si>
  <si>
    <t>\\acsfs\profiles$\alessandrara\My Documents\$RECYCLE.BIN\$I0LJRJ4.txt</t>
  </si>
  <si>
    <t>12/20/2019 16:07:14</t>
  </si>
  <si>
    <t>\\acsfs\profiles$\gabrielbmdl\</t>
  </si>
  <si>
    <t>logins.txt</t>
  </si>
  <si>
    <t>\\acsfs\profiles$\gabrielbmdl\logins.txt</t>
  </si>
  <si>
    <t>12/20/2019 16:07:45</t>
  </si>
  <si>
    <t>sistema.txt</t>
  </si>
  <si>
    <t>\\acsfs\profiles$\gabrielbmdl\My Documents\anotações\sistema.txt</t>
  </si>
  <si>
    <t>12/20/2019 16:06:45</t>
  </si>
  <si>
    <t>XLOG_tiagosno_20122019_081858.log</t>
  </si>
  <si>
    <t>\\acsfs\profiles$\tiagosno\My Documents\xworkcenter\logs\XLOG_tiagosno_20122019_081858.log</t>
  </si>
  <si>
    <t>12/20/2019 16:07:04</t>
  </si>
  <si>
    <t>12/20/2019 16:12:42</t>
  </si>
  <si>
    <t>\\acsfs\profiles$\leonardobb\</t>
  </si>
  <si>
    <t>links.txt</t>
  </si>
  <si>
    <t>\\acsfs\profiles$\leonardobb\links.txt</t>
  </si>
  <si>
    <t>12/20/2019 16:07:59</t>
  </si>
  <si>
    <t>12/20/2019 16:11:20</t>
  </si>
  <si>
    <t>12/20/2019 16:07:23</t>
  </si>
  <si>
    <t>\\acsfs\profiles$\anakcs\My Documents\</t>
  </si>
  <si>
    <t>Anotações.txt</t>
  </si>
  <si>
    <t>\\acsfs\profiles$\anakcs\My Documents\Anotações.txt</t>
  </si>
  <si>
    <t>12/20/2019 16:07:33</t>
  </si>
  <si>
    <t>12/20/2019 16:07:48</t>
  </si>
  <si>
    <t>12/20/2019 16:10:17</t>
  </si>
  <si>
    <t>XLOG_ellencds_20122019_075958.log</t>
  </si>
  <si>
    <t>\\acsfs\profiles$\ellencds\My Documents\xworkcenter\logs\XLOG_ellencds_20122019_075958.log</t>
  </si>
  <si>
    <t>12/20/2019 16:11:36</t>
  </si>
  <si>
    <t>\\acsfs\profiles$\ellencds\My Documents\My Pictures\$RECYCLE.BIN\</t>
  </si>
  <si>
    <t>$IGUITIQ.PNG</t>
  </si>
  <si>
    <t>\\acsfs\profiles$\ellencds\My Documents\My Pictures\$RECYCLE.BIN\$IGUITIQ.PNG</t>
  </si>
  <si>
    <t>12/20/2019 16:11:40</t>
  </si>
  <si>
    <t>$IKWWAHC.png</t>
  </si>
  <si>
    <t>\\acsfs\profiles$\ellencds\My Documents\My Pictures\$RECYCLE.BIN\$IKWWAHC.png</t>
  </si>
  <si>
    <t>12/20/2019 16:11:43</t>
  </si>
  <si>
    <t>$IRPMELO.PNG</t>
  </si>
  <si>
    <t>\\acsfs\profiles$\ellencds\My Documents\My Pictures\$RECYCLE.BIN\$IRPMELO.PNG</t>
  </si>
  <si>
    <t>12/20/2019 16:11:47</t>
  </si>
  <si>
    <t>$IHLAW9R.PNG</t>
  </si>
  <si>
    <t>\\acsfs\profiles$\ellencds\My Documents\My Pictures\$RECYCLE.BIN\$IHLAW9R.PNG</t>
  </si>
  <si>
    <t>12/20/2019 16:11:52</t>
  </si>
  <si>
    <t>$I68WA4B.png</t>
  </si>
  <si>
    <t>\\acsfs\profiles$\ellencds\My Documents\My Pictures\$RECYCLE.BIN\$I68WA4B.png</t>
  </si>
  <si>
    <t>12/20/2019 16:11:55</t>
  </si>
  <si>
    <t>$IMOVJE1.PNG</t>
  </si>
  <si>
    <t>\\acsfs\profiles$\ellencds\My Documents\My Pictures\$RECYCLE.BIN\$IMOVJE1.PNG</t>
  </si>
  <si>
    <t>12/20/2019 16:11:59</t>
  </si>
  <si>
    <t>$IXQ0CM3.PNG</t>
  </si>
  <si>
    <t>\\acsfs\profiles$\ellencds\My Documents\My Pictures\$RECYCLE.BIN\$IXQ0CM3.PNG</t>
  </si>
  <si>
    <t>12/20/2019 16:12:05</t>
  </si>
  <si>
    <t>$IQA551T.png</t>
  </si>
  <si>
    <t>\\acsfs\profiles$\ellencds\My Documents\My Pictures\$RECYCLE.BIN\$IQA551T.png</t>
  </si>
  <si>
    <t>12/20/2019 16:07:34</t>
  </si>
  <si>
    <t>2c93abe7-728a-4edd-9d12-1d635283b3fa.tmp</t>
  </si>
  <si>
    <t>\\acsfs\profiles$\rosileiam\Downloads\2c93abe7-728a-4edd-9d12-1d635283b3fa.tmp</t>
  </si>
  <si>
    <t>12/20/2019 16:08:22</t>
  </si>
  <si>
    <t>153af166-82be-4a44-96c5-e3d627b6e098.tmp</t>
  </si>
  <si>
    <t>\\acsfs\profiles$\rosileiam\Downloads\153af166-82be-4a44-96c5-e3d627b6e098.tmp</t>
  </si>
  <si>
    <t>12/20/2019 16:07:57</t>
  </si>
  <si>
    <t>12/20/2019 16:08:04</t>
  </si>
  <si>
    <t>12/20/2019 16:07:51</t>
  </si>
  <si>
    <t>12/20/2019 16:10:22</t>
  </si>
  <si>
    <t>12/20/2019 16:11:21</t>
  </si>
  <si>
    <t>12/20/2019 16:13:42</t>
  </si>
  <si>
    <t>12/20/2019 16:11:24</t>
  </si>
  <si>
    <t>12/20/2019 16:12:45</t>
  </si>
  <si>
    <t>12/20/2019 16:11:17</t>
  </si>
  <si>
    <t>$IGP599I.txt</t>
  </si>
  <si>
    <t>\\acsfs\profiles$\nataliafsi\My Documents\$RECYCLE.BIN\$IGP599I.txt</t>
  </si>
  <si>
    <t>12/20/2019 16:09:32</t>
  </si>
  <si>
    <t>12/20/2019 16:11:45</t>
  </si>
  <si>
    <t>12/20/2019 16:12:13</t>
  </si>
  <si>
    <t>$IYZKZWH.PNG</t>
  </si>
  <si>
    <t>\\acsfs\profiles$\thaisdss\My Documents\My Pictures\$RECYCLE.BIN\$IYZKZWH.PNG</t>
  </si>
  <si>
    <t>12/20/2019 16:10:00</t>
  </si>
  <si>
    <t>LINKS DE ACESSO 1.txt</t>
  </si>
  <si>
    <t>\\acsfs\profiles$\talitassc\My Documents\LINKS DE ACESSO 1.txt</t>
  </si>
  <si>
    <t>12/20/2019 16:10:32</t>
  </si>
  <si>
    <t>f98af068-7c4e-4b4b-9e86-262868622e8d.tmp</t>
  </si>
  <si>
    <t>\\acsfs\profiles$\KARENJSS\Downloads\f98af068-7c4e-4b4b-9e86-262868622e8d.tmp</t>
  </si>
  <si>
    <t>12/20/2019 16:10:33</t>
  </si>
  <si>
    <t>Não confirmado 319165.crdownload</t>
  </si>
  <si>
    <t>\\acsfs\profiles$\KARENJSS\Downloads\Não confirmado 319165.crdownload</t>
  </si>
  <si>
    <t>12/20/2019 16:12:23</t>
  </si>
  <si>
    <t>\\acsfs\profiles$\KARENJSS\Downloads\$RECYCLE.BIN\</t>
  </si>
  <si>
    <t>$I0W9KJI.pdf</t>
  </si>
  <si>
    <t>\\acsfs\profiles$\KARENJSS\Downloads\$RECYCLE.BIN\$I0W9KJI.pdf</t>
  </si>
  <si>
    <t>12/20/2019 16:12:26</t>
  </si>
  <si>
    <t>12/20/2019 16:14:42</t>
  </si>
  <si>
    <t>FTE_Realizado_Xperience_Dez19_V2.xlsb</t>
  </si>
  <si>
    <t>12/20/2019 16:10:23</t>
  </si>
  <si>
    <t>\\acsfs\DEPTOS\Operacao\Banco_Votorantim\Supervisao\CAMILLA LIMA RODRIGUES\reportes de erros sistemico\Thumbs.db</t>
  </si>
  <si>
    <t>12/20/2019 16:13:20</t>
  </si>
  <si>
    <t>12/20/2019 16:14:01</t>
  </si>
  <si>
    <t>CPF 09161478601 - OPERADORA LAIS LIMA GONCALVES_1_6754476555745957307_1_32.wav</t>
  </si>
  <si>
    <t>\\acsfs\Deptos\EDUCACAO EMPRESARIAL\KÉSIA\OUVIDORIA, PROCON, BACEN E RECLAME AQUI\CPF 09161478601 - OPERADORA LAIS LIMA GONCALVES_1_6754476555745957307_1_32.wav</t>
  </si>
  <si>
    <t>12/20/2019 16:09:35</t>
  </si>
  <si>
    <t>12/20/2019 16:10:04</t>
  </si>
  <si>
    <t>$IDDRH0H.txt</t>
  </si>
  <si>
    <t>\\acsfs\profiles$\cassianogc\My Documents\$RECYCLE.BIN\$IDDRH0H.txt</t>
  </si>
  <si>
    <t>12/20/2019 16:13:23</t>
  </si>
  <si>
    <t>12/20/2019 16:15:41</t>
  </si>
  <si>
    <t>12/20/2019 16:11:01</t>
  </si>
  <si>
    <t>12/20/2019 16:12:34</t>
  </si>
  <si>
    <t>12/20/2019 16:13:40</t>
  </si>
  <si>
    <t>12/20/2019 16:14:24</t>
  </si>
  <si>
    <t>checklist obrigatório para ser anexado no atestado (13) (002).docx</t>
  </si>
  <si>
    <t>12/20/2019 16:14:47</t>
  </si>
  <si>
    <t>12/20/2019 16:16:42</t>
  </si>
  <si>
    <t>87c822c5-e9c7-4584-9580-4e71789e9cfa.tmp</t>
  </si>
  <si>
    <t>\\acsfs\profiles$\henriqueco\Downloads\87c822c5-e9c7-4584-9580-4e71789e9cfa.tmp</t>
  </si>
  <si>
    <t>af0862bb-79e6-438f-aa34-b8fbf8eb83ab.tmp</t>
  </si>
  <si>
    <t>\\acsfs\profiles$\vivianibfs\Downloads\af0862bb-79e6-438f-aa34-b8fbf8eb83ab.tmp</t>
  </si>
  <si>
    <t>12/20/2019 16:12:12</t>
  </si>
  <si>
    <t>12/20/2019 16:17:41</t>
  </si>
  <si>
    <t>12/20/2019 16:12:49</t>
  </si>
  <si>
    <t>12/20/2019 16:13:12</t>
  </si>
  <si>
    <t>\\acsfs\profiles$\larissaad\My Documents\$RECYCLE.BIN\</t>
  </si>
  <si>
    <t>$I5BJLSK.txt</t>
  </si>
  <si>
    <t>\\acsfs\profiles$\larissaad\My Documents\$RECYCLE.BIN\$I5BJLSK.txt</t>
  </si>
  <si>
    <t>$IG0EN3P.txt</t>
  </si>
  <si>
    <t>\\acsfs\profiles$\larissaad\My Documents\$RECYCLE.BIN\$IG0EN3P.txt</t>
  </si>
  <si>
    <t>12/20/2019 16:13:43</t>
  </si>
  <si>
    <t>12/20/2019 16:14:06</t>
  </si>
  <si>
    <t>12/20/2019 16:14:11</t>
  </si>
  <si>
    <t>12/20/2019 16:15:00</t>
  </si>
  <si>
    <t>atalhos - intranet.txt</t>
  </si>
  <si>
    <t>\\acsfs\profiles$\larissaad\My Documents\atalhos - intranet.txt</t>
  </si>
  <si>
    <t>12/20/2019 16:15:01</t>
  </si>
  <si>
    <t>12/20/2019 16:12:21</t>
  </si>
  <si>
    <t>\\acsfs\profiles$\maxmillianosv\Downloads\$RECYCLE.BIN\</t>
  </si>
  <si>
    <t>$IWDEP50.partial</t>
  </si>
  <si>
    <t>\\acsfs\profiles$\maxmillianosv\Downloads\$RECYCLE.BIN\$IWDEP50.partial</t>
  </si>
  <si>
    <t>$I6OWELM.partial</t>
  </si>
  <si>
    <t>\\acsfs\profiles$\maxmillianosv\Downloads\$RECYCLE.BIN\$I6OWELM.partial</t>
  </si>
  <si>
    <t>$IKPNOBX.xlsx</t>
  </si>
  <si>
    <t>\\acsfs\profiles$\maxmillianosv\Downloads\$RECYCLE.BIN\$IKPNOBX.xlsx</t>
  </si>
  <si>
    <t>$ICM61J4.xlsx</t>
  </si>
  <si>
    <t>\\acsfs\profiles$\maxmillianosv\Downloads\$RECYCLE.BIN\$ICM61J4.xlsx</t>
  </si>
  <si>
    <t>$I9RPW1O.partial</t>
  </si>
  <si>
    <t>\\acsfs\profiles$\maxmillianosv\Downloads\$RECYCLE.BIN\$I9RPW1O.partial</t>
  </si>
  <si>
    <t>$IK6AQAP.pdf</t>
  </si>
  <si>
    <t>\\acsfs\profiles$\maxmillianosv\Downloads\$RECYCLE.BIN\$IK6AQAP.pdf</t>
  </si>
  <si>
    <t>$IMPCR6P.gif</t>
  </si>
  <si>
    <t>\\acsfs\profiles$\maxmillianosv\Downloads\$RECYCLE.BIN\$IMPCR6P.gif</t>
  </si>
  <si>
    <t>$IYRTRZM.partial</t>
  </si>
  <si>
    <t>\\acsfs\profiles$\maxmillianosv\Downloads\$RECYCLE.BIN\$IYRTRZM.partial</t>
  </si>
  <si>
    <t>$IMQ46NU.partial</t>
  </si>
  <si>
    <t>\\acsfs\profiles$\maxmillianosv\Downloads\$RECYCLE.BIN\$IMQ46NU.partial</t>
  </si>
  <si>
    <t>$I92XB3D.partial</t>
  </si>
  <si>
    <t>\\acsfs\profiles$\maxmillianosv\Downloads\$RECYCLE.BIN\$I92XB3D.partial</t>
  </si>
  <si>
    <t>12/20/2019 16:12:38</t>
  </si>
  <si>
    <t>\\acsfs\profiles$\maxmillianosv\My Documents\$RECYCLE.BIN\</t>
  </si>
  <si>
    <t>$IBJRLJW.pdf</t>
  </si>
  <si>
    <t>\\acsfs\profiles$\maxmillianosv\My Documents\$RECYCLE.BIN\$IBJRLJW.pdf</t>
  </si>
  <si>
    <t>$I8D1IHR.pdf</t>
  </si>
  <si>
    <t>\\acsfs\profiles$\maxmillianosv\My Documents\$RECYCLE.BIN\$I8D1IHR.pdf</t>
  </si>
  <si>
    <t>12/20/2019 16:12:46</t>
  </si>
  <si>
    <t>\\acsfs\profiles$\ellencds\My Documents\$RECYCLE.BIN\</t>
  </si>
  <si>
    <t>$IKSXB50.pdf</t>
  </si>
  <si>
    <t>\\acsfs\profiles$\ellencds\My Documents\$RECYCLE.BIN\$IKSXB50.pdf</t>
  </si>
  <si>
    <t>$IU59IXN.pdf</t>
  </si>
  <si>
    <t>\\acsfs\profiles$\ellencds\My Documents\$RECYCLE.BIN\$IU59IXN.pdf</t>
  </si>
  <si>
    <t>12/20/2019 16:12:52</t>
  </si>
  <si>
    <t>$IIYY2A8.pdf</t>
  </si>
  <si>
    <t>\\acsfs\profiles$\ellencds\My Documents\$RECYCLE.BIN\$IIYY2A8.pdf</t>
  </si>
  <si>
    <t>12/20/2019 16:12:56</t>
  </si>
  <si>
    <t>$I9IXDYF.txt</t>
  </si>
  <si>
    <t>\\acsfs\profiles$\ellencds\My Documents\$RECYCLE.BIN\$I9IXDYF.txt</t>
  </si>
  <si>
    <t>12/20/2019 16:13:00</t>
  </si>
  <si>
    <t>$I148WIO.pptx</t>
  </si>
  <si>
    <t>\\acsfs\profiles$\ellencds\My Documents\$RECYCLE.BIN\$I148WIO.pptx</t>
  </si>
  <si>
    <t>12/20/2019 16:13:03</t>
  </si>
  <si>
    <t>$I68Q12B.txt</t>
  </si>
  <si>
    <t>\\acsfs\profiles$\ellencds\My Documents\$RECYCLE.BIN\$I68Q12B.txt</t>
  </si>
  <si>
    <t>12/20/2019 16:13:06</t>
  </si>
  <si>
    <t>$IFMALLS.txt</t>
  </si>
  <si>
    <t>\\acsfs\profiles$\ellencds\My Documents\$RECYCLE.BIN\$IFMALLS.txt</t>
  </si>
  <si>
    <t>12/20/2019 16:13:10</t>
  </si>
  <si>
    <t>$IZY4BXK.txt</t>
  </si>
  <si>
    <t>\\acsfs\profiles$\ellencds\My Documents\$RECYCLE.BIN\$IZY4BXK.txt</t>
  </si>
  <si>
    <t>12/20/2019 16:13:14</t>
  </si>
  <si>
    <t>$I2DOIMB.txt</t>
  </si>
  <si>
    <t>\\acsfs\profiles$\ellencds\My Documents\$RECYCLE.BIN\$I2DOIMB.txt</t>
  </si>
  <si>
    <t>12/20/2019 16:13:24</t>
  </si>
  <si>
    <t>12/20/2019 16:18:42</t>
  </si>
  <si>
    <t>\\acsfs\profiles$\brendadsl\My Documents\$RECYCLE.BIN\</t>
  </si>
  <si>
    <t>$IU5417L.txt</t>
  </si>
  <si>
    <t>\\acsfs\profiles$\brendadsl\My Documents\$RECYCLE.BIN\$IU5417L.txt</t>
  </si>
  <si>
    <t>12/20/2019 16:13:44</t>
  </si>
  <si>
    <t>$I1LBNCV.txt</t>
  </si>
  <si>
    <t>\\acsfs\profiles$\brendadsl\My Documents\$RECYCLE.BIN\$I1LBNCV.txt</t>
  </si>
  <si>
    <t>12/20/2019 16:14:03</t>
  </si>
  <si>
    <t>$I6TLAP4.txt</t>
  </si>
  <si>
    <t>\\acsfs\profiles$\brendadsl\My Documents\$RECYCLE.BIN\$I6TLAP4.txt</t>
  </si>
  <si>
    <t>12/20/2019 16:14:23</t>
  </si>
  <si>
    <t>$I0T8PND.txt</t>
  </si>
  <si>
    <t>\\acsfs\profiles$\brendadsl\My Documents\$RECYCLE.BIN\$I0T8PND.txt</t>
  </si>
  <si>
    <t>12/20/2019 16:14:41</t>
  </si>
  <si>
    <t>$INMEFXN.txt</t>
  </si>
  <si>
    <t>\\acsfs\profiles$\brendadsl\My Documents\$RECYCLE.BIN\$INMEFXN.txt</t>
  </si>
  <si>
    <t>12/20/2019 16:14:53</t>
  </si>
  <si>
    <t>$IAG1OKV.txt</t>
  </si>
  <si>
    <t>\\acsfs\profiles$\brendadsl\My Documents\$RECYCLE.BIN\$IAG1OKV.txt</t>
  </si>
  <si>
    <t>12/20/2019 16:15:04</t>
  </si>
  <si>
    <t>$IK5R1Y2.txt</t>
  </si>
  <si>
    <t>\\acsfs\profiles$\brendadsl\My Documents\$RECYCLE.BIN\$IK5R1Y2.txt</t>
  </si>
  <si>
    <t>12/20/2019 16:15:16</t>
  </si>
  <si>
    <t>$I9R39ST.txt</t>
  </si>
  <si>
    <t>\\acsfs\profiles$\brendadsl\My Documents\$RECYCLE.BIN\$I9R39ST.txt</t>
  </si>
  <si>
    <t>12/20/2019 16:15:24</t>
  </si>
  <si>
    <t>$IPL7VKI.txt</t>
  </si>
  <si>
    <t>\\acsfs\profiles$\brendadsl\My Documents\$RECYCLE.BIN\$IPL7VKI.txt</t>
  </si>
  <si>
    <t>12/20/2019 16:15:34</t>
  </si>
  <si>
    <t>$IAXVGBX.txt</t>
  </si>
  <si>
    <t>\\acsfs\profiles$\brendadsl\My Documents\$RECYCLE.BIN\$IAXVGBX.txt</t>
  </si>
  <si>
    <t>12/20/2019 16:15:42</t>
  </si>
  <si>
    <t>$ISJ2QU2.txt</t>
  </si>
  <si>
    <t>\\acsfs\profiles$\brendadsl\My Documents\$RECYCLE.BIN\$ISJ2QU2.txt</t>
  </si>
  <si>
    <t>12/20/2019 16:15:52</t>
  </si>
  <si>
    <t>$ICWPXL9.txt</t>
  </si>
  <si>
    <t>\\acsfs\profiles$\brendadsl\My Documents\$RECYCLE.BIN\$ICWPXL9.txt</t>
  </si>
  <si>
    <t>12/20/2019 16:16:02</t>
  </si>
  <si>
    <t>$I98GSL9.txt</t>
  </si>
  <si>
    <t>\\acsfs\profiles$\brendadsl\My Documents\$RECYCLE.BIN\$I98GSL9.txt</t>
  </si>
  <si>
    <t>12/20/2019 16:16:12</t>
  </si>
  <si>
    <t>$IZ4EHFB.txt</t>
  </si>
  <si>
    <t>\\acsfs\profiles$\brendadsl\My Documents\$RECYCLE.BIN\$IZ4EHFB.txt</t>
  </si>
  <si>
    <t>12/20/2019 16:16:22</t>
  </si>
  <si>
    <t>$IG1PUJM.txt</t>
  </si>
  <si>
    <t>\\acsfs\profiles$\brendadsl\My Documents\$RECYCLE.BIN\$IG1PUJM.txt</t>
  </si>
  <si>
    <t>$IY2BS7P.txt</t>
  </si>
  <si>
    <t>\\acsfs\profiles$\brendadsl\My Documents\$RECYCLE.BIN\$IY2BS7P.txt</t>
  </si>
  <si>
    <t>12/20/2019 16:16:23</t>
  </si>
  <si>
    <t>$IUEY3VR.txt</t>
  </si>
  <si>
    <t>\\acsfs\profiles$\brendadsl\My Documents\$RECYCLE.BIN\$IUEY3VR.txt</t>
  </si>
  <si>
    <t>$IBG78B3.txt</t>
  </si>
  <si>
    <t>\\acsfs\profiles$\brendadsl\My Documents\$RECYCLE.BIN\$IBG78B3.txt</t>
  </si>
  <si>
    <t>$IVV8DOQ.txt</t>
  </si>
  <si>
    <t>\\acsfs\profiles$\brendadsl\My Documents\$RECYCLE.BIN\$IVV8DOQ.txt</t>
  </si>
  <si>
    <t>12/20/2019 16:16:24</t>
  </si>
  <si>
    <t>$ITW2EV2.txt</t>
  </si>
  <si>
    <t>\\acsfs\profiles$\brendadsl\My Documents\$RECYCLE.BIN\$ITW2EV2.txt</t>
  </si>
  <si>
    <t>$I9RRDIS.txt</t>
  </si>
  <si>
    <t>\\acsfs\profiles$\brendadsl\My Documents\$RECYCLE.BIN\$I9RRDIS.txt</t>
  </si>
  <si>
    <t>12/20/2019 16:16:52</t>
  </si>
  <si>
    <t>12/20/2019 16:17:10</t>
  </si>
  <si>
    <t>12/20/2019 16:16:25</t>
  </si>
  <si>
    <t>12/20/2019 16:16:27</t>
  </si>
  <si>
    <t>12/20/2019 16:16:29</t>
  </si>
  <si>
    <t>12/20/2019 16:16:30</t>
  </si>
  <si>
    <t>12/20/2019 16:16:32</t>
  </si>
  <si>
    <t>12/20/2019 16:16:33</t>
  </si>
  <si>
    <t>12/20/2019 16:16:34</t>
  </si>
  <si>
    <t>12/20/2019 16:16:36</t>
  </si>
  <si>
    <t>12/20/2019 16:16:37</t>
  </si>
  <si>
    <t>12/20/2019 16:16:39</t>
  </si>
  <si>
    <t>12/20/2019 16:16:44</t>
  </si>
  <si>
    <t>12/20/2019 16:16:45</t>
  </si>
  <si>
    <t>12/20/2019 16:16:46</t>
  </si>
  <si>
    <t>12/20/2019 16:16:47</t>
  </si>
  <si>
    <t>12/20/2019 16:16:48</t>
  </si>
  <si>
    <t>12/20/2019 16:16:50</t>
  </si>
  <si>
    <t>12/20/2019 16:16:51</t>
  </si>
  <si>
    <t>12/20/2019 16:16:53</t>
  </si>
  <si>
    <t>12/20/2019 16:16:56</t>
  </si>
  <si>
    <t>12/20/2019 16:16:57</t>
  </si>
  <si>
    <t>12/20/2019 16:16:59</t>
  </si>
  <si>
    <t>12/20/2019 16:17:01</t>
  </si>
  <si>
    <t>12/20/2019 16:17:03</t>
  </si>
  <si>
    <t>12/20/2019 16:17:05</t>
  </si>
  <si>
    <t>12/20/2019 16:17:06</t>
  </si>
  <si>
    <t>12/20/2019 16:17:07</t>
  </si>
  <si>
    <t>12/20/2019 16:17:09</t>
  </si>
  <si>
    <t>12/20/2019 16:17:11</t>
  </si>
  <si>
    <t>12/20/2019 16:17:13</t>
  </si>
  <si>
    <t>12/20/2019 16:17:14</t>
  </si>
  <si>
    <t>12/20/2019 16:17:15</t>
  </si>
  <si>
    <t>12/20/2019 16:17:16</t>
  </si>
  <si>
    <t>12/20/2019 16:17:17</t>
  </si>
  <si>
    <t>12/20/2019 16:18:04</t>
  </si>
  <si>
    <t>12/20/2019 16:14:07</t>
  </si>
  <si>
    <t>12/20/2019 16:19:42</t>
  </si>
  <si>
    <t>\\acsfs\profiles$\marcelacdss\My Documents\$RECYCLE.BIN\</t>
  </si>
  <si>
    <t>$I6MY56L.txt</t>
  </si>
  <si>
    <t>\\acsfs\profiles$\marcelacdss\My Documents\$RECYCLE.BIN\$I6MY56L.txt</t>
  </si>
  <si>
    <t>12/20/2019 16:14:58</t>
  </si>
  <si>
    <t>$I9BOLRE.txt</t>
  </si>
  <si>
    <t>\\acsfs\profiles$\marcelacdss\My Documents\$RECYCLE.BIN\$I9BOLRE.txt</t>
  </si>
  <si>
    <t>12/20/2019 16:15:33</t>
  </si>
  <si>
    <t>$IATK91B.txt</t>
  </si>
  <si>
    <t>\\acsfs\profiles$\marcelacdss\My Documents\$RECYCLE.BIN\$IATK91B.txt</t>
  </si>
  <si>
    <t>12/20/2019 16:15:59</t>
  </si>
  <si>
    <t>$I32Y7QR.txt</t>
  </si>
  <si>
    <t>\\acsfs\profiles$\marcelacdss\My Documents\$RECYCLE.BIN\$I32Y7QR.txt</t>
  </si>
  <si>
    <t>$IM3KGFG.txt</t>
  </si>
  <si>
    <t>\\acsfs\profiles$\marcelacdss\My Documents\$RECYCLE.BIN\$IM3KGFG.txt</t>
  </si>
  <si>
    <t>$IWCWNAA.txt</t>
  </si>
  <si>
    <t>\\acsfs\profiles$\marcelacdss\My Documents\$RECYCLE.BIN\$IWCWNAA.txt</t>
  </si>
  <si>
    <t>$ISESLB4.txt</t>
  </si>
  <si>
    <t>\\acsfs\profiles$\marcelacdss\My Documents\$RECYCLE.BIN\$ISESLB4.txt</t>
  </si>
  <si>
    <t>12/20/2019 16:18:33</t>
  </si>
  <si>
    <t>$IH004QF.txt</t>
  </si>
  <si>
    <t>\\acsfs\profiles$\marcelacdss\My Documents\$RECYCLE.BIN\$IH004QF.txt</t>
  </si>
  <si>
    <t>12/20/2019 16:14:27</t>
  </si>
  <si>
    <t>BP RECALL TOYOTA.xlsb</t>
  </si>
  <si>
    <t>C:\Users\diegobg\OneDrive - Grupo Algar\01 - Toyota\1 - Diego Bardauil\1.1 - Implantação\Recall\BP RECALL TOYOTA.xlsb\</t>
  </si>
  <si>
    <t>12/20/2019 16:17:59</t>
  </si>
  <si>
    <t>\\acsfs\profiles$\regisadsa\My Documents\$RECYCLE.BIN\</t>
  </si>
  <si>
    <t>$I8BUZ4M.txt</t>
  </si>
  <si>
    <t>\\acsfs\profiles$\regisadsa\My Documents\$RECYCLE.BIN\$I8BUZ4M.txt</t>
  </si>
  <si>
    <t>12/20/2019 16:14:13</t>
  </si>
  <si>
    <t>\\acsfs\profiles$\gabrielamdp\My Documents\$RECYCLE.BIN\</t>
  </si>
  <si>
    <t>$I63OA1C.txt</t>
  </si>
  <si>
    <t>\\acsfs\profiles$\gabrielamdp\My Documents\$RECYCLE.BIN\$I63OA1C.txt</t>
  </si>
  <si>
    <t>12/20/2019 16:17:35</t>
  </si>
  <si>
    <t>12/20/2019 16:15:35</t>
  </si>
  <si>
    <t>CPF 09161478601 - OPERADOR FABIANO BRUNO MENDES FILHO_1_6765990113231051167_1_32.wav</t>
  </si>
  <si>
    <t>\\acsfs\Deptos\EDUCACAO EMPRESARIAL\KÉSIA\OUVIDORIA, PROCON, BACEN E RECLAME AQUI\CPF 09161478601 - OPERADOR FABIANO BRUNO MENDES FILHO_1_6765990113231051167_1_32.wav</t>
  </si>
  <si>
    <t>CPF 09161478601 - OPERADORA FLAVIA CRISTINE DA SILVA TEIXEIRA_1_6771495896232300209_1_32.wav</t>
  </si>
  <si>
    <t>\\acsfs\Deptos\EDUCACAO EMPRESARIAL\KÉSIA\OUVIDORIA, PROCON, BACEN E RECLAME AQUI\CPF 09161478601 - OPERADORA FLAVIA CRISTINE DA SILVA TEIXEIRA_1_6771495896232300209_1_32.wav</t>
  </si>
  <si>
    <t>12/20/2019 16:20:42</t>
  </si>
  <si>
    <t>12/20/2019 16:17:27</t>
  </si>
  <si>
    <t>8e3988e8-d341-4738-84c8-45bd68941751.tmp</t>
  </si>
  <si>
    <t>\\acsfs\profiles$\fabianobmf\Downloads\8e3988e8-d341-4738-84c8-45bd68941751.tmp</t>
  </si>
  <si>
    <t>12/20/2019 16:17:45</t>
  </si>
  <si>
    <t>81e6d2e6-27c4-4d0f-b9d2-9a09795e788d.tmp</t>
  </si>
  <si>
    <t>\\acsfs\profiles$\fabianobmf\Downloads\81e6d2e6-27c4-4d0f-b9d2-9a09795e788d.tmp</t>
  </si>
  <si>
    <t>12/20/2019 16:18:12</t>
  </si>
  <si>
    <t>46a6433e-1b0f-42a1-b252-7a07d480361f.tmp</t>
  </si>
  <si>
    <t>\\acsfs\profiles$\fabianobmf\Downloads\46a6433e-1b0f-42a1-b252-7a07d480361f.tmp</t>
  </si>
  <si>
    <t>12/20/2019 16:18:35</t>
  </si>
  <si>
    <t>b9ea94fd-72d1-4dd7-bd92-da169d07490d.tmp</t>
  </si>
  <si>
    <t>\\acsfs\profiles$\fabianobmf\Downloads\b9ea94fd-72d1-4dd7-bd92-da169d07490d.tmp</t>
  </si>
  <si>
    <t>12/20/2019 16:19:40</t>
  </si>
  <si>
    <t>12/20/2019 16:20:07</t>
  </si>
  <si>
    <t>12/20/2019 16:20:49</t>
  </si>
  <si>
    <t>12/20/2019 16:22:42</t>
  </si>
  <si>
    <t>12/20/2019 16:22:09</t>
  </si>
  <si>
    <t>12/20/2019 16:19:22</t>
  </si>
  <si>
    <t>12/20/2019 16:23:42</t>
  </si>
  <si>
    <t>47794824-9ea0-46d8-af9b-c20c080badcd.tmp</t>
  </si>
  <si>
    <t>\\acsfs\profiles$\layonmof\Downloads\47794824-9ea0-46d8-af9b-c20c080badcd.tmp</t>
  </si>
  <si>
    <t>12/20/2019 16:19:38</t>
  </si>
  <si>
    <t>f51a34fd-3297-4380-9106-91c29ae7d271.tmp</t>
  </si>
  <si>
    <t>\\acsfs\profiles$\layonmof\Downloads\f51a34fd-3297-4380-9106-91c29ae7d271.tmp</t>
  </si>
  <si>
    <t>12/20/2019 16:18:14</t>
  </si>
  <si>
    <t>12/20/2019 16:23:01</t>
  </si>
  <si>
    <t>12/20/2019 16:21:18</t>
  </si>
  <si>
    <t>\\acsfs\profiles$\sayharaefs\My Documents\$RECYCLE.BIN\</t>
  </si>
  <si>
    <t>$IFICWDA.txt</t>
  </si>
  <si>
    <t>\\acsfs\profiles$\sayharaefs\My Documents\$RECYCLE.BIN\$IFICWDA.txt</t>
  </si>
  <si>
    <t>12/20/2019 16:21:22</t>
  </si>
  <si>
    <t>$IBTQBJL.txt</t>
  </si>
  <si>
    <t>\\acsfs\profiles$\sayharaefs\My Documents\$RECYCLE.BIN\$IBTQBJL.txt</t>
  </si>
  <si>
    <t>12/20/2019 16:21:27</t>
  </si>
  <si>
    <t>$IC2XIUO.txt</t>
  </si>
  <si>
    <t>\\acsfs\profiles$\sayharaefs\My Documents\$RECYCLE.BIN\$IC2XIUO.txt</t>
  </si>
  <si>
    <t>12/20/2019 16:19:05</t>
  </si>
  <si>
    <t>12/20/2019 16:24:42</t>
  </si>
  <si>
    <t>$I3UHV8R.txt</t>
  </si>
  <si>
    <t>\\acsfs\profiles$\marcelacdss\My Documents\$RECYCLE.BIN\$I3UHV8R.txt</t>
  </si>
  <si>
    <t>12/20/2019 16:19:41</t>
  </si>
  <si>
    <t>$I6N94P1.txt</t>
  </si>
  <si>
    <t>\\acsfs\profiles$\marcelacdss\My Documents\$RECYCLE.BIN\$I6N94P1.txt</t>
  </si>
  <si>
    <t>12/20/2019 16:20:23</t>
  </si>
  <si>
    <t>$IYWPI21.txt</t>
  </si>
  <si>
    <t>\\acsfs\profiles$\marcelacdss\My Documents\$RECYCLE.BIN\$IYWPI21.txt</t>
  </si>
  <si>
    <t>12/20/2019 16:20:47</t>
  </si>
  <si>
    <t>$IIUPWAR.txt</t>
  </si>
  <si>
    <t>\\acsfs\profiles$\marcelacdss\My Documents\$RECYCLE.BIN\$IIUPWAR.txt</t>
  </si>
  <si>
    <t>12/20/2019 16:21:21</t>
  </si>
  <si>
    <t>$IFSEJPB.txt</t>
  </si>
  <si>
    <t>\\acsfs\profiles$\marcelacdss\My Documents\$RECYCLE.BIN\$IFSEJPB.txt</t>
  </si>
  <si>
    <t>12/20/2019 16:21:46</t>
  </si>
  <si>
    <t>$IMCSJWM.txt</t>
  </si>
  <si>
    <t>\\acsfs\profiles$\marcelacdss\My Documents\$RECYCLE.BIN\$IMCSJWM.txt</t>
  </si>
  <si>
    <t>12/20/2019 16:22:22</t>
  </si>
  <si>
    <t>$ID5HCOX.txt</t>
  </si>
  <si>
    <t>\\acsfs\profiles$\marcelacdss\My Documents\$RECYCLE.BIN\$ID5HCOX.txt</t>
  </si>
  <si>
    <t>12/20/2019 16:19:50</t>
  </si>
  <si>
    <t>$I8LHCRY.txt</t>
  </si>
  <si>
    <t>\\acsfs\profiles$\regisadsa\My Documents\$RECYCLE.BIN\$I8LHCRY.txt</t>
  </si>
  <si>
    <t>Atendimento com vendas otimo1.txt</t>
  </si>
  <si>
    <t>\\acsfs\profiles$\regisadsa\My Documents\Atendimento com vendas otimo1.txt</t>
  </si>
  <si>
    <t>12/20/2019 16:21:11</t>
  </si>
  <si>
    <t>\\acsfs\profiles$\ingridsm\Downloads\$RECYCLE.BIN\</t>
  </si>
  <si>
    <t>$I2RNJLX.ica</t>
  </si>
  <si>
    <t>\\acsfs\profiles$\ingridsm\Downloads\$RECYCLE.BIN\$I2RNJLX.ica</t>
  </si>
  <si>
    <t>12/20/2019 16:21:14</t>
  </si>
  <si>
    <t>$I63SUA8.ica</t>
  </si>
  <si>
    <t>\\acsfs\profiles$\ingridsm\Downloads\$RECYCLE.BIN\$I63SUA8.ica</t>
  </si>
  <si>
    <t>$IAFRKFM.ica</t>
  </si>
  <si>
    <t>\\acsfs\profiles$\ingridsm\Downloads\$RECYCLE.BIN\$IAFRKFM.ica</t>
  </si>
  <si>
    <t>12/20/2019 16:19:21</t>
  </si>
  <si>
    <t>12/20/2019 16:22:23</t>
  </si>
  <si>
    <t>\\acsfs\DEPTOS\Operacao\Banco_Votorantim\Comum\CHAT\</t>
  </si>
  <si>
    <t>planilha sorteio.xls</t>
  </si>
  <si>
    <t>\\acsfs\DEPTOS\Operacao\Banco_Votorantim\Comum\CHAT\planilha sorteio.xls</t>
  </si>
  <si>
    <t>12/20/2019 16:22:56</t>
  </si>
  <si>
    <t>script chat.txt</t>
  </si>
  <si>
    <t>\\acsfs\DEPTOS\Operacao\Banco_Votorantim\Comum\CHAT\script chat.txt</t>
  </si>
  <si>
    <t>12/20/2019 16:23:33</t>
  </si>
  <si>
    <t>12/20/2019 16:20:39</t>
  </si>
  <si>
    <t>$IB8W9R7.txt</t>
  </si>
  <si>
    <t>\\acsfs\profiles$\gabrielamdp\My Documents\$RECYCLE.BIN\$IB8W9R7.txt</t>
  </si>
  <si>
    <t>12/20/2019 16:20:59</t>
  </si>
  <si>
    <t>$IN7GYI2.txt</t>
  </si>
  <si>
    <t>\\acsfs\profiles$\gabrielamdp\My Documents\$RECYCLE.BIN\$IN7GYI2.txt</t>
  </si>
  <si>
    <t>12/20/2019 16:21:15</t>
  </si>
  <si>
    <t>$IRTI9ND.txt</t>
  </si>
  <si>
    <t>\\acsfs\profiles$\gabrielamdp\My Documents\$RECYCLE.BIN\$IRTI9ND.txt</t>
  </si>
  <si>
    <t>12/20/2019 16:21:29</t>
  </si>
  <si>
    <t>$IOND402.txt</t>
  </si>
  <si>
    <t>\\acsfs\profiles$\gabrielamdp\My Documents\$RECYCLE.BIN\$IOND402.txt</t>
  </si>
  <si>
    <t>12/20/2019 16:21:49</t>
  </si>
  <si>
    <t>$I809ODW.txt</t>
  </si>
  <si>
    <t>\\acsfs\profiles$\gabrielamdp\My Documents\$RECYCLE.BIN\$I809ODW.txt</t>
  </si>
  <si>
    <t>12/20/2019 16:22:34</t>
  </si>
  <si>
    <t>$IMQY7TC.txt</t>
  </si>
  <si>
    <t>\\acsfs\profiles$\gabrielamdp\My Documents\$RECYCLE.BIN\$IMQY7TC.txt</t>
  </si>
  <si>
    <t>12/20/2019 16:21:02</t>
  </si>
  <si>
    <t>\\acsfs\profiles$\ciceraads\Downloads\$RECYCLE.BIN\</t>
  </si>
  <si>
    <t>$I2EFXF7.tmp</t>
  </si>
  <si>
    <t>\\acsfs\profiles$\ciceraads\Downloads\$RECYCLE.BIN\$I2EFXF7.tmp</t>
  </si>
  <si>
    <t>12/20/2019 16:21:03</t>
  </si>
  <si>
    <t>$IUPN1VW.partial</t>
  </si>
  <si>
    <t>\\acsfs\profiles$\ciceraads\Downloads\$RECYCLE.BIN\$IUPN1VW.partial</t>
  </si>
  <si>
    <t>$I5SEE90.pdf</t>
  </si>
  <si>
    <t>\\acsfs\profiles$\ciceraads\Downloads\$RECYCLE.BIN\$I5SEE90.pdf</t>
  </si>
  <si>
    <t>$I34RS3X.crdownload</t>
  </si>
  <si>
    <t>\\acsfs\profiles$\ciceraads\Downloads\$RECYCLE.BIN\$I34RS3X.crdownload</t>
  </si>
  <si>
    <t>$I1086Q1.xbap</t>
  </si>
  <si>
    <t>\\acsfs\profiles$\ciceraads\Downloads\$RECYCLE.BIN\$I1086Q1.xbap</t>
  </si>
  <si>
    <t>$IK75RTE.ica</t>
  </si>
  <si>
    <t>\\acsfs\profiles$\ciceraads\Downloads\$RECYCLE.BIN\$IK75RTE.ica</t>
  </si>
  <si>
    <t>$I0UL4CZ.ica</t>
  </si>
  <si>
    <t>\\acsfs\profiles$\ciceraads\Downloads\$RECYCLE.BIN\$I0UL4CZ.ica</t>
  </si>
  <si>
    <t>12/20/2019 16:21:04</t>
  </si>
  <si>
    <t>$IJXKPBZ.ica</t>
  </si>
  <si>
    <t>\\acsfs\profiles$\ciceraads\Downloads\$RECYCLE.BIN\$IJXKPBZ.ica</t>
  </si>
  <si>
    <t>$IGRWTQM.ica</t>
  </si>
  <si>
    <t>\\acsfs\profiles$\ciceraads\Downloads\$RECYCLE.BIN\$IGRWTQM.ica</t>
  </si>
  <si>
    <t>$IUQ31O6.ica</t>
  </si>
  <si>
    <t>\\acsfs\profiles$\ciceraads\Downloads\$RECYCLE.BIN\$IUQ31O6.ica</t>
  </si>
  <si>
    <t>$IXNMH3T.ica</t>
  </si>
  <si>
    <t>\\acsfs\profiles$\ciceraads\Downloads\$RECYCLE.BIN\$IXNMH3T.ica</t>
  </si>
  <si>
    <t>$IFA0FR7.ica</t>
  </si>
  <si>
    <t>\\acsfs\profiles$\ciceraads\Downloads\$RECYCLE.BIN\$IFA0FR7.ica</t>
  </si>
  <si>
    <t>$IQNADZU.ica</t>
  </si>
  <si>
    <t>\\acsfs\profiles$\ciceraads\Downloads\$RECYCLE.BIN\$IQNADZU.ica</t>
  </si>
  <si>
    <t>12/20/2019 16:21:05</t>
  </si>
  <si>
    <t>$IHSHGZK.ica</t>
  </si>
  <si>
    <t>\\acsfs\profiles$\ciceraads\Downloads\$RECYCLE.BIN\$IHSHGZK.ica</t>
  </si>
  <si>
    <t>$ISZ74LB.ica</t>
  </si>
  <si>
    <t>\\acsfs\profiles$\ciceraads\Downloads\$RECYCLE.BIN\$ISZ74LB.ica</t>
  </si>
  <si>
    <t>$I0PYB0F.ica</t>
  </si>
  <si>
    <t>\\acsfs\profiles$\ciceraads\Downloads\$RECYCLE.BIN\$I0PYB0F.ica</t>
  </si>
  <si>
    <t>$IX2XW38.ica</t>
  </si>
  <si>
    <t>\\acsfs\profiles$\ciceraads\Downloads\$RECYCLE.BIN\$IX2XW38.ica</t>
  </si>
  <si>
    <t>$I15FON6.ica</t>
  </si>
  <si>
    <t>\\acsfs\profiles$\ciceraads\Downloads\$RECYCLE.BIN\$I15FON6.ica</t>
  </si>
  <si>
    <t>12/20/2019 16:21:06</t>
  </si>
  <si>
    <t>$I3WCSHM.ica</t>
  </si>
  <si>
    <t>\\acsfs\profiles$\ciceraads\Downloads\$RECYCLE.BIN\$I3WCSHM.ica</t>
  </si>
  <si>
    <t>$I8BNFR0.ica</t>
  </si>
  <si>
    <t>\\acsfs\profiles$\ciceraads\Downloads\$RECYCLE.BIN\$I8BNFR0.ica</t>
  </si>
  <si>
    <t>12/20/2019 16:23:05</t>
  </si>
  <si>
    <t>XLOG_anacdos_20122019_082525.log</t>
  </si>
  <si>
    <t>\\acsfs\profiles$\anacdos\My Documents\xworkcenter\logs\XLOG_anacdos_20122019_082525.log</t>
  </si>
  <si>
    <t>12/20/2019 16:24:38</t>
  </si>
  <si>
    <t>12/20/2019 16:25:42</t>
  </si>
  <si>
    <t>Prova Excel - Avançado.xlsx</t>
  </si>
  <si>
    <t>12/20/2019 16:22:05</t>
  </si>
  <si>
    <t>12/20/2019 16:25:13</t>
  </si>
  <si>
    <t>6b01d026-9a1d-4087-af1c-be0a762ba273.tmp</t>
  </si>
  <si>
    <t>\\acsfs\profiles$\geovannasm\Downloads\6b01d026-9a1d-4087-af1c-be0a762ba273.tmp</t>
  </si>
  <si>
    <t>12/20/2019 16:22:58</t>
  </si>
  <si>
    <t>mail.google.com/sync/u/0/i/s?hl=pt-BR&amp;c=460</t>
  </si>
  <si>
    <t>12/20/2019 16:23:25</t>
  </si>
  <si>
    <t>mail.google.com/sync/u/0/i/s?hl=pt-BR&amp;c=463</t>
  </si>
  <si>
    <t>12/20/2019 16:23:30</t>
  </si>
  <si>
    <t>12/20/2019 16:23:35</t>
  </si>
  <si>
    <t>12/20/2019 16:23:48</t>
  </si>
  <si>
    <t>12/20/2019 16:24:17</t>
  </si>
  <si>
    <t>12/20/2019 16:24:31</t>
  </si>
  <si>
    <t>12/20/2019 16:24:49</t>
  </si>
  <si>
    <t>12/20/2019 16:25:20</t>
  </si>
  <si>
    <t>mail.google.com/sync/u/0/i/s?hl=pt-BR&amp;c=480</t>
  </si>
  <si>
    <t>12/20/2019 16:25:38</t>
  </si>
  <si>
    <t>12/20/2019 16:26:43</t>
  </si>
  <si>
    <t>Planilha de Treinamento planejamento Nov.Dez. 2019.xlsx</t>
  </si>
  <si>
    <t>12/20/2019 15:51:04</t>
  </si>
  <si>
    <t>12/20/2019 16:27:42</t>
  </si>
  <si>
    <t>/o=exchangelabs/ou=exchange administrative group (fydibohf23spdlt)/cn=recipients/cn=f927337e9e32468d91da72c6c6ec4935-eliamar de;jessicapdsi@algartech.com.br;</t>
  </si>
  <si>
    <t>Controle de discrepância de dezembro</t>
  </si>
  <si>
    <t>Desvio Parcial_discrepância.xls</t>
  </si>
  <si>
    <t>/o=exchangelabs/ou=exchange administrative group (fydibohf23spdlt)/cn=recipients/cn=f927337e9e32468d91da72c6c6ec4935-eliamar de,jessicapdsi@algartech.com.br</t>
  </si>
  <si>
    <t>12/20/2019 16:24:23</t>
  </si>
  <si>
    <t>12/20/2019 16:25:35</t>
  </si>
  <si>
    <t>\\acsfs\DEPTOS\EDUCACAO EMPRESARIAL\2 - Operações\2 - Amex\2.1.2 -Treinadores\1 - Treinadores\Equipe Sucielle\ARTHUR\</t>
  </si>
  <si>
    <t>\\acsfs\DEPTOS\EDUCACAO EMPRESARIAL\2 - Operações\2 - Amex\2.1.2 -Treinadores\1 - Treinadores\Equipe Sucielle\ARTHUR\FORMAÇÃO VENDAS\TURMA_PRIME_VENDAS_16_12_2019\Thumbs.db</t>
  </si>
  <si>
    <t>12/20/2019 16:23:57</t>
  </si>
  <si>
    <t>12/20/2019 16:29:42</t>
  </si>
  <si>
    <t>$I43E17W.txt</t>
  </si>
  <si>
    <t>\\acsfs\profiles$\marcelacdss\My Documents\$RECYCLE.BIN\$I43E17W.txt</t>
  </si>
  <si>
    <t>12/20/2019 16:24:39</t>
  </si>
  <si>
    <t>$IKV7HK8.txt</t>
  </si>
  <si>
    <t>\\acsfs\profiles$\marcelacdss\My Documents\$RECYCLE.BIN\$IKV7HK8.txt</t>
  </si>
  <si>
    <t>12/20/2019 16:24:57</t>
  </si>
  <si>
    <t>$IL55XX8.txt</t>
  </si>
  <si>
    <t>\\acsfs\profiles$\marcelacdss\My Documents\$RECYCLE.BIN\$IL55XX8.txt</t>
  </si>
  <si>
    <t>12/20/2019 16:25:21</t>
  </si>
  <si>
    <t>$IOUHQHB.txt</t>
  </si>
  <si>
    <t>\\acsfs\profiles$\marcelacdss\My Documents\$RECYCLE.BIN\$IOUHQHB.txt</t>
  </si>
  <si>
    <t>12/20/2019 16:26:03</t>
  </si>
  <si>
    <t>$IIXX7QB.txt</t>
  </si>
  <si>
    <t>\\acsfs\profiles$\marcelacdss\My Documents\$RECYCLE.BIN\$IIXX7QB.txt</t>
  </si>
  <si>
    <t>12/20/2019 16:26:26</t>
  </si>
  <si>
    <t>$I89EVFE.txt</t>
  </si>
  <si>
    <t>\\acsfs\profiles$\marcelacdss\My Documents\$RECYCLE.BIN\$I89EVFE.txt</t>
  </si>
  <si>
    <t>12/20/2019 16:26:46</t>
  </si>
  <si>
    <t>$ION3LYA.txt</t>
  </si>
  <si>
    <t>\\acsfs\profiles$\marcelacdss\My Documents\$RECYCLE.BIN\$ION3LYA.txt</t>
  </si>
  <si>
    <t>12/20/2019 16:27:22</t>
  </si>
  <si>
    <t>$IJ1CWP5.txt</t>
  </si>
  <si>
    <t>\\acsfs\profiles$\marcelacdss\My Documents\$RECYCLE.BIN\$IJ1CWP5.txt</t>
  </si>
  <si>
    <t>12/20/2019 16:27:35</t>
  </si>
  <si>
    <t>$I0T8A73.txt</t>
  </si>
  <si>
    <t>\\acsfs\profiles$\marcelacdss\My Documents\$RECYCLE.BIN\$I0T8A73.txt</t>
  </si>
  <si>
    <t>\\acsfs\profiles$\marcelacdss\My Documents\ATENDIMENTOS\AGOSTO\</t>
  </si>
  <si>
    <t>14.txt</t>
  </si>
  <si>
    <t>\\acsfs\profiles$\marcelacdss\My Documents\ATENDIMENTOS\AGOSTO\14.txt</t>
  </si>
  <si>
    <t>12/20/2019 16:28:30</t>
  </si>
  <si>
    <t>$I0S8KX3.txt</t>
  </si>
  <si>
    <t>\\acsfs\profiles$\marcelacdss\My Documents\$RECYCLE.BIN\$I0S8KX3.txt</t>
  </si>
  <si>
    <t>12/20/2019 16:27:34</t>
  </si>
  <si>
    <t>$IWBG1XP.txt</t>
  </si>
  <si>
    <t>\\acsfs\profiles$\gabrielamdp\My Documents\$RECYCLE.BIN\$IWBG1XP.txt</t>
  </si>
  <si>
    <t>$IZXRC16.txt</t>
  </si>
  <si>
    <t>\\acsfs\profiles$\gabrielamdp\My Documents\$RECYCLE.BIN\$IZXRC16.txt</t>
  </si>
  <si>
    <t>12/20/2019 16:25:43</t>
  </si>
  <si>
    <t>$I8F1OXX.txt</t>
  </si>
  <si>
    <t>\\acsfs\profiles$\gabrielamdp\My Documents\$RECYCLE.BIN\$I8F1OXX.txt</t>
  </si>
  <si>
    <t>$I7UDE4P.txt</t>
  </si>
  <si>
    <t>\\acsfs\profiles$\gabrielamdp\My Documents\$RECYCLE.BIN\$I7UDE4P.txt</t>
  </si>
  <si>
    <t>$IB19X6T.txt</t>
  </si>
  <si>
    <t>\\acsfs\profiles$\gabrielamdp\My Documents\$RECYCLE.BIN\$IB19X6T.txt</t>
  </si>
  <si>
    <t>$IST1E2B.txt</t>
  </si>
  <si>
    <t>\\acsfs\profiles$\gabrielamdp\My Documents\$RECYCLE.BIN\$IST1E2B.txt</t>
  </si>
  <si>
    <t>$IX2WIAD.txt</t>
  </si>
  <si>
    <t>\\acsfs\profiles$\gabrielamdp\My Documents\$RECYCLE.BIN\$IX2WIAD.txt</t>
  </si>
  <si>
    <t>$IU91LNO.txt</t>
  </si>
  <si>
    <t>\\acsfs\profiles$\gabrielamdp\My Documents\$RECYCLE.BIN\$IU91LNO.txt</t>
  </si>
  <si>
    <t>12/20/2019 16:28:41</t>
  </si>
  <si>
    <t>dd61103c-5de6-47b7-80df-17ca5afa756d.tmp</t>
  </si>
  <si>
    <t>\\acsfs\profiles$\gabrielamdp\Downloads\dd61103c-5de6-47b7-80df-17ca5afa756d.tmp</t>
  </si>
  <si>
    <t>12/20/2019 16:25:03</t>
  </si>
  <si>
    <t>12/20/2019 16:30:42</t>
  </si>
  <si>
    <t>7c333c93-3045-44f4-87f5-0f519ef75e47.tmp</t>
  </si>
  <si>
    <t>\\acsfs\profiles$\leticiala\Downloads\7c333c93-3045-44f4-87f5-0f519ef75e47.tmp</t>
  </si>
  <si>
    <t>12/20/2019 16:25:16</t>
  </si>
  <si>
    <t>mail.google.com/_/upload?authuser=1&amp;dcp=asu-n&amp;upload_id=AEnB2UrVOKgitnPtk3CG4GR_qmOHotN5zL3b4uvD6GOmpxZXR0BCABgsHBP7skLv_X9zJzkRbZ_T5qbFurRnZEQyM1aw-R_cMMKN9gUkU61Ut62Z6tkP4Gs&amp;upload_protocol=resumable</t>
  </si>
  <si>
    <t>12/20/2019 16:25:40</t>
  </si>
  <si>
    <t>12/20/2019 16:25:41</t>
  </si>
  <si>
    <t>mail.google.com/sync/u/0/i/s?hl=pt-BR&amp;c=482</t>
  </si>
  <si>
    <t>12/20/2019 16:25:44</t>
  </si>
  <si>
    <t>mail.google.com/sync/u/0/i/s?hl=pt-BR&amp;c=485</t>
  </si>
  <si>
    <t>12/20/2019 16:26:04</t>
  </si>
  <si>
    <t>12/20/2019 16:31:42</t>
  </si>
  <si>
    <t>12/20/2019 16:27:51</t>
  </si>
  <si>
    <t>12/20/2019 16:28:51</t>
  </si>
  <si>
    <t>mail.google.com/sync/u/0/i/s?hl=pt-BR&amp;c=490</t>
  </si>
  <si>
    <t>12/20/2019 16:29:00</t>
  </si>
  <si>
    <t>mail.google.com/sync/u/0/i/s?hl=pt-BR&amp;c=492</t>
  </si>
  <si>
    <t>12/20/2019 16:29:15</t>
  </si>
  <si>
    <t>mail.google.com/sync/u/0/i/s?hl=pt-BR&amp;c=494</t>
  </si>
  <si>
    <t>12/20/2019 16:29:19</t>
  </si>
  <si>
    <t>mail.google.com/sync/u/0/i/s?hl=pt-BR&amp;c=496</t>
  </si>
  <si>
    <t>12/20/2019 16:29:50</t>
  </si>
  <si>
    <t>ouvidoria@algar.com.br;</t>
  </si>
  <si>
    <t>ouvidoria@algar.com.br</t>
  </si>
  <si>
    <t>12/20/2019 16:29:59</t>
  </si>
  <si>
    <t>12/20/2019 16:30:14</t>
  </si>
  <si>
    <t>12/20/2019 16:30:24</t>
  </si>
  <si>
    <t>12/20/2019 16:30:26</t>
  </si>
  <si>
    <t>12/20/2019 16:27:30</t>
  </si>
  <si>
    <t>mail.google.com/_/upload?authuser=0&amp;dcp=asu-n&amp;upload_id=AEnB2Up_Qt_6iCSnpgbxSWk6RlGOXCa92IMpJwj0kgZmuMrC48B9E8jXYHaxUIJu6ETNoGaaIMhZf3i37xAJwjgYgXTYDMrhrFllId6nsAwIBQOh_ulunZU&amp;upload_protocol=resumable</t>
  </si>
  <si>
    <t>\\acsfs\deptos\Regionais\SPO\TALENTOS_HUMANOS_SPO\SESMT_SPO\2015_ORGANIZAÇÃO DOS DIRETÓRIOS\Treinamentos\CONTROLE DE TREINAMENTOS\Cronogramas\2019\</t>
  </si>
  <si>
    <t>CRONOGRAMA DE TREINAMENTOS SSMA - SETEMBRO 2019.xlsx</t>
  </si>
  <si>
    <t>12/20/2019 16:27:33</t>
  </si>
  <si>
    <t>12/20/2019 16:32:41</t>
  </si>
  <si>
    <t>12/20/2019 16:27:43</t>
  </si>
  <si>
    <t>12/20/2019 16:27:47</t>
  </si>
  <si>
    <t>12/20/2019 16:27:58</t>
  </si>
  <si>
    <t>12/20/2019 16:28:45</t>
  </si>
  <si>
    <t>12/20/2019 16:34:42</t>
  </si>
  <si>
    <t>$IRSTKHR.txt</t>
  </si>
  <si>
    <t>\\acsfs\profiles$\marcelacdss\My Documents\$RECYCLE.BIN\$IRSTKHR.txt</t>
  </si>
  <si>
    <t>12/20/2019 16:29:03</t>
  </si>
  <si>
    <t>$IKHPMBJ.txt</t>
  </si>
  <si>
    <t>\\acsfs\profiles$\marcelacdss\My Documents\$RECYCLE.BIN\$IKHPMBJ.txt</t>
  </si>
  <si>
    <t>12/20/2019 16:29:23</t>
  </si>
  <si>
    <t>$ISJ1L4M.txt</t>
  </si>
  <si>
    <t>\\acsfs\profiles$\marcelacdss\My Documents\$RECYCLE.BIN\$ISJ1L4M.txt</t>
  </si>
  <si>
    <t>12/20/2019 16:29:47</t>
  </si>
  <si>
    <t>$IBBMX3R.txt</t>
  </si>
  <si>
    <t>\\acsfs\profiles$\marcelacdss\My Documents\$RECYCLE.BIN\$IBBMX3R.txt</t>
  </si>
  <si>
    <t>12/20/2019 16:30:04</t>
  </si>
  <si>
    <t>$IF00FWG.txt</t>
  </si>
  <si>
    <t>\\acsfs\profiles$\marcelacdss\My Documents\$RECYCLE.BIN\$IF00FWG.txt</t>
  </si>
  <si>
    <t>$IM5AFDD.txt</t>
  </si>
  <si>
    <t>\\acsfs\profiles$\marcelacdss\My Documents\$RECYCLE.BIN\$IM5AFDD.txt</t>
  </si>
  <si>
    <t>12/20/2019 16:30:37</t>
  </si>
  <si>
    <t>$IET12CP.txt</t>
  </si>
  <si>
    <t>\\acsfs\profiles$\marcelacdss\My Documents\$RECYCLE.BIN\$IET12CP.txt</t>
  </si>
  <si>
    <t>12/20/2019 16:30:41</t>
  </si>
  <si>
    <t>$ILLLYVK.txt</t>
  </si>
  <si>
    <t>\\acsfs\profiles$\marcelacdss\My Documents\$RECYCLE.BIN\$ILLLYVK.txt</t>
  </si>
  <si>
    <t>12/20/2019 16:30:44</t>
  </si>
  <si>
    <t>$IQIC9MO.txt</t>
  </si>
  <si>
    <t>\\acsfs\profiles$\marcelacdss\My Documents\$RECYCLE.BIN\$IQIC9MO.txt</t>
  </si>
  <si>
    <t>12/20/2019 16:30:46</t>
  </si>
  <si>
    <t>$IP0Z9PX.txt</t>
  </si>
  <si>
    <t>\\acsfs\profiles$\marcelacdss\My Documents\$RECYCLE.BIN\$IP0Z9PX.txt</t>
  </si>
  <si>
    <t>12/20/2019 16:30:48</t>
  </si>
  <si>
    <t>$I8G661G.txt</t>
  </si>
  <si>
    <t>\\acsfs\profiles$\marcelacdss\My Documents\$RECYCLE.BIN\$I8G661G.txt</t>
  </si>
  <si>
    <t>12/20/2019 16:30:51</t>
  </si>
  <si>
    <t>$IJT7KPT.txt</t>
  </si>
  <si>
    <t>\\acsfs\profiles$\marcelacdss\My Documents\$RECYCLE.BIN\$IJT7KPT.txt</t>
  </si>
  <si>
    <t>12/20/2019 16:31:06</t>
  </si>
  <si>
    <t>$I1SKMTP.txt</t>
  </si>
  <si>
    <t>\\acsfs\profiles$\marcelacdss\My Documents\$RECYCLE.BIN\$I1SKMTP.txt</t>
  </si>
  <si>
    <t>12/20/2019 16:31:08</t>
  </si>
  <si>
    <t>$IVQDUI7.txt</t>
  </si>
  <si>
    <t>\\acsfs\profiles$\marcelacdss\My Documents\$RECYCLE.BIN\$IVQDUI7.txt</t>
  </si>
  <si>
    <t>12/20/2019 16:31:09</t>
  </si>
  <si>
    <t>$IZ1P0XN.txt</t>
  </si>
  <si>
    <t>\\acsfs\profiles$\marcelacdss\My Documents\$RECYCLE.BIN\$IZ1P0XN.txt</t>
  </si>
  <si>
    <t>12/20/2019 16:31:11</t>
  </si>
  <si>
    <t>$IL8UX7G.txt</t>
  </si>
  <si>
    <t>\\acsfs\profiles$\marcelacdss\My Documents\$RECYCLE.BIN\$IL8UX7G.txt</t>
  </si>
  <si>
    <t>12/20/2019 16:31:13</t>
  </si>
  <si>
    <t>$IBU8JLX.txt</t>
  </si>
  <si>
    <t>\\acsfs\profiles$\marcelacdss\My Documents\$RECYCLE.BIN\$IBU8JLX.txt</t>
  </si>
  <si>
    <t>12/20/2019 16:31:14</t>
  </si>
  <si>
    <t>$IPR14CM.txt</t>
  </si>
  <si>
    <t>\\acsfs\profiles$\marcelacdss\My Documents\$RECYCLE.BIN\$IPR14CM.txt</t>
  </si>
  <si>
    <t>12/20/2019 16:31:16</t>
  </si>
  <si>
    <t>$IFBGK8M.txt</t>
  </si>
  <si>
    <t>\\acsfs\profiles$\marcelacdss\My Documents\$RECYCLE.BIN\$IFBGK8M.txt</t>
  </si>
  <si>
    <t>12/20/2019 16:31:18</t>
  </si>
  <si>
    <t>$IUBVK3R.txt</t>
  </si>
  <si>
    <t>\\acsfs\profiles$\marcelacdss\My Documents\$RECYCLE.BIN\$IUBVK3R.txt</t>
  </si>
  <si>
    <t>12/20/2019 16:31:19</t>
  </si>
  <si>
    <t>$ITIEGBD.txt</t>
  </si>
  <si>
    <t>\\acsfs\profiles$\marcelacdss\My Documents\$RECYCLE.BIN\$ITIEGBD.txt</t>
  </si>
  <si>
    <t>12/20/2019 16:31:21</t>
  </si>
  <si>
    <t>$IOWXNQA.txt</t>
  </si>
  <si>
    <t>\\acsfs\profiles$\marcelacdss\My Documents\$RECYCLE.BIN\$IOWXNQA.txt</t>
  </si>
  <si>
    <t>12/20/2019 16:31:23</t>
  </si>
  <si>
    <t>$I2M1ZZ5.txt</t>
  </si>
  <si>
    <t>\\acsfs\profiles$\marcelacdss\My Documents\$RECYCLE.BIN\$I2M1ZZ5.txt</t>
  </si>
  <si>
    <t>12/20/2019 16:31:25</t>
  </si>
  <si>
    <t>$IY477S6.txt</t>
  </si>
  <si>
    <t>\\acsfs\profiles$\marcelacdss\My Documents\$RECYCLE.BIN\$IY477S6.txt</t>
  </si>
  <si>
    <t>12/20/2019 16:31:26</t>
  </si>
  <si>
    <t>$I4MOVRU.txt</t>
  </si>
  <si>
    <t>\\acsfs\profiles$\marcelacdss\My Documents\$RECYCLE.BIN\$I4MOVRU.txt</t>
  </si>
  <si>
    <t>12/20/2019 16:31:28</t>
  </si>
  <si>
    <t>$IQOHT23.txt</t>
  </si>
  <si>
    <t>\\acsfs\profiles$\marcelacdss\My Documents\$RECYCLE.BIN\$IQOHT23.txt</t>
  </si>
  <si>
    <t>12/20/2019 16:31:30</t>
  </si>
  <si>
    <t>$IIBBIQS.txt</t>
  </si>
  <si>
    <t>\\acsfs\profiles$\marcelacdss\My Documents\$RECYCLE.BIN\$IIBBIQS.txt</t>
  </si>
  <si>
    <t>12/20/2019 16:31:32</t>
  </si>
  <si>
    <t>$IM4BKJJ.txt</t>
  </si>
  <si>
    <t>\\acsfs\profiles$\marcelacdss\My Documents\$RECYCLE.BIN\$IM4BKJJ.txt</t>
  </si>
  <si>
    <t>12/20/2019 16:31:33</t>
  </si>
  <si>
    <t>$IC7L1L0.txt</t>
  </si>
  <si>
    <t>\\acsfs\profiles$\marcelacdss\My Documents\$RECYCLE.BIN\$IC7L1L0.txt</t>
  </si>
  <si>
    <t>12/20/2019 16:31:35</t>
  </si>
  <si>
    <t>$ILV1K95.txt</t>
  </si>
  <si>
    <t>\\acsfs\profiles$\marcelacdss\My Documents\$RECYCLE.BIN\$ILV1K95.txt</t>
  </si>
  <si>
    <t>12/20/2019 16:31:37</t>
  </si>
  <si>
    <t>$IYK319T.txt</t>
  </si>
  <si>
    <t>\\acsfs\profiles$\marcelacdss\My Documents\$RECYCLE.BIN\$IYK319T.txt</t>
  </si>
  <si>
    <t>12/20/2019 16:31:39</t>
  </si>
  <si>
    <t>$IWMC7BD.txt</t>
  </si>
  <si>
    <t>\\acsfs\profiles$\marcelacdss\My Documents\$RECYCLE.BIN\$IWMC7BD.txt</t>
  </si>
  <si>
    <t>12/20/2019 16:31:40</t>
  </si>
  <si>
    <t>$I85ZFGR.txt</t>
  </si>
  <si>
    <t>\\acsfs\profiles$\marcelacdss\My Documents\$RECYCLE.BIN\$I85ZFGR.txt</t>
  </si>
  <si>
    <t>$ICUUHVU.txt</t>
  </si>
  <si>
    <t>\\acsfs\profiles$\marcelacdss\My Documents\$RECYCLE.BIN\$ICUUHVU.txt</t>
  </si>
  <si>
    <t>12/20/2019 16:31:43</t>
  </si>
  <si>
    <t>$I8PPRRZ.txt</t>
  </si>
  <si>
    <t>\\acsfs\profiles$\marcelacdss\My Documents\$RECYCLE.BIN\$I8PPRRZ.txt</t>
  </si>
  <si>
    <t>12/20/2019 16:31:45</t>
  </si>
  <si>
    <t>$IRQCQR3.txt</t>
  </si>
  <si>
    <t>\\acsfs\profiles$\marcelacdss\My Documents\$RECYCLE.BIN\$IRQCQR3.txt</t>
  </si>
  <si>
    <t>12/20/2019 16:31:54</t>
  </si>
  <si>
    <t>$IVJ72CE.txt</t>
  </si>
  <si>
    <t>\\acsfs\profiles$\marcelacdss\My Documents\$RECYCLE.BIN\$IVJ72CE.txt</t>
  </si>
  <si>
    <t>12/20/2019 16:31:55</t>
  </si>
  <si>
    <t>$I7G3A56.txt</t>
  </si>
  <si>
    <t>\\acsfs\profiles$\marcelacdss\My Documents\$RECYCLE.BIN\$I7G3A56.txt</t>
  </si>
  <si>
    <t>12/20/2019 16:31:57</t>
  </si>
  <si>
    <t>$IFO8NFD.txt</t>
  </si>
  <si>
    <t>\\acsfs\profiles$\marcelacdss\My Documents\$RECYCLE.BIN\$IFO8NFD.txt</t>
  </si>
  <si>
    <t>12/20/2019 16:31:59</t>
  </si>
  <si>
    <t>$I11NFPF.txt</t>
  </si>
  <si>
    <t>\\acsfs\profiles$\marcelacdss\My Documents\$RECYCLE.BIN\$I11NFPF.txt</t>
  </si>
  <si>
    <t>12/20/2019 16:32:01</t>
  </si>
  <si>
    <t>$IBGF8SM.txt</t>
  </si>
  <si>
    <t>\\acsfs\profiles$\marcelacdss\My Documents\$RECYCLE.BIN\$IBGF8SM.txt</t>
  </si>
  <si>
    <t>12/20/2019 16:32:03</t>
  </si>
  <si>
    <t>$IKKIFG5.txt</t>
  </si>
  <si>
    <t>\\acsfs\profiles$\marcelacdss\My Documents\$RECYCLE.BIN\$IKKIFG5.txt</t>
  </si>
  <si>
    <t>12/20/2019 16:32:04</t>
  </si>
  <si>
    <t>$IUHPA0P.txt</t>
  </si>
  <si>
    <t>\\acsfs\profiles$\marcelacdss\My Documents\$RECYCLE.BIN\$IUHPA0P.txt</t>
  </si>
  <si>
    <t>12/20/2019 16:32:06</t>
  </si>
  <si>
    <t>$I0KRTHT.txt</t>
  </si>
  <si>
    <t>\\acsfs\profiles$\marcelacdss\My Documents\$RECYCLE.BIN\$I0KRTHT.txt</t>
  </si>
  <si>
    <t>12/20/2019 16:32:07</t>
  </si>
  <si>
    <t>$IPNKATK.txt</t>
  </si>
  <si>
    <t>\\acsfs\profiles$\marcelacdss\My Documents\$RECYCLE.BIN\$IPNKATK.txt</t>
  </si>
  <si>
    <t>12/20/2019 16:32:09</t>
  </si>
  <si>
    <t>$I8AFK7K.txt</t>
  </si>
  <si>
    <t>\\acsfs\profiles$\marcelacdss\My Documents\$RECYCLE.BIN\$I8AFK7K.txt</t>
  </si>
  <si>
    <t>12/20/2019 16:32:14</t>
  </si>
  <si>
    <t>$IY0IAKE.txt</t>
  </si>
  <si>
    <t>\\acsfs\profiles$\marcelacdss\My Documents\$RECYCLE.BIN\$IY0IAKE.txt</t>
  </si>
  <si>
    <t>12/20/2019 16:32:16</t>
  </si>
  <si>
    <t>$IHFUG1D.txt</t>
  </si>
  <si>
    <t>\\acsfs\profiles$\marcelacdss\My Documents\$RECYCLE.BIN\$IHFUG1D.txt</t>
  </si>
  <si>
    <t>12/20/2019 16:32:17</t>
  </si>
  <si>
    <t>$IVGF05T.txt</t>
  </si>
  <si>
    <t>\\acsfs\profiles$\marcelacdss\My Documents\$RECYCLE.BIN\$IVGF05T.txt</t>
  </si>
  <si>
    <t>12/20/2019 16:32:18</t>
  </si>
  <si>
    <t>$I6D8S6O.txt</t>
  </si>
  <si>
    <t>\\acsfs\profiles$\marcelacdss\My Documents\$RECYCLE.BIN\$I6D8S6O.txt</t>
  </si>
  <si>
    <t>12/20/2019 16:32:22</t>
  </si>
  <si>
    <t>$IV7LJR4.txt</t>
  </si>
  <si>
    <t>\\acsfs\profiles$\marcelacdss\My Documents\$RECYCLE.BIN\$IV7LJR4.txt</t>
  </si>
  <si>
    <t>12/20/2019 16:32:24</t>
  </si>
  <si>
    <t>$IICVOM0.txt</t>
  </si>
  <si>
    <t>\\acsfs\profiles$\marcelacdss\My Documents\$RECYCLE.BIN\$IICVOM0.txt</t>
  </si>
  <si>
    <t>12/20/2019 16:32:26</t>
  </si>
  <si>
    <t>$IG7FXHL.txt</t>
  </si>
  <si>
    <t>\\acsfs\profiles$\marcelacdss\My Documents\$RECYCLE.BIN\$IG7FXHL.txt</t>
  </si>
  <si>
    <t>12/20/2019 16:32:28</t>
  </si>
  <si>
    <t>$I61BAR6.txt</t>
  </si>
  <si>
    <t>\\acsfs\profiles$\marcelacdss\My Documents\$RECYCLE.BIN\$I61BAR6.txt</t>
  </si>
  <si>
    <t>12/20/2019 16:32:29</t>
  </si>
  <si>
    <t>$I2GMNFO.txt</t>
  </si>
  <si>
    <t>\\acsfs\profiles$\marcelacdss\My Documents\$RECYCLE.BIN\$I2GMNFO.txt</t>
  </si>
  <si>
    <t>12/20/2019 16:32:31</t>
  </si>
  <si>
    <t>$IJHE252.txt</t>
  </si>
  <si>
    <t>\\acsfs\profiles$\marcelacdss\My Documents\$RECYCLE.BIN\$IJHE252.txt</t>
  </si>
  <si>
    <t>12/20/2019 16:32:32</t>
  </si>
  <si>
    <t>$IZIEDVJ.txt</t>
  </si>
  <si>
    <t>\\acsfs\profiles$\marcelacdss\My Documents\$RECYCLE.BIN\$IZIEDVJ.txt</t>
  </si>
  <si>
    <t>12/20/2019 16:32:36</t>
  </si>
  <si>
    <t>$I1FRS77.txt</t>
  </si>
  <si>
    <t>\\acsfs\profiles$\marcelacdss\My Documents\$RECYCLE.BIN\$I1FRS77.txt</t>
  </si>
  <si>
    <t>12/20/2019 16:32:42</t>
  </si>
  <si>
    <t>$I29H4JT.txt</t>
  </si>
  <si>
    <t>\\acsfs\profiles$\marcelacdss\My Documents\$RECYCLE.BIN\$I29H4JT.txt</t>
  </si>
  <si>
    <t>12/20/2019 16:32:44</t>
  </si>
  <si>
    <t>$II8YCTC.txt</t>
  </si>
  <si>
    <t>\\acsfs\profiles$\marcelacdss\My Documents\$RECYCLE.BIN\$II8YCTC.txt</t>
  </si>
  <si>
    <t>12/20/2019 16:33:40</t>
  </si>
  <si>
    <t>$IGO8YLE.txt</t>
  </si>
  <si>
    <t>\\acsfs\profiles$\marcelacdss\My Documents\$RECYCLE.BIN\$IGO8YLE.txt</t>
  </si>
  <si>
    <t>12/20/2019 16:29:43</t>
  </si>
  <si>
    <t>12/20/2019 16:31:20</t>
  </si>
  <si>
    <t>12/20/2019 16:34:25</t>
  </si>
  <si>
    <t>12/20/2019 16:35:42</t>
  </si>
  <si>
    <t>12/20/2019 16:36:43</t>
  </si>
  <si>
    <t>12/20/2019 16:35:41</t>
  </si>
  <si>
    <t>12/20/2019 16:33:53</t>
  </si>
  <si>
    <t>10.200.66.197</t>
  </si>
  <si>
    <t>\\acsfs\profiles$\sorayadsr\My Documents\$RECYCLE.BIN\</t>
  </si>
  <si>
    <t>$I6OQXQH.txt</t>
  </si>
  <si>
    <t>\\acsfs\profiles$\sorayadsr\My Documents\$RECYCLE.BIN\$I6OQXQH.txt</t>
  </si>
  <si>
    <t>12/20/2019 16:33:55</t>
  </si>
  <si>
    <t>$IWGGB8D.txt</t>
  </si>
  <si>
    <t>\\acsfs\profiles$\sorayadsr\My Documents\$RECYCLE.BIN\$IWGGB8D.txt</t>
  </si>
  <si>
    <t>12/20/2019 16:37:43</t>
  </si>
  <si>
    <t>Volumetria D2C.xlsx</t>
  </si>
  <si>
    <t>12/20/2019 16:36:48</t>
  </si>
  <si>
    <t>12/20/2019 16:36:50</t>
  </si>
  <si>
    <t>12/20/2019 16:36:51</t>
  </si>
  <si>
    <t>12/20/2019 16:36:08</t>
  </si>
  <si>
    <t>12/20/2019 16:38:43</t>
  </si>
  <si>
    <t>e0f5cce4-1ddf-4e5b-b364-13852ef0ea99.tmp</t>
  </si>
  <si>
    <t>\\acsfs\profiles$\anafaes\Downloads\e0f5cce4-1ddf-4e5b-b364-13852ef0ea99.tmp</t>
  </si>
  <si>
    <t>12/20/2019 16:36:09</t>
  </si>
  <si>
    <t>21f0534a-21e8-4d1a-a562-6a44d5f05472.tmp</t>
  </si>
  <si>
    <t>\\acsfs\profiles$\anafaes\Downloads\21f0534a-21e8-4d1a-a562-6a44d5f05472.tmp</t>
  </si>
  <si>
    <t>12/20/2019 16:36:26</t>
  </si>
  <si>
    <t>643f5cfd-0f13-4ab8-af58-b869c600f55f.tmp</t>
  </si>
  <si>
    <t>\\acsfs\profiles$\anafaes\Downloads\643f5cfd-0f13-4ab8-af58-b869c600f55f.tmp</t>
  </si>
  <si>
    <t>12/20/2019 16:36:31</t>
  </si>
  <si>
    <t>ee425647-2d99-4203-a159-f7bb4348c105.tmp</t>
  </si>
  <si>
    <t>\\acsfs\profiles$\anafaes\Downloads\ee425647-2d99-4203-a159-f7bb4348c105.tmp</t>
  </si>
  <si>
    <t>12/20/2019 16:37:23</t>
  </si>
  <si>
    <t>0b9eddf6-4f13-4071-95fa-5a8e65c3403a.tmp</t>
  </si>
  <si>
    <t>\\acsfs\profiles$\anafaes\Downloads\0b9eddf6-4f13-4071-95fa-5a8e65c3403a.tmp</t>
  </si>
  <si>
    <t>12/20/2019 16:37:37</t>
  </si>
  <si>
    <t>\\acsfs\profiles$\anafaes\My Documents\$RECYCLE.BIN\</t>
  </si>
  <si>
    <t>$I7H3QNL.txt</t>
  </si>
  <si>
    <t>\\acsfs\profiles$\anafaes\My Documents\$RECYCLE.BIN\$I7H3QNL.txt</t>
  </si>
  <si>
    <t>$I44QZOW.txt</t>
  </si>
  <si>
    <t>\\acsfs\profiles$\anafaes\My Documents\$RECYCLE.BIN\$I44QZOW.txt</t>
  </si>
  <si>
    <t>12/20/2019 16:37:38</t>
  </si>
  <si>
    <t>$I8BR7LZ.txt</t>
  </si>
  <si>
    <t>\\acsfs\profiles$\anafaes\My Documents\$RECYCLE.BIN\$I8BR7LZ.txt</t>
  </si>
  <si>
    <t>12/20/2019 16:37:39</t>
  </si>
  <si>
    <t>$ITGYFXV.txt</t>
  </si>
  <si>
    <t>\\acsfs\profiles$\anafaes\My Documents\$RECYCLE.BIN\$ITGYFXV.txt</t>
  </si>
  <si>
    <t>$I664WW4.txt</t>
  </si>
  <si>
    <t>\\acsfs\profiles$\anafaes\My Documents\$RECYCLE.BIN\$I664WW4.txt</t>
  </si>
  <si>
    <t>$IUV1EE7.txt</t>
  </si>
  <si>
    <t>\\acsfs\profiles$\anafaes\My Documents\$RECYCLE.BIN\$IUV1EE7.txt</t>
  </si>
  <si>
    <t>12/20/2019 16:37:40</t>
  </si>
  <si>
    <t>$I7RIRA1.txt</t>
  </si>
  <si>
    <t>\\acsfs\profiles$\anafaes\My Documents\$RECYCLE.BIN\$I7RIRA1.txt</t>
  </si>
  <si>
    <t>$IKZKB7O.txt</t>
  </si>
  <si>
    <t>\\acsfs\profiles$\anafaes\My Documents\$RECYCLE.BIN\$IKZKB7O.txt</t>
  </si>
  <si>
    <t>$IXJ45TC.txt</t>
  </si>
  <si>
    <t>\\acsfs\profiles$\anafaes\My Documents\$RECYCLE.BIN\$IXJ45TC.txt</t>
  </si>
  <si>
    <t>12/20/2019 16:37:41</t>
  </si>
  <si>
    <t>$I8TFXIT.txt</t>
  </si>
  <si>
    <t>\\acsfs\profiles$\anafaes\My Documents\$RECYCLE.BIN\$I8TFXIT.txt</t>
  </si>
  <si>
    <t>$IMBOJU8.txt</t>
  </si>
  <si>
    <t>\\acsfs\profiles$\anafaes\My Documents\$RECYCLE.BIN\$IMBOJU8.txt</t>
  </si>
  <si>
    <t>$IBLGA78.txt</t>
  </si>
  <si>
    <t>\\acsfs\profiles$\anafaes\My Documents\$RECYCLE.BIN\$IBLGA78.txt</t>
  </si>
  <si>
    <t>12/20/2019 16:37:42</t>
  </si>
  <si>
    <t>$IPMV3V3.txt</t>
  </si>
  <si>
    <t>\\acsfs\profiles$\anafaes\My Documents\$RECYCLE.BIN\$IPMV3V3.txt</t>
  </si>
  <si>
    <t>$ILD7Z8Q.txt</t>
  </si>
  <si>
    <t>\\acsfs\profiles$\anafaes\My Documents\$RECYCLE.BIN\$ILD7Z8Q.txt</t>
  </si>
  <si>
    <t>$IOQP4K7.txt</t>
  </si>
  <si>
    <t>\\acsfs\profiles$\anafaes\My Documents\$RECYCLE.BIN\$IOQP4K7.txt</t>
  </si>
  <si>
    <t>$I2VD3VL.txt</t>
  </si>
  <si>
    <t>\\acsfs\profiles$\anafaes\My Documents\$RECYCLE.BIN\$I2VD3VL.txt</t>
  </si>
  <si>
    <t>12/20/2019 16:37:44</t>
  </si>
  <si>
    <t>$I5XBNK3.txt</t>
  </si>
  <si>
    <t>\\acsfs\profiles$\anafaes\My Documents\$RECYCLE.BIN\$I5XBNK3.txt</t>
  </si>
  <si>
    <t>$IFF7JVZ.txt</t>
  </si>
  <si>
    <t>\\acsfs\profiles$\anafaes\My Documents\$RECYCLE.BIN\$IFF7JVZ.txt</t>
  </si>
  <si>
    <t>$IXWFP1Y.txt</t>
  </si>
  <si>
    <t>\\acsfs\profiles$\anafaes\My Documents\$RECYCLE.BIN\$IXWFP1Y.txt</t>
  </si>
  <si>
    <t>$INZX10G.txt</t>
  </si>
  <si>
    <t>\\acsfs\profiles$\anafaes\My Documents\$RECYCLE.BIN\$INZX10G.txt</t>
  </si>
  <si>
    <t>12/20/2019 16:37:45</t>
  </si>
  <si>
    <t>$IQMTCJF.txt</t>
  </si>
  <si>
    <t>\\acsfs\profiles$\anafaes\My Documents\$RECYCLE.BIN\$IQMTCJF.txt</t>
  </si>
  <si>
    <t>$IJE6E07.txt</t>
  </si>
  <si>
    <t>\\acsfs\profiles$\anafaes\My Documents\$RECYCLE.BIN\$IJE6E07.txt</t>
  </si>
  <si>
    <t>$IYQ2450.txt</t>
  </si>
  <si>
    <t>\\acsfs\profiles$\anafaes\My Documents\$RECYCLE.BIN\$IYQ2450.txt</t>
  </si>
  <si>
    <t>12/20/2019 16:37:46</t>
  </si>
  <si>
    <t>$IQANZWW.txt</t>
  </si>
  <si>
    <t>\\acsfs\profiles$\anafaes\My Documents\$RECYCLE.BIN\$IQANZWW.txt</t>
  </si>
  <si>
    <t>$I0PE3FY.txt</t>
  </si>
  <si>
    <t>\\acsfs\profiles$\anafaes\My Documents\$RECYCLE.BIN\$I0PE3FY.txt</t>
  </si>
  <si>
    <t>$IT9ILI8.txt</t>
  </si>
  <si>
    <t>\\acsfs\profiles$\anafaes\My Documents\$RECYCLE.BIN\$IT9ILI8.txt</t>
  </si>
  <si>
    <t>12/20/2019 16:37:47</t>
  </si>
  <si>
    <t>$IBIA51V.txt</t>
  </si>
  <si>
    <t>\\acsfs\profiles$\anafaes\My Documents\$RECYCLE.BIN\$IBIA51V.txt</t>
  </si>
  <si>
    <t>$IHKM2S8.txt</t>
  </si>
  <si>
    <t>\\acsfs\profiles$\anafaes\My Documents\$RECYCLE.BIN\$IHKM2S8.txt</t>
  </si>
  <si>
    <t>$IORZD24.txt</t>
  </si>
  <si>
    <t>\\acsfs\profiles$\anafaes\My Documents\$RECYCLE.BIN\$IORZD24.txt</t>
  </si>
  <si>
    <t>12/20/2019 16:37:48</t>
  </si>
  <si>
    <t>$IQWGKD0.txt</t>
  </si>
  <si>
    <t>\\acsfs\profiles$\anafaes\My Documents\$RECYCLE.BIN\$IQWGKD0.txt</t>
  </si>
  <si>
    <t>$IKOIAI4.txt</t>
  </si>
  <si>
    <t>\\acsfs\profiles$\anafaes\My Documents\$RECYCLE.BIN\$IKOIAI4.txt</t>
  </si>
  <si>
    <t>$IO621GF.txt</t>
  </si>
  <si>
    <t>\\acsfs\profiles$\anafaes\My Documents\$RECYCLE.BIN\$IO621GF.txt</t>
  </si>
  <si>
    <t>12/20/2019 16:37:49</t>
  </si>
  <si>
    <t>$IJHF9XV.txt</t>
  </si>
  <si>
    <t>\\acsfs\profiles$\anafaes\My Documents\$RECYCLE.BIN\$IJHF9XV.txt</t>
  </si>
  <si>
    <t>$IJ3G2GH.txt</t>
  </si>
  <si>
    <t>\\acsfs\profiles$\anafaes\My Documents\$RECYCLE.BIN\$IJ3G2GH.txt</t>
  </si>
  <si>
    <t>$IIQFRE5.txt</t>
  </si>
  <si>
    <t>\\acsfs\profiles$\anafaes\My Documents\$RECYCLE.BIN\$IIQFRE5.txt</t>
  </si>
  <si>
    <t>$I3HX3VI.txt</t>
  </si>
  <si>
    <t>\\acsfs\profiles$\anafaes\My Documents\$RECYCLE.BIN\$I3HX3VI.txt</t>
  </si>
  <si>
    <t>12/20/2019 16:37:50</t>
  </si>
  <si>
    <t>$IBBLZ5R.txt</t>
  </si>
  <si>
    <t>\\acsfs\profiles$\anafaes\My Documents\$RECYCLE.BIN\$IBBLZ5R.txt</t>
  </si>
  <si>
    <t>$I1R1CZ2.txt</t>
  </si>
  <si>
    <t>\\acsfs\profiles$\anafaes\My Documents\$RECYCLE.BIN\$I1R1CZ2.txt</t>
  </si>
  <si>
    <t>12/20/2019 16:37:59</t>
  </si>
  <si>
    <t>$IVF4JG8</t>
  </si>
  <si>
    <t>\\acsfs\profiles$\anafaes\My Documents\$RECYCLE.BIN\$IVF4JG8</t>
  </si>
  <si>
    <t>12/20/2019 16:34:00</t>
  </si>
  <si>
    <t>12/20/2019 16:39:44</t>
  </si>
  <si>
    <t>$ILJFV1P.txt</t>
  </si>
  <si>
    <t>\\acsfs\profiles$\marcelacdss\My Documents\$RECYCLE.BIN\$ILJFV1P.txt</t>
  </si>
  <si>
    <t>12/20/2019 16:34:14</t>
  </si>
  <si>
    <t>$IO3WSNR.txt</t>
  </si>
  <si>
    <t>\\acsfs\profiles$\marcelacdss\My Documents\$RECYCLE.BIN\$IO3WSNR.txt</t>
  </si>
  <si>
    <t>12/20/2019 16:34:27</t>
  </si>
  <si>
    <t>$I4X5HHX.txt</t>
  </si>
  <si>
    <t>\\acsfs\profiles$\marcelacdss\My Documents\$RECYCLE.BIN\$I4X5HHX.txt</t>
  </si>
  <si>
    <t>12/20/2019 16:34:39</t>
  </si>
  <si>
    <t>$INMG239.txt</t>
  </si>
  <si>
    <t>\\acsfs\profiles$\marcelacdss\My Documents\$RECYCLE.BIN\$INMG239.txt</t>
  </si>
  <si>
    <t>12/20/2019 16:34:52</t>
  </si>
  <si>
    <t>$IN9EHID.txt</t>
  </si>
  <si>
    <t>\\acsfs\profiles$\marcelacdss\My Documents\$RECYCLE.BIN\$IN9EHID.txt</t>
  </si>
  <si>
    <t>12/20/2019 16:35:05</t>
  </si>
  <si>
    <t>$IP51EV6.txt</t>
  </si>
  <si>
    <t>\\acsfs\profiles$\marcelacdss\My Documents\$RECYCLE.BIN\$IP51EV6.txt</t>
  </si>
  <si>
    <t>12/20/2019 16:35:18</t>
  </si>
  <si>
    <t>$IDHFUG0.txt</t>
  </si>
  <si>
    <t>\\acsfs\profiles$\marcelacdss\My Documents\$RECYCLE.BIN\$IDHFUG0.txt</t>
  </si>
  <si>
    <t>12/20/2019 16:35:32</t>
  </si>
  <si>
    <t>$IF2J7P9.txt</t>
  </si>
  <si>
    <t>\\acsfs\profiles$\marcelacdss\My Documents\$RECYCLE.BIN\$IF2J7P9.txt</t>
  </si>
  <si>
    <t>12/20/2019 16:35:43</t>
  </si>
  <si>
    <t>$I4F6409.txt</t>
  </si>
  <si>
    <t>\\acsfs\profiles$\marcelacdss\My Documents\$RECYCLE.BIN\$I4F6409.txt</t>
  </si>
  <si>
    <t>12/20/2019 16:37:05</t>
  </si>
  <si>
    <t>$IDB3HJD.txt</t>
  </si>
  <si>
    <t>\\acsfs\profiles$\marcelacdss\My Documents\$RECYCLE.BIN\$IDB3HJD.txt</t>
  </si>
  <si>
    <t>12/20/2019 16:37:07</t>
  </si>
  <si>
    <t>$INPC807.txt</t>
  </si>
  <si>
    <t>\\acsfs\profiles$\marcelacdss\My Documents\$RECYCLE.BIN\$INPC807.txt</t>
  </si>
  <si>
    <t>12/20/2019 16:37:08</t>
  </si>
  <si>
    <t>$ICHF7CY.txt</t>
  </si>
  <si>
    <t>\\acsfs\profiles$\marcelacdss\My Documents\$RECYCLE.BIN\$ICHF7CY.txt</t>
  </si>
  <si>
    <t>12/20/2019 16:37:10</t>
  </si>
  <si>
    <t>$IHXERRD.txt</t>
  </si>
  <si>
    <t>\\acsfs\profiles$\marcelacdss\My Documents\$RECYCLE.BIN\$IHXERRD.txt</t>
  </si>
  <si>
    <t>12/20/2019 16:37:12</t>
  </si>
  <si>
    <t>$IZ48SA8.txt</t>
  </si>
  <si>
    <t>\\acsfs\profiles$\marcelacdss\My Documents\$RECYCLE.BIN\$IZ48SA8.txt</t>
  </si>
  <si>
    <t>12/20/2019 16:37:14</t>
  </si>
  <si>
    <t>$IXP1TAL.txt</t>
  </si>
  <si>
    <t>\\acsfs\profiles$\marcelacdss\My Documents\$RECYCLE.BIN\$IXP1TAL.txt</t>
  </si>
  <si>
    <t>12/20/2019 16:37:16</t>
  </si>
  <si>
    <t>$I41Z97B.txt</t>
  </si>
  <si>
    <t>\\acsfs\profiles$\marcelacdss\My Documents\$RECYCLE.BIN\$I41Z97B.txt</t>
  </si>
  <si>
    <t>12/20/2019 16:37:18</t>
  </si>
  <si>
    <t>$IF94ER0.txt</t>
  </si>
  <si>
    <t>\\acsfs\profiles$\marcelacdss\My Documents\$RECYCLE.BIN\$IF94ER0.txt</t>
  </si>
  <si>
    <t>12/20/2019 16:37:20</t>
  </si>
  <si>
    <t>$I0K9CTV.txt</t>
  </si>
  <si>
    <t>\\acsfs\profiles$\marcelacdss\My Documents\$RECYCLE.BIN\$I0K9CTV.txt</t>
  </si>
  <si>
    <t>12/20/2019 16:37:21</t>
  </si>
  <si>
    <t>$IZVR7EQ.txt</t>
  </si>
  <si>
    <t>\\acsfs\profiles$\marcelacdss\My Documents\$RECYCLE.BIN\$IZVR7EQ.txt</t>
  </si>
  <si>
    <t>$I91WPB7.txt</t>
  </si>
  <si>
    <t>\\acsfs\profiles$\marcelacdss\My Documents\$RECYCLE.BIN\$I91WPB7.txt</t>
  </si>
  <si>
    <t>12/20/2019 16:37:27</t>
  </si>
  <si>
    <t>$I7HVM1J.txt</t>
  </si>
  <si>
    <t>\\acsfs\profiles$\marcelacdss\My Documents\$RECYCLE.BIN\$I7HVM1J.txt</t>
  </si>
  <si>
    <t>12/20/2019 16:37:29</t>
  </si>
  <si>
    <t>$IC94FCH.txt</t>
  </si>
  <si>
    <t>\\acsfs\profiles$\marcelacdss\My Documents\$RECYCLE.BIN\$IC94FCH.txt</t>
  </si>
  <si>
    <t>12/20/2019 16:37:30</t>
  </si>
  <si>
    <t>$IUJU2IG.txt</t>
  </si>
  <si>
    <t>\\acsfs\profiles$\marcelacdss\My Documents\$RECYCLE.BIN\$IUJU2IG.txt</t>
  </si>
  <si>
    <t>12/20/2019 16:37:32</t>
  </si>
  <si>
    <t>$IYH4GG4.txt</t>
  </si>
  <si>
    <t>\\acsfs\profiles$\marcelacdss\My Documents\$RECYCLE.BIN\$IYH4GG4.txt</t>
  </si>
  <si>
    <t>12/20/2019 16:37:34</t>
  </si>
  <si>
    <t>$IKNYZ59.txt</t>
  </si>
  <si>
    <t>\\acsfs\profiles$\marcelacdss\My Documents\$RECYCLE.BIN\$IKNYZ59.txt</t>
  </si>
  <si>
    <t>12/20/2019 16:37:35</t>
  </si>
  <si>
    <t>$IE6LKZZ.txt</t>
  </si>
  <si>
    <t>\\acsfs\profiles$\marcelacdss\My Documents\$RECYCLE.BIN\$IE6LKZZ.txt</t>
  </si>
  <si>
    <t>$I6KBYH8.txt</t>
  </si>
  <si>
    <t>\\acsfs\profiles$\marcelacdss\My Documents\$RECYCLE.BIN\$I6KBYH8.txt</t>
  </si>
  <si>
    <t>$IOPFVML.txt</t>
  </si>
  <si>
    <t>\\acsfs\profiles$\marcelacdss\My Documents\$RECYCLE.BIN\$IOPFVML.txt</t>
  </si>
  <si>
    <t>$ITGRDWE.txt</t>
  </si>
  <si>
    <t>\\acsfs\profiles$\marcelacdss\My Documents\$RECYCLE.BIN\$ITGRDWE.txt</t>
  </si>
  <si>
    <t>$IFAX0TK.txt</t>
  </si>
  <si>
    <t>\\acsfs\profiles$\marcelacdss\My Documents\$RECYCLE.BIN\$IFAX0TK.txt</t>
  </si>
  <si>
    <t>$I3UGZXL.txt</t>
  </si>
  <si>
    <t>\\acsfs\profiles$\marcelacdss\My Documents\$RECYCLE.BIN\$I3UGZXL.txt</t>
  </si>
  <si>
    <t>$I3NWXEJ.txt</t>
  </si>
  <si>
    <t>\\acsfs\profiles$\marcelacdss\My Documents\$RECYCLE.BIN\$I3NWXEJ.txt</t>
  </si>
  <si>
    <t>12/20/2019 16:37:51</t>
  </si>
  <si>
    <t>$I5D3RSV.txt</t>
  </si>
  <si>
    <t>\\acsfs\profiles$\marcelacdss\My Documents\$RECYCLE.BIN\$I5D3RSV.txt</t>
  </si>
  <si>
    <t>12/20/2019 16:37:53</t>
  </si>
  <si>
    <t>$IP9YGDT.txt</t>
  </si>
  <si>
    <t>\\acsfs\profiles$\marcelacdss\My Documents\$RECYCLE.BIN\$IP9YGDT.txt</t>
  </si>
  <si>
    <t>12/20/2019 16:37:55</t>
  </si>
  <si>
    <t>$IHO8BT9.txt</t>
  </si>
  <si>
    <t>\\acsfs\profiles$\marcelacdss\My Documents\$RECYCLE.BIN\$IHO8BT9.txt</t>
  </si>
  <si>
    <t>12/20/2019 16:39:31</t>
  </si>
  <si>
    <t>12/20/2019 16:40:44</t>
  </si>
  <si>
    <t>\\acsfs\profiles$\ayalabfi\</t>
  </si>
  <si>
    <t>Script e afins.txt</t>
  </si>
  <si>
    <t>\\acsfs\profiles$\ayalabfi\Script e afins.txt</t>
  </si>
  <si>
    <t>12/20/2019 16:39:34</t>
  </si>
  <si>
    <t>12/20/2019 16:39:35</t>
  </si>
  <si>
    <t>12/20/2019 16:41:44</t>
  </si>
  <si>
    <t>12/20/2019 16:39:07</t>
  </si>
  <si>
    <t>mail.google.com/sync/u/0/i/s?hl=pt-BR&amp;c=521</t>
  </si>
  <si>
    <t>30741;andrelpsa@algartech.com;joaogvc@algartech.com;leonardoao@algartech.com;maristelavodq@bv.algartech.com;ouvidoria@algar.com.br;paulacn@algartech.com;qualidadealgarbv@algartech.com;rafaelggs@algartech.com;supervisaobancovotorantim@algartech.com;taysdss@algartech.com;viniciussg@algartech.com;</t>
  </si>
  <si>
    <t>30741,andrelpsa@algartech.com,joaogvc@algartech.com,leonardoao@algartech.com,maristelavodq@bv.algartech.com,ouvidoria@algar.com.br,paulacn@algartech.com,qualidadealgarbv@algartech.com,rafaelggs@algartech.com,supervisaobancovotorantim@algartech.com,taysdss@algartech.com,viniciussg@algartech.com</t>
  </si>
  <si>
    <t>12/20/2019 16:39:28</t>
  </si>
  <si>
    <t>mail.google.com/sync/u/0/i/s?hl=pt-BR&amp;c=523</t>
  </si>
  <si>
    <t>12/20/2019 16:39:47</t>
  </si>
  <si>
    <t>mail.google.com/sync/u/0/i/s?hl=pt-BR&amp;c=525</t>
  </si>
  <si>
    <t>12/20/2019 16:39:51</t>
  </si>
  <si>
    <t>mail.google.com/sync/u/0/i/s?hl=pt-BR&amp;c=527</t>
  </si>
  <si>
    <t>12/20/2019 16:39:55</t>
  </si>
  <si>
    <t>12/20/2019 16:42:44</t>
  </si>
  <si>
    <t>12822977-025e-47ab-bf5e-be59a1443179.tmp</t>
  </si>
  <si>
    <t>\\acsfs\profiles$\wenderbnm\Downloads\12822977-025e-47ab-bf5e-be59a1443179.tmp</t>
  </si>
  <si>
    <t>12/20/2019 16:39:58</t>
  </si>
  <si>
    <t>12/20/2019 16:42:04</t>
  </si>
  <si>
    <t>12/20/2019 16:40:53</t>
  </si>
  <si>
    <t>12/20/2019 16:43:44</t>
  </si>
  <si>
    <t>4232a017-81df-441d-8c6f-271c89a874ce.tmp</t>
  </si>
  <si>
    <t>\\acsfs\profiles$\erichds\Downloads\4232a017-81df-441d-8c6f-271c89a874ce.tmp</t>
  </si>
  <si>
    <t>12/20/2019 16:38:56</t>
  </si>
  <si>
    <t>9290f64b-0a92-4007-85bb-8dd86b3c79dd.tmp</t>
  </si>
  <si>
    <t>\\acsfs\profiles$\anafaes\Downloads\9290f64b-0a92-4007-85bb-8dd86b3c79dd.tmp</t>
  </si>
  <si>
    <t>12/20/2019 16:43:20</t>
  </si>
  <si>
    <t>12/20/2019 16:44:45</t>
  </si>
  <si>
    <t>12/20/2019 16:43:21</t>
  </si>
  <si>
    <t>12/20/2019 16:41:38</t>
  </si>
  <si>
    <t>12/20/2019 16:45:44</t>
  </si>
  <si>
    <t>$IDT3XOT.pdf</t>
  </si>
  <si>
    <t>\\acsfs\profiles$\geovannasm\Downloads\$RECYCLE.BIN\$IDT3XOT.pdf</t>
  </si>
  <si>
    <t>12/20/2019 16:41:39</t>
  </si>
  <si>
    <t>$IW65GK8.pdf</t>
  </si>
  <si>
    <t>\\acsfs\profiles$\geovannasm\Downloads\$RECYCLE.BIN\$IW65GK8.pdf</t>
  </si>
  <si>
    <t>12/20/2019 16:41:41</t>
  </si>
  <si>
    <t>$I9M2SAK.pdf</t>
  </si>
  <si>
    <t>\\acsfs\profiles$\geovannasm\Downloads\$RECYCLE.BIN\$I9M2SAK.pdf</t>
  </si>
  <si>
    <t>12/20/2019 16:43:29</t>
  </si>
  <si>
    <t>12/20/2019 16:46:45</t>
  </si>
  <si>
    <t>12/20/2019 16:43:40</t>
  </si>
  <si>
    <t>12/20/2019 16:44:57</t>
  </si>
  <si>
    <t>https://algar.folhasinergyrh.com.br/afastamento/upload?id=0&amp;idsolicitacao=16094</t>
  </si>
  <si>
    <t>19/12/2019;</t>
  </si>
  <si>
    <t>image2019-12-20-162836.pdf</t>
  </si>
  <si>
    <t>https://19/12/2019</t>
  </si>
  <si>
    <t>12/20/2019 16:45:51</t>
  </si>
  <si>
    <t>12/20/2019 16:47:44</t>
  </si>
  <si>
    <t>12/20/2019 16:45:53</t>
  </si>
  <si>
    <t>12/20/2019 16:45:19</t>
  </si>
  <si>
    <t>12/20/2019 16:49:45</t>
  </si>
  <si>
    <t>https://udpwfmniceap02/pt_br/web/guest/home?p_auth=nlhi8eia&amp;p_p_id=58&amp;p_p_lifecycle=1&amp;p_p_state=maximized&amp;p_p_mode=view&amp;savelastpath=0&amp;_58_struts_action=/login/forgot_password</t>
  </si>
  <si>
    <t>12/20/2019 16:45:31</t>
  </si>
  <si>
    <t>12/20/2019 16:45:25</t>
  </si>
  <si>
    <t>12/20/2019 16:49:40</t>
  </si>
  <si>
    <t>12/20/2019 16:51:45</t>
  </si>
  <si>
    <t>12/20/2019 16:50:09</t>
  </si>
  <si>
    <t>12/20/2019 16:52:44</t>
  </si>
  <si>
    <t>scrips.txt</t>
  </si>
  <si>
    <t>\\acsfs\profiles$\larissaad\My Documents\scrips.txt</t>
  </si>
  <si>
    <t>12/20/2019 16:51:12</t>
  </si>
  <si>
    <t>12/20/2019 16:53:45</t>
  </si>
  <si>
    <t>eduardo.santana@bv.com.br;kesiadof@algartech.com;marianeps@algartech.com;mirianppb@algartech.com;thiagordu@algartech.com;</t>
  </si>
  <si>
    <t>eduardo.santana@bv.com.br,kesiadof@algartech.com,marianeps@algartech.com,mirianppb@algartech.com,thiagordu@algartech.com</t>
  </si>
  <si>
    <t>12/20/2019 16:51:13</t>
  </si>
  <si>
    <t>12/20/2019 16:51:22</t>
  </si>
  <si>
    <t>anapn@algartech.com;bvs-centralcartoes@bv.com.br;cintia.souza-domingues@dxc.com;eduardo.santana@bv.com.br;fernandorsju@algartech.com;kesiadof@algartech.com;marianeps@algartech.com;mirianppb@algartech.com;talmaiardo@algartech.com;thiagordu@algartech.com;</t>
  </si>
  <si>
    <t>anapn@algartech.com,bvs-centralcartoes@bv.com.br,cintia.souza-domingues@dxc.com,eduardo.santana@bv.com.br,fernandorsju@algartech.com,kesiadof@algartech.com,marianeps@algartech.com,mirianppb@algartech.com,talmaiardo@algartech.com,thiagordu@algartech.com</t>
  </si>
  <si>
    <t>12/20/2019 16:51:27</t>
  </si>
  <si>
    <t>12/20/2019 16:51:30</t>
  </si>
  <si>
    <t>12/20/2019 16:51:39</t>
  </si>
  <si>
    <t>anapn@algartech.com;eduardo.santana@bv.com.br;kesiadof@algartech.com;marianeps@algartech.com;mirianppb@algartech.com;thiagordu@algartech.com;</t>
  </si>
  <si>
    <t>anapn@algartech.com,eduardo.santana@bv.com.br,kesiadof@algartech.com,marianeps@algartech.com,mirianppb@algartech.com,thiagordu@algartech.com</t>
  </si>
  <si>
    <t>12/20/2019 16:52:03</t>
  </si>
  <si>
    <t>12/20/2019 16:52:37</t>
  </si>
  <si>
    <t>12/20/2019 16:52:39</t>
  </si>
  <si>
    <t>12/20/2019 16:52:46</t>
  </si>
  <si>
    <t>12/20/2019 16:49:20</t>
  </si>
  <si>
    <t>12/20/2019 16:54:44</t>
  </si>
  <si>
    <t>12/20/2019 16:51:41</t>
  </si>
  <si>
    <t>12/20/2019 16:56:44</t>
  </si>
  <si>
    <t>b4a88920-61e1-40c3-b822-962c3d27ddf0.tmp</t>
  </si>
  <si>
    <t>\\acsfs\profiles$\georgendsq\Downloads\b4a88920-61e1-40c3-b822-962c3d27ddf0.tmp</t>
  </si>
  <si>
    <t>12/20/2019 16:52:24</t>
  </si>
  <si>
    <t>1de23316-f50a-44c2-8db4-42b3b75f89b6.tmp</t>
  </si>
  <si>
    <t>\\acsfs\profiles$\georgendsq\Downloads\1de23316-f50a-44c2-8db4-42b3b75f89b6.tmp</t>
  </si>
  <si>
    <t>12/20/2019 16:52:35</t>
  </si>
  <si>
    <t>6cb52786-b4f2-4d1b-8f3f-3bebb0ccab61.tmp</t>
  </si>
  <si>
    <t>\\acsfs\profiles$\georgendsq\Downloads\6cb52786-b4f2-4d1b-8f3f-3bebb0ccab61.tmp</t>
  </si>
  <si>
    <t>12/20/2019 16:53:13</t>
  </si>
  <si>
    <t>190fca0f-c840-4e05-9088-310aa5c1eac6.tmp</t>
  </si>
  <si>
    <t>\\acsfs\profiles$\georgendsq\Downloads\190fca0f-c840-4e05-9088-310aa5c1eac6.tmp</t>
  </si>
  <si>
    <t>12/20/2019 16:53:35</t>
  </si>
  <si>
    <t>f1327944-8cd5-41f4-b31a-ac3683084603.tmp</t>
  </si>
  <si>
    <t>\\acsfs\profiles$\georgendsq\Downloads\f1327944-8cd5-41f4-b31a-ac3683084603.tmp</t>
  </si>
  <si>
    <t>12/20/2019 16:54:38</t>
  </si>
  <si>
    <t>\\acsfs\profiles$\georgendsq\My Documents\xworkcenter\lex\</t>
  </si>
  <si>
    <t>\\acsfs\profiles$\georgendsq\My Documents\xworkcenter\lex\temp.tlx</t>
  </si>
  <si>
    <t>12/20/2019 16:54:39</t>
  </si>
  <si>
    <t>12/20/2019 16:54:40</t>
  </si>
  <si>
    <t>12/20/2019 16:54:41</t>
  </si>
  <si>
    <t>12/20/2019 16:54:42</t>
  </si>
  <si>
    <t>12/20/2019 16:54:43</t>
  </si>
  <si>
    <t>12/20/2019 16:51:31</t>
  </si>
  <si>
    <t>88e41e5d-0f56-4d46-94a6-067a4ab860e9.tmp</t>
  </si>
  <si>
    <t>\\acsfs\profiles$\henriqueco\Downloads\88e41e5d-0f56-4d46-94a6-067a4ab860e9.tmp</t>
  </si>
  <si>
    <t>12/20/2019 16:54:45</t>
  </si>
  <si>
    <t>12/20/2019 16:54:46</t>
  </si>
  <si>
    <t>12/20/2019 16:54:47</t>
  </si>
  <si>
    <t>12/20/2019 16:54:48</t>
  </si>
  <si>
    <t>12/20/2019 16:54:49</t>
  </si>
  <si>
    <t>12/20/2019 16:54:50</t>
  </si>
  <si>
    <t>12/20/2019 16:54:51</t>
  </si>
  <si>
    <t>12/20/2019 16:54:52</t>
  </si>
  <si>
    <t>12/20/2019 16:54:53</t>
  </si>
  <si>
    <t>12/20/2019 16:54:54</t>
  </si>
  <si>
    <t>12/20/2019 16:54:55</t>
  </si>
  <si>
    <t>12/20/2019 16:54:56</t>
  </si>
  <si>
    <t>12/20/2019 16:54:57</t>
  </si>
  <si>
    <t>12/20/2019 16:54:58</t>
  </si>
  <si>
    <t>12/20/2019 16:54:59</t>
  </si>
  <si>
    <t>12/20/2019 16:55:00</t>
  </si>
  <si>
    <t>12/20/2019 16:55:01</t>
  </si>
  <si>
    <t>12/20/2019 16:55:02</t>
  </si>
  <si>
    <t>12/20/2019 16:55:03</t>
  </si>
  <si>
    <t>12/20/2019 16:55:04</t>
  </si>
  <si>
    <t>12/20/2019 16:55:05</t>
  </si>
  <si>
    <t>12/20/2019 16:55:06</t>
  </si>
  <si>
    <t>12/20/2019 16:55:07</t>
  </si>
  <si>
    <t>12/20/2019 16:55:08</t>
  </si>
  <si>
    <t>12/20/2019 16:55:09</t>
  </si>
  <si>
    <t>12/20/2019 16:55:10</t>
  </si>
  <si>
    <t>12/20/2019 16:55:11</t>
  </si>
  <si>
    <t>12/20/2019 16:55:12</t>
  </si>
  <si>
    <t>12/20/2019 16:55:13</t>
  </si>
  <si>
    <t>12/20/2019 16:55:14</t>
  </si>
  <si>
    <t>12/20/2019 16:55:15</t>
  </si>
  <si>
    <t>12/20/2019 16:55:16</t>
  </si>
  <si>
    <t>12/20/2019 16:55:17</t>
  </si>
  <si>
    <t>12/20/2019 16:55:50</t>
  </si>
  <si>
    <t>30d44a2a-4e6a-4314-929f-751d59309205.tmp</t>
  </si>
  <si>
    <t>\\acsfs\profiles$\georgendsq\Downloads\30d44a2a-4e6a-4314-929f-751d59309205.tmp</t>
  </si>
  <si>
    <t>12/20/2019 16:51:00</t>
  </si>
  <si>
    <t>12/20/2019 16:57:45</t>
  </si>
  <si>
    <t>12/20/2019 16:56:14</t>
  </si>
  <si>
    <t>12/20/2019 16:58:44</t>
  </si>
  <si>
    <t>6f401354-dad1-4476-b05c-a0a0a96ef438.tmp</t>
  </si>
  <si>
    <t>\\acsfs\profiles$\layonmof\Downloads\6f401354-dad1-4476-b05c-a0a0a96ef438.tmp</t>
  </si>
  <si>
    <t>12/20/2019 16:57:25</t>
  </si>
  <si>
    <t>f9a8fd83-65c9-4180-9d95-f4c5613e7edf.tmp</t>
  </si>
  <si>
    <t>\\acsfs\profiles$\layonmof\Downloads\f9a8fd83-65c9-4180-9d95-f4c5613e7edf.tmp</t>
  </si>
  <si>
    <t>12/20/2019 16:58:26</t>
  </si>
  <si>
    <t>12/20/2019 16:59:45</t>
  </si>
  <si>
    <t>12/20/2019 16:54:15</t>
  </si>
  <si>
    <t>12/20/2019 16:55:21</t>
  </si>
  <si>
    <t>12/20/2019 16:55:25</t>
  </si>
  <si>
    <t>anapn@algartech.com;bvs-centralcartoes@bv.com.br;cintia.souza-domingues@dxc.com;eduardo.santana@bv.com.br;fernandaab@algartech.com;fernandorsju@algartech.com;marianeps@algartech.com;talmaiardo@algartech.com;thiagordu@algartech.com;</t>
  </si>
  <si>
    <t>anapn@algartech.com,bvs-centralcartoes@bv.com.br,cintia.souza-domingues@dxc.com,eduardo.santana@bv.com.br,fernandaab@algartech.com,fernandorsju@algartech.com,marianeps@algartech.com,talmaiardo@algartech.com,thiagordu@algartech.com</t>
  </si>
  <si>
    <t>12/20/2019 16:55:37</t>
  </si>
  <si>
    <t>12/20/2019 16:55:56</t>
  </si>
  <si>
    <t>12/20/2019 16:56:15</t>
  </si>
  <si>
    <t>mail.google.com/sync/u/0/i/s?hl=pt-BR&amp;c=391</t>
  </si>
  <si>
    <t>12/20/2019 16:56:22</t>
  </si>
  <si>
    <t>12/20/2019 16:56:37</t>
  </si>
  <si>
    <t>12/20/2019 16:56:53</t>
  </si>
  <si>
    <t>12/20/2019 16:57:17</t>
  </si>
  <si>
    <t>12/20/2019 16:57:42</t>
  </si>
  <si>
    <t>12/20/2019 16:57:20</t>
  </si>
  <si>
    <t>12/20/2019 17:00:44</t>
  </si>
  <si>
    <t>8c7f581b-d1d2-46ac-baa3-2387f2b85c10.tmp</t>
  </si>
  <si>
    <t>\\acsfs\profiles$\fabianobmf\Downloads\8c7f581b-d1d2-46ac-baa3-2387f2b85c10.tmp</t>
  </si>
  <si>
    <t>12/20/2019 17:00:53</t>
  </si>
  <si>
    <t>12/20/2019 17:01:44</t>
  </si>
  <si>
    <t>12/20/2019 16:58:22</t>
  </si>
  <si>
    <t>12/20/2019 17:02:44</t>
  </si>
  <si>
    <t>12/20/2019 16:58:42</t>
  </si>
  <si>
    <t>12/20/2019 16:59:32</t>
  </si>
  <si>
    <t>12/20/2019 17:00:48</t>
  </si>
  <si>
    <t>12/20/2019 16:58:47</t>
  </si>
  <si>
    <t>12/20/2019 17:04:44</t>
  </si>
  <si>
    <t>c0941716-b0e6-4a6a-a0e5-8019712201a4.tmp</t>
  </si>
  <si>
    <t>\\acsfs\profiles$\layonmof\Downloads\c0941716-b0e6-4a6a-a0e5-8019712201a4.tmp</t>
  </si>
  <si>
    <t>12/20/2019 17:00:34</t>
  </si>
  <si>
    <t>5cf359b3-fa4f-4b39-b59a-476ab070cad4.tmp</t>
  </si>
  <si>
    <t>\\acsfs\profiles$\layonmof\Downloads\5cf359b3-fa4f-4b39-b59a-476ab070cad4.tmp</t>
  </si>
  <si>
    <t>12/20/2019 17:01:32</t>
  </si>
  <si>
    <t>ddcbf309-4f3e-45f7-adc1-f1c19ee67509.tmp</t>
  </si>
  <si>
    <t>\\acsfs\profiles$\layonmof\Downloads\ddcbf309-4f3e-45f7-adc1-f1c19ee67509.tmp</t>
  </si>
  <si>
    <t>12/20/2019 17:01:21</t>
  </si>
  <si>
    <t>12/20/2019 17:03:57</t>
  </si>
  <si>
    <t>12/20/2019 17:05:43</t>
  </si>
  <si>
    <t>12/20/2019 17:02:19</t>
  </si>
  <si>
    <t>12/20/2019 17:06:44</t>
  </si>
  <si>
    <t>12/20/2019 17:01:40</t>
  </si>
  <si>
    <t>e523c6ac-256b-4692-9683-2f67b6953468.tmp</t>
  </si>
  <si>
    <t>\\acsfs\profiles$\JOAOVAL\Downloads\e523c6ac-256b-4692-9683-2f67b6953468.tmp</t>
  </si>
  <si>
    <t>12/20/2019 17:04:50</t>
  </si>
  <si>
    <t>12/20/2019 17:07:43</t>
  </si>
  <si>
    <t>12/20/2019 17:08:00</t>
  </si>
  <si>
    <t>12/20/2019 17:08:44</t>
  </si>
  <si>
    <t>C:\Users\TEMP.ACS.000\Desktop\Ligaçoes operadores Ativos\</t>
  </si>
  <si>
    <t>Claudia Janaina Celeste de Andrade 2_1_6772523535877341926_1_32.wav</t>
  </si>
  <si>
    <t>\\ACSFS\Deptos\EDUCACAO EMPRESARIAL\FERNANDA MONIT\Ligaçoes operadores Ativos\Claudia Janaina Celeste de Andrade 2_1_6772523535877341926_1_32.wav</t>
  </si>
  <si>
    <t>Claudia Janaina Celeste de Andrade 3_1_6772523535877341926_1_32_1_6772530661228093864_1_32.wav</t>
  </si>
  <si>
    <t>\\ACSFS\Deptos\EDUCACAO EMPRESARIAL\FERNANDA MONIT\Ligaçoes operadores Ativos\Claudia Janaina Celeste de Andrade 3_1_6772523535877341926_1_32_1_6772530661228093864_1_32.wav</t>
  </si>
  <si>
    <t>Claudia Janaina Celeste de Andrade_1_6772553656482991320_1_32.wav</t>
  </si>
  <si>
    <t>\\ACSFS\Deptos\EDUCACAO EMPRESARIAL\FERNANDA MONIT\Ligaçoes operadores Ativos\Claudia Janaina Celeste de Andrade_1_6772553656482991320_1_32.wav</t>
  </si>
  <si>
    <t>12/20/2019 17:08:01</t>
  </si>
  <si>
    <t>Flavio Junio Mendes Moreira_1_6772575127024511318_1_32.wav</t>
  </si>
  <si>
    <t>\\ACSFS\Deptos\EDUCACAO EMPRESARIAL\FERNANDA MONIT\Ligaçoes operadores Ativos\Flavio Junio Mendes Moreira_1_6772575127024511318_1_32.wav</t>
  </si>
  <si>
    <t>12/20/2019 17:08:02</t>
  </si>
  <si>
    <t>Flavio Junio Mendes Moreira_2 1_6772575127024511318_1_32_1_6772520920242271687_1_32.wav</t>
  </si>
  <si>
    <t>\\ACSFS\Deptos\EDUCACAO EMPRESARIAL\FERNANDA MONIT\Ligaçoes operadores Ativos\Flavio Junio Mendes Moreira_2 1_6772575127024511318_1_32_1_6772520920242271687_1_32.wav</t>
  </si>
  <si>
    <t>12/20/2019 17:08:03</t>
  </si>
  <si>
    <t>Flavio Junio Mendes Moreira_3 2 1_6772575127024511318_1_32_1_6772520920242271687_1_32_1_6772545727973370000_1_32.wav</t>
  </si>
  <si>
    <t>\\ACSFS\Deptos\EDUCACAO EMPRESARIAL\FERNANDA MONIT\Ligaçoes operadores Ativos\Flavio Junio Mendes Moreira_3 2 1_6772575127024511318_1_32_1_6772520920242271687_1_32_1_6772545727973370000_1_32.wav</t>
  </si>
  <si>
    <t>12/20/2019 17:08:04</t>
  </si>
  <si>
    <t>Geovana Aline Santos e Silva_1_6772575062600001836_1_32.wav</t>
  </si>
  <si>
    <t>\\ACSFS\Deptos\EDUCACAO EMPRESARIAL\FERNANDA MONIT\Ligaçoes operadores Ativos\Geovana Aline Santos e Silva_1_6772575062600001836_1_32.wav</t>
  </si>
  <si>
    <t>12/20/2019 17:08:06</t>
  </si>
  <si>
    <t>Geovana Aline Santos e Silva_2 1_6772575062600001836_1_32_1_6772547506089832522_1_32.wav</t>
  </si>
  <si>
    <t>\\ACSFS\Deptos\EDUCACAO EMPRESARIAL\FERNANDA MONIT\Ligaçoes operadores Ativos\Geovana Aline Santos e Silva_2 1_6772575062600001836_1_32_1_6772547506089832522_1_32.wav</t>
  </si>
  <si>
    <t>12/20/2019 17:05:56</t>
  </si>
  <si>
    <t>12/20/2019 17:08:08</t>
  </si>
  <si>
    <t>Geovana Aline Santos e Silva_3_6772575062600001836_1_32_1_6772527998348367389_1_32.wav</t>
  </si>
  <si>
    <t>\\ACSFS\Deptos\EDUCACAO EMPRESARIAL\FERNANDA MONIT\Ligaçoes operadores Ativos\Geovana Aline Santos e Silva_3_6772575062600001836_1_32_1_6772527998348367389_1_32.wav</t>
  </si>
  <si>
    <t>12/20/2019 17:05:38</t>
  </si>
  <si>
    <t>12/20/2019 17:09:44</t>
  </si>
  <si>
    <t>01b0820e-0c2c-4514-b470-6496ba7fd62e.tmp</t>
  </si>
  <si>
    <t>\\acsfs\profiles$\layonmof\Downloads\01b0820e-0c2c-4514-b470-6496ba7fd62e.tmp</t>
  </si>
  <si>
    <t>12/20/2019 17:05:47</t>
  </si>
  <si>
    <t>028fdc31-66a3-4241-9a2e-d5657d9a23d9.tmp</t>
  </si>
  <si>
    <t>\\acsfs\profiles$\layonmof\Downloads\028fdc31-66a3-4241-9a2e-d5657d9a23d9.tmp</t>
  </si>
  <si>
    <t>12/20/2019 17:07:21</t>
  </si>
  <si>
    <t>12/20/2019 17:06:55</t>
  </si>
  <si>
    <t>12/20/2019 17:10:44</t>
  </si>
  <si>
    <t>12/20/2019 17:07:01</t>
  </si>
  <si>
    <t>12/20/2019 17:11:44</t>
  </si>
  <si>
    <t>299a1028-8e7f-4388-baf5-559baf168f3c.tmp</t>
  </si>
  <si>
    <t>\\acsfs\profiles$\joycemmdl\Downloads\299a1028-8e7f-4388-baf5-559baf168f3c.tmp</t>
  </si>
  <si>
    <t>IBM PROXXI DEZ 2019.xls</t>
  </si>
  <si>
    <t>12/20/2019 17:08:09</t>
  </si>
  <si>
    <t>12/20/2019 17:13:43</t>
  </si>
  <si>
    <t>ISABELLE GOMES TEIXEIRA DOS SANTOS_1_6772549099522700918_1_32.wav</t>
  </si>
  <si>
    <t>\\ACSFS\Deptos\EDUCACAO EMPRESARIAL\FERNANDA MONIT\Ligaçoes operadores Ativos\ISABELLE GOMES TEIXEIRA DOS SANTOS_1_6772549099522700918_1_32.wav</t>
  </si>
  <si>
    <t>ISABELLE GOMES TEIXEIRA DOS SANTOS_2 1_6772549099522700918_1_32_1_6772524863022237906_1_32.wav</t>
  </si>
  <si>
    <t>\\ACSFS\Deptos\EDUCACAO EMPRESARIAL\FERNANDA MONIT\Ligaçoes operadores Ativos\ISABELLE GOMES TEIXEIRA DOS SANTOS_2 1_6772549099522700918_1_32_1_6772524863022237906_1_32.wav</t>
  </si>
  <si>
    <t>12/20/2019 17:08:10</t>
  </si>
  <si>
    <t>ISABELLE GOMES TEIXEIRA DOS SANTOS_3 1_6772549099522700918_1_32_1_6772524863022237906_1_32_1_6772562495525697253_1_32.wav</t>
  </si>
  <si>
    <t>\\ACSFS\Deptos\EDUCACAO EMPRESARIAL\FERNANDA MONIT\Ligaçoes operadores Ativos\ISABELLE GOMES TEIXEIRA DOS SANTOS_3 1_6772549099522700918_1_32_1_6772524863022237906_1_32_1_6772562495525697253_1_32.wav</t>
  </si>
  <si>
    <t>12/20/2019 17:08:11</t>
  </si>
  <si>
    <t>Lucas Barbosa da Silva 2_1_6772532825891613666_1_32_1_6772202877913993066_1_32.wav</t>
  </si>
  <si>
    <t>\\ACSFS\Deptos\EDUCACAO EMPRESARIAL\FERNANDA MONIT\Ligaçoes operadores Ativos\Lucas Barbosa da Silva 2_1_6772532825891613666_1_32_1_6772202877913993066_1_32.wav</t>
  </si>
  <si>
    <t>12/20/2019 17:08:12</t>
  </si>
  <si>
    <t>Lucas Barbosa da Silva 3 1_6772532825891613666_1_32_1_6772202877913993066_1_32_1_6772545319951476401_1_32.wav</t>
  </si>
  <si>
    <t>\\ACSFS\Deptos\EDUCACAO EMPRESARIAL\FERNANDA MONIT\Ligaçoes operadores Ativos\Lucas Barbosa da Silva 3 1_6772532825891613666_1_32_1_6772202877913993066_1_32_1_6772545319951476401_1_32.wav</t>
  </si>
  <si>
    <t>12/20/2019 17:08:13</t>
  </si>
  <si>
    <t>Lucas Barbosa da Silva_1_6772532825891613666_1_32.wav</t>
  </si>
  <si>
    <t>\\ACSFS\Deptos\EDUCACAO EMPRESARIAL\FERNANDA MONIT\Ligaçoes operadores Ativos\Lucas Barbosa da Silva_1_6772532825891613666_1_32.wav</t>
  </si>
  <si>
    <t>12/20/2019 17:08:14</t>
  </si>
  <si>
    <t>12/20/2019 17:09:33</t>
  </si>
  <si>
    <t>12/20/2019 17:09:58</t>
  </si>
  <si>
    <t>12/20/2019 17:11:46</t>
  </si>
  <si>
    <t>\\ACSFS\Deptos\EDUCACAO EMPRESARIAL\FERNANDA MONIT\Ligaçoes operadores Ativos\</t>
  </si>
  <si>
    <t>Flavio Junio Mendes Moreira_1_6772575127024511318_1_32.zip</t>
  </si>
  <si>
    <t>\\ACSFS\Deptos\EDUCACAO EMPRESARIAL\FERNANDA MONIT\Ligaçoes operadores Ativos\Flavio Junio Mendes Moreira_1_6772575127024511318_1_32.zip</t>
  </si>
  <si>
    <t>\\ACSFS\Deptos\EDUCACAO EMPRESARIAL\FERNANDA MONIT\Ligaçoes operadores Ativos\Flavio Junio Mendes Moreira_1_6772575127024511318_1_32.zip\</t>
  </si>
  <si>
    <t>12/20/2019 17:11:47</t>
  </si>
  <si>
    <t>12/20/2019 17:10:56</t>
  </si>
  <si>
    <t>12/20/2019 17:14:44</t>
  </si>
  <si>
    <t>bfac6682-cc1b-49d4-9c7d-98eddaf1dfce.tmp</t>
  </si>
  <si>
    <t>\\acsfs\profiles$\layonmof\Downloads\bfac6682-cc1b-49d4-9c7d-98eddaf1dfce.tmp</t>
  </si>
  <si>
    <t>12/20/2019 17:11:37</t>
  </si>
  <si>
    <t>7edcff49-a847-4409-aa7e-14d229805181.tmp</t>
  </si>
  <si>
    <t>\\acsfs\profiles$\layonmof\Downloads\7edcff49-a847-4409-aa7e-14d229805181.tmp</t>
  </si>
  <si>
    <t>12/20/2019 17:13:21</t>
  </si>
  <si>
    <t>12/20/2019 17:13:19</t>
  </si>
  <si>
    <t>12/20/2019 17:15:45</t>
  </si>
  <si>
    <t>12/20/2019 17:13:16</t>
  </si>
  <si>
    <t>e44fe149-7ca4-4258-b22e-1f9b722cf4be.tmp</t>
  </si>
  <si>
    <t>\\acsfs\profiles$\fabianobmf\Downloads\e44fe149-7ca4-4258-b22e-1f9b722cf4be.tmp</t>
  </si>
  <si>
    <t>12/20/2019 17:15:08</t>
  </si>
  <si>
    <t>12/20/2019 17:16:44</t>
  </si>
  <si>
    <t>d885ac04-dcb4-4435-b54d-b016e7ca9222.tmp</t>
  </si>
  <si>
    <t>\\acsfs\profiles$\joycemmdl\Downloads\d885ac04-dcb4-4435-b54d-b016e7ca9222.tmp</t>
  </si>
  <si>
    <t>12/20/2019 17:13:55</t>
  </si>
  <si>
    <t>\\acsfs\profiles$\layonmof\My Documents\$RECYCLE.BIN\</t>
  </si>
  <si>
    <t>$IFZHZTD.png</t>
  </si>
  <si>
    <t>\\acsfs\profiles$\layonmof\My Documents\$RECYCLE.BIN\$IFZHZTD.png</t>
  </si>
  <si>
    <t>$IVUFVJG.png</t>
  </si>
  <si>
    <t>\\acsfs\profiles$\layonmof\My Documents\$RECYCLE.BIN\$IVUFVJG.png</t>
  </si>
  <si>
    <t>12/20/2019 17:13:56</t>
  </si>
  <si>
    <t>$IKVPLKB.png</t>
  </si>
  <si>
    <t>\\acsfs\profiles$\layonmof\My Documents\$RECYCLE.BIN\$IKVPLKB.png</t>
  </si>
  <si>
    <t>$ILOL95O.png</t>
  </si>
  <si>
    <t>\\acsfs\profiles$\layonmof\My Documents\$RECYCLE.BIN\$ILOL95O.png</t>
  </si>
  <si>
    <t>12/20/2019 17:14:20</t>
  </si>
  <si>
    <t>12/20/2019 17:17:45</t>
  </si>
  <si>
    <t>12/20/2019 17:14:30</t>
  </si>
  <si>
    <t>12/20/2019 17:14:47</t>
  </si>
  <si>
    <t>12/20/2019 17:16:50</t>
  </si>
  <si>
    <t>12/20/2019 17:15:05</t>
  </si>
  <si>
    <t>12/20/2019 17:18:44</t>
  </si>
  <si>
    <t>mail.google.com/_/upload?authuser=1&amp;dcp=asu-n&amp;upload_id=AEnB2UouDgR-ucqC7JkGCduK-6pNECvvNzGAUy3jK63xmlXH8SXMZFMWezwiJQLCk4oN4o9F7eWHWsVOcPWtdO4gkgZoStbFweyZnfNI5e7VKHSvawkg94Y&amp;upload_protocol=resumable</t>
  </si>
  <si>
    <t>PREVIA - TriTOP.xls</t>
  </si>
  <si>
    <t>12/20/2019 17:18:02</t>
  </si>
  <si>
    <t>12/20/2019 17:20:44</t>
  </si>
  <si>
    <t>5cd32cfe-2496-4682-938c-5cc0fdf4075a.tmp</t>
  </si>
  <si>
    <t>\\acsfs\profiles$\fabianobmf\Downloads\5cd32cfe-2496-4682-938c-5cc0fdf4075a.tmp</t>
  </si>
  <si>
    <t>12/20/2019 17:17:28</t>
  </si>
  <si>
    <t>12/20/2019 17:21:45</t>
  </si>
  <si>
    <t>Diario IBM PROXXI DEZ 2019.xls</t>
  </si>
  <si>
    <t>12/20/2019 17:18:14</t>
  </si>
  <si>
    <t>8a87b24b-dd05-42cc-94d5-19995f4593f3.tmp</t>
  </si>
  <si>
    <t>\\acsfs\profiles$\layonmof\Downloads\8a87b24b-dd05-42cc-94d5-19995f4593f3.tmp</t>
  </si>
  <si>
    <t>12/20/2019 17:19:06</t>
  </si>
  <si>
    <t>ed988a41-e44b-447d-8779-b8cd23a83183.tmp</t>
  </si>
  <si>
    <t>\\acsfs\profiles$\layonmof\Downloads\ed988a41-e44b-447d-8779-b8cd23a83183.tmp</t>
  </si>
  <si>
    <t>12/20/2019 17:19:53</t>
  </si>
  <si>
    <t>12/20/2019 17:22:44</t>
  </si>
  <si>
    <t>12/20/2019 17:20:09</t>
  </si>
  <si>
    <t>12/20/2019 17:21:00</t>
  </si>
  <si>
    <t>12/20/2019 17:23:44</t>
  </si>
  <si>
    <t>\\ACSFS\Deptos\EDUCACAO EMPRESARIAL\MATERIAL UNIBRAD\</t>
  </si>
  <si>
    <t>\\ACSFS\Deptos\EDUCACAO EMPRESARIAL\MATERIAL UNIBRAD\Thumbs.db</t>
  </si>
  <si>
    <t>12/20/2019 17:19:23</t>
  </si>
  <si>
    <t>12/20/2019 17:24:44</t>
  </si>
  <si>
    <t>12/20/2019 17:21:05</t>
  </si>
  <si>
    <t>12/20/2019 17:24:05</t>
  </si>
  <si>
    <t>12/20/2019 17:22:27</t>
  </si>
  <si>
    <t>12/20/2019 17:25:44</t>
  </si>
  <si>
    <t>f86a7b62-feae-4759-95bf-d3419d36f358.tmp</t>
  </si>
  <si>
    <t>\\acsfs\profiles$\fabianobmf\Downloads\f86a7b62-feae-4759-95bf-d3419d36f358.tmp</t>
  </si>
  <si>
    <t>12/20/2019 17:23:46</t>
  </si>
  <si>
    <t>12/20/2019 17:28:44</t>
  </si>
  <si>
    <t>12/20/2019 17:23:48</t>
  </si>
  <si>
    <t>12/20/2019 17:24:03</t>
  </si>
  <si>
    <t>12/20/2019 17:24:09</t>
  </si>
  <si>
    <t>mail.google.com/sync/u/0/i/s?hl=pt-BR&amp;c=396</t>
  </si>
  <si>
    <t>12/20/2019 17:24:15</t>
  </si>
  <si>
    <t>12/20/2019 17:24:23</t>
  </si>
  <si>
    <t>12/20/2019 17:24:41</t>
  </si>
  <si>
    <t>mail.google.com/sync/u/0/i/s?hl=pt-BR&amp;c=402</t>
  </si>
  <si>
    <t>12/20/2019 17:24:52</t>
  </si>
  <si>
    <t>12/20/2019 17:25:01</t>
  </si>
  <si>
    <t>mail.google.com/sync/u/0/i/s?hl=pt-BR&amp;c=407</t>
  </si>
  <si>
    <t>12/20/2019 17:25:19</t>
  </si>
  <si>
    <t>mail.google.com/sync/u/0/i/s?hl=pt-BR&amp;c=409</t>
  </si>
  <si>
    <t>12/20/2019 17:25:28</t>
  </si>
  <si>
    <t>12/20/2019 17:25:45</t>
  </si>
  <si>
    <t>mail.google.com/sync/u/0/i/s?hl=pt-BR&amp;c=413</t>
  </si>
  <si>
    <t>12/20/2019 17:26:11</t>
  </si>
  <si>
    <t>12/20/2019 17:26:18</t>
  </si>
  <si>
    <t>12/20/2019 17:26:23</t>
  </si>
  <si>
    <t>12/20/2019 17:26:35</t>
  </si>
  <si>
    <t>12/20/2019 17:26:43</t>
  </si>
  <si>
    <t>12/20/2019 17:26:46</t>
  </si>
  <si>
    <t>12/20/2019 17:24:24</t>
  </si>
  <si>
    <t>12/20/2019 17:25:21</t>
  </si>
  <si>
    <t>12/20/2019 17:29:44</t>
  </si>
  <si>
    <t>12/20/2019 17:25:50</t>
  </si>
  <si>
    <t>12/20/2019 17:25:51</t>
  </si>
  <si>
    <t>12/20/2019 17:27:10</t>
  </si>
  <si>
    <t>12/20/2019 17:30:44</t>
  </si>
  <si>
    <t>mail.google.com/_/upload?authuser=0&amp;dcp=asu-n&amp;upload_id=AEnB2UrHN3iYTE5TTAuDdlmUHZh46VYN0nXt0snRmHzgCBkaQwbJZ__LC5EWdaVy_nfol3Gd-3iogbxOquEKH0xDAORNNMx7tw&amp;upload_protocol=resumable</t>
  </si>
  <si>
    <t>brunowp@algartech.com;dioniziorn@algartech.com;m1nxnxefxetrukrzvgozdhyqef1vh0jvuushxg==;marcelacarolinaenf@yahoo.com.br;marcotulio@algartech.com;</t>
  </si>
  <si>
    <t>220397 - MPE Plan Precificacao C018 B018 v2.xlsb</t>
  </si>
  <si>
    <t>brunowp@algartech.com,dioniziorn@algartech.com,m1nxnxefxetrukrzvgozdhyqef1vh0jvuushxg==,marcelacarolinaenf@yahoo.com.br,marcotulio@algartech.com</t>
  </si>
  <si>
    <t>\\acsfs\deptos\CAS - Coordenação de Arquitetura de Soluções\Projetos\2019\Algar Telecom\220397 - ALGAR TELECOM - PROPOSTA ATENDIMENTO OPERAÇÃO MPE\Preço\220397 - MPE Plan Precificacao C018 B018 v2.xlsb\</t>
  </si>
  <si>
    <t>12/20/2019 17:26:50</t>
  </si>
  <si>
    <t>12/20/2019 17:31:43</t>
  </si>
  <si>
    <t>084ad31e-78bc-4a13-9e31-c0d0404717b7.tmp</t>
  </si>
  <si>
    <t>\\acsfs\profiles$\layonmof\Downloads\084ad31e-78bc-4a13-9e31-c0d0404717b7.tmp</t>
  </si>
  <si>
    <t>12/20/2019 17:30:24</t>
  </si>
  <si>
    <t>12/20/2019 17:32:44</t>
  </si>
  <si>
    <t>78b7c041-1368-4324-849f-10ff077efc72.tmp</t>
  </si>
  <si>
    <t>\\acsfs\profiles$\rosileiam\Downloads\78b7c041-1368-4324-849f-10ff077efc72.tmp</t>
  </si>
  <si>
    <t>12/20/2019 17:28:08</t>
  </si>
  <si>
    <t>12/20/2019 17:28:09</t>
  </si>
  <si>
    <t>12/20/2019 17:28:11</t>
  </si>
  <si>
    <t>12/20/2019 17:28:19</t>
  </si>
  <si>
    <t>12/20/2019 17:31:33</t>
  </si>
  <si>
    <t>12/20/2019 17:32:31</t>
  </si>
  <si>
    <t>12/20/2019 17:33:43</t>
  </si>
  <si>
    <t>12/20/2019 17:30:25</t>
  </si>
  <si>
    <t>12/20/2019 17:28:48</t>
  </si>
  <si>
    <t>\\ACSFS\Deptos\EDUCACAO EMPRESARIAL\Piloto Renegociação - Associados\Flavio Junio Mendes Moreira_1_6772575127024511318_1_32.wav</t>
  </si>
  <si>
    <t>12/20/2019 17:28:50</t>
  </si>
  <si>
    <t>\\ACSFS\Deptos\EDUCACAO EMPRESARIAL\Piloto Renegociação - Associados\Flavio Junio Mendes Moreira_2 1_6772575127024511318_1_32_1_6772520920242271687_1_32.wav</t>
  </si>
  <si>
    <t>12/20/2019 17:28:51</t>
  </si>
  <si>
    <t>\\ACSFS\Deptos\EDUCACAO EMPRESARIAL\Piloto Renegociação - Associados\Flavio Junio Mendes Moreira_3 2 1_6772575127024511318_1_32_1_6772520920242271687_1_32_1_6772545727973370000_1_32.wav</t>
  </si>
  <si>
    <t>12/20/2019 17:28:53</t>
  </si>
  <si>
    <t>\\ACSFS\Deptos\EDUCACAO EMPRESARIAL\Piloto Renegociação - Associados\Geovana Aline Santos e Silva_1_6772575062600001836_1_32.wav</t>
  </si>
  <si>
    <t>12/20/2019 17:28:55</t>
  </si>
  <si>
    <t>12/20/2019 17:28:56</t>
  </si>
  <si>
    <t>\\ACSFS\Deptos\EDUCACAO EMPRESARIAL\Piloto Renegociação - Associados\Geovana Aline Santos e Silva_2 1_6772575062600001836_1_32_1_6772547506089832522_1_32.wav</t>
  </si>
  <si>
    <t>12/20/2019 17:28:59</t>
  </si>
  <si>
    <t>\\ACSFS\Deptos\EDUCACAO EMPRESARIAL\Piloto Renegociação - Associados\Geovana Aline Santos e Silva_3_6772575062600001836_1_32_1_6772527998348367389_1_32.wav</t>
  </si>
  <si>
    <t>12/20/2019 17:29:01</t>
  </si>
  <si>
    <t>\\ACSFS\Deptos\EDUCACAO EMPRESARIAL\Piloto Renegociação - Associados\ISABELLE GOMES TEIXEIRA DOS SANTOS_1_6772549099522700918_1_32.wav</t>
  </si>
  <si>
    <t>12/20/2019 17:29:02</t>
  </si>
  <si>
    <t>\\ACSFS\Deptos\EDUCACAO EMPRESARIAL\Piloto Renegociação - Associados\ISABELLE GOMES TEIXEIRA DOS SANTOS_2 1_6772549099522700918_1_32_1_6772524863022237906_1_32.wav</t>
  </si>
  <si>
    <t>\\ACSFS\Deptos\EDUCACAO EMPRESARIAL\Piloto Renegociação - Associados\ISABELLE GOMES TEIXEIRA DOS SANTOS_3 1_6772549099522700918_1_32_1_6772524863022237906_1_32_1_6772562495525697253_1_32.wav</t>
  </si>
  <si>
    <t>12/20/2019 17:29:04</t>
  </si>
  <si>
    <t>\\ACSFS\Deptos\EDUCACAO EMPRESARIAL\Piloto Renegociação - Associados\Lucas Barbosa da Silva 2_1_6772532825891613666_1_32_1_6772202877913993066_1_32.wav</t>
  </si>
  <si>
    <t>12/20/2019 17:29:05</t>
  </si>
  <si>
    <t>\\ACSFS\Deptos\EDUCACAO EMPRESARIAL\Piloto Renegociação - Associados\Lucas Barbosa da Silva 3 1_6772532825891613666_1_32_1_6772202877913993066_1_32_1_6772545319951476401_1_32.wav</t>
  </si>
  <si>
    <t>12/20/2019 17:29:06</t>
  </si>
  <si>
    <t>\\ACSFS\Deptos\EDUCACAO EMPRESARIAL\Piloto Renegociação - Associados\Lucas Barbosa da Silva_1_6772532825891613666_1_32.wav</t>
  </si>
  <si>
    <t>12/20/2019 17:29:07</t>
  </si>
  <si>
    <t>\\ACSFS\Deptos\EDUCACAO EMPRESARIAL\Piloto Renegociação - Associados\Claudia Janaina Celeste de Andrade 2_1_6772523535877341926_1_32.wav</t>
  </si>
  <si>
    <t>12/20/2019 17:29:08</t>
  </si>
  <si>
    <t>\\ACSFS\Deptos\EDUCACAO EMPRESARIAL\Piloto Renegociação - Associados\Claudia Janaina Celeste de Andrade 3_1_6772523535877341926_1_32_1_6772530661228093864_1_32.wav</t>
  </si>
  <si>
    <t>12/20/2019 17:29:09</t>
  </si>
  <si>
    <t>\\ACSFS\Deptos\EDUCACAO EMPRESARIAL\Piloto Renegociação - Associados\Claudia Janaina Celeste de Andrade_1_6772553656482991320_1_32.wav</t>
  </si>
  <si>
    <t>12/20/2019 17:31:20</t>
  </si>
  <si>
    <t>12/20/2019 17:34:44</t>
  </si>
  <si>
    <t>12/20/2019 17:32:15</t>
  </si>
  <si>
    <t>12/20/2019 17:30:42</t>
  </si>
  <si>
    <t>12/20/2019 17:35:43</t>
  </si>
  <si>
    <t>12/20/2019 17:32:42</t>
  </si>
  <si>
    <t>f69972aa-66ff-4783-ad56-393f8c4b3e89.tmp</t>
  </si>
  <si>
    <t>\\acsfs\profiles$\fabianobmf\Downloads\f69972aa-66ff-4783-ad56-393f8c4b3e89.tmp</t>
  </si>
  <si>
    <t>12/20/2019 17:35:24</t>
  </si>
  <si>
    <t>12/20/2019 17:38:44</t>
  </si>
  <si>
    <t>12/20/2019 17:37:20</t>
  </si>
  <si>
    <t>12/20/2019 17:39:43</t>
  </si>
  <si>
    <t>12/20/2019 17:39:06</t>
  </si>
  <si>
    <t>05aa1b29-024a-4834-adfd-bd4f3158d386.tmp</t>
  </si>
  <si>
    <t>\\acsfs\profiles$\gabrielamdp\Downloads\05aa1b29-024a-4834-adfd-bd4f3158d386.tmp</t>
  </si>
  <si>
    <t>12/20/2019 17:35:17</t>
  </si>
  <si>
    <t>12/20/2019 17:40:44</t>
  </si>
  <si>
    <t>12/20/2019 17:38:02</t>
  </si>
  <si>
    <t>12/20/2019 17:41:43</t>
  </si>
  <si>
    <t>b079c9da-a3cf-4eec-8844-c4d5766bf436.tmp</t>
  </si>
  <si>
    <t>\\acsfs\profiles$\henriqueco\Downloads\b079c9da-a3cf-4eec-8844-c4d5766bf436.tmp</t>
  </si>
  <si>
    <t>12/20/2019 17:40:05</t>
  </si>
  <si>
    <t>12/20/2019 17:42:44</t>
  </si>
  <si>
    <t>Escalas Algar.xlsx</t>
  </si>
  <si>
    <t>12/20/2019 17:40:56</t>
  </si>
  <si>
    <t>4847d3ea-1f2f-404c-a6ef-989fe9158799.tmp</t>
  </si>
  <si>
    <t>\\acsfs\profiles$\rosileiam\Downloads\4847d3ea-1f2f-404c-a6ef-989fe9158799.tmp</t>
  </si>
  <si>
    <t>12/20/2019 17:42:02</t>
  </si>
  <si>
    <t>12/20/2019 17:42:10</t>
  </si>
  <si>
    <t>12/20/2019 17:42:11</t>
  </si>
  <si>
    <t>12/20/2019 17:43:20</t>
  </si>
  <si>
    <t>12/20/2019 17:44:44</t>
  </si>
  <si>
    <t>12/20/2019 17:42:01</t>
  </si>
  <si>
    <t>12/20/2019 17:45:43</t>
  </si>
  <si>
    <t>12/20/2019 17:42:57</t>
  </si>
  <si>
    <t>12/20/2019 17:47:43</t>
  </si>
  <si>
    <t>https://udpmailboxap01/h/search?si=0&amp;so=0&amp;sc=50676&amp;sfi=6&amp;st=message&amp;action=compose</t>
  </si>
  <si>
    <t>12/20/2019 17:46:39</t>
  </si>
  <si>
    <t>12/20/2019 17:48:44</t>
  </si>
  <si>
    <t>mail.google.com/_/upload?authuser=2&amp;dcp=asu-n&amp;upload_id=AEnB2UoPC0aAYdd56wJBAMyw2jlftHRDDwNW0gNmqYaa1agDbExCnc5GIvoHatTY2S61VPhWL3YIN4czTsvkLH2SIBctNzAqtc_-6ifMYC_AYvLMBmhnC34&amp;upload_protocol=resumable</t>
  </si>
  <si>
    <t>Planejamento next - Ação Sábado.xls</t>
  </si>
  <si>
    <t>12/20/2019 17:48:06</t>
  </si>
  <si>
    <t>12/20/2019 17:49:43</t>
  </si>
  <si>
    <t>12/20/2019 17:49:50</t>
  </si>
  <si>
    <t>12/20/2019 17:51:43</t>
  </si>
  <si>
    <t>tabela de vendas.xlsx</t>
  </si>
  <si>
    <t>12/20/2019 17:52:55</t>
  </si>
  <si>
    <t>12/20/2019 17:53:44</t>
  </si>
  <si>
    <t>12/20/2019 17:49:20</t>
  </si>
  <si>
    <t>12/20/2019 17:54:43</t>
  </si>
  <si>
    <t>12/20/2019 17:53:33</t>
  </si>
  <si>
    <t>12/20/2019 17:56:43</t>
  </si>
  <si>
    <t>da2eb6cf-fbbe-4d3b-8b93-8f8100a32524.tmp</t>
  </si>
  <si>
    <t>\\acsfs\profiles$\layonmof\Downloads\da2eb6cf-fbbe-4d3b-8b93-8f8100a32524.tmp</t>
  </si>
  <si>
    <t>12/20/2019 17:55:38</t>
  </si>
  <si>
    <t>12/20/2019 17:58:43</t>
  </si>
  <si>
    <t>4f9ae6a0-e6e4-49e9-a275-d81332265415.tmp</t>
  </si>
  <si>
    <t>\\acsfs\profiles$\brendadsl\Downloads\4f9ae6a0-e6e4-49e9-a275-d81332265415.tmp</t>
  </si>
  <si>
    <t>12/20/2019 17:55:44</t>
  </si>
  <si>
    <t>d06594e2-88e2-427a-815c-5ab6d17eb06f.tmp</t>
  </si>
  <si>
    <t>\\acsfs\profiles$\gabriellalpr\Downloads\d06594e2-88e2-427a-815c-5ab6d17eb06f.tmp</t>
  </si>
  <si>
    <t>12/20/2019 17:55:20</t>
  </si>
  <si>
    <t>12/20/2019 17:59:43</t>
  </si>
  <si>
    <t>12/20/2019 17:56:57</t>
  </si>
  <si>
    <t>31f7fe97-d3bf-4c51-8d78-9e5e688f61fd.tmp</t>
  </si>
  <si>
    <t>\\acsfs\profiles$\gabrielamdp\Downloads\31f7fe97-d3bf-4c51-8d78-9e5e688f61fd.tmp</t>
  </si>
  <si>
    <t>12/20/2019 17:59:38</t>
  </si>
  <si>
    <t>12/20/2019 18:01:44</t>
  </si>
  <si>
    <t>12/20/2019 18:00:54</t>
  </si>
  <si>
    <t>12/20/2019 18:02:43</t>
  </si>
  <si>
    <t>12/20/2019 18:02:01</t>
  </si>
  <si>
    <t>12/20/2019 18:03:44</t>
  </si>
  <si>
    <t>166f1622-a449-492a-9c1b-7e1db679191b.tmp</t>
  </si>
  <si>
    <t>\\acsfs\profiles$\gabriellalpr\Downloads\166f1622-a449-492a-9c1b-7e1db679191b.tmp</t>
  </si>
  <si>
    <t>12/20/2019 18:01:42</t>
  </si>
  <si>
    <t>12/20/2019 18:01:20</t>
  </si>
  <si>
    <t>12/20/2019 18:04:43</t>
  </si>
  <si>
    <t>12/20/2019 18:00:49</t>
  </si>
  <si>
    <t>12/20/2019 18:07:20</t>
  </si>
  <si>
    <t>12/20/2019 18:09:44</t>
  </si>
  <si>
    <t>12/20/2019 18:10:34</t>
  </si>
  <si>
    <t>12/20/2019 18:13:44</t>
  </si>
  <si>
    <t>3d142b52-7571-4487-83ef-d865f81c4117.tmp</t>
  </si>
  <si>
    <t>\\acsfs\profiles$\layonmof\Downloads\3d142b52-7571-4487-83ef-d865f81c4117.tmp</t>
  </si>
  <si>
    <t>12/20/2019 18:13:25</t>
  </si>
  <si>
    <t>c95f55fc-c6cb-4345-a2d1-acafcb8e5143.tmp</t>
  </si>
  <si>
    <t>\\acsfs\profiles$\layonmof\Downloads\c95f55fc-c6cb-4345-a2d1-acafcb8e5143.tmp</t>
  </si>
  <si>
    <t>12/20/2019 18:13:20</t>
  </si>
  <si>
    <t>12/20/2019 18:14:43</t>
  </si>
  <si>
    <t>12/20/2019 18:12:30</t>
  </si>
  <si>
    <t>12/20/2019 18:15:44</t>
  </si>
  <si>
    <t>carlosasr@algartech.com;carolina.farah@bradesco.com.br;christopherjs@algartech.com;hugooc@algartech.com;leandrolds@algartech.com;milena.brambila@bradesco.com.br;peterson.l.arruda@bradesco.com.br;tatiane.castro@bradesco.com.br;tatianedc@algartech.com;wcarvalho@deepcenter.com.br;</t>
  </si>
  <si>
    <t>A-2019-12 Daily_Total Risk-AlgarTech_v2.xlsx</t>
  </si>
  <si>
    <t>carlosasr@algartech.com,carolina.farah@bradesco.com.br,christopherjs@algartech.com,hugooc@algartech.com,leandrolds@algartech.com,milena.brambila@bradesco.com.br,peterson.l.arruda@bradesco.com.br,tatiane.castro@bradesco.com.br,tatianedc@algartech.com,wcarvalho@deepcenter.com.br</t>
  </si>
  <si>
    <t>12/20/2019 18:15:26</t>
  </si>
  <si>
    <t>12/20/2019 18:17:44</t>
  </si>
  <si>
    <t>12/20/2019 18:17:41</t>
  </si>
  <si>
    <t>12/20/2019 18:18:43</t>
  </si>
  <si>
    <t>8ac36db8-4690-4ed3-88a2-1ab073364d61.tmp</t>
  </si>
  <si>
    <t>\\acsfs\profiles$\erichds\Downloads\8ac36db8-4690-4ed3-88a2-1ab073364d61.tmp</t>
  </si>
  <si>
    <t>12/20/2019 18:14:09</t>
  </si>
  <si>
    <t>12/20/2019 18:19:43</t>
  </si>
  <si>
    <t>39b31e66-ceb6-48d1-bf0b-7518d184c470.tmp</t>
  </si>
  <si>
    <t>\\acsfs\profiles$\layonmof\Downloads\39b31e66-ceb6-48d1-bf0b-7518d184c470.tmp</t>
  </si>
  <si>
    <t>12/20/2019 18:16:30</t>
  </si>
  <si>
    <t>e130bd2c-6204-45e7-8d2a-82f49422fad5.tmp</t>
  </si>
  <si>
    <t>\\acsfs\profiles$\layonmof\Downloads\e130bd2c-6204-45e7-8d2a-82f49422fad5.tmp</t>
  </si>
  <si>
    <t>12/20/2019 18:16:43</t>
  </si>
  <si>
    <t>12/20/2019 18:21:43</t>
  </si>
  <si>
    <t>12/20/2019 18:20:02</t>
  </si>
  <si>
    <t>1bb5d6c0-3d5b-4bc9-af6f-6b790402e916.tmp</t>
  </si>
  <si>
    <t>\\acsfs\profiles$\rosileiam\Downloads\1bb5d6c0-3d5b-4bc9-af6f-6b790402e916.tmp</t>
  </si>
  <si>
    <t>12/20/2019 18:18:09</t>
  </si>
  <si>
    <t>12/20/2019 18:23:43</t>
  </si>
  <si>
    <t>3863e765-bf8f-4fb8-81ae-6df95096bca6.tmp</t>
  </si>
  <si>
    <t>\\acsfs\profiles$\gabriellalpr\Downloads\3863e765-bf8f-4fb8-81ae-6df95096bca6.tmp</t>
  </si>
  <si>
    <t>12/20/2019 18:19:22</t>
  </si>
  <si>
    <t>12/20/2019 18:24:43</t>
  </si>
  <si>
    <t>12/20/2019 18:21:06</t>
  </si>
  <si>
    <t>12/20/2019 18:26:42</t>
  </si>
  <si>
    <t>d504be50-3d6b-4ae4-a14f-6f7f68a83dcb.tmp</t>
  </si>
  <si>
    <t>\\acsfs\profiles$\rosileiam\Downloads\d504be50-3d6b-4ae4-a14f-6f7f68a83dcb.tmp</t>
  </si>
  <si>
    <t>2c6a1274-ae03-4b6f-94db-15207027163a.tmp</t>
  </si>
  <si>
    <t>\\acsfs\profiles$\rosileiam\Downloads\2c6a1274-ae03-4b6f-94db-15207027163a.tmp</t>
  </si>
  <si>
    <t>12/20/2019 18:23:32</t>
  </si>
  <si>
    <t>12/20/2019 18:23:04</t>
  </si>
  <si>
    <t>12/20/2019 18:24:49</t>
  </si>
  <si>
    <t>12/20/2019 18:29:43</t>
  </si>
  <si>
    <t>12/20/2019 18:25:21</t>
  </si>
  <si>
    <t>12/20/2019 18:30:25</t>
  </si>
  <si>
    <t>12/20/2019 18:31:42</t>
  </si>
  <si>
    <t>614ac14f-06a6-491b-b201-594acc9874be.tmp</t>
  </si>
  <si>
    <t>\\acsfs\profiles$\laurandos\Downloads\614ac14f-06a6-491b-b201-594acc9874be.tmp</t>
  </si>
  <si>
    <t>12/20/2019 18:30:38</t>
  </si>
  <si>
    <t>b000e1e2-cc4d-454d-b354-8738110d94e6.tmp</t>
  </si>
  <si>
    <t>\\acsfs\profiles$\laurandos\Downloads\b000e1e2-cc4d-454d-b354-8738110d94e6.tmp</t>
  </si>
  <si>
    <t>12/20/2019 18:29:47</t>
  </si>
  <si>
    <t>12/20/2019 18:32:42</t>
  </si>
  <si>
    <t>200a0252-085a-400a-b416-0ace963cf799.tmp</t>
  </si>
  <si>
    <t>\\acsfs\profiles$\leonardobb\Downloads\200a0252-085a-400a-b416-0ace963cf799.tmp</t>
  </si>
  <si>
    <t>12/20/2019 18:28:26</t>
  </si>
  <si>
    <t>12/20/2019 18:33:42</t>
  </si>
  <si>
    <t>12/20/2019 18:28:27</t>
  </si>
  <si>
    <t>12/20/2019 18:28:28</t>
  </si>
  <si>
    <t>12/20/2019 18:28:29</t>
  </si>
  <si>
    <t>12/20/2019 18:28:30</t>
  </si>
  <si>
    <t>12/20/2019 18:28:31</t>
  </si>
  <si>
    <t>12/20/2019 18:28:32</t>
  </si>
  <si>
    <t>12/20/2019 18:28:33</t>
  </si>
  <si>
    <t>12/20/2019 18:28:34</t>
  </si>
  <si>
    <t>12/20/2019 18:28:35</t>
  </si>
  <si>
    <t>12/20/2019 18:28:36</t>
  </si>
  <si>
    <t>12/20/2019 18:28:37</t>
  </si>
  <si>
    <t>12/20/2019 18:28:38</t>
  </si>
  <si>
    <t>12/20/2019 18:28:39</t>
  </si>
  <si>
    <t>12/20/2019 18:28:40</t>
  </si>
  <si>
    <t>12/20/2019 18:28:41</t>
  </si>
  <si>
    <t>12/20/2019 18:28:42</t>
  </si>
  <si>
    <t>12/20/2019 18:28:43</t>
  </si>
  <si>
    <t>12/20/2019 18:28:44</t>
  </si>
  <si>
    <t>12/20/2019 18:28:45</t>
  </si>
  <si>
    <t>12/20/2019 18:28:46</t>
  </si>
  <si>
    <t>12/20/2019 18:28:47</t>
  </si>
  <si>
    <t>12/20/2019 18:28:48</t>
  </si>
  <si>
    <t>12/20/2019 18:28:49</t>
  </si>
  <si>
    <t>12/20/2019 18:28:50</t>
  </si>
  <si>
    <t>12/20/2019 18:28:51</t>
  </si>
  <si>
    <t>12/20/2019 18:28:52</t>
  </si>
  <si>
    <t>12/20/2019 18:28:53</t>
  </si>
  <si>
    <t>12/20/2019 18:28:54</t>
  </si>
  <si>
    <t>12/20/2019 18:28:55</t>
  </si>
  <si>
    <t>12/20/2019 18:28:56</t>
  </si>
  <si>
    <t>12/20/2019 18:31:21</t>
  </si>
  <si>
    <t>12/20/2019 18:34:42</t>
  </si>
  <si>
    <t>12/20/2019 18:37:21</t>
  </si>
  <si>
    <t>12/20/2019 18:39:42</t>
  </si>
  <si>
    <t>12/20/2019 18:40:34</t>
  </si>
  <si>
    <t>12/20/2019 18:43:43</t>
  </si>
  <si>
    <t>842a800f-88d0-456c-bf75-c77513aafadb.tmp</t>
  </si>
  <si>
    <t>\\acsfs\profiles$\brendadsl\Downloads\842a800f-88d0-456c-bf75-c77513aafadb.tmp</t>
  </si>
  <si>
    <t>12/20/2019 18:43:21</t>
  </si>
  <si>
    <t>12/20/2019 18:44:43</t>
  </si>
  <si>
    <t>12/20/2019 18:44:08</t>
  </si>
  <si>
    <t>12/20/2019 18:46:43</t>
  </si>
  <si>
    <t>12/20/2019 18:44:21</t>
  </si>
  <si>
    <t>12/20/2019 18:45:03</t>
  </si>
  <si>
    <t>12/20/2019 18:45:36</t>
  </si>
  <si>
    <t>12/20/2019 18:48:44</t>
  </si>
  <si>
    <t>12/20/2019 18:45:08</t>
  </si>
  <si>
    <t>12/20/2019 18:48:58</t>
  </si>
  <si>
    <t>12/20/2019 18:53:43</t>
  </si>
  <si>
    <t>12/20/2019 18:50:15</t>
  </si>
  <si>
    <t>12/20/2019 18:54:44</t>
  </si>
  <si>
    <t>5a954cf0-feff-436c-b4af-332701df2bcb.tmp</t>
  </si>
  <si>
    <t>\\acsfs\profiles$\layonmof\Downloads\5a954cf0-feff-436c-b4af-332701df2bcb.tmp</t>
  </si>
  <si>
    <t>12/20/2019 18:49:21</t>
  </si>
  <si>
    <t>12/20/2019 18:55:21</t>
  </si>
  <si>
    <t>12/20/2019 18:59:44</t>
  </si>
  <si>
    <t>12/20/2019 18:59:50</t>
  </si>
  <si>
    <t>12/20/2019 19:03:44</t>
  </si>
  <si>
    <t>12/20/2019 19:00:21</t>
  </si>
  <si>
    <t>12/20/2019 19:01:08</t>
  </si>
  <si>
    <t>12/20/2019 19:01:21</t>
  </si>
  <si>
    <t>12/20/2019 19:04:45</t>
  </si>
  <si>
    <t>12/20/2019 19:05:25</t>
  </si>
  <si>
    <t>12/20/2019 19:09:44</t>
  </si>
  <si>
    <t>12/20/2019 19:09:27</t>
  </si>
  <si>
    <t>12/20/2019 19:13:45</t>
  </si>
  <si>
    <t>12/20/2019 19:09:40</t>
  </si>
  <si>
    <t>Escala TTV 25-12.xlsx</t>
  </si>
  <si>
    <t>\\acsfs\DEPTOS\Operacao\Banco_Votorantim\Supervisao\SUPERS BV CARTÕES\ADILSON\Escalas Feriados\Escala TTV 25-12.xlsx</t>
  </si>
  <si>
    <t>12/20/2019 19:10:49</t>
  </si>
  <si>
    <t>Folga TTV 01-01.xlsx</t>
  </si>
  <si>
    <t>\\acsfs\DEPTOS\Operacao\Banco_Votorantim\Supervisao\SUPERS BV CARTÕES\ADILSON\Escalas Feriados\Folga TTV 01-01.xlsx</t>
  </si>
  <si>
    <t>12/20/2019 19:11:07</t>
  </si>
  <si>
    <t>12/20/2019 19:11:31</t>
  </si>
  <si>
    <t>12/20/2019 19:13:11</t>
  </si>
  <si>
    <t>12/20/2019 19:13:14</t>
  </si>
  <si>
    <t>12/20/2019 19:14:39</t>
  </si>
  <si>
    <t>12/20/2019 19:16:44</t>
  </si>
  <si>
    <t>12/20/2019 19:14:30</t>
  </si>
  <si>
    <t>12/20/2019 19:18:44</t>
  </si>
  <si>
    <t>12/20/2019 19:14:43</t>
  </si>
  <si>
    <t>12/20/2019 19:19:33</t>
  </si>
  <si>
    <t>12/20/2019 19:20:44</t>
  </si>
  <si>
    <t>ace583ee-79ca-4e55-a5f2-46ab135f9867.tmp</t>
  </si>
  <si>
    <t>\\acsfs\profiles$\fabianobmf\Downloads\ace583ee-79ca-4e55-a5f2-46ab135f9867.tmp</t>
  </si>
  <si>
    <t>12/20/2019 19:20:09</t>
  </si>
  <si>
    <t>12/20/2019 19:21:45</t>
  </si>
  <si>
    <t>6e3fb613-872e-4160-a40e-7fe9b6ff3403.tmp</t>
  </si>
  <si>
    <t>\\acsfs\profiles$\joycemmdl\Downloads\6e3fb613-872e-4160-a40e-7fe9b6ff3403.tmp</t>
  </si>
  <si>
    <t>12/20/2019 19:20:27</t>
  </si>
  <si>
    <t>12/20/2019 19:22:44</t>
  </si>
  <si>
    <t>12/20/2019 19:23:01</t>
  </si>
  <si>
    <t>12/20/2019 19:24:45</t>
  </si>
  <si>
    <t>ae22fb34-16af-46bb-9e3e-255a32986f53.tmp</t>
  </si>
  <si>
    <t>\\acsfs\profiles$\gabrielamdp\Downloads\ae22fb34-16af-46bb-9e3e-255a32986f53.tmp</t>
  </si>
  <si>
    <t>12/20/2019 19:22:09</t>
  </si>
  <si>
    <t>12/20/2019 19:25:45</t>
  </si>
  <si>
    <t>12/20/2019 19:23:10</t>
  </si>
  <si>
    <t>12/20/2019 19:26:45</t>
  </si>
  <si>
    <t>73311c33-e9e1-42b8-9909-d48d846b9347.tmp</t>
  </si>
  <si>
    <t>\\acsfs\profiles$\joycemmdl\Downloads\73311c33-e9e1-42b8-9909-d48d846b9347.tmp</t>
  </si>
  <si>
    <t>12/20/2019 19:24:02</t>
  </si>
  <si>
    <t>12/20/2019 19:23:48</t>
  </si>
  <si>
    <t>12/20/2019 19:28:45</t>
  </si>
  <si>
    <t>12/20/2019 19:24:19</t>
  </si>
  <si>
    <t>Escala TTV 01-12.xlsx</t>
  </si>
  <si>
    <t>\\acsfs\DEPTOS\Operacao\Banco_Votorantim\Supervisao\SUPERS BV CARTÕES\ADILSON\Escalas Feriados\Escala TTV 01-12.xlsx</t>
  </si>
  <si>
    <t>12/20/2019 19:24:55</t>
  </si>
  <si>
    <t>12/20/2019 19:25:37</t>
  </si>
  <si>
    <t>Escala TTV 01-01.xlsx</t>
  </si>
  <si>
    <t>\\acsfs\DEPTOS\Operacao\Banco_Votorantim\Supervisao\SUPERS BV CARTÕES\ADILSON\Escalas Feriados\Escala TTV 01-01.xlsx</t>
  </si>
  <si>
    <t>12/20/2019 19:25:44</t>
  </si>
  <si>
    <t>12/20/2019 19:26:00</t>
  </si>
  <si>
    <t>Folga TTV 25-12.xlsx</t>
  </si>
  <si>
    <t>\\acsfs\DEPTOS\Operacao\Banco_Votorantim\Supervisao\SUPERS BV CARTÕES\ADILSON\Escalas Feriados\Folga TTV 25-12.xlsx</t>
  </si>
  <si>
    <t>12/20/2019 19:26:27</t>
  </si>
  <si>
    <t>12/20/2019 19:29:46</t>
  </si>
  <si>
    <t>12/20/2019 19:28:06</t>
  </si>
  <si>
    <t>12/20/2019 19:27:01</t>
  </si>
  <si>
    <t>12/20/2019 19:31:46</t>
  </si>
  <si>
    <t>12/20/2019 19:29:23</t>
  </si>
  <si>
    <t>12/20/2019 19:33:46</t>
  </si>
  <si>
    <t>12/20/2019 19:30:30</t>
  </si>
  <si>
    <t>12/20/2019 19:32:08</t>
  </si>
  <si>
    <t>ESCALA FINAL .xlsx</t>
  </si>
  <si>
    <t>\\acsfs\DEPTOS\Operacao\Banco_Votorantim\Supervisao\SUPERS BV CARTÕES\ADILSON\Escalas Feriados\ESCALA FINAL .xlsx</t>
  </si>
  <si>
    <t>12/20/2019 19:33:01</t>
  </si>
  <si>
    <t>12/20/2019 19:30:19</t>
  </si>
  <si>
    <t>12/20/2019 19:34:45</t>
  </si>
  <si>
    <t>12/20/2019 19:30:24</t>
  </si>
  <si>
    <t>12/20/2019 19:33:38</t>
  </si>
  <si>
    <t>12/20/2019 19:38:46</t>
  </si>
  <si>
    <t>12/20/2019 19:34:01</t>
  </si>
  <si>
    <t>12/20/2019 19:34:26</t>
  </si>
  <si>
    <t>12/20/2019 19:34:43</t>
  </si>
  <si>
    <t>josiascdsj@algartech.com;leonardoao@algartech.com;paulacn@algartech.com;rafaelggs@algartech.com;thiagordu@algartech.com;</t>
  </si>
  <si>
    <t>josiascdsj@algartech.com,leonardoao@algartech.com,paulacn@algartech.com,rafaelggs@algartech.com,thiagordu@algartech.com</t>
  </si>
  <si>
    <t>12/20/2019 19:34:59</t>
  </si>
  <si>
    <t>bvcartes-supervisores@algarnet.onmicrosoft.com;daniela.ribeiro@bv.com.br;eduardo.santana@bv.com.br;josiascdsj@algartech.com;leonardoao@algartech.com;paulacn@algartech.com;rafaelggs@algartech.com;thiagordu@algartech.com;</t>
  </si>
  <si>
    <t>bvcartes-supervisores@algarnet.onmicrosoft.com,daniela.ribeiro@bv.com.br,eduardo.santana@bv.com.br,josiascdsj@algartech.com,leonardoao@algartech.com,paulacn@algartech.com,rafaelggs@algartech.com,thiagordu@algartech.com</t>
  </si>
  <si>
    <t>12/20/2019 19:35:14</t>
  </si>
  <si>
    <t>12/20/2019 19:35:26</t>
  </si>
  <si>
    <t>12/20/2019 19:35:45</t>
  </si>
  <si>
    <t>12/20/2019 19:36:00</t>
  </si>
  <si>
    <t>12/20/2019 19:36:12</t>
  </si>
  <si>
    <t>12/20/2019 19:36:26</t>
  </si>
  <si>
    <t>12/20/2019 19:36:43</t>
  </si>
  <si>
    <t>12/20/2019 19:36:52</t>
  </si>
  <si>
    <t>12/20/2019 19:37:07</t>
  </si>
  <si>
    <t>12/20/2019 19:37:30</t>
  </si>
  <si>
    <t>12/20/2019 19:38:14</t>
  </si>
  <si>
    <t>12/20/2019 19:38:22</t>
  </si>
  <si>
    <t>12/20/2019 19:37:54</t>
  </si>
  <si>
    <t>12/20/2019 19:41:46</t>
  </si>
  <si>
    <t>12/20/2019 19:38:41</t>
  </si>
  <si>
    <t>12/20/2019 19:43:46</t>
  </si>
  <si>
    <t>12/20/2019 19:38:45</t>
  </si>
  <si>
    <t>12/20/2019 19:38:49</t>
  </si>
  <si>
    <t>12/20/2019 19:39:10</t>
  </si>
  <si>
    <t>12/20/2019 19:39:26</t>
  </si>
  <si>
    <t>bvcartes-supervisores@algarnet.onmicrosoft.com;josiascdsj@algartech.com;leonardoao@algartech.com;paulacn@algartech.com;rafaelggs@algartech.com;thiagordu@algartech.com;</t>
  </si>
  <si>
    <t>bvcartes-supervisores@algarnet.onmicrosoft.com,josiascdsj@algartech.com,leonardoao@algartech.com,paulacn@algartech.com,rafaelggs@algartech.com,thiagordu@algartech.com</t>
  </si>
  <si>
    <t>12/20/2019 19:39:34</t>
  </si>
  <si>
    <t>12/20/2019 19:39:43</t>
  </si>
  <si>
    <t>12/20/2019 19:40:03</t>
  </si>
  <si>
    <t>12/20/2019 19:40:21</t>
  </si>
  <si>
    <t>12/20/2019 19:40:40</t>
  </si>
  <si>
    <t>12/20/2019 19:40:52</t>
  </si>
  <si>
    <t>12/20/2019 19:40:56</t>
  </si>
  <si>
    <t>12/20/2019 19:41:49</t>
  </si>
  <si>
    <t>12/20/2019 19:42:09</t>
  </si>
  <si>
    <t>12/20/2019 19:42:13</t>
  </si>
  <si>
    <t>12/20/2019 19:42:16</t>
  </si>
  <si>
    <t>12/20/2019 19:42:35</t>
  </si>
  <si>
    <t>12/20/2019 19:42:49</t>
  </si>
  <si>
    <t>12/20/2019 19:42:52</t>
  </si>
  <si>
    <t>12/20/2019 19:43:12</t>
  </si>
  <si>
    <t>12/20/2019 19:43:26</t>
  </si>
  <si>
    <t>12/20/2019 19:43:35</t>
  </si>
  <si>
    <t>12/20/2019 19:48:46</t>
  </si>
  <si>
    <t>12/20/2019 19:45:06</t>
  </si>
  <si>
    <t>12/20/2019 19:45:27</t>
  </si>
  <si>
    <t>12/20/2019 19:45:38</t>
  </si>
  <si>
    <t>12/20/2019 19:45:56</t>
  </si>
  <si>
    <t>12/20/2019 19:45:59</t>
  </si>
  <si>
    <t>12/20/2019 19:46:21</t>
  </si>
  <si>
    <t>12/20/2019 19:46:28</t>
  </si>
  <si>
    <t>12/20/2019 19:46:50</t>
  </si>
  <si>
    <t>12/20/2019 19:46:59</t>
  </si>
  <si>
    <t>12/20/2019 19:47:06</t>
  </si>
  <si>
    <t>12/20/2019 19:47:12</t>
  </si>
  <si>
    <t>12/20/2019 19:47:21</t>
  </si>
  <si>
    <t>12/20/2019 19:47:27</t>
  </si>
  <si>
    <t>12/20/2019 19:47:31</t>
  </si>
  <si>
    <t>12/20/2019 19:47:35</t>
  </si>
  <si>
    <t>12/20/2019 19:47:38</t>
  </si>
  <si>
    <t>12/20/2019 19:47:44</t>
  </si>
  <si>
    <t>12/20/2019 19:47:54</t>
  </si>
  <si>
    <t>12/20/2019 19:48:08</t>
  </si>
  <si>
    <t>12/20/2019 19:48:24</t>
  </si>
  <si>
    <t>12/20/2019 19:48:40</t>
  </si>
  <si>
    <t>12/20/2019 19:53:46</t>
  </si>
  <si>
    <t>12/20/2019 19:48:51</t>
  </si>
  <si>
    <t>12/20/2019 19:49:05</t>
  </si>
  <si>
    <t>12/20/2019 19:49:16</t>
  </si>
  <si>
    <t>12/20/2019 19:49:29</t>
  </si>
  <si>
    <t>12/20/2019 19:50:47</t>
  </si>
  <si>
    <t>12/20/2019 19:52:59</t>
  </si>
  <si>
    <t>12/20/2019 19:53:12</t>
  </si>
  <si>
    <t>mail.google.com/sync/u/0/i/s?hl=pt-BR&amp;c=225</t>
  </si>
  <si>
    <t>12/20/2019 19:53:32</t>
  </si>
  <si>
    <t>mail.google.com/sync/u/0/i/s?hl=pt-BR&amp;c=227</t>
  </si>
  <si>
    <t>12/20/2019 19:50:51</t>
  </si>
  <si>
    <t>12/20/2019 19:54:46</t>
  </si>
  <si>
    <t>12/20/2019 19:56:23</t>
  </si>
  <si>
    <t>12/20/2019 19:58:47</t>
  </si>
  <si>
    <t>12/20/2019 19:56:27</t>
  </si>
  <si>
    <t>12/20/2019 19:56:38</t>
  </si>
  <si>
    <t>12/20/2019 19:56:50</t>
  </si>
  <si>
    <t>12/20/2019 19:59:10</t>
  </si>
  <si>
    <t>12/20/2019 20:01:46</t>
  </si>
  <si>
    <t>12/20/2019 19:58:21</t>
  </si>
  <si>
    <t>12/20/2019 20:03:47</t>
  </si>
  <si>
    <t>ab780239-2f42-4826-aa42-33b501e9f4fb.tmp</t>
  </si>
  <si>
    <t>\\acsfs\profiles$\erichds\Downloads\ab780239-2f42-4826-aa42-33b501e9f4fb.tmp</t>
  </si>
  <si>
    <t>12/20/2019 20:00:17</t>
  </si>
  <si>
    <t>ebecb872-d3e3-43d0-9c70-32d335f7d7d1.tmp</t>
  </si>
  <si>
    <t>\\acsfs\profiles$\erichds\Downloads\ebecb872-d3e3-43d0-9c70-32d335f7d7d1.tmp</t>
  </si>
  <si>
    <t>12/20/2019 19:58:51</t>
  </si>
  <si>
    <t>12/20/2019 19:58:57</t>
  </si>
  <si>
    <t>12/20/2019 19:59:11</t>
  </si>
  <si>
    <t>12/20/2019 19:59:23</t>
  </si>
  <si>
    <t>12/20/2019 19:59:30</t>
  </si>
  <si>
    <t>12/20/2019 20:01:15</t>
  </si>
  <si>
    <t>12/20/2019 20:01:18</t>
  </si>
  <si>
    <t>12/20/2019 20:01:35</t>
  </si>
  <si>
    <t>12/20/2019 20:02:59</t>
  </si>
  <si>
    <t>12/20/2019 20:03:04</t>
  </si>
  <si>
    <t>12/20/2019 20:03:18</t>
  </si>
  <si>
    <t>12/20/2019 20:03:22</t>
  </si>
  <si>
    <t>12/20/2019 20:03:30</t>
  </si>
  <si>
    <t>12/20/2019 20:02:02</t>
  </si>
  <si>
    <t>12/20/2019 20:04:47</t>
  </si>
  <si>
    <t>12/20/2019 20:02:12</t>
  </si>
  <si>
    <t>12/20/2019 20:04:13</t>
  </si>
  <si>
    <t>12/20/2019 20:08:46</t>
  </si>
  <si>
    <t>Escala Operadores Natal e Ano Novo BASE.xlsx</t>
  </si>
  <si>
    <t>\\acsfs\DEPTOS\Operacao\Banco_Votorantim\Supervisao\SUPERS BV CARTÕES\ADILSON\Escalas Feriados\Escala Operadores Natal e Ano Novo BASE.xlsx</t>
  </si>
  <si>
    <t>12/20/2019 20:05:19</t>
  </si>
  <si>
    <t>12/20/2019 20:06:17</t>
  </si>
  <si>
    <t>12/20/2019 20:06:29</t>
  </si>
  <si>
    <t>12/20/2019 20:06:55</t>
  </si>
  <si>
    <t>12/20/2019 20:06:59</t>
  </si>
  <si>
    <t>12/20/2019 20:07:14</t>
  </si>
  <si>
    <t>12/20/2019 20:07:23</t>
  </si>
  <si>
    <t>12/20/2019 20:09:06</t>
  </si>
  <si>
    <t>12/20/2019 20:11:47</t>
  </si>
  <si>
    <t>12/20/2019 20:10:49</t>
  </si>
  <si>
    <t>12/20/2019 20:11:57</t>
  </si>
  <si>
    <t>12/20/2019 20:12:46</t>
  </si>
  <si>
    <t>401ba3fa-18d5-4472-8249-98ac166f7652.tmp</t>
  </si>
  <si>
    <t>\\acsfs\profiles$\bernardopcm\Downloads\401ba3fa-18d5-4472-8249-98ac166f7652.tmp</t>
  </si>
  <si>
    <t>12/20/2019 20:12:37</t>
  </si>
  <si>
    <t>12/20/2019 20:13:46</t>
  </si>
  <si>
    <t>Valor Prêmio por Operador Dezembro - até 19.12.pdf</t>
  </si>
  <si>
    <t>\\acsfs\DEPTOS\Operacao\Banco_Votorantim\Comum\00 - COMUM - BV CARTÕES\EQUIPE ADILSON\Vendas\Valor Prêmio por Operador Dezembro - até 19.12.pdf</t>
  </si>
  <si>
    <t>12/20/2019 20:18:47</t>
  </si>
  <si>
    <t>12/20/2019 20:19:47</t>
  </si>
  <si>
    <t>12/20/2019 20:17:31</t>
  </si>
  <si>
    <t>12/20/2019 20:20:46</t>
  </si>
  <si>
    <t>12/20/2019 20:20:31</t>
  </si>
  <si>
    <t>12/20/2019 20:21:46</t>
  </si>
  <si>
    <t>12/20/2019 20:19:30</t>
  </si>
  <si>
    <t>12/20/2019 20:21:36</t>
  </si>
  <si>
    <t>12/20/2019 20:20:44</t>
  </si>
  <si>
    <t>12/20/2019 20:24:46</t>
  </si>
  <si>
    <t>12/20/2019 20:21:45</t>
  </si>
  <si>
    <t>.~lock.Claudia.xls#</t>
  </si>
  <si>
    <t>\\acsfs\profiles$\claudiajca\My Documents\.~lock.Claudia.xls#</t>
  </si>
  <si>
    <t>lu230681px35z.tmp</t>
  </si>
  <si>
    <t>\\acsfs\profiles$\claudiajca\My Documents\lu230681px35z.tmp</t>
  </si>
  <si>
    <t>12/20/2019 20:24:43</t>
  </si>
  <si>
    <t>12/20/2019 20:25:45</t>
  </si>
  <si>
    <t>12/20/2019 20:27:37</t>
  </si>
  <si>
    <t>12/20/2019 20:28:46</t>
  </si>
  <si>
    <t>12/20/2019 20:27:50</t>
  </si>
  <si>
    <t>12/20/2019 20:30:46</t>
  </si>
  <si>
    <t>12/20/2019 20:26:30</t>
  </si>
  <si>
    <t>12/20/2019 20:27:57</t>
  </si>
  <si>
    <t>12/20/2019 20:31:47</t>
  </si>
  <si>
    <t>465f499d-fca0-48b9-adec-395fa44f964b.tmp</t>
  </si>
  <si>
    <t>\\acsfs\profiles$\rosileiam\Downloads\465f499d-fca0-48b9-adec-395fa44f964b.tmp</t>
  </si>
  <si>
    <t>12/20/2019 20:36:13</t>
  </si>
  <si>
    <t>12/20/2019 20:36:46</t>
  </si>
  <si>
    <t>12/20/2019 20:36:15</t>
  </si>
  <si>
    <t>12/20/2019 20:40:47</t>
  </si>
  <si>
    <t>12/20/2019 20:37:58</t>
  </si>
  <si>
    <t>12/20/2019 20:38:24</t>
  </si>
  <si>
    <t>12/20/2019 20:43:47</t>
  </si>
  <si>
    <t>129d8aa7-b51b-410e-8093-ac79dc0c9234.tmp</t>
  </si>
  <si>
    <t>\\acsfs\profiles$\erichds\Downloads\129d8aa7-b51b-410e-8093-ac79dc0c9234.tmp</t>
  </si>
  <si>
    <t>12/20/2019 20:39:01</t>
  </si>
  <si>
    <t>12/20/2019 20:39:04</t>
  </si>
  <si>
    <t>12/20/2019 20:39:15</t>
  </si>
  <si>
    <t>mail.google.com/sync/u/0/i/s?hl=pt-BR&amp;c=508</t>
  </si>
  <si>
    <t>12/20/2019 20:39:24</t>
  </si>
  <si>
    <t>mail.google.com/sync/u/0/i/s?hl=pt-BR&amp;c=510</t>
  </si>
  <si>
    <t>12/20/2019 20:39:55</t>
  </si>
  <si>
    <t>mail.google.com/sync/u/0/i/s?hl=pt-BR&amp;c=512</t>
  </si>
  <si>
    <t>12/20/2019 20:39:58</t>
  </si>
  <si>
    <t>12/20/2019 20:39:50</t>
  </si>
  <si>
    <t>12/20/2019 20:44:46</t>
  </si>
  <si>
    <t>12/20/2019 20:46:40</t>
  </si>
  <si>
    <t>12/20/2019 20:48:47</t>
  </si>
  <si>
    <t>12/20/2019 20:46:56</t>
  </si>
  <si>
    <t>mail.google.com/sync/u/0/i/s?hl=pt-BR&amp;c=594</t>
  </si>
  <si>
    <t>12/20/2019 20:45:49</t>
  </si>
  <si>
    <t>12/20/2019 20:49:47</t>
  </si>
  <si>
    <t>12/20/2019 20:51:46</t>
  </si>
  <si>
    <t>12/20/2019 20:54:46</t>
  </si>
  <si>
    <t>12/20/2019 20:55:26</t>
  </si>
  <si>
    <t>12/20/2019 20:55:47</t>
  </si>
  <si>
    <t>12/20/2019 20:57:20</t>
  </si>
  <si>
    <t>12/20/2019 20:58:47</t>
  </si>
  <si>
    <t>8c7fb6f3-dfa8-4cb6-8d30-7674c8cc2e3e.tmp</t>
  </si>
  <si>
    <t>\\acsfs\profiles$\thaisdss\Downloads\8c7fb6f3-dfa8-4cb6-8d30-7674c8cc2e3e.tmp</t>
  </si>
  <si>
    <t>12/20/2019 20:54:05</t>
  </si>
  <si>
    <t>12/20/2019 20:54:21</t>
  </si>
  <si>
    <t>12/20/2019 20:54:25</t>
  </si>
  <si>
    <t>12/20/2019 20:54:32</t>
  </si>
  <si>
    <t>mail.google.com/sync/u/0/i/s?hl=pt-BR&amp;c=680</t>
  </si>
  <si>
    <t>12/20/2019 20:54:43</t>
  </si>
  <si>
    <t>12/20/2019 20:55:05</t>
  </si>
  <si>
    <t>Dados Reneg.xlsx</t>
  </si>
  <si>
    <t>12/20/2019 20:55:33</t>
  </si>
  <si>
    <t>Contatos Reneg Manual 20.12.xlsx</t>
  </si>
  <si>
    <t>12/20/2019 20:55:52</t>
  </si>
  <si>
    <t>12/20/2019 20:55:53</t>
  </si>
  <si>
    <t>12/20/2019 20:56:15</t>
  </si>
  <si>
    <t>12/20/2019 20:58:00</t>
  </si>
  <si>
    <t>Escala de Folga Natal e Ano Novo Consolidado Equipes.xls</t>
  </si>
  <si>
    <t>\\acsfs\DEPTOS\Operacao\Banco_Votorantim\Supervisao\SUPERS BV CARTÕES\ADILSON\Escalas Feriados\Escala de Folga Natal e Ano Novo Consolidado Equipes.xls</t>
  </si>
  <si>
    <t>12/20/2019 20:58:24</t>
  </si>
  <si>
    <t>12/20/2019 20:59:48</t>
  </si>
  <si>
    <t>12/20/2019 21:00:47</t>
  </si>
  <si>
    <t>12/20/2019 20:58:30</t>
  </si>
  <si>
    <t>12/20/2019 21:01:47</t>
  </si>
  <si>
    <t>12/20/2019 21:00:20</t>
  </si>
  <si>
    <t>12/20/2019 21:03:47</t>
  </si>
  <si>
    <t>12/20/2019 21:05:14</t>
  </si>
  <si>
    <t>12/20/2019 21:07:46</t>
  </si>
  <si>
    <t>30f17f47-a543-49c5-8605-9967673d798b.tmp</t>
  </si>
  <si>
    <t>\\acsfs\profiles$\georgendsq\Downloads\30f17f47-a543-49c5-8605-9967673d798b.tmp</t>
  </si>
  <si>
    <t>12/20/2019 21:08:01</t>
  </si>
  <si>
    <t>12/20/2019 21:08:47</t>
  </si>
  <si>
    <t>12/20/2019 21:08:53</t>
  </si>
  <si>
    <t>12/20/2019 21:12:47</t>
  </si>
  <si>
    <t>12/20/2019 21:08:54</t>
  </si>
  <si>
    <t>12/20/2019 21:08:55</t>
  </si>
  <si>
    <t>12/20/2019 21:08:56</t>
  </si>
  <si>
    <t>12/20/2019 21:08:57</t>
  </si>
  <si>
    <t>12/20/2019 21:08:58</t>
  </si>
  <si>
    <t>12/20/2019 21:08:59</t>
  </si>
  <si>
    <t>12/20/2019 21:09:00</t>
  </si>
  <si>
    <t>12/20/2019 21:09:01</t>
  </si>
  <si>
    <t>12/20/2019 21:09:02</t>
  </si>
  <si>
    <t>12/20/2019 21:09:03</t>
  </si>
  <si>
    <t>12/20/2019 21:09:04</t>
  </si>
  <si>
    <t>12/20/2019 21:09:05</t>
  </si>
  <si>
    <t>12/20/2019 21:09:06</t>
  </si>
  <si>
    <t>12/20/2019 21:09:07</t>
  </si>
  <si>
    <t>12/20/2019 21:09:08</t>
  </si>
  <si>
    <t>12/20/2019 21:09:09</t>
  </si>
  <si>
    <t>12/20/2019 21:09:10</t>
  </si>
  <si>
    <t>12/20/2019 21:09:11</t>
  </si>
  <si>
    <t>12/20/2019 21:09:12</t>
  </si>
  <si>
    <t>12/20/2019 21:09:13</t>
  </si>
  <si>
    <t>12/20/2019 21:09:14</t>
  </si>
  <si>
    <t>12/20/2019 21:09:15</t>
  </si>
  <si>
    <t>12/20/2019 21:09:16</t>
  </si>
  <si>
    <t>12/20/2019 21:09:17</t>
  </si>
  <si>
    <t>12/20/2019 21:09:18</t>
  </si>
  <si>
    <t>12/20/2019 21:09:19</t>
  </si>
  <si>
    <t>12/20/2019 21:09:20</t>
  </si>
  <si>
    <t>12/20/2019 21:09:21</t>
  </si>
  <si>
    <t>12/20/2019 21:09:22</t>
  </si>
  <si>
    <t>12/20/2019 21:09:23</t>
  </si>
  <si>
    <t>12/20/2019 21:09:24</t>
  </si>
  <si>
    <t>12/20/2019 21:09:25</t>
  </si>
  <si>
    <t>12/20/2019 21:09:26</t>
  </si>
  <si>
    <t>12/20/2019 21:09:27</t>
  </si>
  <si>
    <t>12/20/2019 21:09:28</t>
  </si>
  <si>
    <t>12/20/2019 21:09:29</t>
  </si>
  <si>
    <t>12/20/2019 21:09:30</t>
  </si>
  <si>
    <t>12/20/2019 21:09:31</t>
  </si>
  <si>
    <t>12/20/2019 21:09:32</t>
  </si>
  <si>
    <t>12/20/2019 21:10:20</t>
  </si>
  <si>
    <t>fe0d97f6-485e-4636-ad57-a65a7615fd16.tmp</t>
  </si>
  <si>
    <t>\\acsfs\profiles$\georgendsq\Downloads\fe0d97f6-485e-4636-ad57-a65a7615fd16.tmp</t>
  </si>
  <si>
    <t>12/20/2019 21:18:07</t>
  </si>
  <si>
    <t>12/20/2019 21:21:47</t>
  </si>
  <si>
    <t>12/20/2019 21:21:04</t>
  </si>
  <si>
    <t>12/20/2019 21:22:48</t>
  </si>
  <si>
    <t>\\acsfs\profiles$\georgendsq\My Documents\</t>
  </si>
  <si>
    <t>PID chat.txt</t>
  </si>
  <si>
    <t>\\acsfs\profiles$\georgendsq\My Documents\PID chat.txt</t>
  </si>
  <si>
    <t>12/20/2019 21:21:13</t>
  </si>
  <si>
    <t>12/20/2019 21:25:47</t>
  </si>
  <si>
    <t>12/20/2019 21:21:24</t>
  </si>
  <si>
    <t>12/20/2019 21:27:43</t>
  </si>
  <si>
    <t>12/20/2019 21:32:48</t>
  </si>
  <si>
    <t>7a1dd83e-c0e4-4e9e-8e40-9c37388f565d.tmp</t>
  </si>
  <si>
    <t>\\acsfs\profiles$\georgendsq\Downloads\7a1dd83e-c0e4-4e9e-8e40-9c37388f565d.tmp</t>
  </si>
  <si>
    <t>12/20/2019 21:35:22</t>
  </si>
  <si>
    <t>12/20/2019 21:37:48</t>
  </si>
  <si>
    <t>9c8ad4a6-ed2c-43bc-a9bf-ee3c57da9e11.tmp</t>
  </si>
  <si>
    <t>\\acsfs\profiles$\georgendsq\Downloads\9c8ad4a6-ed2c-43bc-a9bf-ee3c57da9e11.tmp</t>
  </si>
  <si>
    <t>12/20/2019 21:35:27</t>
  </si>
  <si>
    <t>85a2f684-a896-4449-944a-44992224a749.tmp</t>
  </si>
  <si>
    <t>\\acsfs\profiles$\georgendsq\Downloads\85a2f684-a896-4449-944a-44992224a749.tmp</t>
  </si>
  <si>
    <t>12/20/2019 21:35:32</t>
  </si>
  <si>
    <t>a5294135-ed6c-4a7c-a420-5d40f94e3f31.tmp</t>
  </si>
  <si>
    <t>\\acsfs\profiles$\georgendsq\Downloads\a5294135-ed6c-4a7c-a420-5d40f94e3f31.tmp</t>
  </si>
  <si>
    <t>12/20/2019 21:40:40</t>
  </si>
  <si>
    <t>12/20/2019 21:41:48</t>
  </si>
  <si>
    <t>12/20/2019 21:42:33</t>
  </si>
  <si>
    <t>12/20/2019 21:47:48</t>
  </si>
  <si>
    <t>XLOG_anakcs_20122019_133048.log</t>
  </si>
  <si>
    <t>\\acsfs\profiles$\anakcs\My Documents\xworkcenter\logs\XLOG_anakcs_20122019_133048.log</t>
  </si>
  <si>
    <t>12/20/2019 21:52:57</t>
  </si>
  <si>
    <t>12/20/2019 21:54:48</t>
  </si>
  <si>
    <t>12/20/2019 21:52:39</t>
  </si>
  <si>
    <t>12/20/2019 21:56:48</t>
  </si>
  <si>
    <t>12/20/2019 21:56:03</t>
  </si>
  <si>
    <t>12/20/2019 21:58:48</t>
  </si>
  <si>
    <t>fe96f28f-e130-4fb9-889f-a4246c7735aa.tmp</t>
  </si>
  <si>
    <t>\\acsfs\profiles$\brendadsl\Downloads\fe96f28f-e130-4fb9-889f-a4246c7735aa.tmp</t>
  </si>
  <si>
    <t>12/20/2019 21:56:35</t>
  </si>
  <si>
    <t>72b09d3c-6c94-4344-a2a8-9759021603fe.tmp</t>
  </si>
  <si>
    <t>\\acsfs\profiles$\brendadsl\Downloads\72b09d3c-6c94-4344-a2a8-9759021603fe.tmp</t>
  </si>
  <si>
    <t>12/20/2019 21:57:05</t>
  </si>
  <si>
    <t>8ac642da-7e5e-472e-b3c1-6dd0daf25e27.tmp</t>
  </si>
  <si>
    <t>\\acsfs\profiles$\brendadsl\Downloads\8ac642da-7e5e-472e-b3c1-6dd0daf25e27.tmp</t>
  </si>
  <si>
    <t>12/20/2019 22:01:04</t>
  </si>
  <si>
    <t>12/20/2019 22:01:48</t>
  </si>
  <si>
    <t>12/20/2019 22:01:56</t>
  </si>
  <si>
    <t>12/20/2019 22:03:48</t>
  </si>
  <si>
    <t>12/20/2019 22:03:34</t>
  </si>
  <si>
    <t>12/20/2019 22:01:11</t>
  </si>
  <si>
    <t>12/20/2019 22:04:48</t>
  </si>
  <si>
    <t>12/20/2019 22:07:43</t>
  </si>
  <si>
    <t>12/20/2019 22:09:47</t>
  </si>
  <si>
    <t>12/20/2019 22:10:15</t>
  </si>
  <si>
    <t>12/20/2019 22:14:48</t>
  </si>
  <si>
    <t>12/20/2019 22:19:24</t>
  </si>
  <si>
    <t>12/20/2019 22:24:48</t>
  </si>
  <si>
    <t>12/20/2019 22:27:08</t>
  </si>
  <si>
    <t>12/20/2019 22:28:48</t>
  </si>
  <si>
    <t>12/20/2019 22:35:02</t>
  </si>
  <si>
    <t>12/20/2019 22:38:48</t>
  </si>
  <si>
    <t>12/20/2019 22:38:24</t>
  </si>
  <si>
    <t>12/20/2019 22:37:28</t>
  </si>
  <si>
    <t>12/20/2019 22:39:48</t>
  </si>
  <si>
    <t>12/20/2019 22:43:17</t>
  </si>
  <si>
    <t>12/20/2019 22:43:49</t>
  </si>
  <si>
    <t>12/20/2019 22:43:19</t>
  </si>
  <si>
    <t>12/20/2019 22:45:49</t>
  </si>
  <si>
    <t>12/20/2019 22:47:45</t>
  </si>
  <si>
    <t>12/20/2019 22:52:49</t>
  </si>
  <si>
    <t>12/20/2019 22:52:42</t>
  </si>
  <si>
    <t>12/20/2019 22:53:49</t>
  </si>
  <si>
    <t>12/20/2019 22:54:30</t>
  </si>
  <si>
    <t>12/20/2019 22:55:49</t>
  </si>
  <si>
    <t>12/20/2019 22:58:35</t>
  </si>
  <si>
    <t>12/20/2019 23:02:49</t>
  </si>
  <si>
    <t>12/20/2019 23:02:08</t>
  </si>
  <si>
    <t>12/20/2019 23:06:48</t>
  </si>
  <si>
    <t>12/20/2019 23:05:28</t>
  </si>
  <si>
    <t>12/20/2019 23:10:48</t>
  </si>
  <si>
    <t>12/20/2019 23:09:50</t>
  </si>
  <si>
    <t>12/20/2019 23:14:48</t>
  </si>
  <si>
    <t>12/20/2019 23:18:53</t>
  </si>
  <si>
    <t>12/20/2019 23:19:48</t>
  </si>
  <si>
    <t>12/20/2019 23:16:04</t>
  </si>
  <si>
    <t>12/20/2019 23:26:45</t>
  </si>
  <si>
    <t>12/20/2019 23:29:48</t>
  </si>
  <si>
    <t>12/20/2019 23:31:12</t>
  </si>
  <si>
    <t>12/20/2019 23:34:48</t>
  </si>
  <si>
    <t>12/20/2019 23:39:55</t>
  </si>
  <si>
    <t>12/20/2019 23:44:48</t>
  </si>
  <si>
    <t>12/21/2019 00:01:50</t>
  </si>
  <si>
    <t>12/21/2019 00:04:48</t>
  </si>
  <si>
    <t>12/21/2019 00:07:06</t>
  </si>
  <si>
    <t>12/21/2019 00:08:49</t>
  </si>
  <si>
    <t>12/21/2019 00:07:44</t>
  </si>
  <si>
    <t>12/21/2019 00:09:49</t>
  </si>
  <si>
    <t>12/21/2019 00:10:21</t>
  </si>
  <si>
    <t>12/21/2019 00:11:49</t>
  </si>
  <si>
    <t>12/21/2019 00:13:13</t>
  </si>
  <si>
    <t>12/21/2019 00:14:50</t>
  </si>
  <si>
    <t>12/21/2019 00:13:08</t>
  </si>
  <si>
    <t>12/21/2019 00:13:07</t>
  </si>
  <si>
    <t>12/21/2019 00:10:40</t>
  </si>
  <si>
    <t>12/21/2019 00:15:49</t>
  </si>
  <si>
    <t>12/21/2019 00:14:37</t>
  </si>
  <si>
    <t>12/21/2019 00:14:54</t>
  </si>
  <si>
    <t>12/21/2019 00:16:49</t>
  </si>
  <si>
    <t>12/21/2019 00:17:50</t>
  </si>
  <si>
    <t>12/21/2019 00:29:04</t>
  </si>
  <si>
    <t>12/21/2019 00:34:50</t>
  </si>
  <si>
    <t>12/21/2019 00:34:49</t>
  </si>
  <si>
    <t>12/21/2019 00:36:51</t>
  </si>
  <si>
    <t>12/21/2019 00:48:26</t>
  </si>
  <si>
    <t>12/21/2019 00:49:50</t>
  </si>
  <si>
    <t>12/21/2019 00:54:53</t>
  </si>
  <si>
    <t>12/21/2019 00:55:49</t>
  </si>
  <si>
    <t>12/21/2019 00:56:20</t>
  </si>
  <si>
    <t>12/21/2019 00:59:50</t>
  </si>
  <si>
    <t>12/21/2019 00:59:38</t>
  </si>
  <si>
    <t>12/21/2019 01:17:50</t>
  </si>
  <si>
    <t>12/21/2019 01:04:52</t>
  </si>
  <si>
    <t>12/21/2019 01:05:44</t>
  </si>
  <si>
    <t>12/21/2019 01:09:29</t>
  </si>
  <si>
    <t>12/21/2019 01:18:50</t>
  </si>
  <si>
    <t>12/21/2019 01:19:50</t>
  </si>
  <si>
    <t>12/21/2019 01:21:50</t>
  </si>
  <si>
    <t>12/21/2019 01:33:54</t>
  </si>
  <si>
    <t>12/21/2019 01:38:49</t>
  </si>
  <si>
    <t>12/21/2019 01:54:39</t>
  </si>
  <si>
    <t>12/21/2019 01:56:50</t>
  </si>
  <si>
    <t>12/21/2019 01:59:17</t>
  </si>
  <si>
    <t>12/21/2019 02:03:50</t>
  </si>
  <si>
    <t>12/21/2019 02:27:31</t>
  </si>
  <si>
    <t>12/21/2019 02:29:51</t>
  </si>
  <si>
    <t>12/21/2019 02:39:25</t>
  </si>
  <si>
    <t>12/21/2019 02:44:52</t>
  </si>
  <si>
    <t>12/21/2019 02:57:03</t>
  </si>
  <si>
    <t>12/21/2019 02:59:51</t>
  </si>
  <si>
    <t>12/21/2019 02:59:47</t>
  </si>
  <si>
    <t>12/21/2019 03:01:51</t>
  </si>
  <si>
    <t>12/21/2019 02:59:15</t>
  </si>
  <si>
    <t>12/21/2019 03:05:22</t>
  </si>
  <si>
    <t>12/21/2019 03:09:51</t>
  </si>
  <si>
    <t>12/21/2019 03:10:54</t>
  </si>
  <si>
    <t>12/21/2019 03:13:51</t>
  </si>
  <si>
    <t>12/21/2019 03:23:39</t>
  </si>
  <si>
    <t>12/21/2019 03:24:53</t>
  </si>
  <si>
    <t>12/21/2019 03:31:16</t>
  </si>
  <si>
    <t>12/21/2019 03:31:52</t>
  </si>
  <si>
    <t>12/21/2019 03:37:12</t>
  </si>
  <si>
    <t>12/21/2019 03:39:51</t>
  </si>
  <si>
    <t>12/21/2019 03:40:43</t>
  </si>
  <si>
    <t>12/21/2019 03:44:51</t>
  </si>
  <si>
    <t>12/21/2019 03:42:15</t>
  </si>
  <si>
    <t>12/21/2019 03:51:45</t>
  </si>
  <si>
    <t>12/21/2019 03:53:50</t>
  </si>
  <si>
    <t>12/21/2019 03:51:23</t>
  </si>
  <si>
    <t>12/21/2019 03:54:50</t>
  </si>
  <si>
    <t>12/21/2019 03:50:18</t>
  </si>
  <si>
    <t>12/21/2019 03:50:45</t>
  </si>
  <si>
    <t>12/21/2019 03:56:39</t>
  </si>
  <si>
    <t>12/21/2019 03:56:51</t>
  </si>
  <si>
    <t>12/21/2019 03:56:24</t>
  </si>
  <si>
    <t>12/21/2019 03:59:50</t>
  </si>
  <si>
    <t>12/21/2019 03:58:28</t>
  </si>
  <si>
    <t>12/21/2019 03:55:11</t>
  </si>
  <si>
    <t>12/21/2019 04:00:50</t>
  </si>
  <si>
    <t>12/20/2019 17:31:17</t>
  </si>
  <si>
    <t>12/21/2019 04:03:50</t>
  </si>
  <si>
    <t>10.200.66.42</t>
  </si>
  <si>
    <t>1cf37daf-3ecf-499c-91b6-ff44dbdb95f8.tmp</t>
  </si>
  <si>
    <t>\\acsfs\profiles$\anafaes\Downloads\1cf37daf-3ecf-499c-91b6-ff44dbdb95f8.tmp</t>
  </si>
  <si>
    <t>$IGKHXB4.txt</t>
  </si>
  <si>
    <t>\\acsfs\profiles$\anafaes\My Documents\$RECYCLE.BIN\$IGKHXB4.txt</t>
  </si>
  <si>
    <t>$IOHWZHI.txt</t>
  </si>
  <si>
    <t>\\acsfs\profiles$\anafaes\My Documents\$RECYCLE.BIN\$IOHWZHI.txt</t>
  </si>
  <si>
    <t>$IVIWYVQ.txt</t>
  </si>
  <si>
    <t>\\acsfs\profiles$\anafaes\My Documents\$RECYCLE.BIN\$IVIWYVQ.txt</t>
  </si>
  <si>
    <t>12/20/2019 17:52:56</t>
  </si>
  <si>
    <t>$IEKIRC4.txt</t>
  </si>
  <si>
    <t>\\acsfs\profiles$\anafaes\My Documents\$RECYCLE.BIN\$IEKIRC4.txt</t>
  </si>
  <si>
    <t>$I15CLPU.txt</t>
  </si>
  <si>
    <t>\\acsfs\profiles$\anafaes\My Documents\$RECYCLE.BIN\$I15CLPU.txt</t>
  </si>
  <si>
    <t>$IRD2SRH.txt</t>
  </si>
  <si>
    <t>\\acsfs\profiles$\anafaes\My Documents\$RECYCLE.BIN\$IRD2SRH.txt</t>
  </si>
  <si>
    <t>$I46Q8V6.txt</t>
  </si>
  <si>
    <t>\\acsfs\profiles$\anafaes\My Documents\$RECYCLE.BIN\$I46Q8V6.txt</t>
  </si>
  <si>
    <t>12/20/2019 20:08:23</t>
  </si>
  <si>
    <t>41062230-d75a-4bb4-923a-2e226f764a21.tmp</t>
  </si>
  <si>
    <t>\\acsfs\profiles$\anafaes\Downloads\41062230-d75a-4bb4-923a-2e226f764a21.tmp</t>
  </si>
  <si>
    <t>12/21/2019 03:58:46</t>
  </si>
  <si>
    <t>12/21/2019 03:59:52</t>
  </si>
  <si>
    <t>12/21/2019 04:04:50</t>
  </si>
  <si>
    <t>12/21/2019 04:08:59</t>
  </si>
  <si>
    <t>12/21/2019 04:11:49</t>
  </si>
  <si>
    <t>12/21/2019 04:10:29</t>
  </si>
  <si>
    <t>12/21/2019 04:13:49</t>
  </si>
  <si>
    <t>12/21/2019 04:27:41</t>
  </si>
  <si>
    <t>12/21/2019 04:29:51</t>
  </si>
  <si>
    <t>12/21/2019 04:43:18</t>
  </si>
  <si>
    <t>12/21/2019 04:45:51</t>
  </si>
  <si>
    <t>12/21/2019 04:48:27</t>
  </si>
  <si>
    <t>12/21/2019 04:51:51</t>
  </si>
  <si>
    <t>12/21/2019 04:58:43</t>
  </si>
  <si>
    <t>12/21/2019 05:00:51</t>
  </si>
  <si>
    <t>12/21/2019 04:58:39</t>
  </si>
  <si>
    <t>12/21/2019 05:06:51</t>
  </si>
  <si>
    <t>12/21/2019 05:09:52</t>
  </si>
  <si>
    <t>12/21/2019 05:05:40</t>
  </si>
  <si>
    <t>12/21/2019 05:31:10</t>
  </si>
  <si>
    <t>12/21/2019 05:34:50</t>
  </si>
  <si>
    <t>12/21/2019 05:32:02</t>
  </si>
  <si>
    <t>12/21/2019 05:56:44</t>
  </si>
  <si>
    <t>12/21/2019 05:59:51</t>
  </si>
  <si>
    <t>12/21/2019 06:08:29</t>
  </si>
  <si>
    <t>12/21/2019 06:09:50</t>
  </si>
  <si>
    <t>12/21/2019 06:11:50</t>
  </si>
  <si>
    <t>12/21/2019 06:13:50</t>
  </si>
  <si>
    <t>12/21/2019 06:30:16</t>
  </si>
  <si>
    <t>12/21/2019 06:32:51</t>
  </si>
  <si>
    <t>12/21/2019 06:32:09</t>
  </si>
  <si>
    <t>12/21/2019 06:34:52</t>
  </si>
  <si>
    <t>12/21/2019 06:48:47</t>
  </si>
  <si>
    <t>12/21/2019 06:49:51</t>
  </si>
  <si>
    <t>12/21/2019 07:01:49</t>
  </si>
  <si>
    <t>12/21/2019 07:02:52</t>
  </si>
  <si>
    <t>12/21/2019 06:58:59</t>
  </si>
  <si>
    <t>12/21/2019 07:05:49</t>
  </si>
  <si>
    <t>12/21/2019 07:07:52</t>
  </si>
  <si>
    <t>e7433dd9-f0fb-484d-a92b-980ddc3ed0f4.tmp</t>
  </si>
  <si>
    <t>\\acsfs\profiles$\deboractr\Downloads\e7433dd9-f0fb-484d-a92b-980ddc3ed0f4.tmp</t>
  </si>
  <si>
    <t>12/21/2019 07:08:37</t>
  </si>
  <si>
    <t>12/21/2019 07:12:51</t>
  </si>
  <si>
    <t>12/21/2019 07:15:07</t>
  </si>
  <si>
    <t>12/21/2019 07:17:52</t>
  </si>
  <si>
    <t>12/21/2019 07:23:12</t>
  </si>
  <si>
    <t>12/21/2019 07:24:51</t>
  </si>
  <si>
    <t>12/21/2019 07:28:37</t>
  </si>
  <si>
    <t>12/21/2019 07:29:52</t>
  </si>
  <si>
    <t>12/21/2019 07:28:15</t>
  </si>
  <si>
    <t>12/21/2019 07:31:51</t>
  </si>
  <si>
    <t>12/21/2019 07:30:29</t>
  </si>
  <si>
    <t>12/21/2019 07:31:20</t>
  </si>
  <si>
    <t>9cdcba5b-d68b-4088-8bb3-5c15a7c066fd.tmp</t>
  </si>
  <si>
    <t>\\acsfs\profiles$\ERICALSR\Downloads\9cdcba5b-d68b-4088-8bb3-5c15a7c066fd.tmp</t>
  </si>
  <si>
    <t>12/21/2019 07:34:42</t>
  </si>
  <si>
    <t>12/21/2019 07:36:51</t>
  </si>
  <si>
    <t>e05b7b04-61d9-4654-bd0c-4dfb239b31f2.tmp</t>
  </si>
  <si>
    <t>\\acsfs\profiles$\marcellewdl\Downloads\e05b7b04-61d9-4654-bd0c-4dfb239b31f2.tmp</t>
  </si>
  <si>
    <t>12/21/2019 07:35:54</t>
  </si>
  <si>
    <t>86836859-a44b-4d26-b0c8-72ea07808fd8.tmp</t>
  </si>
  <si>
    <t>\\acsfs\profiles$\marcellewdl\Downloads\86836859-a44b-4d26-b0c8-72ea07808fd8.tmp</t>
  </si>
  <si>
    <t>12/21/2019 07:31:32</t>
  </si>
  <si>
    <t>56a9cc93-6b36-4658-b496-9a20aee8b934.tmp</t>
  </si>
  <si>
    <t>\\acsfs\profiles$\ERICALSR\Downloads\56a9cc93-6b36-4658-b496-9a20aee8b934.tmp</t>
  </si>
  <si>
    <t>12/21/2019 07:32:37</t>
  </si>
  <si>
    <t>83fa90bd-f3de-4b8b-b0f1-07fed82a9b30.tmp</t>
  </si>
  <si>
    <t>\\acsfs\profiles$\ERICALSR\Downloads\83fa90bd-f3de-4b8b-b0f1-07fed82a9b30.tmp</t>
  </si>
  <si>
    <t>12/21/2019 07:36:27</t>
  </si>
  <si>
    <t>12/21/2019 07:41:52</t>
  </si>
  <si>
    <t>12/21/2019 07:36:31</t>
  </si>
  <si>
    <t>12/21/2019 07:36:37</t>
  </si>
  <si>
    <t>12/21/2019 07:36:39</t>
  </si>
  <si>
    <t>12/21/2019 07:36:40</t>
  </si>
  <si>
    <t>12/21/2019 07:36:43</t>
  </si>
  <si>
    <t>12/21/2019 07:36:44</t>
  </si>
  <si>
    <t>12/21/2019 07:36:47</t>
  </si>
  <si>
    <t>12/21/2019 07:36:48</t>
  </si>
  <si>
    <t>12/21/2019 07:36:49</t>
  </si>
  <si>
    <t>12/21/2019 07:36:50</t>
  </si>
  <si>
    <t>12/21/2019 07:36:54</t>
  </si>
  <si>
    <t>12/21/2019 07:36:55</t>
  </si>
  <si>
    <t>12/21/2019 07:37:01</t>
  </si>
  <si>
    <t>12/21/2019 07:37:02</t>
  </si>
  <si>
    <t>12/21/2019 07:37:03</t>
  </si>
  <si>
    <t>12/21/2019 07:37:09</t>
  </si>
  <si>
    <t>12/21/2019 07:37:10</t>
  </si>
  <si>
    <t>12/21/2019 07:37:11</t>
  </si>
  <si>
    <t>12/21/2019 07:37:13</t>
  </si>
  <si>
    <t>12/21/2019 07:37:14</t>
  </si>
  <si>
    <t>12/21/2019 07:37:15</t>
  </si>
  <si>
    <t>12/21/2019 07:37:16</t>
  </si>
  <si>
    <t>12/21/2019 07:37:19</t>
  </si>
  <si>
    <t>12/21/2019 07:37:20</t>
  </si>
  <si>
    <t>12/21/2019 07:37:22</t>
  </si>
  <si>
    <t>12/21/2019 07:37:23</t>
  </si>
  <si>
    <t>12/21/2019 07:37:24</t>
  </si>
  <si>
    <t>12/21/2019 07:37:26</t>
  </si>
  <si>
    <t>12/21/2019 07:37:27</t>
  </si>
  <si>
    <t>12/21/2019 07:37:29</t>
  </si>
  <si>
    <t>12/21/2019 07:37:31</t>
  </si>
  <si>
    <t>12/21/2019 07:37:33</t>
  </si>
  <si>
    <t>12/21/2019 07:37:34</t>
  </si>
  <si>
    <t>12/21/2019 07:37:35</t>
  </si>
  <si>
    <t>12/21/2019 07:37:36</t>
  </si>
  <si>
    <t>12/21/2019 07:37:38</t>
  </si>
  <si>
    <t>12/21/2019 07:37:39</t>
  </si>
  <si>
    <t>12/21/2019 07:38:12</t>
  </si>
  <si>
    <t>12/21/2019 07:40:30</t>
  </si>
  <si>
    <t>12/21/2019 07:44:51</t>
  </si>
  <si>
    <t>12/21/2019 07:44:10</t>
  </si>
  <si>
    <t>\\acsfs\profiles$\alicecpbc\My Documents\My Pictures\</t>
  </si>
  <si>
    <t>\\acsfs\profiles$\alicecpbc\My Documents\My Videos\desktop.ini</t>
  </si>
  <si>
    <t>12/21/2019 07:44:13</t>
  </si>
  <si>
    <t>\\acsfs\profiles$\alicecpbc\My Documents\My Videos\</t>
  </si>
  <si>
    <t>12/21/2019 07:44:14</t>
  </si>
  <si>
    <t>12/21/2019 07:44:16</t>
  </si>
  <si>
    <t>12/21/2019 07:44:19</t>
  </si>
  <si>
    <t>12/21/2019 07:44:23</t>
  </si>
  <si>
    <t>\\acsfs\profiles$\alicecpbc\My Documents\My Music\</t>
  </si>
  <si>
    <t>\\acsfs\profiles$\alicecpbc\My Documents\My Pictures\desktop.ini</t>
  </si>
  <si>
    <t>12/21/2019 07:44:24</t>
  </si>
  <si>
    <t>12/21/2019 07:44:25</t>
  </si>
  <si>
    <t>12/21/2019 07:44:26</t>
  </si>
  <si>
    <t>12/21/2019 07:44:27</t>
  </si>
  <si>
    <t>12/21/2019 07:44:28</t>
  </si>
  <si>
    <t>\\acsfs\profiles$\alicecpbc\Contacts\</t>
  </si>
  <si>
    <t>\\acsfs\profiles$\alicecpbc\Contacts\desktop.ini</t>
  </si>
  <si>
    <t>12/21/2019 07:40:39</t>
  </si>
  <si>
    <t>12/21/2019 07:45:51</t>
  </si>
  <si>
    <t>12/21/2019 07:41:01</t>
  </si>
  <si>
    <t>12/21/2019 07:41:18</t>
  </si>
  <si>
    <t>12/21/2019 07:41:19</t>
  </si>
  <si>
    <t>12/21/2019 07:41:23</t>
  </si>
  <si>
    <t>12/21/2019 07:41:25</t>
  </si>
  <si>
    <t>12/21/2019 07:41:29</t>
  </si>
  <si>
    <t>12/21/2019 07:41:31</t>
  </si>
  <si>
    <t>12/21/2019 07:41:34</t>
  </si>
  <si>
    <t>12/21/2019 07:41:35</t>
  </si>
  <si>
    <t>12/21/2019 07:41:39</t>
  </si>
  <si>
    <t>12/21/2019 07:41:41</t>
  </si>
  <si>
    <t>12/21/2019 07:41:42</t>
  </si>
  <si>
    <t>12/21/2019 07:41:48</t>
  </si>
  <si>
    <t>\\acsfs\profiles$\alicecpbc\Favorites\desktop.ini</t>
  </si>
  <si>
    <t>12/21/2019 07:41:49</t>
  </si>
  <si>
    <t>12/21/2019 07:41:57</t>
  </si>
  <si>
    <t>12/21/2019 07:42:02</t>
  </si>
  <si>
    <t>12/21/2019 07:42:03</t>
  </si>
  <si>
    <t>12/21/2019 07:42:04</t>
  </si>
  <si>
    <t>12/21/2019 07:42:11</t>
  </si>
  <si>
    <t>\\acsfs\profiles$\alicecpbc\My Documents\My Music\desktop.ini</t>
  </si>
  <si>
    <t>12/21/2019 07:42:17</t>
  </si>
  <si>
    <t>12/21/2019 07:42:18</t>
  </si>
  <si>
    <t>12/21/2019 07:42:21</t>
  </si>
  <si>
    <t>12/21/2019 07:42:22</t>
  </si>
  <si>
    <t>12/21/2019 07:42:24</t>
  </si>
  <si>
    <t>\\acsfs\profiles$\alicecpbc\Searches\</t>
  </si>
  <si>
    <t>\\acsfs\profiles$\alicecpbc\Searches\desktop.ini</t>
  </si>
  <si>
    <t>12/21/2019 07:42:25</t>
  </si>
  <si>
    <t>12/21/2019 07:42:27</t>
  </si>
  <si>
    <t>12/21/2019 07:42:28</t>
  </si>
  <si>
    <t>12/21/2019 07:42:30</t>
  </si>
  <si>
    <t>12/21/2019 07:42:32</t>
  </si>
  <si>
    <t>\\acsfs\profiles$\alicecpbc\Downloads\desktop.ini</t>
  </si>
  <si>
    <t>12/21/2019 07:42:34</t>
  </si>
  <si>
    <t>12/21/2019 07:42:36</t>
  </si>
  <si>
    <t>\\acsfs\profiles$\alicecpbc\Favorites\</t>
  </si>
  <si>
    <t>\\acsfs\profiles$\alicecpbc\My Documents\desktop.ini</t>
  </si>
  <si>
    <t>12/21/2019 07:42:38</t>
  </si>
  <si>
    <t>12/21/2019 07:42:39</t>
  </si>
  <si>
    <t>12/21/2019 07:42:40</t>
  </si>
  <si>
    <t>12/21/2019 07:42:42</t>
  </si>
  <si>
    <t>12/21/2019 07:42:43</t>
  </si>
  <si>
    <t>12/21/2019 07:42:45</t>
  </si>
  <si>
    <t>\\acsfs\profiles$\alicecpbc\Saved Games\desktop.ini</t>
  </si>
  <si>
    <t>12/21/2019 07:42:47</t>
  </si>
  <si>
    <t>12/21/2019 07:43:12</t>
  </si>
  <si>
    <t>winrt--{S-1-5-21-602162358-764733703-839522115-352968}-.searchconnector-ms</t>
  </si>
  <si>
    <t>\\acsfs\profiles$\alicecpbc\Searches\winrt--{S-1-5-21-602162358-764733703-839522115-352968}-.searchconnector-ms</t>
  </si>
  <si>
    <t>12/21/2019 07:45:04</t>
  </si>
  <si>
    <t>12/21/2019 07:46:52</t>
  </si>
  <si>
    <t>12/21/2019 07:42:16</t>
  </si>
  <si>
    <t>12/21/2019 07:45:45</t>
  </si>
  <si>
    <t>12/21/2019 07:48:52</t>
  </si>
  <si>
    <t>e04fd7d2-3cae-4ea1-807a-b8321931e295.tmp</t>
  </si>
  <si>
    <t>\\acsfs\profiles$\alicecpbc\Downloads\e04fd7d2-3cae-4ea1-807a-b8321931e295.tmp</t>
  </si>
  <si>
    <t>12/21/2019 07:45:56</t>
  </si>
  <si>
    <t>Unconfirmed 598992.crdownload</t>
  </si>
  <si>
    <t>\\acsfs\profiles$\alicecpbc\Downloads\Unconfirmed 598992.crdownload</t>
  </si>
  <si>
    <t>12/21/2019 07:46:15</t>
  </si>
  <si>
    <t>6ea91a9a-c0e1-4ff2-a0b7-4e9991b34922.tmp</t>
  </si>
  <si>
    <t>\\acsfs\profiles$\alicecpbc\Downloads\6ea91a9a-c0e1-4ff2-a0b7-4e9991b34922.tmp</t>
  </si>
  <si>
    <t>12/21/2019 07:46:27</t>
  </si>
  <si>
    <t>Unconfirmed 676576.crdownload</t>
  </si>
  <si>
    <t>\\acsfs\profiles$\alicecpbc\Downloads\Unconfirmed 676576.crdownload</t>
  </si>
  <si>
    <t>12/21/2019 07:46:32</t>
  </si>
  <si>
    <t>1fb3b728-186d-4aa2-bb26-a229c8442a1b.tmp</t>
  </si>
  <si>
    <t>\\acsfs\profiles$\alicecpbc\Downloads\1fb3b728-186d-4aa2-bb26-a229c8442a1b.tmp</t>
  </si>
  <si>
    <t>12/21/2019 07:46:45</t>
  </si>
  <si>
    <t>Unconfirmed 592063.crdownload</t>
  </si>
  <si>
    <t>\\acsfs\profiles$\alicecpbc\Downloads\Unconfirmed 592063.crdownload</t>
  </si>
  <si>
    <t>12/21/2019 07:44:34</t>
  </si>
  <si>
    <t>12/21/2019 07:49:51</t>
  </si>
  <si>
    <t>12/21/2019 07:44:37</t>
  </si>
  <si>
    <t>12/21/2019 07:44:38</t>
  </si>
  <si>
    <t>12/21/2019 07:44:40</t>
  </si>
  <si>
    <t>12/21/2019 07:44:41</t>
  </si>
  <si>
    <t>12/21/2019 07:44:43</t>
  </si>
  <si>
    <t>12/21/2019 07:44:45</t>
  </si>
  <si>
    <t>12/21/2019 07:44:46</t>
  </si>
  <si>
    <t>12/21/2019 07:44:47</t>
  </si>
  <si>
    <t>12/21/2019 07:44:49</t>
  </si>
  <si>
    <t>12/21/2019 07:44:50</t>
  </si>
  <si>
    <t>12/21/2019 07:44:52</t>
  </si>
  <si>
    <t>12/21/2019 07:44:54</t>
  </si>
  <si>
    <t>12/21/2019 07:44:55</t>
  </si>
  <si>
    <t>12/21/2019 07:44:56</t>
  </si>
  <si>
    <t>12/21/2019 07:44:58</t>
  </si>
  <si>
    <t>12/21/2019 07:45:01</t>
  </si>
  <si>
    <t>12/21/2019 07:45:02</t>
  </si>
  <si>
    <t>12/21/2019 07:45:05</t>
  </si>
  <si>
    <t>12/21/2019 07:45:06</t>
  </si>
  <si>
    <t>12/21/2019 07:45:08</t>
  </si>
  <si>
    <t>12/21/2019 07:45:10</t>
  </si>
  <si>
    <t>12/21/2019 07:45:11</t>
  </si>
  <si>
    <t>12/21/2019 07:45:15</t>
  </si>
  <si>
    <t>12/21/2019 07:45:36</t>
  </si>
  <si>
    <t>12/21/2019 07:50:49</t>
  </si>
  <si>
    <t>12/21/2019 07:51:52</t>
  </si>
  <si>
    <t>12/21/2019 07:50:03</t>
  </si>
  <si>
    <t>12/21/2019 07:53:52</t>
  </si>
  <si>
    <t>12/21/2019 07:50:16</t>
  </si>
  <si>
    <t>12/21/2019 07:52:32</t>
  </si>
  <si>
    <t>8f49115a-9abe-4390-9dd1-8a923322fe26.tmp</t>
  </si>
  <si>
    <t>\\acsfs\profiles$\alicecpbc\Downloads\8f49115a-9abe-4390-9dd1-8a923322fe26.tmp</t>
  </si>
  <si>
    <t>12/21/2019 07:52:54</t>
  </si>
  <si>
    <t>ec514013-1356-4d04-8aec-b93d659b2e7f.tmp</t>
  </si>
  <si>
    <t>\\acsfs\profiles$\alicecpbc\Downloads\ec514013-1356-4d04-8aec-b93d659b2e7f.tmp</t>
  </si>
  <si>
    <t>12/21/2019 07:50:54</t>
  </si>
  <si>
    <t>12/21/2019 07:54:52</t>
  </si>
  <si>
    <t>12/21/2019 07:54:53</t>
  </si>
  <si>
    <t>12/21/2019 07:59:52</t>
  </si>
  <si>
    <t>12/21/2019 07:59:02</t>
  </si>
  <si>
    <t>12/21/2019 08:01:52</t>
  </si>
  <si>
    <t>92bb650c-5025-46fd-b898-502cd116a80c.tmp</t>
  </si>
  <si>
    <t>\\acsfs\profiles$\luanarda\Downloads\92bb650c-5025-46fd-b898-502cd116a80c.tmp</t>
  </si>
  <si>
    <t>12/21/2019 08:01:14</t>
  </si>
  <si>
    <t>12/21/2019 08:01:42</t>
  </si>
  <si>
    <t>12/21/2019 08:06:52</t>
  </si>
  <si>
    <t>73a390d5-f939-48d1-a11f-fd4d0fb5a6b0.tmp</t>
  </si>
  <si>
    <t>\\acsfs\profiles$\luanarda\Downloads\73a390d5-f939-48d1-a11f-fd4d0fb5a6b0.tmp</t>
  </si>
  <si>
    <t>12/21/2019 08:02:27</t>
  </si>
  <si>
    <t>875c4bd0-1a42-4d83-9c61-0587465aae83.tmp</t>
  </si>
  <si>
    <t>\\acsfs\profiles$\felipetds\Downloads\875c4bd0-1a42-4d83-9c61-0587465aae83.tmp</t>
  </si>
  <si>
    <t>12/21/2019 08:03:52</t>
  </si>
  <si>
    <t>0dff7c39-46fc-4ce9-abbd-0472eb87b145.tmp</t>
  </si>
  <si>
    <t>\\acsfs\profiles$\felipetds\Downloads\0dff7c39-46fc-4ce9-abbd-0472eb87b145.tmp</t>
  </si>
  <si>
    <t>12/21/2019 08:13:58</t>
  </si>
  <si>
    <t>12/21/2019 08:16:51</t>
  </si>
  <si>
    <t>.~lock.vendas 123.ods#</t>
  </si>
  <si>
    <t>\\acsfs\profiles$\marcellewdl\My Documents\.~lock.vendas 123.ods#</t>
  </si>
  <si>
    <t>12/21/2019 08:13:59</t>
  </si>
  <si>
    <t>lu280482hi9do.tmp</t>
  </si>
  <si>
    <t>\\acsfs\profiles$\marcellewdl\My Documents\lu280482hi9do.tmp</t>
  </si>
  <si>
    <t>\\acsfs\profiles$\marcellewdl\My Documents\lu280482hi9do.tmp\</t>
  </si>
  <si>
    <t>\\acsfs\profiles$\marcellewdl\My Documents\lu280482hi9do.tmp\META-INF\</t>
  </si>
  <si>
    <t>\\acsfs\profiles$\marcellewdl\My Documents\lu280482hi9do.tmp\Thumbnails\</t>
  </si>
  <si>
    <t>12/21/2019 08:11:31</t>
  </si>
  <si>
    <t>12/21/2019 08:14:31</t>
  </si>
  <si>
    <t>12/21/2019 08:23:30</t>
  </si>
  <si>
    <t>12/21/2019 08:23:51</t>
  </si>
  <si>
    <t>12/21/2019 08:25:35</t>
  </si>
  <si>
    <t>12/21/2019 08:28:52</t>
  </si>
  <si>
    <t>12/21/2019 08:26:37</t>
  </si>
  <si>
    <t>12/21/2019 08:26:39</t>
  </si>
  <si>
    <t>12/21/2019 08:26:41</t>
  </si>
  <si>
    <t>12/21/2019 08:26:42</t>
  </si>
  <si>
    <t>12/21/2019 08:26:45</t>
  </si>
  <si>
    <t>12/21/2019 08:26:46</t>
  </si>
  <si>
    <t>12/21/2019 08:26:49</t>
  </si>
  <si>
    <t>12/21/2019 08:26:51</t>
  </si>
  <si>
    <t>12/21/2019 08:26:53</t>
  </si>
  <si>
    <t>12/21/2019 08:26:54</t>
  </si>
  <si>
    <t>12/21/2019 08:26:56</t>
  </si>
  <si>
    <t>12/21/2019 08:26:57</t>
  </si>
  <si>
    <t>12/21/2019 08:26:58</t>
  </si>
  <si>
    <t>12/21/2019 08:26:59</t>
  </si>
  <si>
    <t>12/21/2019 08:27:01</t>
  </si>
  <si>
    <t>12/21/2019 08:27:03</t>
  </si>
  <si>
    <t>12/21/2019 08:27:04</t>
  </si>
  <si>
    <t>12/21/2019 08:27:06</t>
  </si>
  <si>
    <t>12/21/2019 08:27:08</t>
  </si>
  <si>
    <t>12/21/2019 08:27:09</t>
  </si>
  <si>
    <t>12/21/2019 08:27:10</t>
  </si>
  <si>
    <t>12/21/2019 08:27:12</t>
  </si>
  <si>
    <t>12/21/2019 08:27:13</t>
  </si>
  <si>
    <t>12/21/2019 08:27:15</t>
  </si>
  <si>
    <t>12/21/2019 08:27:16</t>
  </si>
  <si>
    <t>12/21/2019 08:27:18</t>
  </si>
  <si>
    <t>12/21/2019 08:27:19</t>
  </si>
  <si>
    <t>12/21/2019 08:27:20</t>
  </si>
  <si>
    <t>12/21/2019 08:27:21</t>
  </si>
  <si>
    <t>12/21/2019 08:27:22</t>
  </si>
  <si>
    <t>12/21/2019 08:27:25</t>
  </si>
  <si>
    <t>12/21/2019 08:27:27</t>
  </si>
  <si>
    <t>12/21/2019 08:27:30</t>
  </si>
  <si>
    <t>12/21/2019 08:27:32</t>
  </si>
  <si>
    <t>12/21/2019 08:27:33</t>
  </si>
  <si>
    <t>12/21/2019 08:29:51</t>
  </si>
  <si>
    <t>12/21/2019 08:27:34</t>
  </si>
  <si>
    <t>12/21/2019 08:27:36</t>
  </si>
  <si>
    <t>12/21/2019 08:27:38</t>
  </si>
  <si>
    <t>12/21/2019 08:27:40</t>
  </si>
  <si>
    <t>12/21/2019 08:27:42</t>
  </si>
  <si>
    <t>12/21/2019 08:28:09</t>
  </si>
  <si>
    <t>12/21/2019 08:26:25</t>
  </si>
  <si>
    <t>12/21/2019 08:31:51</t>
  </si>
  <si>
    <t>593afd8d-efb1-4436-a70b-4bf588ddc074.tmp</t>
  </si>
  <si>
    <t>\\acsfs\profiles$\luanarda\Downloads\593afd8d-efb1-4436-a70b-4bf588ddc074.tmp</t>
  </si>
  <si>
    <t>12/21/2019 08:32:51</t>
  </si>
  <si>
    <t>12/21/2019 08:28:28</t>
  </si>
  <si>
    <t>\\acsfs\profiles$\dhiulliananads\My Documents\My Pictures\</t>
  </si>
  <si>
    <t>\\acsfs\profiles$\dhiulliananads\My Documents\My Videos\desktop.ini</t>
  </si>
  <si>
    <t>12/21/2019 08:28:32</t>
  </si>
  <si>
    <t>\\acsfs\profiles$\dhiulliananads\My Documents\My Videos\</t>
  </si>
  <si>
    <t>12/21/2019 08:28:34</t>
  </si>
  <si>
    <t>12/21/2019 08:28:38</t>
  </si>
  <si>
    <t>12/21/2019 08:28:40</t>
  </si>
  <si>
    <t>\\acsfs\profiles$\dhiulliananads\My Documents\My Music\</t>
  </si>
  <si>
    <t>\\acsfs\profiles$\dhiulliananads\My Documents\My Pictures\desktop.ini</t>
  </si>
  <si>
    <t>12/21/2019 08:28:41</t>
  </si>
  <si>
    <t>12/21/2019 08:28:43</t>
  </si>
  <si>
    <t>12/21/2019 08:28:44</t>
  </si>
  <si>
    <t>12/21/2019 08:28:46</t>
  </si>
  <si>
    <t>12/21/2019 08:28:48</t>
  </si>
  <si>
    <t>\\acsfs\profiles$\dhiulliananads\Contacts\</t>
  </si>
  <si>
    <t>\\acsfs\profiles$\dhiulliananads\Contacts\desktop.ini</t>
  </si>
  <si>
    <t>12/21/2019 08:28:49</t>
  </si>
  <si>
    <t>12/21/2019 08:28:51</t>
  </si>
  <si>
    <t>12/21/2019 08:28:56</t>
  </si>
  <si>
    <t>12/21/2019 08:28:57</t>
  </si>
  <si>
    <t>\\acsfs\profiles$\dhiulliananads\Favorites\desktop.ini</t>
  </si>
  <si>
    <t>12/21/2019 08:29:05</t>
  </si>
  <si>
    <t>12/21/2019 08:29:09</t>
  </si>
  <si>
    <t>12/21/2019 08:29:12</t>
  </si>
  <si>
    <t>12/21/2019 08:29:16</t>
  </si>
  <si>
    <t>12/21/2019 08:29:17</t>
  </si>
  <si>
    <t>12/21/2019 08:29:21</t>
  </si>
  <si>
    <t>12/21/2019 08:29:24</t>
  </si>
  <si>
    <t>\\acsfs\profiles$\dhiulliananads\My Documents\My Music\desktop.ini</t>
  </si>
  <si>
    <t>12/21/2019 08:29:26</t>
  </si>
  <si>
    <t>12/21/2019 08:29:28</t>
  </si>
  <si>
    <t>12/21/2019 08:29:30</t>
  </si>
  <si>
    <t>12/21/2019 08:29:31</t>
  </si>
  <si>
    <t>\\acsfs\profiles$\dhiulliananads\Searches\</t>
  </si>
  <si>
    <t>\\acsfs\profiles$\dhiulliananads\Searches\desktop.ini</t>
  </si>
  <si>
    <t>12/21/2019 08:29:32</t>
  </si>
  <si>
    <t>12/21/2019 08:29:33</t>
  </si>
  <si>
    <t>12/21/2019 08:29:34</t>
  </si>
  <si>
    <t>12/21/2019 08:29:35</t>
  </si>
  <si>
    <t>12/21/2019 08:29:36</t>
  </si>
  <si>
    <t>\\acsfs\profiles$\dhiulliananads\Downloads\desktop.ini</t>
  </si>
  <si>
    <t>12/21/2019 08:29:37</t>
  </si>
  <si>
    <t>12/21/2019 08:29:39</t>
  </si>
  <si>
    <t>\\acsfs\profiles$\dhiulliananads\Favorites\</t>
  </si>
  <si>
    <t>\\acsfs\profiles$\dhiulliananads\My Documents\desktop.ini</t>
  </si>
  <si>
    <t>12/21/2019 08:29:40</t>
  </si>
  <si>
    <t>12/21/2019 08:29:41</t>
  </si>
  <si>
    <t>12/21/2019 08:29:42</t>
  </si>
  <si>
    <t>12/21/2019 08:29:43</t>
  </si>
  <si>
    <t>12/21/2019 08:29:44</t>
  </si>
  <si>
    <t>12/21/2019 08:29:46</t>
  </si>
  <si>
    <t>\\acsfs\profiles$\dhiulliananads\Saved Games\desktop.ini</t>
  </si>
  <si>
    <t>12/21/2019 08:29:48</t>
  </si>
  <si>
    <t>12/21/2019 08:30:14</t>
  </si>
  <si>
    <t>winrt--{S-1-5-21-602162358-764733703-839522115-354119}-.searchconnector-ms</t>
  </si>
  <si>
    <t>\\acsfs\profiles$\dhiulliananads\Searches\winrt--{S-1-5-21-602162358-764733703-839522115-354119}-.searchconnector-ms</t>
  </si>
  <si>
    <t>12/21/2019 08:33:51</t>
  </si>
  <si>
    <t>990e75e5-7827-4997-9d67-4c1b771662a9.tmp</t>
  </si>
  <si>
    <t>\\acsfs\profiles$\isabellegtds\Downloads\990e75e5-7827-4997-9d67-4c1b771662a9.tmp</t>
  </si>
  <si>
    <t>12/21/2019 08:30:21</t>
  </si>
  <si>
    <t>ad18a076-2d89-46ba-9963-ffb3580c0dcb.tmp</t>
  </si>
  <si>
    <t>\\acsfs\profiles$\isabellegtds\Downloads\ad18a076-2d89-46ba-9963-ffb3580c0dcb.tmp</t>
  </si>
  <si>
    <t>12/21/2019 08:30:59</t>
  </si>
  <si>
    <t>84a93738-f08f-49e8-8688-98adabe8f2fe.tmp</t>
  </si>
  <si>
    <t>\\acsfs\profiles$\isabellegtds\Downloads\84a93738-f08f-49e8-8688-98adabe8f2fe.tmp</t>
  </si>
  <si>
    <t>12/21/2019 08:34:51</t>
  </si>
  <si>
    <t>5854a896-0ce0-45d7-bba3-9a02e4b04d0a.tmp</t>
  </si>
  <si>
    <t>\\acsfs\profiles$\geovanaasa\Downloads\5854a896-0ce0-45d7-bba3-9a02e4b04d0a.tmp</t>
  </si>
  <si>
    <t>12/21/2019 08:31:26</t>
  </si>
  <si>
    <t>75036924-e38c-478b-a978-428b36d33292.tmp</t>
  </si>
  <si>
    <t>\\acsfs\profiles$\geovanaasa\Downloads\75036924-e38c-478b-a978-428b36d33292.tmp</t>
  </si>
  <si>
    <t>12/21/2019 08:32:42</t>
  </si>
  <si>
    <t>12/21/2019 08:36:51</t>
  </si>
  <si>
    <t>12/21/2019 08:32:43</t>
  </si>
  <si>
    <t>12/21/2019 08:32:44</t>
  </si>
  <si>
    <t>12/21/2019 08:32:45</t>
  </si>
  <si>
    <t>12/21/2019 08:32:48</t>
  </si>
  <si>
    <t>12/21/2019 08:32:49</t>
  </si>
  <si>
    <t>12/21/2019 08:32:50</t>
  </si>
  <si>
    <t>12/21/2019 08:32:52</t>
  </si>
  <si>
    <t>12/21/2019 08:32:53</t>
  </si>
  <si>
    <t>12/21/2019 08:32:55</t>
  </si>
  <si>
    <t>12/21/2019 08:32:59</t>
  </si>
  <si>
    <t>12/21/2019 08:33:00</t>
  </si>
  <si>
    <t>12/21/2019 08:33:02</t>
  </si>
  <si>
    <t>12/21/2019 08:33:03</t>
  </si>
  <si>
    <t>12/21/2019 08:33:04</t>
  </si>
  <si>
    <t>12/21/2019 08:33:05</t>
  </si>
  <si>
    <t>12/21/2019 08:33:06</t>
  </si>
  <si>
    <t>12/21/2019 08:33:07</t>
  </si>
  <si>
    <t>12/21/2019 08:33:11</t>
  </si>
  <si>
    <t>12/21/2019 08:33:12</t>
  </si>
  <si>
    <t>12/21/2019 08:33:13</t>
  </si>
  <si>
    <t>12/21/2019 08:33:16</t>
  </si>
  <si>
    <t>12/21/2019 08:33:17</t>
  </si>
  <si>
    <t>12/21/2019 08:33:19</t>
  </si>
  <si>
    <t>12/21/2019 08:33:22</t>
  </si>
  <si>
    <t>12/21/2019 08:33:24</t>
  </si>
  <si>
    <t>12/21/2019 08:33:26</t>
  </si>
  <si>
    <t>12/21/2019 08:33:27</t>
  </si>
  <si>
    <t>12/21/2019 08:33:28</t>
  </si>
  <si>
    <t>12/21/2019 08:33:30</t>
  </si>
  <si>
    <t>12/21/2019 08:33:31</t>
  </si>
  <si>
    <t>12/21/2019 08:33:34</t>
  </si>
  <si>
    <t>12/21/2019 08:33:35</t>
  </si>
  <si>
    <t>12/21/2019 08:33:36</t>
  </si>
  <si>
    <t>12/21/2019 08:33:38</t>
  </si>
  <si>
    <t>12/21/2019 08:33:40</t>
  </si>
  <si>
    <t>12/21/2019 08:33:41</t>
  </si>
  <si>
    <t>12/21/2019 08:33:42</t>
  </si>
  <si>
    <t>12/21/2019 08:33:44</t>
  </si>
  <si>
    <t>12/21/2019 08:33:45</t>
  </si>
  <si>
    <t>12/21/2019 08:33:47</t>
  </si>
  <si>
    <t>12/21/2019 08:33:49</t>
  </si>
  <si>
    <t>12/21/2019 08:34:22</t>
  </si>
  <si>
    <t>12/21/2019 08:37:51</t>
  </si>
  <si>
    <t>25425c5c-305b-4b7c-8ec2-33aca36d8bac.tmp</t>
  </si>
  <si>
    <t>\\acsfs\profiles$\dhiulliananads\Downloads\25425c5c-305b-4b7c-8ec2-33aca36d8bac.tmp</t>
  </si>
  <si>
    <t>12/21/2019 08:36:24</t>
  </si>
  <si>
    <t>dd547cae-0f0b-4074-935d-116e0aa79d4d.tmp</t>
  </si>
  <si>
    <t>\\acsfs\profiles$\dhiulliananads\Downloads\dd547cae-0f0b-4074-935d-116e0aa79d4d.tmp</t>
  </si>
  <si>
    <t>12/21/2019 08:37:38</t>
  </si>
  <si>
    <t>12/21/2019 08:38:51</t>
  </si>
  <si>
    <t>5e85a8d2-3130-4ad8-a37b-d83162a19be5.tmp</t>
  </si>
  <si>
    <t>\\acsfs\profiles$\isabellegtds\Downloads\5e85a8d2-3130-4ad8-a37b-d83162a19be5.tmp</t>
  </si>
  <si>
    <t>12/21/2019 08:37:48</t>
  </si>
  <si>
    <t>12/21/2019 08:39:51</t>
  </si>
  <si>
    <t>12/21/2019 08:37:23</t>
  </si>
  <si>
    <t>12/21/2019 08:41:51</t>
  </si>
  <si>
    <t>12/21/2019 08:41:00</t>
  </si>
  <si>
    <t>93183239-bbfa-4ed7-8f75-deb5330e04b9.tmp</t>
  </si>
  <si>
    <t>\\acsfs\profiles$\PEDROHAB\Downloads\93183239-bbfa-4ed7-8f75-deb5330e04b9.tmp</t>
  </si>
  <si>
    <t>12/21/2019 08:41:02</t>
  </si>
  <si>
    <t>52ae9404-a3d8-437b-bef8-b016ef4931f5.tmp</t>
  </si>
  <si>
    <t>\\acsfs\profiles$\PEDROHAB\Downloads\52ae9404-a3d8-437b-bef8-b016ef4931f5.tmp</t>
  </si>
  <si>
    <t>12/21/2019 08:37:34</t>
  </si>
  <si>
    <t>12/21/2019 08:42:51</t>
  </si>
  <si>
    <t>12/21/2019 08:37:58</t>
  </si>
  <si>
    <t>lu11484wzcdw.tmp</t>
  </si>
  <si>
    <t>\\acsfs\profiles$\dhiulliananads\My Documents\lu11484wzcdw.tmp</t>
  </si>
  <si>
    <t>\\acsfs\profiles$\dhiulliananads\My Documents\lu11484wzcdw.tmp\</t>
  </si>
  <si>
    <t>\\acsfs\profiles$\dhiulliananads\My Documents\lu11484wzcdw.tmp\META-INF\</t>
  </si>
  <si>
    <t>\\acsfs\profiles$\dhiulliananads\My Documents\lu11484wzcdw.tmp\Thumbnails\</t>
  </si>
  <si>
    <t>12/21/2019 08:39:43</t>
  </si>
  <si>
    <t>12/21/2019 08:44:52</t>
  </si>
  <si>
    <t>12/21/2019 08:42:25</t>
  </si>
  <si>
    <t>12/21/2019 08:46:51</t>
  </si>
  <si>
    <t>edc4e15d-399b-4e88-8f7b-c177f88be8cc.tmp</t>
  </si>
  <si>
    <t>\\acsfs\profiles$\PEDROHAB\Downloads\edc4e15d-399b-4e88-8f7b-c177f88be8cc.tmp</t>
  </si>
  <si>
    <t>12/21/2019 08:42:36</t>
  </si>
  <si>
    <t>12/21/2019 08:47:51</t>
  </si>
  <si>
    <t>12/21/2019 08:46:40</t>
  </si>
  <si>
    <t>12/21/2019 08:48:52</t>
  </si>
  <si>
    <t>12/21/2019 08:46:13</t>
  </si>
  <si>
    <t>12/21/2019 08:49:51</t>
  </si>
  <si>
    <t>12/21/2019 08:45:34</t>
  </si>
  <si>
    <t>12/21/2019 08:48:39</t>
  </si>
  <si>
    <t>12/21/2019 08:50:51</t>
  </si>
  <si>
    <t>TALITA SANTOS SILVA CASTRO (17049).contact</t>
  </si>
  <si>
    <t>\\acsfs\profiles$\talitassc\Contacts\TALITA SANTOS SILVA CASTRO (17049).contact</t>
  </si>
  <si>
    <t>12/21/2019 08:48:40</t>
  </si>
  <si>
    <t>12/21/2019 08:49:24</t>
  </si>
  <si>
    <t>12/21/2019 08:49:25</t>
  </si>
  <si>
    <t>12/21/2019 08:49:26</t>
  </si>
  <si>
    <t>12/21/2019 08:49:27</t>
  </si>
  <si>
    <t>12/21/2019 08:49:28</t>
  </si>
  <si>
    <t>12/21/2019 08:49:29</t>
  </si>
  <si>
    <t>12/21/2019 08:49:30</t>
  </si>
  <si>
    <t>12/21/2019 08:49:31</t>
  </si>
  <si>
    <t>12/21/2019 08:49:32</t>
  </si>
  <si>
    <t>12/21/2019 08:49:33</t>
  </si>
  <si>
    <t>12/21/2019 08:49:34</t>
  </si>
  <si>
    <t>12/21/2019 08:49:36</t>
  </si>
  <si>
    <t>12/21/2019 08:49:37</t>
  </si>
  <si>
    <t>12/21/2019 08:49:38</t>
  </si>
  <si>
    <t>12/21/2019 08:49:39</t>
  </si>
  <si>
    <t>12/21/2019 08:49:40</t>
  </si>
  <si>
    <t>12/21/2019 08:49:41</t>
  </si>
  <si>
    <t>12/21/2019 08:49:42</t>
  </si>
  <si>
    <t>12/21/2019 08:47:21</t>
  </si>
  <si>
    <t>12/21/2019 08:51:52</t>
  </si>
  <si>
    <t>12/21/2019 08:48:02</t>
  </si>
  <si>
    <t>12/21/2019 08:52:52</t>
  </si>
  <si>
    <t>12/21/2019 08:53:51</t>
  </si>
  <si>
    <t>12/21/2019 08:50:33</t>
  </si>
  <si>
    <t>12/21/2019 08:55:51</t>
  </si>
  <si>
    <t>12/21/2019 08:50:34</t>
  </si>
  <si>
    <t>12/21/2019 08:50:35</t>
  </si>
  <si>
    <t>12/21/2019 08:50:36</t>
  </si>
  <si>
    <t>12/21/2019 08:57:03</t>
  </si>
  <si>
    <t>12/21/2019 08:59:52</t>
  </si>
  <si>
    <t>12/21/2019 08:57:46</t>
  </si>
  <si>
    <t>12/21/2019 08:59:49</t>
  </si>
  <si>
    <t>12/21/2019 09:01:52</t>
  </si>
  <si>
    <t>12/21/2019 09:08:12</t>
  </si>
  <si>
    <t>12/21/2019 09:11:52</t>
  </si>
  <si>
    <t>cb1dad89-6836-402d-92cf-a07398036d2f.tmp</t>
  </si>
  <si>
    <t>\\acsfs\profiles$\luanarda\Downloads\cb1dad89-6836-402d-92cf-a07398036d2f.tmp</t>
  </si>
  <si>
    <t>12/21/2019 09:10:01</t>
  </si>
  <si>
    <t>f05b8d90-88d4-4123-b898-7ce64069c2bd.tmp</t>
  </si>
  <si>
    <t>\\acsfs\profiles$\luanarda\Downloads\f05b8d90-88d4-4123-b898-7ce64069c2bd.tmp</t>
  </si>
  <si>
    <t>12/21/2019 09:12:34</t>
  </si>
  <si>
    <t>12/21/2019 09:16:52</t>
  </si>
  <si>
    <t>e829609d-3a2b-4f60-8850-9378a2c9d44a.tmp</t>
  </si>
  <si>
    <t>\\acsfs\profiles$\ERICALSR\Downloads\e829609d-3a2b-4f60-8850-9378a2c9d44a.tmp</t>
  </si>
  <si>
    <t>12/21/2019 09:21:43</t>
  </si>
  <si>
    <t>12/21/2019 09:24:53</t>
  </si>
  <si>
    <t>12/21/2019 09:24:11</t>
  </si>
  <si>
    <t>12/21/2019 09:26:52</t>
  </si>
  <si>
    <t>12/21/2019 09:29:38</t>
  </si>
  <si>
    <t>12/21/2019 09:33:52</t>
  </si>
  <si>
    <t>12/21/2019 09:30:02</t>
  </si>
  <si>
    <t>\\acsfs\profiles$\felipetds\My Documents\My Pictures\</t>
  </si>
  <si>
    <t>\\acsfs\profiles$\felipetds\My Documents\My Videos\desktop.ini</t>
  </si>
  <si>
    <t>12/21/2019 09:30:03</t>
  </si>
  <si>
    <t>\\acsfs\profiles$\felipetds\My Documents\My Videos\</t>
  </si>
  <si>
    <t>12/21/2019 09:30:15</t>
  </si>
  <si>
    <t>12/21/2019 09:30:17</t>
  </si>
  <si>
    <t>12/21/2019 09:30:26</t>
  </si>
  <si>
    <t>12/21/2019 09:30:29</t>
  </si>
  <si>
    <t>\\acsfs\profiles$\felipetds\My Documents\My Music\</t>
  </si>
  <si>
    <t>\\acsfs\profiles$\felipetds\My Documents\My Pictures\desktop.ini</t>
  </si>
  <si>
    <t>12/21/2019 09:30:30</t>
  </si>
  <si>
    <t>12/21/2019 09:30:31</t>
  </si>
  <si>
    <t>12/21/2019 09:30:32</t>
  </si>
  <si>
    <t>12/21/2019 09:30:34</t>
  </si>
  <si>
    <t>12/21/2019 09:30:37</t>
  </si>
  <si>
    <t>\\acsfs\profiles$\felipetds\Contacts\</t>
  </si>
  <si>
    <t>\\acsfs\profiles$\felipetds\Contacts\desktop.ini</t>
  </si>
  <si>
    <t>12/21/2019 09:30:48</t>
  </si>
  <si>
    <t>12/21/2019 09:30:49</t>
  </si>
  <si>
    <t>12/21/2019 09:30:53</t>
  </si>
  <si>
    <t>12/21/2019 09:31:02</t>
  </si>
  <si>
    <t>\\acsfs\profiles$\felipetds\My Documents\</t>
  </si>
  <si>
    <t>\\acsfs\profiles$\felipetds\Favorites\desktop.ini</t>
  </si>
  <si>
    <t>12/21/2019 09:31:04</t>
  </si>
  <si>
    <t>12/21/2019 09:31:07</t>
  </si>
  <si>
    <t>12/21/2019 09:31:10</t>
  </si>
  <si>
    <t>12/21/2019 09:31:12</t>
  </si>
  <si>
    <t>12/21/2019 09:31:15</t>
  </si>
  <si>
    <t>12/21/2019 09:31:16</t>
  </si>
  <si>
    <t>\\acsfs\profiles$\felipetds\My Documents\My Music\desktop.ini</t>
  </si>
  <si>
    <t>12/21/2019 09:31:18</t>
  </si>
  <si>
    <t>12/21/2019 09:31:20</t>
  </si>
  <si>
    <t>12/21/2019 09:31:21</t>
  </si>
  <si>
    <t>12/21/2019 09:31:22</t>
  </si>
  <si>
    <t>12/21/2019 09:31:24</t>
  </si>
  <si>
    <t>\\acsfs\profiles$\felipetds\Searches\desktop.ini</t>
  </si>
  <si>
    <t>12/21/2019 09:31:26</t>
  </si>
  <si>
    <t>12/21/2019 09:31:27</t>
  </si>
  <si>
    <t>12/21/2019 09:31:28</t>
  </si>
  <si>
    <t>12/21/2019 09:31:29</t>
  </si>
  <si>
    <t>12/21/2019 09:31:30</t>
  </si>
  <si>
    <t>\\acsfs\profiles$\felipetds\Downloads\desktop.ini</t>
  </si>
  <si>
    <t>12/21/2019 09:31:31</t>
  </si>
  <si>
    <t>12/21/2019 09:31:32</t>
  </si>
  <si>
    <t>\\acsfs\profiles$\felipetds\Favorites\</t>
  </si>
  <si>
    <t>\\acsfs\profiles$\felipetds\My Documents\desktop.ini</t>
  </si>
  <si>
    <t>12/21/2019 09:31:33</t>
  </si>
  <si>
    <t>12/21/2019 09:31:34</t>
  </si>
  <si>
    <t>12/21/2019 09:31:35</t>
  </si>
  <si>
    <t>12/21/2019 09:31:36</t>
  </si>
  <si>
    <t>12/21/2019 09:31:37</t>
  </si>
  <si>
    <t>12/21/2019 09:31:39</t>
  </si>
  <si>
    <t>\\acsfs\profiles$\felipetds\Saved Games\desktop.ini</t>
  </si>
  <si>
    <t>12/21/2019 09:31:40</t>
  </si>
  <si>
    <t>12/21/2019 09:32:05</t>
  </si>
  <si>
    <t>12/21/2019 09:34:34</t>
  </si>
  <si>
    <t>12/21/2019 09:38:52</t>
  </si>
  <si>
    <t>c0521a3c-81ac-4ae5-8745-072d49d7836d.tmp</t>
  </si>
  <si>
    <t>\\acsfs\profiles$\felipetds\Downloads\c0521a3c-81ac-4ae5-8745-072d49d7836d.tmp</t>
  </si>
  <si>
    <t>12/21/2019 09:37:13</t>
  </si>
  <si>
    <t>12/21/2019 09:39:52</t>
  </si>
  <si>
    <t>12/21/2019 09:35:40</t>
  </si>
  <si>
    <t>12/21/2019 09:40:20</t>
  </si>
  <si>
    <t>12/21/2019 09:42:52</t>
  </si>
  <si>
    <t>1463d513-a799-4927-93ff-2e6669ae150f.tmp</t>
  </si>
  <si>
    <t>\\acsfs\profiles$\dhiulliananads\Downloads\1463d513-a799-4927-93ff-2e6669ae150f.tmp</t>
  </si>
  <si>
    <t>12/21/2019 09:41:35</t>
  </si>
  <si>
    <t>6a2d44a2-bc42-4e57-9b09-bcc5a562ca7a.tmp</t>
  </si>
  <si>
    <t>\\acsfs\profiles$\dhiulliananads\Downloads\6a2d44a2-bc42-4e57-9b09-bcc5a562ca7a.tmp</t>
  </si>
  <si>
    <t>12/18/2019 16:38:25</t>
  </si>
  <si>
    <t>C:\Users\filemoncmj\OneDrive - Grupo Algar\01. Algar Tech\02. Projetos Corporativos\06. PPE\Intuitive Service Desk\03. Aquisições\2019\ASC\02. Ativação Módulo de Envio de Imagens e Audio\03 - Pool Devolve Chamado do CSC Concluido.msg\s1\</t>
  </si>
  <si>
    <t>Copia_de_Classificacao_de_Itens_-_filemon (1) - VALIDADO.xlsx</t>
  </si>
  <si>
    <t>12/18/2019 16:38:26</t>
  </si>
  <si>
    <t>C:\Users\filemoncmj\OneDrive - Grupo Algar\01. Algar Tech\02. Projetos Corporativos\06. PPE\Intuitive Service Desk\03. Aquisições\2019\ASC\02. Ativação Módulo de Envio de Imagens e Audio\01 - Solicita Pool Abrir Chamado para CSC Classificar.msg\s1\</t>
  </si>
  <si>
    <t>12/18/2019 16:38:37</t>
  </si>
  <si>
    <t>C:\Users\filemoncmj\OneDrive - Grupo Algar\01. Algar Tech\02. Projetos Corporativos\06. PPE\Intuitive Service Desk\09. Status Report\2019\02. Fevereiro\PMO - Status de Governança - PPE - ISD - 15-02-19.pptx\</t>
  </si>
  <si>
    <t>12/18/2019 16:38:38</t>
  </si>
  <si>
    <t>C:\Users\filemoncmj\OneDrive - Grupo Algar\01. Algar Tech\02. Projetos Corporativos\06. PPE\Intuitive Service Desk\09. Status Report\2019\02. Fevereiro\PMO - Status de Governança - PPE - ISD - 18-02-19.pptx\</t>
  </si>
  <si>
    <t>12/18/2019 16:38:40</t>
  </si>
  <si>
    <t>C:\Users\filemoncmj\OneDrive - Grupo Algar\01. Algar Tech\02. Projetos Corporativos\06. PPE\Intuitive Service Desk\09. Status Report\2019\02. Fevereiro\PMO - Status de Governança - PPE - ISD - 22-02-19.pptx\</t>
  </si>
  <si>
    <t>12/18/2019 16:38:41</t>
  </si>
  <si>
    <t>C:\Users\filemoncmj\OneDrive - Grupo Algar\01. Algar Tech\02. Projetos Corporativos\06. PPE\Intuitive Service Desk\09. Status Report\2019\03. Março\PMO - Status de Governança - PPE - ISD - 01-03-19.pptx\</t>
  </si>
  <si>
    <t>12/18/2019 16:38:42</t>
  </si>
  <si>
    <t>C:\Users\filemoncmj\OneDrive - Grupo Algar\01. Algar Tech\02. Projetos Corporativos\06. PPE\Intuitive Service Desk\09. Status Report\2019\04. Abril\PMO - Status de Governança - PPE - ISD - 05-04-19.pptx\</t>
  </si>
  <si>
    <t>12/18/2019 16:38:43</t>
  </si>
  <si>
    <t>C:\Users\filemoncmj\OneDrive - Grupo Algar\01. Algar Tech\02. Projetos Corporativos\06. PPE\Intuitive Service Desk\09. Status Report\2019\04. Abril\PMO - Status de Governança - PPE - ISD - 12-04-19.pptx\</t>
  </si>
  <si>
    <t>C:\Users\filemoncmj\OneDrive - Grupo Algar\01. Algar Tech\02. Projetos Corporativos\06. PPE\Intuitive Service Desk\09. Status Report\2019\04. Abril\PMO - Status de Governança - PPE - ISD - 18-04-19.pptx\</t>
  </si>
  <si>
    <t>C:\Users\filemoncmj\OneDrive - Grupo Algar\01. Algar Tech\02. Projetos Corporativos\06. PPE\Intuitive Service Desk\09. Status Report\2019\05. Maio\PMO - Status PPE's - ISD - 03.05.2019.pptx\</t>
  </si>
  <si>
    <t>12/18/2019 16:38:44</t>
  </si>
  <si>
    <t>C:\Users\filemoncmj\OneDrive - Grupo Algar\01. Algar Tech\02. Projetos Corporativos\06. PPE\Intuitive Service Desk\09. Status Report\2019\05. Maio\PMO - Status PPE's - ISD - 10.05.2019.pptx\</t>
  </si>
  <si>
    <t>C:\Users\filemoncmj\OneDrive - Grupo Algar\01. Algar Tech\02. Projetos Corporativos\06. PPE\Intuitive Service Desk\09. Status Report\2019\05. Maio\Quadrantes.pptx\</t>
  </si>
  <si>
    <t>12/18/2019 16:38:45</t>
  </si>
  <si>
    <t>C:\Users\filemoncmj\OneDrive - Grupo Algar\01. Algar Tech\02. Projetos Corporativos\06. PPE\Intuitive Service Desk\09. Status Report\2019\05. Maio\PMO - Status PPE's - ISD - 17.05.2019.pptx\</t>
  </si>
  <si>
    <t>12/18/2019 16:38:46</t>
  </si>
  <si>
    <t>C:\Users\filemoncmj\OneDrive - Grupo Algar\01. Algar Tech\02. Projetos Corporativos\06. PPE\Intuitive Service Desk\09. Status Report\2019\05. Maio\PMO - Status PPE's - ISD - 24.05.2019.pptx\</t>
  </si>
  <si>
    <t>C:\Users\filemoncmj\OneDrive - Grupo Algar\01. Algar Tech\02. Projetos Corporativos\06. PPE\Intuitive Service Desk\09. Status Report\2019\</t>
  </si>
  <si>
    <t>Plano de Ação Comercial ISD.xlsx</t>
  </si>
  <si>
    <t>12/18/2019 16:38:48</t>
  </si>
  <si>
    <t>C:\Users\filemoncmj\OneDrive - Grupo Algar\01. Algar Tech\02. Projetos Corporativos\06. PPE\Intuitive Service Desk\12. FTE\2019\02. Fevereiro\</t>
  </si>
  <si>
    <t>010219 - Registro de FTE Realizado ISD.xlsb</t>
  </si>
  <si>
    <t>12/18/2019 16:38:51</t>
  </si>
  <si>
    <t>C:\Users\filemoncmj\OneDrive - Grupo Algar\01. Algar Tech\02. Projetos Corporativos\06. PPE\Intuitive Service Desk\12. FTE\2019\01. Janeiro\</t>
  </si>
  <si>
    <t>010119 - Registro de FTE Realizado ISD.xlsb</t>
  </si>
  <si>
    <t>12/18/2019 16:38:53</t>
  </si>
  <si>
    <t>C:\Users\filemoncmj\OneDrive - Grupo Algar\01. Algar Tech\02. Projetos Corporativos\06. PPE\Intuitive Service Desk\12. FTE\2019\03. Março\</t>
  </si>
  <si>
    <t>010319 - Registro de FTE Realizado ISD.xlsb</t>
  </si>
  <si>
    <t>12/18/2019 16:38:56</t>
  </si>
  <si>
    <t>C:\Users\filemoncmj\OneDrive - Grupo Algar\01. Algar Tech\02. Projetos Corporativos\06. PPE\Intuitive Service Desk\12. FTE\2019\04. Abril\</t>
  </si>
  <si>
    <t>010419 - Registro de FTE Realizado ISD.xlsb</t>
  </si>
  <si>
    <t>C:\Users\filemoncmj\OneDrive - Grupo Algar\01. Algar Tech\02. Projetos Corporativos\06. PPE\Intuitive Service Desk\12. FTE\2019\05. Maio\</t>
  </si>
  <si>
    <t>010519 - Registro de FTE Realizado ISD.xlsb</t>
  </si>
  <si>
    <t>12/18/2019 16:39:00</t>
  </si>
  <si>
    <t>C:\Users\filemoncmj\OneDrive - Grupo Algar\01. Algar Tech\02. Projetos Corporativos\06. PPE\GIAT\03. Aquisições\2019\Notebooks\</t>
  </si>
  <si>
    <t>Detalhamento de Itens - Notebooks GIAT.xlsx</t>
  </si>
  <si>
    <t>12/18/2019 16:39:01</t>
  </si>
  <si>
    <t>C:\Users\filemoncmj\OneDrive - Grupo Algar\01. Algar Tech\02. Projetos Corporativos\06. PPE\GIAT\03. Aquisições\2019\ASC\Identificador ID Cliente\</t>
  </si>
  <si>
    <t>VALIDADO_Detalhamento_de_Itens_-_ASC.xlsx</t>
  </si>
  <si>
    <t>Detalhamento de Itens - ASC.xlsx</t>
  </si>
  <si>
    <t>12/18/2019 16:39:02</t>
  </si>
  <si>
    <t>C:\Users\filemoncmj\OneDrive - Grupo Algar\01. Algar Tech\02. Projetos Corporativos\06. PPE\GIAT\03. Aquisições\2019\ASC\Identificador ID Cliente\Aprovacao PMO para Pool Abrir RA.msg\s1\</t>
  </si>
  <si>
    <t>C:\Users\filemoncmj\OneDrive - Grupo Algar\01. Algar Tech\02. Projetos Corporativos\06. PPE\GIAT\03. Aquisições\2019\</t>
  </si>
  <si>
    <t>Controle de Aquisições CAPEX GIAT 2019.xlsx</t>
  </si>
  <si>
    <t>C:\Users\filemoncmj\OneDrive - Grupo Algar\01. Algar Tech\02. Projetos Corporativos\06. PPE\GIAT\03. Aquisições\2018\</t>
  </si>
  <si>
    <t>Controle de Aquisições CAPEX GIAT 2018.xlsx</t>
  </si>
  <si>
    <t>12/18/2019 16:39:05</t>
  </si>
  <si>
    <t>C:\Users\filemoncmj\OneDrive - Grupo Algar\01. Algar Tech\02. Projetos Corporativos\06. PPE\GIAT\09. FTE\2019\02. Fevereiro\</t>
  </si>
  <si>
    <t>12/18/2019 16:39:09</t>
  </si>
  <si>
    <t>C:\Users\filemoncmj\OneDrive - Grupo Algar\01. Algar Tech\02. Projetos Corporativos\06. PPE\GIAT\09. FTE\2019\01. Janeiro\</t>
  </si>
  <si>
    <t>010119 - Registro de FTE Realizado GIAT.xlsb</t>
  </si>
  <si>
    <t>12/18/2019 16:39:13</t>
  </si>
  <si>
    <t>C:\Users\filemoncmj\OneDrive - Grupo Algar\01. Algar Tech\02. Projetos Corporativos\06. PPE\GIAT\09. FTE\2019\03. Março\</t>
  </si>
  <si>
    <t>010319 - Registro de FTE Realizado GIAT.xlsb</t>
  </si>
  <si>
    <t>12/18/2019 16:39:16</t>
  </si>
  <si>
    <t>C:\Users\filemoncmj\OneDrive - Grupo Algar\01. Algar Tech\02. Projetos Corporativos\06. PPE\GIAT\09. FTE\2019\04. Abril\</t>
  </si>
  <si>
    <t>010419 - Registro de FTE Realizado GIAT.xlsb</t>
  </si>
  <si>
    <t>12/18/2019 16:39:19</t>
  </si>
  <si>
    <t>C:\Users\filemoncmj\OneDrive - Grupo Algar\01. Algar Tech\02. Projetos Corporativos\06. PPE\GIAT\09. FTE\2019\05. Maio\</t>
  </si>
  <si>
    <t>010519 - Registro de FTE Realizado GIAT.xlsb</t>
  </si>
  <si>
    <t>12/18/2019 16:39:20</t>
  </si>
  <si>
    <t>C:\Users\filemoncmj\OneDrive - Grupo Algar\01. Algar Tech\02. Projetos Corporativos\06. PPE\GIAT\08. Status Report\2019\02. Fevereiro\PMO - Status PPE's - GIAT Fase 2 - 15.02.2019.pptx\</t>
  </si>
  <si>
    <t>12/18/2019 16:39:21</t>
  </si>
  <si>
    <t>C:\Users\filemoncmj\OneDrive - Grupo Algar\01. Algar Tech\02. Projetos Corporativos\06. PPE\GIAT\08. Status Report\2019\02. Fevereiro\PMO - Status PPE's - GIAT Fase 2 - 18.02.2019.pptx\</t>
  </si>
  <si>
    <t>12/18/2019 16:39:23</t>
  </si>
  <si>
    <t>C:\Users\filemoncmj\OneDrive - Grupo Algar\01. Algar Tech\02. Projetos Corporativos\06. PPE\GIAT\08. Status Report\2019\02. Fevereiro\PMO - Status PPE's - GIAT Fase 2 - 22.02.2019.pptx\</t>
  </si>
  <si>
    <t>12/18/2019 16:39:26</t>
  </si>
  <si>
    <t>C:\Users\filemoncmj\OneDrive - Grupo Algar\01. Algar Tech\02. Projetos Corporativos\06. PPE\GIAT\08. Status Report\2019\03. Março\PMO - Status PPE's - GIAT Fase 2 - 01.03.2019.pptx\</t>
  </si>
  <si>
    <t>C:\Users\filemoncmj\OneDrive - Grupo Algar\01. Algar Tech\02. Projetos Corporativos\06. PPE\GIAT\08. Status Report\2019\04. Abril\PMO - Status PPE's - GIAT Fase 2 - 05.04.2019.pptx\</t>
  </si>
  <si>
    <t>12/18/2019 16:39:29</t>
  </si>
  <si>
    <t>C:\Users\filemoncmj\OneDrive - Grupo Algar\01. Algar Tech\02. Projetos Corporativos\06. PPE\GIAT\08. Status Report\2019\04. Abril\PMO - Status PPE's - GIAT - 05.04.2019.pptx\</t>
  </si>
  <si>
    <t>12/18/2019 16:39:30</t>
  </si>
  <si>
    <t>C:\Users\filemoncmj\OneDrive - Grupo Algar\01. Algar Tech\02. Projetos Corporativos\06. PPE\GIAT\08. Status Report\2019\04. Abril\PMO - Status PPE's - GIAT - 12.04.2019.pptx\</t>
  </si>
  <si>
    <t>12/18/2019 16:39:31</t>
  </si>
  <si>
    <t>C:\Users\filemoncmj\OneDrive - Grupo Algar\01. Algar Tech\02. Projetos Corporativos\06. PPE\GIAT\08. Status Report\2019\04. Abril\PMO - Status PPE's - GIAT - 18.04.2019.pptx\</t>
  </si>
  <si>
    <t>12/18/2019 16:39:32</t>
  </si>
  <si>
    <t>C:\Users\filemoncmj\OneDrive - Grupo Algar\01. Algar Tech\02. Projetos Corporativos\06. PPE\GIAT\08. Status Report\2019\04. Abril\PMO - Status de Governança - PPE - ISD - 18-04-19.pptx\</t>
  </si>
  <si>
    <t>C:\Users\filemoncmj\OneDrive - Grupo Algar\01. Algar Tech\02. Projetos Corporativos\06. PPE\GIAT\08. Status Report\2019\05. Maio\PMO - Status PPE's - GIAT - 03.05.2019.pptx\</t>
  </si>
  <si>
    <t>12/18/2019 16:39:33</t>
  </si>
  <si>
    <t>C:\Users\filemoncmj\OneDrive - Grupo Algar\01. Algar Tech\02. Projetos Corporativos\06. PPE\GIAT\08. Status Report\2019\05. Maio\PMO - Status PPE's - GIAT - 10.05.2019.pptx\</t>
  </si>
  <si>
    <t>12/18/2019 16:39:34</t>
  </si>
  <si>
    <t>C:\Users\filemoncmj\OneDrive - Grupo Algar\01. Algar Tech\02. Projetos Corporativos\06. PPE\GIAT\08. Status Report\2019\05. Maio\PMO - Status PPE's - GIAT - 24.05.2019.pptx\</t>
  </si>
  <si>
    <t>C:\Users\filemoncmj\OneDrive - Grupo Algar\01. Algar Tech\02. Projetos Corporativos\06. PPE\GIAT\08. Status Report\2019\05. Maio\PMO - Status PPE's - GIAT - 17.05.2019.pptx\</t>
  </si>
  <si>
    <t>12/18/2019 16:40:13</t>
  </si>
  <si>
    <t>C:\Users\filemoncmj\OneDrive - Grupo Algar\01. Algar Tech\02. Projetos Corporativos\06. PPE\GIAT\04. Escopo\04. WorkForce\Repasse WFM para Operação.msg\s1\</t>
  </si>
  <si>
    <t>Controle de Aquisições OPEX GIAT 2019.xlsx</t>
  </si>
  <si>
    <t>12/18/2019 16:40:14</t>
  </si>
  <si>
    <t>C:\Users\filemoncmj\OneDrive - Grupo Algar\01. Algar Tech\02. Projetos Corporativos\06. PPE\Comum GIAT x ISD\06. McKinsey\</t>
  </si>
  <si>
    <t>ACC - Contrato Mck VF.xls</t>
  </si>
  <si>
    <t>Detalhamento de Itens - Consultoria McKinsey.xlsx</t>
  </si>
  <si>
    <t>12/18/2019 16:40:15</t>
  </si>
  <si>
    <t>C:\Users\filemoncmj\OneDrive - Grupo Algar\01. Algar Tech\02. Projetos Corporativos\06. PPE\Comum GIAT x ISD\06. McKinsey\1 - GP Solicita Classificar Itens.msg\s1\</t>
  </si>
  <si>
    <t>C:\Users\filemoncmj\OneDrive - Grupo Algar\01. Algar Tech\02. Projetos Corporativos\06. PPE\Comum GIAT x ISD\06. McKinsey\3 - CSC Devolve Classificado.msg\s1\</t>
  </si>
  <si>
    <t>Detalhamento_de_Itens_-_Consultoria_McKinsey_Classificada.xlsx</t>
  </si>
  <si>
    <t>Detalhamento de Itens - Consultoria McKinsey (Classificado).xlsx</t>
  </si>
  <si>
    <t>12/18/2019 16:40:18</t>
  </si>
  <si>
    <t>C:\Users\filemoncmj\OneDrive - Grupo Algar\01. Algar Tech\02. Projetos Corporativos\06. PPE\Comum GIAT x ISD\Status Report PPE Consolidado 18.04.2019.pptx\</t>
  </si>
  <si>
    <t>12/18/2019 16:40:20</t>
  </si>
  <si>
    <t>C:\Users\filemoncmj\OneDrive - Grupo Algar\01. Algar Tech\02. Projetos Corporativos\06. PPE\Comum GIAT x ISD\Status Report PPE Consolidado 29.04.2019.pptx\</t>
  </si>
  <si>
    <t>12/21/2019 09:43:52</t>
  </si>
  <si>
    <t>12/18/2019 16:40:21</t>
  </si>
  <si>
    <t>C:\Users\filemoncmj\OneDrive - Grupo Algar\01. Algar Tech\02. Projetos Corporativos\06. PPE\Comum GIAT x ISD\Status Report PPE Consolidado 29.04.2019.pptx\Microsoft_Excel_Worksheet18.xlsx\</t>
  </si>
  <si>
    <t>12/18/2019 16:40:22</t>
  </si>
  <si>
    <t>C:\Users\filemoncmj\OneDrive - Grupo Algar\01. Algar Tech\02. Projetos Corporativos\06. PPE\Comum GIAT x ISD\07. Plataformas DW e API\</t>
  </si>
  <si>
    <t>Classificação Itens - Plataformas DW e API.xlsx</t>
  </si>
  <si>
    <t>12/18/2019 16:40:23</t>
  </si>
  <si>
    <t>C:\Users\filemoncmj\OneDrive - Grupo Algar\01. Algar Tech\02. Projetos Corporativos\06. PPE\Comum GIAT x ISD\07. Plataformas DW e API\01. GP Solicita Pool Abrir Chamado CSC Classificar.msg\s1\</t>
  </si>
  <si>
    <t>C:\Users\filemoncmj\OneDrive - Grupo Algar\01. Algar Tech\02. Projetos Corporativos\06. PPE\Comum GIAT x ISD\07. Plataformas DW e API\02. Pool Devolve Classificacao.msg\s1\</t>
  </si>
  <si>
    <t>Classificacao_Itens_-_Plataformas_DW_e_API.xlsx</t>
  </si>
  <si>
    <t>12/18/2019 16:40:24</t>
  </si>
  <si>
    <t>C:\Users\filemoncmj\OneDrive - Grupo Algar\01. Algar Tech\02. Projetos Corporativos\06. PPE\Comum GIAT x ISD\08. ASC\01 - GP Solicita Pool Abrir Chamado CSC Classificar.msg\s1\</t>
  </si>
  <si>
    <t>Detalhamento de Itens - ATENDIMENTOS ASC 01114 042019.xlsx</t>
  </si>
  <si>
    <t>C:\Users\filemoncmj\OneDrive - Grupo Algar\01. Algar Tech\02. Projetos Corporativos\06. PPE\Comum GIAT x ISD\08. ASC\</t>
  </si>
  <si>
    <t>12/18/2019 16:40:25</t>
  </si>
  <si>
    <t>C:\Users\filemoncmj\OneDrive - Grupo Algar\01. Algar Tech\02. Projetos Corporativos\06. PPE\Comum GIAT x ISD\08. ASC\03 - CSC Retorna Classificação.msg\s1\</t>
  </si>
  <si>
    <t>Detalhamento_de_Itens_-_ATENDIMENTOS_ASC_01114_042019_-_Classificado.xlsx</t>
  </si>
  <si>
    <t>Detalhamento de Itens - ATENDIMENTOS ASC 01114 042019 (Classificada).xlsx</t>
  </si>
  <si>
    <t>12/18/2019 16:40:27</t>
  </si>
  <si>
    <t>C:\Users\filemoncmj\OneDrive - Grupo Algar\01. Algar Tech\02. Projetos Corporativos\06. PPE\Comum GIAT x ISD\Status Report PPE Consolidado 17.05.2019.pptx\</t>
  </si>
  <si>
    <t>12/18/2019 16:40:29</t>
  </si>
  <si>
    <t>C:\Users\filemoncmj\OneDrive - Grupo Algar\01. Algar Tech\02. Projetos Corporativos\06. PPE\Comum GIAT x ISD\01. Apresentações\PMO - STATUS PPE - 25_FEV.pptx\</t>
  </si>
  <si>
    <t>12/18/2019 16:40:31</t>
  </si>
  <si>
    <t>12/18/2019 16:40:32</t>
  </si>
  <si>
    <t>12/18/2019 16:40:33</t>
  </si>
  <si>
    <t>12/18/2019 16:40:34</t>
  </si>
  <si>
    <t>12/18/2019 16:40:35</t>
  </si>
  <si>
    <t>12/18/2019 16:40:37</t>
  </si>
  <si>
    <t>C:\Users\filemoncmj\OneDrive - Grupo Algar\01. Algar Tech\02. Projetos Corporativos\06. PPE\Comum GIAT x ISD\05. FTE\</t>
  </si>
  <si>
    <t>Previsão Anual de FTE.xlsb</t>
  </si>
  <si>
    <t>12/18/2019 16:40:39</t>
  </si>
  <si>
    <t>Template_Registro_FTE_Plataforma_DW_GAT_04.xlsb</t>
  </si>
  <si>
    <t>12/18/2019 16:40:41</t>
  </si>
  <si>
    <t>Template_Registro_FTE_Plataforma_DW_GAT_03.xlsb</t>
  </si>
  <si>
    <t>12/18/2019 16:40:46</t>
  </si>
  <si>
    <t>010519 - Registro de FTE Realizado Plataforma DW GAT.xlsb</t>
  </si>
  <si>
    <t>12/18/2019 16:40:49</t>
  </si>
  <si>
    <t>C:\Users\filemoncmj\OneDrive - Grupo Algar\01. Algar Tech\02. Projetos Corporativos\06. PPE\Comum GIAT x ISD\05. FTE\Plataforma DW\GRC\</t>
  </si>
  <si>
    <t>Template_Registro_FTE_Plataforma_DW_GRC_03.xlsb</t>
  </si>
  <si>
    <t>12/18/2019 16:40:51</t>
  </si>
  <si>
    <t>Template_Registro_FTE_Plataforma_DW_GRC_04.xlsb</t>
  </si>
  <si>
    <t>12/18/2019 16:40:53</t>
  </si>
  <si>
    <t>010519 - Registro de FTE Realizado Plataforma DW GRC.xlsb</t>
  </si>
  <si>
    <t>12/18/2019 16:40:55</t>
  </si>
  <si>
    <t>Template_Registro_FTE_Plataforma_API_GAT_03.xlsb</t>
  </si>
  <si>
    <t>12/18/2019 16:40:58</t>
  </si>
  <si>
    <t>Template_Registro_FTE_Plataforma_API_GAT_04.xlsb</t>
  </si>
  <si>
    <t>12/18/2019 16:41:00</t>
  </si>
  <si>
    <t>010519 - Registro de FTE Realizado Plataforma API GAT.xlsb</t>
  </si>
  <si>
    <t>12/18/2019 16:41:02</t>
  </si>
  <si>
    <t>C:\Users\filemoncmj\OneDrive - Grupo Algar\01. Algar Tech\02. Projetos Corporativos\06. PPE\Comum GIAT x ISD\05. FTE\Plataforma API\GRC\</t>
  </si>
  <si>
    <t>Template_Registro_FTE_Plataforma_API_GRC_04.xlsb</t>
  </si>
  <si>
    <t>12/18/2019 16:41:05</t>
  </si>
  <si>
    <t>Template_Registro_FTE_Plataforma_API_GRC_03.xlsb</t>
  </si>
  <si>
    <t>12/18/2019 16:41:08</t>
  </si>
  <si>
    <t>010519 - Registro de FTE Realizado Plataforma API GRC.xlsb</t>
  </si>
  <si>
    <t>C:\Users\filemoncmj\OneDrive - Grupo Algar\01. Algar Tech\02. Projetos Corporativos\06. PPE\GRC\Status Report\Relacionamento - Status Report Consolidado - 1904 - v1 - RevDAC.pptx\</t>
  </si>
  <si>
    <t>12/18/2019 16:41:09</t>
  </si>
  <si>
    <t>C:\Users\filemoncmj\OneDrive - Grupo Algar\01. Algar Tech\02. Projetos Corporativos\06. PPE\GRC\Status Report\Backoffice - Status Report Consolidado - 1904 - v1.pptx\</t>
  </si>
  <si>
    <t>12/18/2019 16:41:10</t>
  </si>
  <si>
    <t>C:\Users\filemoncmj\OneDrive - Grupo Algar\01. Algar Tech\02. Projetos Corporativos\06. PPE\GRC\Status Report\Advanced - Status Report Consolidado - 1904 - v1.pptx\</t>
  </si>
  <si>
    <t>12/18/2019 16:41:11</t>
  </si>
  <si>
    <t>C:\Users\filemoncmj\OneDrive - Grupo Algar\01. Algar Tech\02. Projetos Corporativos\06. PPE\GRC\Consultoria Accenture\</t>
  </si>
  <si>
    <t>Detalhamento de Itens - Consultoria (Classificado).xlsx</t>
  </si>
  <si>
    <t>12/18/2019 16:41:40</t>
  </si>
  <si>
    <t>C:\Users\filemoncmj\OneDrive - Grupo Algar\01. Algar Tech\02. Projetos Corporativos\06. PPE\Cloud MSP\01. Orgânico\01. Apresentações\Algar Tech - Oferta Cloud MSP - Deck Consolidado FINAL.pptx\</t>
  </si>
  <si>
    <t>12/18/2019 16:41:41</t>
  </si>
  <si>
    <t>12/18/2019 16:41:42</t>
  </si>
  <si>
    <t>12/18/2019 16:41:43</t>
  </si>
  <si>
    <t>12/18/2019 16:41:44</t>
  </si>
  <si>
    <t>12/18/2019 16:41:45</t>
  </si>
  <si>
    <t>12/18/2019 16:41:46</t>
  </si>
  <si>
    <t>12/18/2019 16:41:47</t>
  </si>
  <si>
    <t>12/18/2019 16:41:48</t>
  </si>
  <si>
    <t>12/18/2019 16:41:49</t>
  </si>
  <si>
    <t>12/18/2019 16:41:50</t>
  </si>
  <si>
    <t>12/18/2019 16:41:51</t>
  </si>
  <si>
    <t>12/18/2019 16:41:52</t>
  </si>
  <si>
    <t>12/18/2019 16:41:53</t>
  </si>
  <si>
    <t>12/18/2019 16:41:54</t>
  </si>
  <si>
    <t>oleObject128.dat</t>
  </si>
  <si>
    <t>12/18/2019 16:41:55</t>
  </si>
  <si>
    <t>oleObject131.dat</t>
  </si>
  <si>
    <t>oleObject149.dat</t>
  </si>
  <si>
    <t>oleObject253.dat</t>
  </si>
  <si>
    <t>oleObject254.dat</t>
  </si>
  <si>
    <t>oleObject269.dat</t>
  </si>
  <si>
    <t>oleObject272.dat</t>
  </si>
  <si>
    <t>12/18/2019 16:41:56</t>
  </si>
  <si>
    <t>oleObject273.dat</t>
  </si>
  <si>
    <t>oleObject274.dat</t>
  </si>
  <si>
    <t>12/18/2019 16:41:57</t>
  </si>
  <si>
    <t>oleObject275.dat</t>
  </si>
  <si>
    <t>oleObject276.dat</t>
  </si>
  <si>
    <t>oleObject277.dat</t>
  </si>
  <si>
    <t>12/18/2019 16:41:58</t>
  </si>
  <si>
    <t>oleObject278.dat</t>
  </si>
  <si>
    <t>oleObject283.dat</t>
  </si>
  <si>
    <t>oleObject284.dat</t>
  </si>
  <si>
    <t>oleObject287.dat</t>
  </si>
  <si>
    <t>12/18/2019 16:41:59</t>
  </si>
  <si>
    <t>oleObject288.dat</t>
  </si>
  <si>
    <t>oleObject291.dat</t>
  </si>
  <si>
    <t>oleObject292.dat</t>
  </si>
  <si>
    <t>oleObject293.dat</t>
  </si>
  <si>
    <t>oleObject294.dat</t>
  </si>
  <si>
    <t>oleObject295.dat</t>
  </si>
  <si>
    <t>oleObject296.dat</t>
  </si>
  <si>
    <t>C:\Users\filemoncmj\OneDrive - Grupo Algar\01. Algar Tech\02. Projetos Corporativos\06. PPE\Cloud MSP\01. Orgânico\04. Capacitações AWS\</t>
  </si>
  <si>
    <t>Planilha Associados Treinamento AWS.xlsx</t>
  </si>
  <si>
    <t>12/18/2019 16:42:09</t>
  </si>
  <si>
    <t>C:\Users\filemoncmj\OneDrive - Grupo Algar\01. Algar Tech\02. Projetos Corporativos\07. M&amp;A\01. Cloud MSP\01. Escopo\01. Perguntas\</t>
  </si>
  <si>
    <t>Lista Padrão Due Dilligence_Cloud MSP.xlsx</t>
  </si>
  <si>
    <t>12/18/2019 16:42:10</t>
  </si>
  <si>
    <t>C:\Users\filemoncmj\OneDrive - Grupo Algar\01. Algar Tech\02. Projetos Corporativos\07. M&amp;A\01. Cloud MSP\02. Cronograma\</t>
  </si>
  <si>
    <t>Cronograma Macro.xlsx</t>
  </si>
  <si>
    <t>12/18/2019 16:42:16</t>
  </si>
  <si>
    <t>C:\Users\filemoncmj\OneDrive - Grupo Algar\01. Algar Tech\01. Projetos de Clientes\47. Prudential\02. BP\Anteriores\</t>
  </si>
  <si>
    <t>BP ISD.xlsb</t>
  </si>
  <si>
    <t>C:\Users\filemoncmj\OneDrive - Grupo Algar\01. Algar Tech\01. Projetos de Clientes\47. Prudential\02. BP\Anteriores\BP ISD.xlsb\</t>
  </si>
  <si>
    <t>12/18/2019 16:42:24</t>
  </si>
  <si>
    <t>BP GIAT.xlsb</t>
  </si>
  <si>
    <t>C:\Users\filemoncmj\OneDrive - Grupo Algar\01. Algar Tech\01. Projetos de Clientes\47. Prudential\02. BP\Anteriores\BP GIAT.xlsb\</t>
  </si>
  <si>
    <t>12/18/2019 16:42:29</t>
  </si>
  <si>
    <t>C:\Users\filemoncmj\OneDrive - Grupo Algar\01. Algar Tech\01. Projetos de Clientes\47. Prudential\03. Proposta Técnica e Comercial\Resumo Executivo\Anteriores\Prudential - Resumo Executivo v5.pptx\</t>
  </si>
  <si>
    <t>12/18/2019 16:42:33</t>
  </si>
  <si>
    <t>C:\Users\filemoncmj\OneDrive - Grupo Algar\01. Algar Tech\01. Projetos de Clientes\47. Prudential\03. Proposta Técnica e Comercial\Resumo Executivo\Anteriores\Prudential - Resumo Executivo v7.pptx\</t>
  </si>
  <si>
    <t>12/18/2019 16:42:36</t>
  </si>
  <si>
    <t>C:\Users\filemoncmj\OneDrive - Grupo Algar\01. Algar Tech\01. Projetos de Clientes\47. Prudential\03. Proposta Técnica e Comercial\Anteriores\164228 - ISD\</t>
  </si>
  <si>
    <t>12/18/2019 16:42:38</t>
  </si>
  <si>
    <t>C:\Users\filemoncmj\OneDrive - Grupo Algar\01. Algar Tech\01. Projetos de Clientes\47. Prudential\03. Proposta Técnica e Comercial\Anteriores\169202A - Sustentação e Projetos\</t>
  </si>
  <si>
    <t>12/18/2019 16:42:39</t>
  </si>
  <si>
    <t>12/18/2019 16:42:40</t>
  </si>
  <si>
    <t>C:\Users\filemoncmj\OneDrive - Grupo Algar\01. Algar Tech\01. Projetos de Clientes\47. Prudential\03. Proposta Técnica e Comercial\Anteriores\169202B - Gestão de Serviços ITIL\</t>
  </si>
  <si>
    <t>12/18/2019 16:42:41</t>
  </si>
  <si>
    <t>12/18/2019 16:42:43</t>
  </si>
  <si>
    <t>12/21/2019 09:44:52</t>
  </si>
  <si>
    <t>C:\Users\filemoncmj\OneDrive - Grupo Algar\01. Algar Tech\01. Projetos de Clientes\47. Prudential\07. Aquisições\05. Kit de Ferramentas\</t>
  </si>
  <si>
    <t>Itens do Kit.xlsx</t>
  </si>
  <si>
    <t>12/18/2019 16:42:47</t>
  </si>
  <si>
    <t>Classificação de Itens ISD.xlsx</t>
  </si>
  <si>
    <t>12/18/2019 16:42:50</t>
  </si>
  <si>
    <t>C:\Users\filemoncmj\OneDrive - Grupo Algar\01. Algar Tech\01. Projetos de Clientes\47. Prudential\01. RFP\GIAT\</t>
  </si>
  <si>
    <t>12/18/2019 16:42:57</t>
  </si>
  <si>
    <t>C:\Users\filemoncmj\OneDrive - Grupo Algar\01. Algar Tech\01. Projetos de Clientes\47. Prudential\01. RFP\ISD\</t>
  </si>
  <si>
    <t>12/18/2019 16:43:01</t>
  </si>
  <si>
    <t>C:\Users\filemoncmj\OneDrive - Grupo Algar\01. Algar Tech\01. Projetos de Clientes\47. Prudential\01. RFP\ISD\BP ISD.xlsb\</t>
  </si>
  <si>
    <t>12/18/2019 16:43:07</t>
  </si>
  <si>
    <t>C:\Users\filemoncmj\OneDrive - Grupo Algar\01. Algar Tech\03. Documentos da Área\Curso Idiomas\Procedimento Gestão das Formações.docx\</t>
  </si>
  <si>
    <t>C:\Users\filemoncmj\OneDrive - Grupo Algar\01. Algar Tech\03. Documentos da Área\Curso Idiomas\</t>
  </si>
  <si>
    <t>Associados Contemplados - Subsídio Espanhol.xlsx</t>
  </si>
  <si>
    <t>12/18/2019 16:43:08</t>
  </si>
  <si>
    <t>ST Filemon.xlsx</t>
  </si>
  <si>
    <t>12/18/2019 16:43:21</t>
  </si>
  <si>
    <t>Itens Somar.xlsb</t>
  </si>
  <si>
    <t>12/18/2019 16:43:24</t>
  </si>
  <si>
    <t>Home Office PROJETOS - Maio.xlsx</t>
  </si>
  <si>
    <t>12/18/2019 16:43:25</t>
  </si>
  <si>
    <t>C:\Users\filemoncmj\OneDrive - Grupo Algar\01. Algar Tech\03. Documentos da Área\Apresentação para Estudantes.pptx\</t>
  </si>
  <si>
    <t>12/18/2019 16:44:10</t>
  </si>
  <si>
    <t>C:\Users\filemoncmj\OneDrive - Grupo Algar\01. Algar Tech\03. Documentos da Área\Programa de Treinamento\02. Algar CSC\Central de Compras Corporativas - Vídeo Apresentação.pptx\</t>
  </si>
  <si>
    <t>12/18/2019 16:45:10</t>
  </si>
  <si>
    <t>12/18/2019 16:45:11</t>
  </si>
  <si>
    <t>C:\Users\filemoncmj\OneDrive - Grupo Algar\01. Algar Tech\02. Projetos Corporativos\07. M&amp;A\01. Cloud MSP\05. Aquisições\Performance e Segurança\</t>
  </si>
  <si>
    <t>Detalhamento de Itens - Teste de Performance.xlsx</t>
  </si>
  <si>
    <t>Detalhamento de Itens - Teste de Performance (Classificado).xlsx</t>
  </si>
  <si>
    <t>12/18/2019 16:45:12</t>
  </si>
  <si>
    <t>C:\Users\filemoncmj\OneDrive - Grupo Algar\01. Algar Tech\02. Projetos Corporativos\07. M&amp;A\01. Cloud MSP\06. Status Report\Status M&amp;As - PMO - Sessão de Governança - Cloud MSP 07.06.2019.pptx\</t>
  </si>
  <si>
    <t>12/18/2019 16:45:14</t>
  </si>
  <si>
    <t>C:\Users\filemoncmj\OneDrive - Grupo Algar\01. Algar Tech\02. Projetos Corporativos\07. M&amp;A\01. Cloud MSP\06. Status Report\Status M&amp;As - PMO - Sessão de Governança - Cloud MSP 05.07.2019.pptx\</t>
  </si>
  <si>
    <t>12/18/2019 16:45:17</t>
  </si>
  <si>
    <t>C:\Users\filemoncmj\OneDrive - Grupo Algar\01. Algar Tech\02. Projetos Corporativos\07. M&amp;A\01. Cloud MSP\06. Status Report\Status M&amp;As - PMO - Sessão de Governança - Cloud MSP 19.07.2019.pptx\</t>
  </si>
  <si>
    <t>12/18/2019 16:45:18</t>
  </si>
  <si>
    <t>C:\Users\filemoncmj\OneDrive - Grupo Algar\01. Algar Tech\02. Projetos Corporativos\07. M&amp;A\01. Cloud MSP\06. Status Report\Status M&amp;As - PMO - Sessão de Governança - Cloud MSP 12.07.2019.pptx\</t>
  </si>
  <si>
    <t>12/18/2019 16:45:20</t>
  </si>
  <si>
    <t>C:\Users\filemoncmj\OneDrive - Grupo Algar\01. Algar Tech\02. Projetos Corporativos\07. M&amp;A\01. Cloud MSP\06. Status Report\Status M&amp;As - PMO - Sessão de Governança - Cloud MSP 26.07.2019.pptx\</t>
  </si>
  <si>
    <t>12/18/2019 16:45:21</t>
  </si>
  <si>
    <t>C:\Users\filemoncmj\OneDrive - Grupo Algar\01. Algar Tech\02. Projetos Corporativos\07. M&amp;A\01. Cloud MSP\06. Status Report\Status M&amp;As - PMO - Sessão de Governança - Cloud MSP 23.08.2019.pptx\</t>
  </si>
  <si>
    <t>12/18/2019 16:45:22</t>
  </si>
  <si>
    <t>C:\Users\filemoncmj\OneDrive - Grupo Algar\01. Algar Tech\02. Projetos Corporativos\07. M&amp;A\01. Cloud MSP\06. Status Report\Status M&amp;As - PMO - Sessão de Governança - Cloud MSP 09.08.2019.pptx\</t>
  </si>
  <si>
    <t>12/18/2019 16:45:23</t>
  </si>
  <si>
    <t>C:\Users\filemoncmj\OneDrive - Grupo Algar\01. Algar Tech\02. Projetos Corporativos\07. M&amp;A\01. Cloud MSP\06. Status Report\Status M&amp;As - PMO - Sessão de Governança - Cloud MSP 30.08.2019.pptx\</t>
  </si>
  <si>
    <t>12/18/2019 16:45:25</t>
  </si>
  <si>
    <t>C:\Users\filemoncmj\OneDrive - Grupo Algar\01. Algar Tech\02. Projetos Corporativos\07. M&amp;A\01. Cloud MSP\06. Status Report\Status M&amp;As - PMO - Sessão de Governança - Cloud MSP 13.09.2019.pptx\</t>
  </si>
  <si>
    <t>12/18/2019 16:45:26</t>
  </si>
  <si>
    <t>C:\Users\filemoncmj\OneDrive - Grupo Algar\01. Algar Tech\02. Projetos Corporativos\07. M&amp;A\01. Cloud MSP\07. Documentos\</t>
  </si>
  <si>
    <t>Controle de Recebimento de Documentos.xlsx</t>
  </si>
  <si>
    <t>12/18/2019 16:45:57</t>
  </si>
  <si>
    <t>3. BR LINK Lista Padrão Due Dilligence_Cloud MSP v.1106.xlsx</t>
  </si>
  <si>
    <t>Gantt.xlsx</t>
  </si>
  <si>
    <t>C:\Users\filemoncmj\OneDrive - Grupo Algar\01. Algar Tech\02. Projetos Corporativos\07. M&amp;A\02. Nimbus\PMO - Status de Governança - Projeto Nimbus 20190705.pptx\</t>
  </si>
  <si>
    <t>12/18/2019 16:45:59</t>
  </si>
  <si>
    <t>C:\Users\filemoncmj\OneDrive - Grupo Algar\01. Algar Tech\02. Projetos Corporativos\07. M&amp;A\02. Nimbus\PMO - Status de Governança - Projeto Nimbus 20190610.pptx\</t>
  </si>
  <si>
    <t>12/18/2019 16:46:00</t>
  </si>
  <si>
    <t>C:\Users\filemoncmj\OneDrive - Grupo Algar\01. Algar Tech\02. Projetos Corporativos\09. CG Financeiro\</t>
  </si>
  <si>
    <t>Agendas com Diretores.xlsx</t>
  </si>
  <si>
    <t>C:\Users\filemoncmj\OneDrive - Grupo Algar\01. Algar Tech\02. Projetos Corporativos\06. PPE\GIAT\17. MIA\</t>
  </si>
  <si>
    <t>Dashboard - MIA - v1.0.xlsx</t>
  </si>
  <si>
    <t>12/18/2019 16:46:01</t>
  </si>
  <si>
    <t>C:\Users\filemoncmj\OneDrive - Grupo Algar\01. Algar Tech\02. Projetos Corporativos\06. PPE\GIAT\03. Aquisições\2019\ASC\API Atendimento Humano\</t>
  </si>
  <si>
    <t>Detalhamento de Itens - API Atendimento Humano ASC.xlsx</t>
  </si>
  <si>
    <t>12/18/2019 16:46:02</t>
  </si>
  <si>
    <t>Detalhamento de Itens - API Atendimento Humano ASC (Classificado).xlsx</t>
  </si>
  <si>
    <t>12/18/2019 16:46:03</t>
  </si>
  <si>
    <t>C:\Users\filemoncmj\OneDrive - Grupo Algar\01. Algar Tech\02. Projetos Corporativos\06. PPE\GIAT\03. Aquisições\2019\ASC\API Atendimento Humano\RES Detalhamento de Itens - API Atendimento Humano ASC.msg\s1\</t>
  </si>
  <si>
    <t>Detalhamento_de_Itens_-_API_Atendimento_Humano_ASC_3118781_Classificada_ASC.xlsx</t>
  </si>
  <si>
    <t>C:\Users\filemoncmj\OneDrive - Grupo Algar\01. Algar Tech\02. Projetos Corporativos\06. PPE\GIAT\03. Aquisições\2019\ASC\API Atendimento Humano\Aprovação PMO.msg\s1\</t>
  </si>
  <si>
    <t>12/18/2019 16:46:05</t>
  </si>
  <si>
    <t>C:\Users\filemoncmj\OneDrive - Grupo Algar\01. Algar Tech\02. Projetos Corporativos\06. PPE\GIAT\03. Aquisições\2019\ASC\Atendimentos ASC 01259 052019\</t>
  </si>
  <si>
    <t>Detalhamento de Itens - Atendimentos ASC 01259 052019 (Classificada).xlsx</t>
  </si>
  <si>
    <t>Planilha NF Espelho - PC's.xlsx</t>
  </si>
  <si>
    <t>12/18/2019 16:46:07</t>
  </si>
  <si>
    <t>C:\Users\filemoncmj\OneDrive - Grupo Algar\01. Algar Tech\02. Projetos Corporativos\06. PPE\GIAT\04. Escopo\17. Data Lake\</t>
  </si>
  <si>
    <t>CLUSTER GIAT - Release 01 - Sprint 01.xlsx</t>
  </si>
  <si>
    <t>12/18/2019 16:46:54</t>
  </si>
  <si>
    <t>C:\Users\filemoncmj\OneDrive - Grupo Algar\01. Algar Tech\02. Projetos Corporativos\06. PPE\GIAT\08. Status Report\2019\06. Junho\PMO - Status PPE's - GIAT - 07.06.2019.pptx\</t>
  </si>
  <si>
    <t>12/18/2019 16:46:55</t>
  </si>
  <si>
    <t>C:\Users\filemoncmj\OneDrive - Grupo Algar\01. Algar Tech\02. Projetos Corporativos\06. PPE\GIAT\08. Status Report\2019\06. Junho\PMO - Status PPE's - GIAT - 14.06.2019.pptx\</t>
  </si>
  <si>
    <t>C:\Users\filemoncmj\OneDrive - Grupo Algar\01. Algar Tech\02. Projetos Corporativos\06. PPE\GIAT\08. Status Report\2019\06. Junho\PMO - Status PPE's - GIAT - 21.06.2019.pptx\</t>
  </si>
  <si>
    <t>12/18/2019 16:46:56</t>
  </si>
  <si>
    <t>C:\Users\filemoncmj\OneDrive - Grupo Algar\01. Algar Tech\02. Projetos Corporativos\06. PPE\GIAT\08. Status Report\2019\06. Junho\PMO - Status PPE's - GIAT - 28.06.2019.pptx\</t>
  </si>
  <si>
    <t>12/18/2019 16:46:57</t>
  </si>
  <si>
    <t>C:\Users\filemoncmj\OneDrive - Grupo Algar\01. Algar Tech\02. Projetos Corporativos\06. PPE\GIAT\08. Status Report\2019\</t>
  </si>
  <si>
    <t>Plano de Ação Comercial GIAT.xlsx</t>
  </si>
  <si>
    <t>C:\Users\filemoncmj\OneDrive - Grupo Algar\01. Algar Tech\02. Projetos Corporativos\06. PPE\GIAT\08. Status Report\2019\07. Julho\PMO - Status PPE's - GIAT - 05.07.2019.pptx\</t>
  </si>
  <si>
    <t>C:\Users\filemoncmj\OneDrive - Grupo Algar\01. Algar Tech\02. Projetos Corporativos\06. PPE\GIAT\08. Status Report\2019\07. Julho\PMO - Status PPE's - GIAT - 15.07.2019.pptx\</t>
  </si>
  <si>
    <t>12/18/2019 16:47:01</t>
  </si>
  <si>
    <t>C:\Users\filemoncmj\OneDrive - Grupo Algar\01. Algar Tech\02. Projetos Corporativos\06. PPE\GIAT\08. Status Report\2019\07. Julho\PMO - Status PPE's - GIAT - 26.07.2019.pptx\</t>
  </si>
  <si>
    <t>12/18/2019 16:47:02</t>
  </si>
  <si>
    <t>C:\Users\filemoncmj\OneDrive - Grupo Algar\01. Algar Tech\02. Projetos Corporativos\06. PPE\GIAT\08. Status Report\2019\08. Agosto\PMO - Status PPE's - GIAT - 02.08.2019.pptx\</t>
  </si>
  <si>
    <t>12/18/2019 16:47:03</t>
  </si>
  <si>
    <t>C:\Users\filemoncmj\OneDrive - Grupo Algar\01. Algar Tech\02. Projetos Corporativos\06. PPE\GIAT\08. Status Report\2019\08. Agosto\PMO - Status PPE's - GIAT - 16.08.2019.pptx\</t>
  </si>
  <si>
    <t>12/18/2019 16:47:04</t>
  </si>
  <si>
    <t>C:\Users\filemoncmj\OneDrive - Grupo Algar\01. Algar Tech\02. Projetos Corporativos\06. PPE\GIAT\08. Status Report\2019\08. Agosto\PMO - Status PPE's - GIAT - 08.08.2019.pptx\</t>
  </si>
  <si>
    <t>12/18/2019 16:47:06</t>
  </si>
  <si>
    <t>12/18/2019 16:47:09</t>
  </si>
  <si>
    <t>C:\Users\filemoncmj\OneDrive - Grupo Algar\01. Algar Tech\02. Projetos Corporativos\06. PPE\GIAT\09. FTE\2019\06. Junho\</t>
  </si>
  <si>
    <t>010619 - Registro de FTE Realizado GIAT.xlsb</t>
  </si>
  <si>
    <t>C:\Users\filemoncmj\OneDrive - Grupo Algar\01. Algar Tech\02. Projetos Corporativos\06. PPE\GIAT\09. FTE\2019\07. Julho\</t>
  </si>
  <si>
    <t>010719 - Registro de FTE Realizado GIAT.xlsb</t>
  </si>
  <si>
    <t>12/18/2019 16:47:14</t>
  </si>
  <si>
    <t>C:\Users\filemoncmj\OneDrive - Grupo Algar\01. Algar Tech\02. Projetos Corporativos\06. PPE\GIAT\09. FTE\2019\08. Agosto\</t>
  </si>
  <si>
    <t>010819 - Registro de FTE Realizado GIAT.xlsb</t>
  </si>
  <si>
    <t>12/18/2019 16:47:17</t>
  </si>
  <si>
    <t>C:\Users\filemoncmj\OneDrive - Grupo Algar\01. Algar Tech\02. Projetos Corporativos\06. PPE\GIAT\09. FTE\2019\09. Setembro\</t>
  </si>
  <si>
    <t>010919 - Registro de FTE Realizado GIAT.xlsb</t>
  </si>
  <si>
    <t>12/18/2019 16:47:18</t>
  </si>
  <si>
    <t>Nova ST AWS.xlsx</t>
  </si>
  <si>
    <t>12/18/2019 16:47:19</t>
  </si>
  <si>
    <t>Custos Capacitações.xlsx</t>
  </si>
  <si>
    <t>12/18/2019 16:47:20</t>
  </si>
  <si>
    <t>C:\Users\filemoncmj\OneDrive - Grupo Algar\01. Algar Tech\02. Projetos Corporativos\06. PPE\Cloud MSP\01. Orgânico\02. Contrato Algar Telecom\VF\</t>
  </si>
  <si>
    <t>ACC_Padrão - ALGAR TELECOM.xlsx</t>
  </si>
  <si>
    <t>C:\Users\filemoncmj\OneDrive - Grupo Algar\01. Algar Tech\02. Projetos Corporativos\06. PPE\Intuitive Service Desk\03. Aquisições\2019\ASC\05. Plataforma LATAM\</t>
  </si>
  <si>
    <t>Detalhamento de Itens - Ativação Plataforma LATAM.xlsx</t>
  </si>
  <si>
    <t>12/18/2019 16:47:21</t>
  </si>
  <si>
    <t>Detalhamento de Itens - Ativação Plataforma LATAM (Classificado).xlsx</t>
  </si>
  <si>
    <t>C:\Users\filemoncmj\OneDrive - Grupo Algar\01. Algar Tech\02. Projetos Corporativos\06. PPE\Intuitive Service Desk\03. Aquisições\2019\ASC\05. Plataforma LATAM\Chamado 3216601;.msg\s1\</t>
  </si>
  <si>
    <t>Detalhamento_de_Itens_-_Ativacao_Plataforma_LATAM - Classificado.xlsx</t>
  </si>
  <si>
    <t>12/18/2019 16:47:22</t>
  </si>
  <si>
    <t>C:\Users\filemoncmj\OneDrive - Grupo Algar\01. Algar Tech\02. Projetos Corporativos\06. PPE\Intuitive Service Desk\03. Aquisições\2019\ASC\07. Tag SSL (Marista)\</t>
  </si>
  <si>
    <t>12/18/2019 16:47:23</t>
  </si>
  <si>
    <t>C:\Users\filemoncmj\OneDrive - Grupo Algar\01. Algar Tech\02. Projetos Corporativos\06. PPE\Intuitive Service Desk\03. Aquisições\2019\ASC\07. Tag SSL (Marista)\RES_ ATEC-2019-0006-006 - MARISTA.msg\s86\</t>
  </si>
  <si>
    <t>12/18/2019 16:47:25</t>
  </si>
  <si>
    <t>C:\Users\filemoncmj\OneDrive - Grupo Algar\01. Algar Tech\02. Projetos Corporativos\06. PPE\Intuitive Service Desk\09. Status Report\2019\06. Junho\PMO - Status PPE's - ISD - 07.06.2019.pptx\</t>
  </si>
  <si>
    <t>12/18/2019 16:47:26</t>
  </si>
  <si>
    <t>C:\Users\filemoncmj\OneDrive - Grupo Algar\01. Algar Tech\02. Projetos Corporativos\06. PPE\Intuitive Service Desk\09. Status Report\2019\06. Junho\PMO - Status PPE's - ISD - 14.06.2019.pptx\</t>
  </si>
  <si>
    <t>C:\Users\filemoncmj\OneDrive - Grupo Algar\01. Algar Tech\02. Projetos Corporativos\06. PPE\Intuitive Service Desk\09. Status Report\2019\06. Junho\PMO - Status PPE's - ISD - 21.06.2019.pptx\</t>
  </si>
  <si>
    <t>C:\Users\filemoncmj\OneDrive - Grupo Algar\01. Algar Tech\02. Projetos Corporativos\06. PPE\Intuitive Service Desk\09. Status Report\2019\06. Junho\PMO - Status PPE's - ISD - 28.06.2019.pptx\</t>
  </si>
  <si>
    <t>12/18/2019 16:47:28</t>
  </si>
  <si>
    <t>C:\Users\filemoncmj\OneDrive - Grupo Algar\01. Algar Tech\02. Projetos Corporativos\06. PPE\Intuitive Service Desk\09. Status Report\2019\07. Julho\PMO - Status PPE's - ISD - 05.07.2019.pptx\</t>
  </si>
  <si>
    <t>12/18/2019 16:47:29</t>
  </si>
  <si>
    <t>C:\Users\filemoncmj\OneDrive - Grupo Algar\01. Algar Tech\02. Projetos Corporativos\06. PPE\Intuitive Service Desk\09. Status Report\2019\07. Julho\PMO - Status PPE's - ISD - 15.07.2019.pptx\</t>
  </si>
  <si>
    <t>C:\Users\filemoncmj\OneDrive - Grupo Algar\01. Algar Tech\02. Projetos Corporativos\06. PPE\Intuitive Service Desk\09. Status Report\2019\07. Julho\PMO - Status PPE's - ISD - 19.07.2019.pptx\</t>
  </si>
  <si>
    <t>C:\Users\filemoncmj\OneDrive - Grupo Algar\01. Algar Tech\02. Projetos Corporativos\06. PPE\Intuitive Service Desk\09. Status Report\2019\07. Julho\PMO - Status PPE's - ISD - 26.07.2019.pptx\</t>
  </si>
  <si>
    <t>C:\Users\filemoncmj\OneDrive - Grupo Algar\01. Algar Tech\02. Projetos Corporativos\06. PPE\Intuitive Service Desk\09. Status Report\2019\08. Agosto\PMO - Status PPE's - ISD - 02.08.2019.pptx\</t>
  </si>
  <si>
    <t>12/18/2019 16:47:35</t>
  </si>
  <si>
    <t>C:\Users\filemoncmj\OneDrive - Grupo Algar\01. Algar Tech\02. Projetos Corporativos\06. PPE\Intuitive Service Desk\09. Status Report\2019\08. Agosto\PMO - Status PPE's - ISD - 08.08.2019.pptx\</t>
  </si>
  <si>
    <t>12/18/2019 16:47:37</t>
  </si>
  <si>
    <t>C:\Users\filemoncmj\OneDrive - Grupo Algar\01. Algar Tech\02. Projetos Corporativos\06. PPE\Intuitive Service Desk\09. Status Report\2019\05. Maio\PMO - Status PPE's - ISD - 31.05.2019.pptx\</t>
  </si>
  <si>
    <t>12/18/2019 16:47:40</t>
  </si>
  <si>
    <t>C:\Users\filemoncmj\OneDrive - Grupo Algar\01. Algar Tech\02. Projetos Corporativos\06. PPE\Intuitive Service Desk\12. FTE\2019\06. Junho\</t>
  </si>
  <si>
    <t>010619 - Registro de FTE Realizado ISD.xlsb</t>
  </si>
  <si>
    <t>12/18/2019 16:47:41</t>
  </si>
  <si>
    <t>C:\Users\filemoncmj\OneDrive - Grupo Algar\01. Algar Tech\02. Projetos Corporativos\06. PPE\Intuitive Service Desk\12. FTE\2019\07. Julho\</t>
  </si>
  <si>
    <t>010719 - Registro de FTE Realizado ISD.xlsb</t>
  </si>
  <si>
    <t>12/18/2019 16:47:43</t>
  </si>
  <si>
    <t>C:\Users\filemoncmj\OneDrive - Grupo Algar\01. Algar Tech\02. Projetos Corporativos\06. PPE\Intuitive Service Desk\12. FTE\2019\08. Agosto\</t>
  </si>
  <si>
    <t>010819 - Registro de FTE Realizado ISD.xlsb</t>
  </si>
  <si>
    <t>12/18/2019 16:47:45</t>
  </si>
  <si>
    <t>12/18/2019 16:47:46</t>
  </si>
  <si>
    <t>C:\Users\filemoncmj\OneDrive - Grupo Algar\01. Algar Tech\02. Projetos Corporativos\06. PPE\Intuitive Service Desk\08. Escopo\2019\NDA Automatos\</t>
  </si>
  <si>
    <t>ACC Parceria Comercial Automatos.xls</t>
  </si>
  <si>
    <t>12/18/2019 16:47:50</t>
  </si>
  <si>
    <t>C:\Users\filemoncmj\OneDrive - Grupo Algar\01. Algar Tech\02. Projetos Corporativos\06. PPE\Comum GIAT x ISD\09. Cronograma\</t>
  </si>
  <si>
    <t>Indicadores Projetos - Cronograma GAT.xlsx</t>
  </si>
  <si>
    <t>12/18/2019 16:48:06</t>
  </si>
  <si>
    <t>010619 - Registro de FTE Realizado Plataforma DW GAT.xlsb</t>
  </si>
  <si>
    <t>12/18/2019 16:48:08</t>
  </si>
  <si>
    <t>010719 - Registro de FTE Realizado Plataforma DW GAT ISD.xlsb</t>
  </si>
  <si>
    <t>12/18/2019 16:48:10</t>
  </si>
  <si>
    <t>010719 - Registro de FTE Realizado Plataforma DW GAT GIAT.xlsb</t>
  </si>
  <si>
    <t>12/18/2019 16:48:11</t>
  </si>
  <si>
    <t>010819 - Registro de FTE Realizado Plataforma DW GAT ISD.xlsb</t>
  </si>
  <si>
    <t>12/18/2019 16:48:13</t>
  </si>
  <si>
    <t>010819 - Registro de FTE Realizado Plataforma DW GAT GIAT.xlsb</t>
  </si>
  <si>
    <t>12/18/2019 16:48:15</t>
  </si>
  <si>
    <t>12/18/2019 16:48:17</t>
  </si>
  <si>
    <t>010919 - Registro de FTE Realizado Plataforma DW GAT GIAT.xlsb</t>
  </si>
  <si>
    <t>C:\Users\filemoncmj\OneDrive - Grupo Algar\01. Algar Tech\02. Projetos Corporativos\06. PPE\Comum GIAT x ISD\05. FTE\Plataforma DW\GAT\10. Outubro\</t>
  </si>
  <si>
    <t>12/18/2019 16:48:18</t>
  </si>
  <si>
    <t>12/18/2019 16:48:19</t>
  </si>
  <si>
    <t>010619 - Registro de FTE Realizado Plataforma DW GRC.xlsb</t>
  </si>
  <si>
    <t>12/18/2019 16:48:21</t>
  </si>
  <si>
    <t>010619 - Registro de FTE Realizado Plataforma API GAT.xlsb</t>
  </si>
  <si>
    <t>12/18/2019 16:48:23</t>
  </si>
  <si>
    <t>010719 - Registro de FTE Realizado Plataforma API GAT GIAT.xlsb</t>
  </si>
  <si>
    <t>12/18/2019 16:48:25</t>
  </si>
  <si>
    <t>010719 - Registro de FTE Realizado Plataforma API GAT ISD.xlsb</t>
  </si>
  <si>
    <t>12/18/2019 16:48:26</t>
  </si>
  <si>
    <t>010819 - Registro de FTE Realizado Plataforma API GAT ISD.xlsb</t>
  </si>
  <si>
    <t>12/18/2019 16:48:28</t>
  </si>
  <si>
    <t>010819 - Registro de FTE Realizado Plataforma API GAT GIAT.xlsb</t>
  </si>
  <si>
    <t>010919 - Registro de FTE Realizado Plataforma API GAT ISD.xlsb</t>
  </si>
  <si>
    <t>010919 - Registro de FTE Realizado Plataforma API GAT GIAT.xlsb</t>
  </si>
  <si>
    <t>12/18/2019 16:48:33</t>
  </si>
  <si>
    <t>C:\Users\filemoncmj\OneDrive - Grupo Algar\01. Algar Tech\02. Projetos Corporativos\06. PPE\Comum GIAT x ISD\05. FTE\Plataforma API\GAT\10. Outubro\</t>
  </si>
  <si>
    <t>12/18/2019 16:48:34</t>
  </si>
  <si>
    <t>010619 - Registro de FTE Realizado Plataforma API GRC.xlsb</t>
  </si>
  <si>
    <t>12/18/2019 16:48:39</t>
  </si>
  <si>
    <t>C:\Users\filemoncmj\OneDrive - Grupo Algar\01. Algar Tech\01. Projetos de Clientes\47. Prudential\04. Contrato\24.05\</t>
  </si>
  <si>
    <t>ARC RRC - Prudential - Algar Tech - Revisão.xlsx</t>
  </si>
  <si>
    <t>12/18/2019 16:48:47</t>
  </si>
  <si>
    <t>C:\Users\filemoncmj\OneDrive - Grupo Algar\01. Algar Tech\01. Projetos de Clientes\47. Prudential\04. Contrato\24.05\ENC Minuta Algartech.msg\s1\</t>
  </si>
  <si>
    <t>12/18/2019 16:53:21</t>
  </si>
  <si>
    <t>12/18/2019 16:53:22</t>
  </si>
  <si>
    <t>12/18/2019 16:53:23</t>
  </si>
  <si>
    <t>C:\Users\filemoncmj\OneDrive - Grupo Algar\01. Algar Tech\01. Projetos de Clientes\47. Prudential\03. Proposta Técnica e Comercial\Resumo Executivo\Anteriores\Prudential - Resumo Executivo v8.pptx\</t>
  </si>
  <si>
    <t>12/18/2019 16:53:26</t>
  </si>
  <si>
    <t>C:\Users\filemoncmj\OneDrive - Grupo Algar\01. Algar Tech\01. Projetos de Clientes\47. Prudential\03. Proposta Técnica e Comercial\Resumo Executivo\Anteriores\Prudential - Resumo Executivo v8 - SS.pptx\</t>
  </si>
  <si>
    <t>12/18/2019 16:53:35</t>
  </si>
  <si>
    <t>C:\Users\filemoncmj\OneDrive - Grupo Algar\01. Algar Tech\01. Projetos de Clientes\47. Prudential\03. Proposta Técnica e Comercial\Anteriores\01.09\</t>
  </si>
  <si>
    <t>Anexo C - Indicadores_Prudential_Consolidado_v12 (enviado à Algar em 010919).xlsx</t>
  </si>
  <si>
    <t>12/18/2019 16:53:37</t>
  </si>
  <si>
    <t>C:\Users\filemoncmj\OneDrive - Grupo Algar\01. Algar Tech\01. Projetos de Clientes\47. Prudential\03. Proposta Técnica e Comercial\Anteriores\13.09\</t>
  </si>
  <si>
    <t>[Minuta] LEG_24508_Controle de alterações 13_09_19.xlsx</t>
  </si>
  <si>
    <t>12/18/2019 16:53:38</t>
  </si>
  <si>
    <t>ARC RRC - Algar_Prudential.xlsx</t>
  </si>
  <si>
    <t>Anexo C - Indicadores_Prudential_Consolidado.xlsx</t>
  </si>
  <si>
    <t>12/18/2019 16:53:44</t>
  </si>
  <si>
    <t>12/18/2019 16:53:46</t>
  </si>
  <si>
    <t>C:\Users\filemoncmj\OneDrive - Grupo Algar\01. Algar Tech\01. Projetos de Clientes\47. Prudential\07. Aquisições\02. Link de Dados\</t>
  </si>
  <si>
    <t>Consolidado Cotações.xlsx</t>
  </si>
  <si>
    <t>C:\Users\filemoncmj\OneDrive - Grupo Algar\01. Algar Tech\01. Projetos de Clientes\47. Prudential\07. Aquisições\04. Desktops e Notebooks\RES_ ERRATA Re_ Valores Desktops e Notebooks - Apuração de Saving 2019.msg\s137\</t>
  </si>
  <si>
    <t>C:\Users\filemoncmj\OneDrive - Grupo Algar\01. Algar Tech\01. Projetos de Clientes\47. Prudential\07. Aquisições\01. Planilha de Classificação\Chamado_ 3352854_.eml\</t>
  </si>
  <si>
    <t>12/18/2019 16:53:50</t>
  </si>
  <si>
    <t>BP ISD - ATUALIZADO V17 - 05_07.xlsb</t>
  </si>
  <si>
    <t>C:\Users\filemoncmj\OneDrive - Grupo Algar\01. Algar Tech\01. Projetos de Clientes\47. Prudential\02. BP\Anteriores\BP ISD - ATUALIZADO V17 - 05_07.xlsb\</t>
  </si>
  <si>
    <t>12/18/2019 16:53:54</t>
  </si>
  <si>
    <t>BP GIAT - ATUALIZADO V17 v2 - 04_07.xlsb</t>
  </si>
  <si>
    <t>C:\Users\filemoncmj\OneDrive - Grupo Algar\01. Algar Tech\01. Projetos de Clientes\47. Prudential\02. BP\Anteriores\BP GIAT - ATUALIZADO V17 v2 - 04_07.xlsb\</t>
  </si>
  <si>
    <t>12/18/2019 16:53:59</t>
  </si>
  <si>
    <t>BP GIAT - 24_08 6% Ano 1 3% demais anos.xlsb</t>
  </si>
  <si>
    <t>C:\Users\filemoncmj\OneDrive - Grupo Algar\01. Algar Tech\01. Projetos de Clientes\47. Prudential\02. BP\Anteriores\BP GIAT - 24_08 6% Ano 1 3% demais anos.xlsb\</t>
  </si>
  <si>
    <t>12/18/2019 16:54:03</t>
  </si>
  <si>
    <t>BP ISD - 24_08 6% Ano 2 3% demais anos.xlsb</t>
  </si>
  <si>
    <t>C:\Users\filemoncmj\OneDrive - Grupo Algar\01. Algar Tech\01. Projetos de Clientes\47. Prudential\02. BP\Anteriores\BP ISD - 24_08 6% Ano 2 3% demais anos.xlsb\</t>
  </si>
  <si>
    <t>12/18/2019 16:54:08</t>
  </si>
  <si>
    <t>Prudential - BP ISD - Versão Outubro 2019.xlsb</t>
  </si>
  <si>
    <t>C:\Users\filemoncmj\OneDrive - Grupo Algar\01. Algar Tech\01. Projetos de Clientes\47. Prudential\02. BP\Anteriores\Prudential - BP ISD - Versão Outubro 2019.xlsb\</t>
  </si>
  <si>
    <t>12/18/2019 16:54:14</t>
  </si>
  <si>
    <t>Prudential - BP GIAT - Versão Outubro 2019.xlsb</t>
  </si>
  <si>
    <t>C:\Users\filemoncmj\OneDrive - Grupo Algar\01. Algar Tech\01. Projetos de Clientes\47. Prudential\02. BP\Anteriores\Prudential - BP GIAT - Versão Outubro 2019.xlsb\</t>
  </si>
  <si>
    <t>12/18/2019 16:54:19</t>
  </si>
  <si>
    <t>C:\Users\filemoncmj\OneDrive - Grupo Algar\01. Algar Tech\01. Projetos de Clientes\47. Prudential\02. BP\Anteriores\Prudential - BP ISD - Versão Outubro 2019 v2.xlsb\</t>
  </si>
  <si>
    <t>12/18/2019 16:54:23</t>
  </si>
  <si>
    <t>C:\Users\filemoncmj\OneDrive - Grupo Algar\01. Algar Tech\01. Projetos de Clientes\47. Prudential\02. BP\Anteriores\Prudential - BP GIAT - Versão Outubro 2019 v2.xlsb\</t>
  </si>
  <si>
    <t>12/18/2019 16:54:25</t>
  </si>
  <si>
    <t>C:\Users\filemoncmj\OneDrive - Grupo Algar\01. Algar Tech\01. Projetos de Clientes\10. TIM FMM FMT\08. Serviços Terceiros\Dolphin Telecom\Dolphin Telecom.7z\</t>
  </si>
  <si>
    <t>ACC - Dolphin Telecom.xls</t>
  </si>
  <si>
    <t>FormulÃ¡rio AvaliaÃ§Ã£o ContrataÃ§Ã£o - Dolphin Telecom.xlsx</t>
  </si>
  <si>
    <t>C:\Users\filemoncmj\OneDrive - Grupo Algar\01. Algar Tech\01. Projetos de Clientes\13. Yahsat\2019\01. BP\</t>
  </si>
  <si>
    <t>BP Crescimento Outubro - v2.xlsb</t>
  </si>
  <si>
    <t>C:\Users\filemoncmj\OneDrive - Grupo Algar\01. Algar Tech\01. Projetos de Clientes\13. Yahsat\2019\01. BP\BP Crescimento Outubro - v2.xlsb\</t>
  </si>
  <si>
    <t>12/18/2019 16:54:30</t>
  </si>
  <si>
    <t>C:\Users\filemoncmj\OneDrive - Grupo Algar\01. Algar Tech\01. Projetos de Clientes\13. Yahsat\2019\01. BP\ENC_ Classificação de Itens ISD - Desktops Aumento Yahsat.msg\s99\</t>
  </si>
  <si>
    <t>C:\Users\filemoncmj\OneDrive - Grupo Algar\01. Algar Tech\01. Projetos de Clientes\13. Yahsat\2019\01. BP\ENC_ Classificação de Itens ISD - Desktops Aumento Yahsat.msg\s99\BP Crescimento Outubro - v2.xlsb\</t>
  </si>
  <si>
    <t>12/18/2019 16:54:35</t>
  </si>
  <si>
    <t>C:\Users\filemoncmj\OneDrive - Grupo Algar\01. Algar Tech\01. Projetos de Clientes\13. Yahsat\2019\03. TAP\PMO Algar Tech - TAP - Aumento 7 PAs Yahsat.pptx\</t>
  </si>
  <si>
    <t>12/18/2019 16:54:43</t>
  </si>
  <si>
    <t>C:\Users\filemoncmj\OneDrive - Grupo Algar\01. Algar Tech\01. Projetos de Clientes\13. Yahsat\2019\03. TAP\PMO Algar Tech - TAP - Aumento 7 PAs Yahsat.msg\s93\</t>
  </si>
  <si>
    <t>C:\Users\filemoncmj\OneDrive - Grupo Algar\01. Algar Tech\01. Projetos de Clientes\13. Yahsat\2019\03. TAP\PMO Algar Tech - TAP - Aumento 7 PAs Yahsat.msg\s93\BP Crescimento Outubro - v2.xlsb\</t>
  </si>
  <si>
    <t>C:\Users\filemoncmj\OneDrive - Grupo Algar\01. Algar Tech\01. Projetos de Clientes\13. Yahsat\2019\03. TAP\PMO Algar Tech - TAP - Aumento 7 PAs Yahsat.msg\s93\PMO Algar Tech - TAP - Aumento 7 PAs Yahsat.pptx\</t>
  </si>
  <si>
    <t>12/18/2019 16:54:52</t>
  </si>
  <si>
    <t>12/18/2019 16:54:57</t>
  </si>
  <si>
    <t>C:\Users\filemoncmj\OneDrive - Grupo Algar\01. Algar Tech\01. Projetos de Clientes\13. Yahsat\2019\03. TAP\PMO Algar Tech - TAP - Aumento 7 PAs Yahsat v2.pptx\</t>
  </si>
  <si>
    <t>12/18/2019 16:54:59</t>
  </si>
  <si>
    <t>C:\Users\filemoncmj\OneDrive - Grupo Algar\01. Algar Tech\01. Projetos de Clientes\13. Yahsat\2019\04. Aquisições\RES_ Classificação de Itens ISD - Desktops Aumento Yahsat.msg\s86\</t>
  </si>
  <si>
    <t>Classificação de Itens - Aumento PAs (Classificado).xlsx</t>
  </si>
  <si>
    <t>12/18/2019 16:55:00</t>
  </si>
  <si>
    <t>Classificação de Itens - Aumento PAs - Headphones (Classificado).xlsx</t>
  </si>
  <si>
    <t>C:\Users\filemoncmj\OneDrive - Grupo Algar\01. Algar Tech\01. Projetos de Clientes\13. Yahsat\2019\04. Aquisições\ENC_ Chamado_ 3320773_.msg\s132\</t>
  </si>
  <si>
    <t>Classificacao_de_Itens_-_Aumento_PAs_-_Headphones.xlsx</t>
  </si>
  <si>
    <t>12/18/2019 16:55:01</t>
  </si>
  <si>
    <t>12/18/2019 16:55:03</t>
  </si>
  <si>
    <t>12/18/2019 16:55:04</t>
  </si>
  <si>
    <t>12/18/2019 16:55:05</t>
  </si>
  <si>
    <t>12/18/2019 16:55:07</t>
  </si>
  <si>
    <t>C:\Users\filemoncmj\OneDrive - Grupo Algar\01. Algar Tech\01. Projetos de Clientes\13. Yahsat\2019\05. FTE\</t>
  </si>
  <si>
    <t>011019 - Registro de FTE Realizado Yahsat.xlsb</t>
  </si>
  <si>
    <t>12/18/2019 16:55:08</t>
  </si>
  <si>
    <t>C:\Users\filemoncmj\OneDrive - Grupo Algar\01. Algar Tech\01. Projetos de Clientes\13. Yahsat\2019\06. Infraestrutura\</t>
  </si>
  <si>
    <t>Formulário Retirada de Ativo - Yahsat.xlsx</t>
  </si>
  <si>
    <t>Acessos Yahsat.xlsx</t>
  </si>
  <si>
    <t>Home Office Junho.xlsx</t>
  </si>
  <si>
    <t>C:\Users\filemoncmj\OneDrive - Grupo Algar\01. Algar Tech\03. Documentos da Área\Capitalização de Itens de Implantação\ENC Capitalização de itens de implantação.msg\s1\</t>
  </si>
  <si>
    <t>Lista de custos de Setup.xls</t>
  </si>
  <si>
    <t>12/21/2019 09:45:53</t>
  </si>
  <si>
    <t>C:\Users\filemoncmj\OneDrive - Grupo Algar\01. Algar Tech\03. Documentos da Área\Capitalização de Itens de Implantação\</t>
  </si>
  <si>
    <t>Lista de Custos de Setup.xls</t>
  </si>
  <si>
    <t>12/18/2019 16:55:11</t>
  </si>
  <si>
    <t>12/18/2019 16:55:13</t>
  </si>
  <si>
    <t>Home Office PROJETOS - Junho.xlsx</t>
  </si>
  <si>
    <t>Home Office PROJETOS - Julho.xlsx</t>
  </si>
  <si>
    <t>Home Office PROJETOS - Agosto.xlsx</t>
  </si>
  <si>
    <t>Home Office PROJETOS - Setembro.xlsx</t>
  </si>
  <si>
    <t>Home Office PROJETOS - Outubro.xlsx</t>
  </si>
  <si>
    <t>12/18/2019 16:55:15</t>
  </si>
  <si>
    <t>Classificacao de Itens - Sotreq (Classificado - CON-3376405).xlsx</t>
  </si>
  <si>
    <t>12/18/2019 16:55:16</t>
  </si>
  <si>
    <t>C:\Users\filemoncmj\OneDrive - Grupo Algar\Documentos\Documentos\</t>
  </si>
  <si>
    <t>Burndown1.xlsx</t>
  </si>
  <si>
    <t>12/18/2019 16:55:17</t>
  </si>
  <si>
    <t>151219 - Registro de FTE Realizado GIAT Prudential (HE).xlsb</t>
  </si>
  <si>
    <t>151219 - Registro de FTE Realizado ISD Prudential (HE).xlsb</t>
  </si>
  <si>
    <t>12/18/2019 16:55:18</t>
  </si>
  <si>
    <t>12/18/2019 16:55:19</t>
  </si>
  <si>
    <t>12/18/2019 16:55:20</t>
  </si>
  <si>
    <t>12/18/2019 16:55:23</t>
  </si>
  <si>
    <t>12/18/2019 16:55:31</t>
  </si>
  <si>
    <t>12/18/2019 16:55:45</t>
  </si>
  <si>
    <t>12/18/2019 16:55:51</t>
  </si>
  <si>
    <t>12/18/2019 16:55:52</t>
  </si>
  <si>
    <t>Recuperação de Custo Volnei.xlsx</t>
  </si>
  <si>
    <t>12/18/2019 16:56:29</t>
  </si>
  <si>
    <t>12/18/2019 16:56:32</t>
  </si>
  <si>
    <t>12/18/2019 16:56:46</t>
  </si>
  <si>
    <t>12/18/2019 16:56:53</t>
  </si>
  <si>
    <t>Relação RFP Skills x Recursos Prudential.xlsx</t>
  </si>
  <si>
    <t>12/18/2019 16:57:04</t>
  </si>
  <si>
    <t>12/18/2019 16:57:05</t>
  </si>
  <si>
    <t>Contatos Prudential.xlsx</t>
  </si>
  <si>
    <t>Lista Indicações de Profissionais Prudentials - 271119 atualizada.xlsx</t>
  </si>
  <si>
    <t>Contatos Redes - Telecom Tech Prudential.xlsx</t>
  </si>
  <si>
    <t>Absorções.xlsx</t>
  </si>
  <si>
    <t>12/18/2019 16:57:06</t>
  </si>
  <si>
    <t>Fields.xlsx</t>
  </si>
  <si>
    <t>Profissionais Algar Tech.xlsx</t>
  </si>
  <si>
    <t>GA - Perfis Algar 11.12.2019.xlsx</t>
  </si>
  <si>
    <t>CONTRATAÇÃO_SD_VALIDA_TECNICO.xlsx</t>
  </si>
  <si>
    <t>12/18/2019 16:57:07</t>
  </si>
  <si>
    <t>12/18/2019 16:57:10</t>
  </si>
  <si>
    <t>C:\Users\filemoncmj\OneDrive - Grupo Algar\01. Algar Tech\01. Projetos de Clientes\47. Prudential\07. Aquisições\09. Gateway Telecom\</t>
  </si>
  <si>
    <t>Formulário de Liberação de Ativos CLU - Gateway Aligera.xlsx</t>
  </si>
  <si>
    <t>12/18/2019 16:57:12</t>
  </si>
  <si>
    <t>C:\Users\filemoncmj\OneDrive - Grupo Algar\01. Algar Tech\01. Projetos de Clientes\47. Prudential\07. Aquisições\15. Infraestrutura\</t>
  </si>
  <si>
    <t>Classificacao_de_Ativos_-_Infra_SD_Prudential_Classificada.xlsx</t>
  </si>
  <si>
    <t>12/18/2019 16:57:13</t>
  </si>
  <si>
    <t>12/18/2019 16:57:16</t>
  </si>
  <si>
    <t>12/18/2019 16:57:17</t>
  </si>
  <si>
    <t>12/18/2019 16:58:22</t>
  </si>
  <si>
    <t>12/18/2019 16:58:26</t>
  </si>
  <si>
    <t>C:\Users\filemoncmj\OneDrive - Grupo Algar\01. Algar Tech\01. Projetos de Clientes\47. Prudential\02. BP\Prudential - BP ISD - Versão Novembro 2019 - v2.xlsb\</t>
  </si>
  <si>
    <t>12/18/2019 16:58:30</t>
  </si>
  <si>
    <t>12/18/2019 16:58:34</t>
  </si>
  <si>
    <t>C:\Users\filemoncmj\OneDrive - Grupo Algar\01. Algar Tech\01. Projetos de Clientes\47. Prudential\02. BP\Anteriores\Prudential - BP GIAT - Versão Novembro 2019.xlsb\</t>
  </si>
  <si>
    <t>C:\Users\filemoncmj\OneDrive - Grupo Algar\01. Algar Tech\01. Projetos de Clientes\47. Prudential\02. BP\Anteriores\Prudential - BP ISD - Versão Novembro 2019.xlsb\</t>
  </si>
  <si>
    <t>12/18/2019 16:58:40</t>
  </si>
  <si>
    <t>C:\Users\filemoncmj\OneDrive - Grupo Algar\01. Algar Tech\01. Projetos de Clientes\47. Prudential\10. Cronograma\</t>
  </si>
  <si>
    <t>Cronograma Processos v2.xlsx</t>
  </si>
  <si>
    <t>Cronograma para Status OnePage.xlsx</t>
  </si>
  <si>
    <t>12/18/2019 16:58:47</t>
  </si>
  <si>
    <t>12/18/2019 16:58:48</t>
  </si>
  <si>
    <t>12/18/2019 16:58:49</t>
  </si>
  <si>
    <t>C:\Users\filemoncmj\OneDrive - Grupo Algar\01. Algar Tech\01. Projetos de Clientes\47. Prudential\12. Mapeamento de Processos\ISD\</t>
  </si>
  <si>
    <t>Catalogo_de_Servicos_N1_N2.xlsx</t>
  </si>
  <si>
    <t>12/18/2019 16:58:51</t>
  </si>
  <si>
    <t>12/18/2019 16:59:10</t>
  </si>
  <si>
    <t>C:\Users\filemoncmj\OneDrive - Grupo Algar\01. Algar Tech\01. Projetos de Clientes\47. Prudential\12. Telecom\</t>
  </si>
  <si>
    <t>Relatório de Ligações Jan a Nov-19.xlsx</t>
  </si>
  <si>
    <t>12/18/2019 19:11:45</t>
  </si>
  <si>
    <t>Controle Contratações.xlsx</t>
  </si>
  <si>
    <t>Relação de RURI's Enviados.xlsx</t>
  </si>
  <si>
    <t>12/18/2019 19:30:46</t>
  </si>
  <si>
    <t>12/19/2019 07:24:14</t>
  </si>
  <si>
    <t>Redes,Cabling e Telecon.xlsx</t>
  </si>
  <si>
    <t>12/19/2019 07:24:15</t>
  </si>
  <si>
    <t>Middleware_V3_Validado.xlsx</t>
  </si>
  <si>
    <t>12/19/2019 07:24:32</t>
  </si>
  <si>
    <t>Catalogo_Redes_Cabling_Telecom.xlsx</t>
  </si>
  <si>
    <t>12/19/2019 07:24:33</t>
  </si>
  <si>
    <t>Catalogo_Middleware.xlsx</t>
  </si>
  <si>
    <t>12/19/2019 09:50:22</t>
  </si>
  <si>
    <t>mail.google.com/_/upload?authuser=0&amp;dcp=asu-n&amp;upload_id=AEnB2UoF2VIUpe3Czcs2EKb2MncfCgiFm-24GlStJqCkYTVAUwj-RAkX2ySvmF79b_F2Tv5lykjIy-eSvs_1Mu5r_rNpY__K1Pgu87A6FWWmf_1OlwyYVWo&amp;upload_protocol=resumable</t>
  </si>
  <si>
    <t>12/19/2019 14:39:05</t>
  </si>
  <si>
    <t>12/19/2019 15:50:07</t>
  </si>
  <si>
    <t>Roteiro_Atividades_Entroncamento_SIP_Algar_Prudential.xlsx</t>
  </si>
  <si>
    <t>12/19/2019 18:54:07</t>
  </si>
  <si>
    <t>12/20/2019 07:27:25</t>
  </si>
  <si>
    <t>Tabela de Slas_V0.xlsx</t>
  </si>
  <si>
    <t>12/20/2019 07:27:28</t>
  </si>
  <si>
    <t>Catalogo_Sistemas_Corporativos.xlsx</t>
  </si>
  <si>
    <t>Catalogo_Banco_de_Dados_V2.xlsx</t>
  </si>
  <si>
    <t>Catalogo_Sistemas_Operacionais.xlsx</t>
  </si>
  <si>
    <t>12/21/2019 09:44:25</t>
  </si>
  <si>
    <t>12/21/2019 09:47:52</t>
  </si>
  <si>
    <t>12/21/2019 09:46:59</t>
  </si>
  <si>
    <t>12/21/2019 09:49:52</t>
  </si>
  <si>
    <t>12/21/2019 09:52:52</t>
  </si>
  <si>
    <t>RELATORIO DE LOGIN - FINANCEIRA - 19-12 - Cópia.xlsm</t>
  </si>
  <si>
    <t>\\acsfs\DEPTOS\Operacao\PCP\5 - Comum\JUKA\Login Logout Financeira\RELATORIO DE LOGIN - FINANCEIRA - 19-12 - Cópia.xlsm</t>
  </si>
  <si>
    <t>12/21/2019 09:50:03</t>
  </si>
  <si>
    <t>12/21/2019 09:53:52</t>
  </si>
  <si>
    <t>12/21/2019 09:51:28</t>
  </si>
  <si>
    <t>12/21/2019 09:53:28</t>
  </si>
  <si>
    <t>12/21/2019 09:49:41</t>
  </si>
  <si>
    <t>12/21/2019 09:54:52</t>
  </si>
  <si>
    <t>12/21/2019 09:54:43</t>
  </si>
  <si>
    <t>12/21/2019 09:58:52</t>
  </si>
  <si>
    <t>12/21/2019 09:56:10</t>
  </si>
  <si>
    <t>12/21/2019 09:59:52</t>
  </si>
  <si>
    <t>12/21/2019 10:03:31</t>
  </si>
  <si>
    <t>12/21/2019 10:03:52</t>
  </si>
  <si>
    <t>12/21/2019 10:08:01</t>
  </si>
  <si>
    <t>12/21/2019 10:12:51</t>
  </si>
  <si>
    <t>4de3abb0-d604-4ad6-b29a-0c70725e7286.tmp</t>
  </si>
  <si>
    <t>\\acsfs\profiles$\dhiulliananads\Downloads\4de3abb0-d604-4ad6-b29a-0c70725e7286.tmp</t>
  </si>
  <si>
    <t>12/21/2019 10:11:33</t>
  </si>
  <si>
    <t>12/21/2019 10:16:52</t>
  </si>
  <si>
    <t>12/21/2019 10:12:52</t>
  </si>
  <si>
    <t>12/21/2019 10:17:51</t>
  </si>
  <si>
    <t>12/21/2019 10:18:46</t>
  </si>
  <si>
    <t>12/21/2019 10:22:52</t>
  </si>
  <si>
    <t>12/21/2019 10:18:47</t>
  </si>
  <si>
    <t>lu11484wzce0.tmp</t>
  </si>
  <si>
    <t>\\acsfs\profiles$\dhiulliananads\My Documents\lu11484wzce0.tmp</t>
  </si>
  <si>
    <t>\\acsfs\profiles$\dhiulliananads\My Documents\lu11484wzce0.tmp\</t>
  </si>
  <si>
    <t>\\acsfs\profiles$\dhiulliananads\My Documents\lu11484wzce0.tmp\META-INF\</t>
  </si>
  <si>
    <t>\\acsfs\profiles$\dhiulliananads\My Documents\lu11484wzce0.tmp\Thumbnails\</t>
  </si>
  <si>
    <t>12/21/2019 10:21:39</t>
  </si>
  <si>
    <t>12/21/2019 10:24:51</t>
  </si>
  <si>
    <t>12/21/2019 10:33:37</t>
  </si>
  <si>
    <t>12/21/2019 10:34:52</t>
  </si>
  <si>
    <t>9da91903-f855-4e31-a1c4-debdcebc9d1c.tmp</t>
  </si>
  <si>
    <t>\\acsfs\profiles$\geovanaasa\Downloads\9da91903-f855-4e31-a1c4-debdcebc9d1c.tmp</t>
  </si>
  <si>
    <t>12/21/2019 10:37:34</t>
  </si>
  <si>
    <t>12/21/2019 10:38:52</t>
  </si>
  <si>
    <t>12/21/2019 10:43:33</t>
  </si>
  <si>
    <t>12/21/2019 10:46:52</t>
  </si>
  <si>
    <t>12/21/2019 10:44:57</t>
  </si>
  <si>
    <t>12/21/2019 10:47:52</t>
  </si>
  <si>
    <t>12/21/2019 10:44:58</t>
  </si>
  <si>
    <t>lu11484wzce4.tmp</t>
  </si>
  <si>
    <t>\\acsfs\profiles$\dhiulliananads\My Documents\lu11484wzce4.tmp</t>
  </si>
  <si>
    <t>\\acsfs\profiles$\dhiulliananads\My Documents\lu11484wzce4.tmp\</t>
  </si>
  <si>
    <t>\\acsfs\profiles$\dhiulliananads\My Documents\lu11484wzce4.tmp\META-INF\</t>
  </si>
  <si>
    <t>\\acsfs\profiles$\dhiulliananads\My Documents\lu11484wzce4.tmp\Thumbnails\</t>
  </si>
  <si>
    <t>12/21/2019 10:45:34</t>
  </si>
  <si>
    <t>12/21/2019 10:48:53</t>
  </si>
  <si>
    <t>9de4aa2e-b5e6-4760-9085-01cf0697e1ec.tmp</t>
  </si>
  <si>
    <t>\\acsfs\profiles$\isabellegtds\Downloads\9de4aa2e-b5e6-4760-9085-01cf0697e1ec.tmp</t>
  </si>
  <si>
    <t>12/21/2019 10:48:38</t>
  </si>
  <si>
    <t>12/21/2019 10:50:40</t>
  </si>
  <si>
    <t>12/21/2019 10:52:53</t>
  </si>
  <si>
    <t>12/21/2019 10:53:38</t>
  </si>
  <si>
    <t>12/21/2019 10:54:53</t>
  </si>
  <si>
    <t>12/21/2019 10:49:39</t>
  </si>
  <si>
    <t>12/21/2019 10:54:13</t>
  </si>
  <si>
    <t>12/21/2019 10:54:22</t>
  </si>
  <si>
    <t>12/21/2019 10:59:55</t>
  </si>
  <si>
    <t>12/21/2019 10:55:45</t>
  </si>
  <si>
    <t>12/21/2019 10:57:18</t>
  </si>
  <si>
    <t>12/21/2019 11:01:54</t>
  </si>
  <si>
    <t>49dd30e3-f33b-49ea-a77d-56c551dca390.tmp</t>
  </si>
  <si>
    <t>\\acsfs\profiles$\marcellewdl\Downloads\49dd30e3-f33b-49ea-a77d-56c551dca390.tmp</t>
  </si>
  <si>
    <t>12/21/2019 11:02:26</t>
  </si>
  <si>
    <t>12/21/2019 11:02:54</t>
  </si>
  <si>
    <t>12/21/2019 11:03:26</t>
  </si>
  <si>
    <t>12/21/2019 11:03:55</t>
  </si>
  <si>
    <t>1b98d5a1-48e5-4cf0-aa95-11b856b8ce46.tmp</t>
  </si>
  <si>
    <t>\\acsfs\profiles$\isabellegtds\Downloads\1b98d5a1-48e5-4cf0-aa95-11b856b8ce46.tmp</t>
  </si>
  <si>
    <t>12/21/2019 11:04:30</t>
  </si>
  <si>
    <t>12/21/2019 11:04:54</t>
  </si>
  <si>
    <t>12/21/2019 11:14:40</t>
  </si>
  <si>
    <t>12/21/2019 11:17:54</t>
  </si>
  <si>
    <t>12/21/2019 11:24:14</t>
  </si>
  <si>
    <t>12/21/2019 11:24:53</t>
  </si>
  <si>
    <t>12/21/2019 11:33:01</t>
  </si>
  <si>
    <t>12/21/2019 11:33:55</t>
  </si>
  <si>
    <t>12/21/2019 11:32:02</t>
  </si>
  <si>
    <t>12/21/2019 11:36:54</t>
  </si>
  <si>
    <t>47899250-ac25-4163-ab39-94f9ae38e5c0.tmp</t>
  </si>
  <si>
    <t>\\acsfs\profiles$\PEDROHAB\Downloads\47899250-ac25-4163-ab39-94f9ae38e5c0.tmp</t>
  </si>
  <si>
    <t>12/21/2019 11:42:05</t>
  </si>
  <si>
    <t>12/21/2019 11:44:55</t>
  </si>
  <si>
    <t>12/21/2019 11:49:14</t>
  </si>
  <si>
    <t>12/21/2019 11:51:54</t>
  </si>
  <si>
    <t>12/21/2019 11:51:19</t>
  </si>
  <si>
    <t>12/21/2019 11:52:54</t>
  </si>
  <si>
    <t>12/21/2019 11:48:47</t>
  </si>
  <si>
    <t>12/21/2019 12:01:09</t>
  </si>
  <si>
    <t>12/21/2019 12:04:54</t>
  </si>
  <si>
    <t>12/21/2019 12:03:24</t>
  </si>
  <si>
    <t>12/21/2019 12:06:54</t>
  </si>
  <si>
    <t>e0572a51-c81b-4357-b161-fca429681cde.tmp</t>
  </si>
  <si>
    <t>\\acsfs\profiles$\luanarda\Downloads\e0572a51-c81b-4357-b161-fca429681cde.tmp</t>
  </si>
  <si>
    <t>12/21/2019 12:08:07</t>
  </si>
  <si>
    <t>12/21/2019 12:08:54</t>
  </si>
  <si>
    <t>12/21/2019 12:09:28</t>
  </si>
  <si>
    <t>12/21/2019 12:12:53</t>
  </si>
  <si>
    <t>12/21/2019 12:08:53</t>
  </si>
  <si>
    <t>3fe3fe88-6f4c-4972-af1f-e14f87ce5b35;</t>
  </si>
  <si>
    <t>100014236442048;</t>
  </si>
  <si>
    <t>https://100014236442048</t>
  </si>
  <si>
    <t>12/21/2019 12:09:03</t>
  </si>
  <si>
    <t>12/21/2019 12:13:54</t>
  </si>
  <si>
    <t>12/21/2019 12:09:23</t>
  </si>
  <si>
    <t>12/21/2019 12:09:29</t>
  </si>
  <si>
    <t>12/21/2019 12:10:30</t>
  </si>
  <si>
    <t>12/21/2019 12:10:36</t>
  </si>
  <si>
    <t>12/21/2019 12:11:12</t>
  </si>
  <si>
    <t>12/21/2019 12:11:25</t>
  </si>
  <si>
    <t>12/21/2019 12:11:43</t>
  </si>
  <si>
    <t>12/21/2019 12:12:27</t>
  </si>
  <si>
    <t>12/21/2019 12:12:34</t>
  </si>
  <si>
    <t>12/21/2019 12:17:48</t>
  </si>
  <si>
    <t>12/21/2019 12:21:54</t>
  </si>
  <si>
    <t>12/21/2019 12:22:42</t>
  </si>
  <si>
    <t>12/21/2019 12:22:53</t>
  </si>
  <si>
    <t>12/21/2019 12:25:05</t>
  </si>
  <si>
    <t>12/21/2019 12:26:53</t>
  </si>
  <si>
    <t>12/21/2019 12:25:00</t>
  </si>
  <si>
    <t>12/21/2019 12:27:53</t>
  </si>
  <si>
    <t>12/21/2019 12:25:06</t>
  </si>
  <si>
    <t>12/21/2019 12:25:07</t>
  </si>
  <si>
    <t>12/21/2019 12:28:53</t>
  </si>
  <si>
    <t>12/21/2019 12:25:08</t>
  </si>
  <si>
    <t>12/21/2019 12:25:11</t>
  </si>
  <si>
    <t>12/21/2019 12:25:12</t>
  </si>
  <si>
    <t>12/21/2019 12:25:13</t>
  </si>
  <si>
    <t>12/21/2019 12:25:14</t>
  </si>
  <si>
    <t>12/21/2019 12:25:15</t>
  </si>
  <si>
    <t>12/21/2019 12:25:16</t>
  </si>
  <si>
    <t>12/21/2019 12:25:18</t>
  </si>
  <si>
    <t>12/21/2019 12:25:19</t>
  </si>
  <si>
    <t>12/21/2019 12:25:21</t>
  </si>
  <si>
    <t>12/21/2019 12:25:22</t>
  </si>
  <si>
    <t>12/21/2019 12:25:27</t>
  </si>
  <si>
    <t>12/21/2019 12:25:29</t>
  </si>
  <si>
    <t>12/21/2019 12:25:31</t>
  </si>
  <si>
    <t>12/21/2019 12:25:32</t>
  </si>
  <si>
    <t>12/21/2019 12:25:35</t>
  </si>
  <si>
    <t>12/21/2019 12:25:37</t>
  </si>
  <si>
    <t>12/21/2019 12:25:38</t>
  </si>
  <si>
    <t>12/21/2019 12:25:41</t>
  </si>
  <si>
    <t>12/21/2019 12:25:44</t>
  </si>
  <si>
    <t>12/21/2019 12:25:45</t>
  </si>
  <si>
    <t>12/21/2019 12:25:46</t>
  </si>
  <si>
    <t>12/21/2019 12:25:47</t>
  </si>
  <si>
    <t>12/21/2019 12:25:49</t>
  </si>
  <si>
    <t>12/21/2019 12:25:50</t>
  </si>
  <si>
    <t>12/21/2019 12:25:52</t>
  </si>
  <si>
    <t>12/21/2019 12:25:53</t>
  </si>
  <si>
    <t>12/21/2019 12:25:55</t>
  </si>
  <si>
    <t>12/21/2019 12:25:57</t>
  </si>
  <si>
    <t>12/21/2019 12:25:58</t>
  </si>
  <si>
    <t>12/21/2019 12:26:00</t>
  </si>
  <si>
    <t>12/21/2019 12:26:01</t>
  </si>
  <si>
    <t>12/21/2019 12:26:02</t>
  </si>
  <si>
    <t>12/21/2019 12:26:03</t>
  </si>
  <si>
    <t>12/21/2019 12:26:04</t>
  </si>
  <si>
    <t>12/21/2019 12:26:06</t>
  </si>
  <si>
    <t>12/21/2019 12:26:08</t>
  </si>
  <si>
    <t>12/21/2019 12:26:09</t>
  </si>
  <si>
    <t>12/21/2019 12:26:39</t>
  </si>
  <si>
    <t>12/21/2019 12:24:52</t>
  </si>
  <si>
    <t>12/21/2019 12:24:38</t>
  </si>
  <si>
    <t>12/21/2019 12:29:53</t>
  </si>
  <si>
    <t>12/21/2019 12:30:38</t>
  </si>
  <si>
    <t>12/21/2019 12:31:54</t>
  </si>
  <si>
    <t>12/21/2019 12:31:48</t>
  </si>
  <si>
    <t>12/21/2019 12:33:54</t>
  </si>
  <si>
    <t>ae88f253-78b0-448f-9c94-949a11808f86.tmp</t>
  </si>
  <si>
    <t>\\acsfs\profiles$\PEDROHAB\Downloads\ae88f253-78b0-448f-9c94-949a11808f86.tmp</t>
  </si>
  <si>
    <t>12/21/2019 12:31:50</t>
  </si>
  <si>
    <t>772997a5-9aaf-4be0-8c7d-673f6d393d5c.tmp</t>
  </si>
  <si>
    <t>\\acsfs\profiles$\PEDROHAB\Downloads\772997a5-9aaf-4be0-8c7d-673f6d393d5c.tmp</t>
  </si>
  <si>
    <t>12/21/2019 12:32:28</t>
  </si>
  <si>
    <t>d93ceb50-ec36-4316-a01a-1c528bc760a4.tmp</t>
  </si>
  <si>
    <t>\\acsfs\profiles$\PEDROHAB\Downloads\d93ceb50-ec36-4316-a01a-1c528bc760a4.tmp</t>
  </si>
  <si>
    <t>12/21/2019 12:34:32</t>
  </si>
  <si>
    <t>12/21/2019 12:38:54</t>
  </si>
  <si>
    <t>12/21/2019 12:40:25</t>
  </si>
  <si>
    <t>12/21/2019 12:43:54</t>
  </si>
  <si>
    <t>12/21/2019 12:44:31</t>
  </si>
  <si>
    <t>12/21/2019 12:48:54</t>
  </si>
  <si>
    <t>12/21/2019 12:49:32</t>
  </si>
  <si>
    <t>12/21/2019 12:51:55</t>
  </si>
  <si>
    <t>12/21/2019 13:00:36</t>
  </si>
  <si>
    <t>12/21/2019 13:02:56</t>
  </si>
  <si>
    <t>12/21/2019 13:01:13</t>
  </si>
  <si>
    <t>12/21/2019 13:03:55</t>
  </si>
  <si>
    <t>12/21/2019 13:02:21</t>
  </si>
  <si>
    <t>12/21/2019 13:04:56</t>
  </si>
  <si>
    <t>12/21/2019 13:06:52</t>
  </si>
  <si>
    <t>12/21/2019 13:11:55</t>
  </si>
  <si>
    <t>12/21/2019 13:09:46</t>
  </si>
  <si>
    <t>12/21/2019 13:13:55</t>
  </si>
  <si>
    <t>https://portalth.algarnet.com.br/webponto/just_user/incluirmarcacaoonline.asp</t>
  </si>
  <si>
    <t>12/21/2019 13:15:12</t>
  </si>
  <si>
    <t>12/21/2019 13:18:55</t>
  </si>
  <si>
    <t>12/21/2019 13:15:49</t>
  </si>
  <si>
    <t>12/21/2019 13:20:14</t>
  </si>
  <si>
    <t>12/21/2019 13:23:55</t>
  </si>
  <si>
    <t>3fe3fe88-6f4c-4972-af1f-e14f87ce5b35; _gid=ga1.3.1931446237.1576850311; asp.net_sessionid=emgwengbvwvzani0qf4wfoy5; __requestverificationtoken=voi5nw2r-evm7xfrkn0kspf19ixyrttgczysdj8yg-zko__dmf19fjk8cjc9zi-xsgnvvyqeeqiwbtpxso9mm2l_ru6hn4onir78ks07vy81; tp_</t>
  </si>
  <si>
    <t>12/21/2019 13:21:03</t>
  </si>
  <si>
    <t>12/21/2019 13:24:42</t>
  </si>
  <si>
    <t>12/21/2019 13:26:55</t>
  </si>
  <si>
    <t>12/21/2019 13:24:25</t>
  </si>
  <si>
    <t>12/21/2019 13:25:10</t>
  </si>
  <si>
    <t>12/21/2019 13:28:56</t>
  </si>
  <si>
    <t>12/21/2019 13:25:16</t>
  </si>
  <si>
    <t>12/21/2019 13:27:54</t>
  </si>
  <si>
    <t>12/21/2019 13:29:57</t>
  </si>
  <si>
    <t>12/21/2019 13:29:48</t>
  </si>
  <si>
    <t>12/21/2019 13:32:57</t>
  </si>
  <si>
    <t>12/21/2019 13:31:36</t>
  </si>
  <si>
    <t>12/21/2019 13:34:57</t>
  </si>
  <si>
    <t>12/21/2019 13:42:43</t>
  </si>
  <si>
    <t>12/21/2019 13:44:56</t>
  </si>
  <si>
    <t>12/21/2019 13:45:10</t>
  </si>
  <si>
    <t>12/21/2019 13:47:57</t>
  </si>
  <si>
    <t>12/21/2019 13:47:14</t>
  </si>
  <si>
    <t>12/21/2019 13:48:56</t>
  </si>
  <si>
    <t>12/21/2019 13:46:07</t>
  </si>
  <si>
    <t>12/21/2019 13:47:29</t>
  </si>
  <si>
    <t>12/21/2019 13:47:28</t>
  </si>
  <si>
    <t>12/21/2019 13:49:56</t>
  </si>
  <si>
    <t>12/21/2019 13:48:54</t>
  </si>
  <si>
    <t>12/21/2019 13:53:56</t>
  </si>
  <si>
    <t>100042071738357;</t>
  </si>
  <si>
    <t>https://100042071738357</t>
  </si>
  <si>
    <t>12/21/2019 13:49:41</t>
  </si>
  <si>
    <t>12/21/2019 13:50:27</t>
  </si>
  <si>
    <t>12/21/2019 13:50:50</t>
  </si>
  <si>
    <t>12/21/2019 13:54:57</t>
  </si>
  <si>
    <t>12/21/2019 13:51:02</t>
  </si>
  <si>
    <t>12/21/2019 13:53:20</t>
  </si>
  <si>
    <t>12/21/2019 13:58:56</t>
  </si>
  <si>
    <t>100014236442048;100042071738357;</t>
  </si>
  <si>
    <t>https://100014236442048,100042071738357</t>
  </si>
  <si>
    <t>12/21/2019 13:54:54</t>
  </si>
  <si>
    <t>12/21/2019 13:56:15</t>
  </si>
  <si>
    <t>12/21/2019 13:59:51</t>
  </si>
  <si>
    <t>12/21/2019 14:02:56</t>
  </si>
  <si>
    <t>12/21/2019 14:02:14</t>
  </si>
  <si>
    <t>0638320f-84e6-4745-b217-e16bfe466739.tmp</t>
  </si>
  <si>
    <t>\\acsfs\profiles$\philipegsf\Downloads\0638320f-84e6-4745-b217-e16bfe466739.tmp</t>
  </si>
  <si>
    <t>12/21/2019 14:00:24</t>
  </si>
  <si>
    <t>12/21/2019 14:03:57</t>
  </si>
  <si>
    <t>86c6b864-0c04-4611-ba9d-a1aaa2f8c886.tmp</t>
  </si>
  <si>
    <t>\\acsfs\profiles$\geovanaasa\Downloads\86c6b864-0c04-4611-ba9d-a1aaa2f8c886.tmp</t>
  </si>
  <si>
    <t>12/21/2019 14:03:36</t>
  </si>
  <si>
    <t>12/21/2019 14:07:57</t>
  </si>
  <si>
    <t>f089fc07-5c5f-453d-8891-803990120963.tmp</t>
  </si>
  <si>
    <t>\\acsfs\profiles$\philipegsf\Downloads\f089fc07-5c5f-453d-8891-803990120963.tmp</t>
  </si>
  <si>
    <t>12/21/2019 14:03:43</t>
  </si>
  <si>
    <t>12/21/2019 14:07:09</t>
  </si>
  <si>
    <t>12/21/2019 14:09:57</t>
  </si>
  <si>
    <t>12/21/2019 14:12:42</t>
  </si>
  <si>
    <t>12/21/2019 14:17:57</t>
  </si>
  <si>
    <t>12/21/2019 14:17:21</t>
  </si>
  <si>
    <t>12/21/2019 14:22:12</t>
  </si>
  <si>
    <t>12/21/2019 14:24:58</t>
  </si>
  <si>
    <t>12/21/2019 14:22:13</t>
  </si>
  <si>
    <t>lu10832124ym7.tmp</t>
  </si>
  <si>
    <t>\\acsfs\profiles$\luanarda\lu10832124ym7.tmp</t>
  </si>
  <si>
    <t>\\acsfs\profiles$\luanarda\lu10832124ym7.tmp\</t>
  </si>
  <si>
    <t>\\acsfs\profiles$\luanarda\lu10832124ym7.tmp\META-INF\</t>
  </si>
  <si>
    <t>\\acsfs\profiles$\luanarda\lu10832124ym7.tmp\Thumbnails\</t>
  </si>
  <si>
    <t>12/21/2019 14:25:34</t>
  </si>
  <si>
    <t>12/21/2019 14:29:58</t>
  </si>
  <si>
    <t>12/21/2019 14:28:02</t>
  </si>
  <si>
    <t>12/21/2019 14:31:58</t>
  </si>
  <si>
    <t>12/21/2019 14:33:52</t>
  </si>
  <si>
    <t>12/21/2019 14:37:58</t>
  </si>
  <si>
    <t>12/21/2019 14:39:01</t>
  </si>
  <si>
    <t>12/21/2019 14:39:58</t>
  </si>
  <si>
    <t>12/21/2019 14:39:29</t>
  </si>
  <si>
    <t>12/21/2019 14:40:58</t>
  </si>
  <si>
    <t>12/21/2019 14:37:33</t>
  </si>
  <si>
    <t>12/21/2019 14:41:58</t>
  </si>
  <si>
    <t>12/21/2019 14:42:42</t>
  </si>
  <si>
    <t>12/21/2019 14:43:58</t>
  </si>
  <si>
    <t>12/21/2019 14:42:36</t>
  </si>
  <si>
    <t>12/21/2019 14:44:58</t>
  </si>
  <si>
    <t>12/21/2019 14:40:23</t>
  </si>
  <si>
    <t>12/21/2019 14:45:57</t>
  </si>
  <si>
    <t>47a13c9e-d8cf-428d-b240-b762bd37b13d.tmp</t>
  </si>
  <si>
    <t>\\acsfs\profiles$\erichds\Downloads\47a13c9e-d8cf-428d-b240-b762bd37b13d.tmp</t>
  </si>
  <si>
    <t>12/21/2019 14:40:46</t>
  </si>
  <si>
    <t>a3598067-3627-4bda-b630-2a4083df20bf.tmp</t>
  </si>
  <si>
    <t>\\acsfs\profiles$\erichds\Downloads\a3598067-3627-4bda-b630-2a4083df20bf.tmp</t>
  </si>
  <si>
    <t>12/21/2019 14:45:27</t>
  </si>
  <si>
    <t>12/21/2019 14:47:58</t>
  </si>
  <si>
    <t>12/21/2019 14:45:28</t>
  </si>
  <si>
    <t>lu11484wzce8.tmp</t>
  </si>
  <si>
    <t>\\acsfs\profiles$\dhiulliananads\My Documents\lu11484wzce8.tmp</t>
  </si>
  <si>
    <t>\\acsfs\profiles$\dhiulliananads\My Documents\lu11484wzce8.tmp\</t>
  </si>
  <si>
    <t>\\acsfs\profiles$\dhiulliananads\My Documents\lu11484wzce8.tmp\META-INF\</t>
  </si>
  <si>
    <t>\\acsfs\profiles$\dhiulliananads\My Documents\lu11484wzce8.tmp\Thumbnails\</t>
  </si>
  <si>
    <t>12/21/2019 14:49:45</t>
  </si>
  <si>
    <t>12/21/2019 14:50:58</t>
  </si>
  <si>
    <t>3154f1b5-41a4-44ef-bdb9-d33651e29142.tmp</t>
  </si>
  <si>
    <t>\\acsfs\profiles$\erichds\Downloads\3154f1b5-41a4-44ef-bdb9-d33651e29142.tmp</t>
  </si>
  <si>
    <t>12/21/2019 14:54:04</t>
  </si>
  <si>
    <t>12/21/2019 14:57:58</t>
  </si>
  <si>
    <t>12/21/2019 14:57:21</t>
  </si>
  <si>
    <t>12/21/2019 14:58:58</t>
  </si>
  <si>
    <t>12/21/2019 15:03:06</t>
  </si>
  <si>
    <t>12/21/2019 15:03:58</t>
  </si>
  <si>
    <t>12/21/2019 15:27:08</t>
  </si>
  <si>
    <t>12/21/2019 15:31:57</t>
  </si>
  <si>
    <t>12/21/2019 15:32:20</t>
  </si>
  <si>
    <t>12/21/2019 15:36:58</t>
  </si>
  <si>
    <t>12/21/2019 15:39:59</t>
  </si>
  <si>
    <t>12/21/2019 15:37:42</t>
  </si>
  <si>
    <t>https://udpwfmniceap02/web/guest/home?p_auth=zrw9q4gu&amp;p_p_id=58&amp;p_p_lifecycle=1&amp;p_p_state=maximized&amp;p_p_mode=view&amp;savelastpath=0&amp;_58_struts_action=/login/forgot_password</t>
  </si>
  <si>
    <t>12/21/2019 15:38:52</t>
  </si>
  <si>
    <t>12/21/2019 15:39:02</t>
  </si>
  <si>
    <t>12/21/2019 15:39:13</t>
  </si>
  <si>
    <t>12/21/2019 15:44:59</t>
  </si>
  <si>
    <t>12/21/2019 15:50:25</t>
  </si>
  <si>
    <t>12/21/2019 15:52:59</t>
  </si>
  <si>
    <t>12/21/2019 16:06:08</t>
  </si>
  <si>
    <t>12/21/2019 16:07:59</t>
  </si>
  <si>
    <t>12/21/2019 16:08:01</t>
  </si>
  <si>
    <t>12/21/2019 16:12:59</t>
  </si>
  <si>
    <t>12/21/2019 16:12:05</t>
  </si>
  <si>
    <t>12/21/2019 16:13:12</t>
  </si>
  <si>
    <t>12/21/2019 16:17:58</t>
  </si>
  <si>
    <t>12/21/2019 16:17:21</t>
  </si>
  <si>
    <t>12/21/2019 16:19:58</t>
  </si>
  <si>
    <t>12/21/2019 16:20:08</t>
  </si>
  <si>
    <t>12/21/2019 16:23:58</t>
  </si>
  <si>
    <t>12/21/2019 16:28:43</t>
  </si>
  <si>
    <t>12/21/2019 16:29:58</t>
  </si>
  <si>
    <t>12/21/2019 16:29:57</t>
  </si>
  <si>
    <t>12/21/2019 16:30:58</t>
  </si>
  <si>
    <t>12/21/2019 16:29:49</t>
  </si>
  <si>
    <t>12/21/2019 16:34:58</t>
  </si>
  <si>
    <t>12/21/2019 16:37:00</t>
  </si>
  <si>
    <t>12/21/2019 16:40:58</t>
  </si>
  <si>
    <t>689d58be-0790-4188-8b2f-3d9012fdaf19.tmp</t>
  </si>
  <si>
    <t>\\acsfs\profiles$\erichds\Downloads\689d58be-0790-4188-8b2f-3d9012fdaf19.tmp</t>
  </si>
  <si>
    <t>12/21/2019 16:39:40</t>
  </si>
  <si>
    <t>12/21/2019 16:41:59</t>
  </si>
  <si>
    <t>12/21/2019 16:50:40</t>
  </si>
  <si>
    <t>12/21/2019 16:53:58</t>
  </si>
  <si>
    <t>12/21/2019 16:54:06</t>
  </si>
  <si>
    <t>12/21/2019 16:57:58</t>
  </si>
  <si>
    <t>12/21/2019 17:03:56</t>
  </si>
  <si>
    <t>12/21/2019 17:05:58</t>
  </si>
  <si>
    <t>12/21/2019 17:10:06</t>
  </si>
  <si>
    <t>12/21/2019 17:12:58</t>
  </si>
  <si>
    <t>12/21/2019 17:10:33</t>
  </si>
  <si>
    <t>12/21/2019 17:15:58</t>
  </si>
  <si>
    <t>89278cab-90e3-45e5-b518-3c65bc84a21c.tmp</t>
  </si>
  <si>
    <t>\\acsfs\profiles$\erichds\Downloads\89278cab-90e3-45e5-b518-3c65bc84a21c.tmp</t>
  </si>
  <si>
    <t>12/21/2019 17:28:38</t>
  </si>
  <si>
    <t>12/21/2019 17:29:58</t>
  </si>
  <si>
    <t>12/21/2019 17:31:27</t>
  </si>
  <si>
    <t>12/21/2019 17:32:58</t>
  </si>
  <si>
    <t>12/21/2019 17:34:06</t>
  </si>
  <si>
    <t>12/21/2019 17:37:58</t>
  </si>
  <si>
    <t>12/21/2019 17:35:15</t>
  </si>
  <si>
    <t>12/21/2019 17:41:32</t>
  </si>
  <si>
    <t>12/21/2019 17:42:57</t>
  </si>
  <si>
    <t>12/21/2019 17:43:10</t>
  </si>
  <si>
    <t>12/21/2019 17:44:58</t>
  </si>
  <si>
    <t>12/21/2019 17:46:37</t>
  </si>
  <si>
    <t>12/21/2019 17:46:58</t>
  </si>
  <si>
    <t>12/21/2019 17:45:33</t>
  </si>
  <si>
    <t>12/21/2019 17:49:57</t>
  </si>
  <si>
    <t>12/21/2019 17:52:19</t>
  </si>
  <si>
    <t>12/21/2019 17:52:58</t>
  </si>
  <si>
    <t>12/21/2019 17:52:22</t>
  </si>
  <si>
    <t>12/21/2019 17:54:57</t>
  </si>
  <si>
    <t>12/21/2019 17:55:22</t>
  </si>
  <si>
    <t>12/21/2019 17:59:57</t>
  </si>
  <si>
    <t>12/21/2019 18:03:19</t>
  </si>
  <si>
    <t>12/21/2019 18:03:58</t>
  </si>
  <si>
    <t>12/21/2019 18:00:24</t>
  </si>
  <si>
    <t>12/21/2019 18:04:58</t>
  </si>
  <si>
    <t>12/21/2019 18:07:44</t>
  </si>
  <si>
    <t>12/21/2019 18:09:58</t>
  </si>
  <si>
    <t>12/21/2019 18:10:35</t>
  </si>
  <si>
    <t>12/21/2019 18:14:58</t>
  </si>
  <si>
    <t>12/21/2019 18:14:25</t>
  </si>
  <si>
    <t>12/21/2019 18:15:58</t>
  </si>
  <si>
    <t>12/21/2019 18:15:24</t>
  </si>
  <si>
    <t>12/21/2019 18:17:58</t>
  </si>
  <si>
    <t>12/21/2019 18:21:01</t>
  </si>
  <si>
    <t>12/21/2019 18:25:58</t>
  </si>
  <si>
    <t>79269d23-0901-4169-85af-ebfcb7811d33.tmp</t>
  </si>
  <si>
    <t>\\acsfs\profiles$\erichds\Downloads\79269d23-0901-4169-85af-ebfcb7811d33.tmp</t>
  </si>
  <si>
    <t>12/21/2019 18:37:28</t>
  </si>
  <si>
    <t>12/21/2019 18:37:59</t>
  </si>
  <si>
    <t>12/21/2019 18:34:51</t>
  </si>
  <si>
    <t>12/21/2019 18:38:59</t>
  </si>
  <si>
    <t>12/21/2019 19:02:18</t>
  </si>
  <si>
    <t>12/21/2019 19:05:00</t>
  </si>
  <si>
    <t>12/21/2019 19:00:01</t>
  </si>
  <si>
    <t>12/21/2019 19:09:08</t>
  </si>
  <si>
    <t>12/21/2019 19:13:59</t>
  </si>
  <si>
    <t>12/21/2019 19:23:20</t>
  </si>
  <si>
    <t>12/21/2019 19:23:59</t>
  </si>
  <si>
    <t>12/21/2019 19:23:25</t>
  </si>
  <si>
    <t>12/21/2019 19:27:58</t>
  </si>
  <si>
    <t>12/21/2019 19:35:20</t>
  </si>
  <si>
    <t>12/21/2019 19:39:59</t>
  </si>
  <si>
    <t>12/21/2019 19:42:20</t>
  </si>
  <si>
    <t>12/21/2019 19:47:59</t>
  </si>
  <si>
    <t>12/21/2019 19:50:09</t>
  </si>
  <si>
    <t>12/21/2019 19:53:59</t>
  </si>
  <si>
    <t>12/21/2019 19:52:22</t>
  </si>
  <si>
    <t>12/21/2019 19:54:59</t>
  </si>
  <si>
    <t>12/21/2019 19:55:12</t>
  </si>
  <si>
    <t>12/21/2019 19:58:59</t>
  </si>
  <si>
    <t>12/21/2019 19:57:41</t>
  </si>
  <si>
    <t>12/21/2019 20:01:00</t>
  </si>
  <si>
    <t>9fa18ef5-34c6-4287-ae26-d8219a046f89.tmp</t>
  </si>
  <si>
    <t>\\acsfs\profiles$\erichds\Downloads\9fa18ef5-34c6-4287-ae26-d8219a046f89.tmp</t>
  </si>
  <si>
    <t>12/21/2019 19:56:27</t>
  </si>
  <si>
    <t>12/21/2019 20:02:00</t>
  </si>
  <si>
    <t>12/21/2019 19:58:20</t>
  </si>
  <si>
    <t>12/21/2019 20:02:59</t>
  </si>
  <si>
    <t>12/21/2019 20:03:23</t>
  </si>
  <si>
    <t>12/21/2019 20:06:59</t>
  </si>
  <si>
    <t>12/21/2019 20:08:57</t>
  </si>
  <si>
    <t>12/21/2019 20:09:00</t>
  </si>
  <si>
    <t>12/21/2019 20:15:48</t>
  </si>
  <si>
    <t>12/21/2019 20:18:01</t>
  </si>
  <si>
    <t>12/21/2019 20:20:12</t>
  </si>
  <si>
    <t>12/21/2019 20:23:01</t>
  </si>
  <si>
    <t>12/21/2019 20:29:42</t>
  </si>
  <si>
    <t>12/21/2019 20:33:02</t>
  </si>
  <si>
    <t>12/21/2019 20:30:39</t>
  </si>
  <si>
    <t>12/21/2019 20:35:02</t>
  </si>
  <si>
    <t>12/21/2019 20:43:25</t>
  </si>
  <si>
    <t>12/21/2019 20:44:01</t>
  </si>
  <si>
    <t>12/21/2019 20:47:42</t>
  </si>
  <si>
    <t>12/21/2019 20:50:01</t>
  </si>
  <si>
    <t>12/21/2019 20:52:19</t>
  </si>
  <si>
    <t>12/21/2019 20:55:01</t>
  </si>
  <si>
    <t>12/21/2019 20:59:45</t>
  </si>
  <si>
    <t>12/21/2019 21:02:00</t>
  </si>
  <si>
    <t>12/21/2019 20:59:48</t>
  </si>
  <si>
    <t>12/21/2019 21:05:00</t>
  </si>
  <si>
    <t>12/21/2019 21:05:21</t>
  </si>
  <si>
    <t>12/21/2019 21:07:00</t>
  </si>
  <si>
    <t>12/21/2019 21:08:58</t>
  </si>
  <si>
    <t>12/21/2019 21:11:00</t>
  </si>
  <si>
    <t>12/21/2019 21:12:26</t>
  </si>
  <si>
    <t>12/21/2019 21:17:00</t>
  </si>
  <si>
    <t>12/21/2019 21:16:48</t>
  </si>
  <si>
    <t>12/21/2019 21:19:00</t>
  </si>
  <si>
    <t>12/21/2019 21:19:28</t>
  </si>
  <si>
    <t>12/21/2019 21:22:00</t>
  </si>
  <si>
    <t>12/21/2019 21:27:01</t>
  </si>
  <si>
    <t>12/21/2019 21:29:00</t>
  </si>
  <si>
    <t>12/21/2019 21:27:46</t>
  </si>
  <si>
    <t>12/21/2019 21:30:00</t>
  </si>
  <si>
    <t>12/21/2019 21:48:10</t>
  </si>
  <si>
    <t>12/21/2019 21:51:00</t>
  </si>
  <si>
    <t>12/21/2019 21:51:51</t>
  </si>
  <si>
    <t>12/21/2019 21:52:59</t>
  </si>
  <si>
    <t>12/21/2019 21:50:11</t>
  </si>
  <si>
    <t>12/21/2019 21:51:30</t>
  </si>
  <si>
    <t>12/21/2019 21:54:00</t>
  </si>
  <si>
    <t>12/21/2019 21:54:04</t>
  </si>
  <si>
    <t>12/21/2019 21:55:59</t>
  </si>
  <si>
    <t>12/21/2019 21:51:40</t>
  </si>
  <si>
    <t>12/21/2019 21:56:59</t>
  </si>
  <si>
    <t>12/21/2019 22:23:29</t>
  </si>
  <si>
    <t>12/21/2019 22:24:00</t>
  </si>
  <si>
    <t>12/21/2019 22:31:04</t>
  </si>
  <si>
    <t>12/21/2019 22:34:59</t>
  </si>
  <si>
    <t>12/21/2019 22:39:29</t>
  </si>
  <si>
    <t>12/21/2019 22:45:00</t>
  </si>
  <si>
    <t>12/21/2019 22:44:33</t>
  </si>
  <si>
    <t>12/21/2019 22:50:00</t>
  </si>
  <si>
    <t>12/21/2019 22:51:31</t>
  </si>
  <si>
    <t>12/21/2019 22:54:01</t>
  </si>
  <si>
    <t>12/21/2019 22:55:01</t>
  </si>
  <si>
    <t>12/21/2019 23:00:01</t>
  </si>
  <si>
    <t>12/21/2019 22:58:11</t>
  </si>
  <si>
    <t>12/21/2019 23:03:01</t>
  </si>
  <si>
    <t>12/21/2019 23:03:15</t>
  </si>
  <si>
    <t>12/21/2019 23:06:00</t>
  </si>
  <si>
    <t>12/21/2019 23:36:51</t>
  </si>
  <si>
    <t>12/21/2019 23:42:01</t>
  </si>
  <si>
    <t>12/21/2019 23:45:57</t>
  </si>
  <si>
    <t>12/21/2019 23:49:02</t>
  </si>
  <si>
    <t>12/21/2019 23:56:26</t>
  </si>
  <si>
    <t>12/21/2019 23:59:02</t>
  </si>
  <si>
    <t>12/21/2019 23:57:41</t>
  </si>
  <si>
    <t>12/22/2019 00:00:02</t>
  </si>
  <si>
    <t>12/21/2019 23:58:35</t>
  </si>
  <si>
    <t>12/22/2019 00:01:28</t>
  </si>
  <si>
    <t>12/22/2019 00:03:01</t>
  </si>
  <si>
    <t>12/22/2019 00:01:10</t>
  </si>
  <si>
    <t>12/22/2019 00:05:01</t>
  </si>
  <si>
    <t>12/22/2019 00:02:27</t>
  </si>
  <si>
    <t>12/22/2019 00:07:01</t>
  </si>
  <si>
    <t>12/22/2019 00:05:49</t>
  </si>
  <si>
    <t>12/22/2019 00:08:02</t>
  </si>
  <si>
    <t>12/22/2019 00:06:59</t>
  </si>
  <si>
    <t>12/22/2019 00:09:01</t>
  </si>
  <si>
    <t>12/22/2019 00:07:14</t>
  </si>
  <si>
    <t>12/22/2019 00:07:57</t>
  </si>
  <si>
    <t>12/22/2019 00:10:01</t>
  </si>
  <si>
    <t>12/22/2019 00:08:14</t>
  </si>
  <si>
    <t>12/22/2019 00:11:01</t>
  </si>
  <si>
    <t>12/22/2019 00:10:39</t>
  </si>
  <si>
    <t>12/22/2019 00:12:01</t>
  </si>
  <si>
    <t>12/22/2019 00:09:50</t>
  </si>
  <si>
    <t>12/22/2019 00:14:01</t>
  </si>
  <si>
    <t>12/22/2019 00:13:14</t>
  </si>
  <si>
    <t>12/22/2019 00:12:30</t>
  </si>
  <si>
    <t>12/22/2019 00:15:01</t>
  </si>
  <si>
    <t>12/22/2019 00:13:06</t>
  </si>
  <si>
    <t>12/22/2019 00:16:01</t>
  </si>
  <si>
    <t>12/22/2019 00:15:19</t>
  </si>
  <si>
    <t>12/22/2019 00:18:01</t>
  </si>
  <si>
    <t>12/22/2019 00:12:38</t>
  </si>
  <si>
    <t>12/22/2019 00:14:36</t>
  </si>
  <si>
    <t>12/22/2019 00:20:01</t>
  </si>
  <si>
    <t>12/22/2019 00:30:20</t>
  </si>
  <si>
    <t>12/22/2019 00:33:00</t>
  </si>
  <si>
    <t>12/22/2019 00:40:00</t>
  </si>
  <si>
    <t>12/22/2019 00:43:02</t>
  </si>
  <si>
    <t>12/22/2019 00:40:11</t>
  </si>
  <si>
    <t>12/22/2019 00:44:02</t>
  </si>
  <si>
    <t>12/22/2019 01:06:34</t>
  </si>
  <si>
    <t>12/22/2019 01:14:03</t>
  </si>
  <si>
    <t>12/22/2019 01:15:03</t>
  </si>
  <si>
    <t>12/22/2019 01:16:46</t>
  </si>
  <si>
    <t>12/22/2019 01:18:03</t>
  </si>
  <si>
    <t>12/22/2019 01:18:00</t>
  </si>
  <si>
    <t>12/22/2019 01:20:03</t>
  </si>
  <si>
    <t>12/22/2019 01:17:28</t>
  </si>
  <si>
    <t>12/22/2019 01:16:26</t>
  </si>
  <si>
    <t>12/22/2019 01:21:03</t>
  </si>
  <si>
    <t>12/22/2019 01:32:41</t>
  </si>
  <si>
    <t>12/22/2019 01:35:04</t>
  </si>
  <si>
    <t>12/22/2019 01:34:44</t>
  </si>
  <si>
    <t>12/22/2019 01:39:04</t>
  </si>
  <si>
    <t>12/22/2019 01:38:45</t>
  </si>
  <si>
    <t>12/22/2019 01:40:03</t>
  </si>
  <si>
    <t>12/22/2019 01:38:51</t>
  </si>
  <si>
    <t>12/22/2019 01:42:03</t>
  </si>
  <si>
    <t>12/22/2019 01:39:38</t>
  </si>
  <si>
    <t>12/22/2019 01:43:04</t>
  </si>
  <si>
    <t>12/22/2019 01:55:21</t>
  </si>
  <si>
    <t>12/22/2019 01:58:05</t>
  </si>
  <si>
    <t>12/22/2019 01:59:34</t>
  </si>
  <si>
    <t>12/22/2019 02:03:04</t>
  </si>
  <si>
    <t>12/22/2019 02:06:31</t>
  </si>
  <si>
    <t>12/22/2019 02:08:03</t>
  </si>
  <si>
    <t>12/22/2019 02:14:06</t>
  </si>
  <si>
    <t>12/22/2019 02:18:04</t>
  </si>
  <si>
    <t>12/22/2019 02:17:51</t>
  </si>
  <si>
    <t>12/22/2019 02:19:04</t>
  </si>
  <si>
    <t>12/22/2019 02:15:47</t>
  </si>
  <si>
    <t>12/22/2019 02:20:04</t>
  </si>
  <si>
    <t>12/22/2019 02:15:57</t>
  </si>
  <si>
    <t>12/22/2019 02:23:51</t>
  </si>
  <si>
    <t>12/22/2019 02:24:04</t>
  </si>
  <si>
    <t>12/22/2019 02:27:29</t>
  </si>
  <si>
    <t>12/22/2019 02:32:04</t>
  </si>
  <si>
    <t>12/22/2019 02:32:49</t>
  </si>
  <si>
    <t>12/22/2019 02:35:04</t>
  </si>
  <si>
    <t>12/22/2019 02:47:18</t>
  </si>
  <si>
    <t>12/22/2019 02:48:03</t>
  </si>
  <si>
    <t>12/22/2019 02:47:20</t>
  </si>
  <si>
    <t>12/22/2019 02:52:03</t>
  </si>
  <si>
    <t>12/22/2019 02:57:05</t>
  </si>
  <si>
    <t>12/22/2019 02:59:02</t>
  </si>
  <si>
    <t>12/22/2019 02:57:13</t>
  </si>
  <si>
    <t>12/22/2019 03:00:02</t>
  </si>
  <si>
    <t>12/22/2019 02:59:47</t>
  </si>
  <si>
    <t>12/22/2019 03:02:03</t>
  </si>
  <si>
    <t>12/22/2019 02:58:27</t>
  </si>
  <si>
    <t>12/22/2019 03:01:57</t>
  </si>
  <si>
    <t>12/22/2019 03:05:02</t>
  </si>
  <si>
    <t>12/22/2019 03:07:27</t>
  </si>
  <si>
    <t>12/22/2019 03:09:03</t>
  </si>
  <si>
    <t>12/22/2019 03:09:01</t>
  </si>
  <si>
    <t>12/22/2019 03:10:02</t>
  </si>
  <si>
    <t>12/22/2019 03:08:57</t>
  </si>
  <si>
    <t>12/22/2019 03:11:03</t>
  </si>
  <si>
    <t>12/22/2019 03:12:54</t>
  </si>
  <si>
    <t>12/22/2019 03:15:02</t>
  </si>
  <si>
    <t>12/22/2019 03:14:54</t>
  </si>
  <si>
    <t>12/22/2019 03:20:03</t>
  </si>
  <si>
    <t>12/22/2019 03:15:39</t>
  </si>
  <si>
    <t>12/22/2019 03:21:02</t>
  </si>
  <si>
    <t>12/22/2019 03:19:27</t>
  </si>
  <si>
    <t>12/22/2019 03:22:03</t>
  </si>
  <si>
    <t>12/22/2019 03:24:17</t>
  </si>
  <si>
    <t>12/22/2019 03:25:03</t>
  </si>
  <si>
    <t>12/22/2019 03:25:19</t>
  </si>
  <si>
    <t>12/22/2019 03:30:03</t>
  </si>
  <si>
    <t>12/22/2019 03:27:45</t>
  </si>
  <si>
    <t>12/22/2019 03:30:27</t>
  </si>
  <si>
    <t>12/22/2019 03:32:03</t>
  </si>
  <si>
    <t>12/22/2019 03:38:29</t>
  </si>
  <si>
    <t>12/22/2019 03:43:03</t>
  </si>
  <si>
    <t>12/22/2019 03:42:17</t>
  </si>
  <si>
    <t>12/22/2019 03:44:02</t>
  </si>
  <si>
    <t>12/22/2019 03:41:22</t>
  </si>
  <si>
    <t>12/22/2019 03:45:03</t>
  </si>
  <si>
    <t>12/22/2019 03:46:09</t>
  </si>
  <si>
    <t>12/22/2019 03:47:03</t>
  </si>
  <si>
    <t>12/22/2019 03:43:56</t>
  </si>
  <si>
    <t>12/22/2019 03:49:03</t>
  </si>
  <si>
    <t>12/22/2019 03:46:45</t>
  </si>
  <si>
    <t>12/22/2019 03:48:20</t>
  </si>
  <si>
    <t>12/22/2019 03:53:03</t>
  </si>
  <si>
    <t>12/22/2019 03:51:29</t>
  </si>
  <si>
    <t>12/22/2019 03:54:02</t>
  </si>
  <si>
    <t>12/22/2019 03:50:52</t>
  </si>
  <si>
    <t>12/22/2019 03:55:03</t>
  </si>
  <si>
    <t>12/22/2019 03:56:26</t>
  </si>
  <si>
    <t>12/22/2019 03:59:03</t>
  </si>
  <si>
    <t>12/22/2019 03:57:00</t>
  </si>
  <si>
    <t>12/22/2019 04:05:02</t>
  </si>
  <si>
    <t>12/22/2019 04:09:03</t>
  </si>
  <si>
    <t>12/22/2019 04:13:04</t>
  </si>
  <si>
    <t>12/22/2019 04:16:03</t>
  </si>
  <si>
    <t>12/22/2019 04:12:59</t>
  </si>
  <si>
    <t>12/22/2019 04:18:03</t>
  </si>
  <si>
    <t>12/22/2019 04:17:43</t>
  </si>
  <si>
    <t>12/22/2019 04:20:03</t>
  </si>
  <si>
    <t>12/22/2019 04:24:17</t>
  </si>
  <si>
    <t>12/22/2019 04:30:03</t>
  </si>
  <si>
    <t>12/22/2019 04:44:17</t>
  </si>
  <si>
    <t>12/22/2019 04:49:04</t>
  </si>
  <si>
    <t>12/22/2019 04:51:09</t>
  </si>
  <si>
    <t>12/22/2019 04:54:03</t>
  </si>
  <si>
    <t>12/22/2019 04:49:48</t>
  </si>
  <si>
    <t>12/22/2019 04:56:24</t>
  </si>
  <si>
    <t>12/22/2019 04:59:04</t>
  </si>
  <si>
    <t>12/22/2019 04:59:18</t>
  </si>
  <si>
    <t>12/22/2019 05:05:04</t>
  </si>
  <si>
    <t>12/22/2019 05:01:58</t>
  </si>
  <si>
    <t>12/22/2019 05:10:27</t>
  </si>
  <si>
    <t>12/22/2019 05:12:05</t>
  </si>
  <si>
    <t>12/22/2019 05:24:16</t>
  </si>
  <si>
    <t>12/22/2019 05:25:06</t>
  </si>
  <si>
    <t>12/22/2019 05:35:07</t>
  </si>
  <si>
    <t>12/22/2019 05:38:05</t>
  </si>
  <si>
    <t>12/22/2019 05:38:22</t>
  </si>
  <si>
    <t>12/22/2019 05:40:05</t>
  </si>
  <si>
    <t>12/22/2019 05:40:11</t>
  </si>
  <si>
    <t>12/22/2019 05:43:04</t>
  </si>
  <si>
    <t>12/22/2019 05:45:35</t>
  </si>
  <si>
    <t>12/22/2019 05:51:04</t>
  </si>
  <si>
    <t>12/22/2019 05:58:43</t>
  </si>
  <si>
    <t>12/22/2019 06:00:04</t>
  </si>
  <si>
    <t>12/22/2019 06:01:10</t>
  </si>
  <si>
    <t>12/22/2019 06:05:04</t>
  </si>
  <si>
    <t>12/22/2019 06:14:41</t>
  </si>
  <si>
    <t>12/22/2019 06:18:05</t>
  </si>
  <si>
    <t>12/22/2019 06:20:03</t>
  </si>
  <si>
    <t>12/22/2019 06:24:04</t>
  </si>
  <si>
    <t>12/22/2019 06:36:27</t>
  </si>
  <si>
    <t>12/22/2019 06:40:05</t>
  </si>
  <si>
    <t>12/22/2019 06:39:11</t>
  </si>
  <si>
    <t>12/22/2019 06:41:04</t>
  </si>
  <si>
    <t>12/22/2019 06:46:11</t>
  </si>
  <si>
    <t>12/22/2019 06:48:04</t>
  </si>
  <si>
    <t>12/22/2019 06:46:09</t>
  </si>
  <si>
    <t>12/22/2019 06:50:04</t>
  </si>
  <si>
    <t>12/22/2019 06:49:35</t>
  </si>
  <si>
    <t>12/22/2019 06:55:04</t>
  </si>
  <si>
    <t>12/22/2019 07:02:42</t>
  </si>
  <si>
    <t>12/22/2019 07:05:04</t>
  </si>
  <si>
    <t>12/22/2019 07:17:16</t>
  </si>
  <si>
    <t>12/22/2019 07:22:05</t>
  </si>
  <si>
    <t>12/22/2019 07:22:09</t>
  </si>
  <si>
    <t>12/22/2019 07:25:05</t>
  </si>
  <si>
    <t>12/22/2019 07:27:03</t>
  </si>
  <si>
    <t>12/22/2019 07:29:05</t>
  </si>
  <si>
    <t>12/22/2019 07:29:35</t>
  </si>
  <si>
    <t>12/22/2019 07:34:05</t>
  </si>
  <si>
    <t>12/22/2019 07:46:11</t>
  </si>
  <si>
    <t>12/22/2019 07:47:04</t>
  </si>
  <si>
    <t>12/22/2019 07:59:35</t>
  </si>
  <si>
    <t>12/22/2019 08:03:04</t>
  </si>
  <si>
    <t>12/21/2019 14:39:50</t>
  </si>
  <si>
    <t>12/22/2019 08:04:05</t>
  </si>
  <si>
    <t>12/22/2019 08:04:09</t>
  </si>
  <si>
    <t>12/22/2019 08:09:05</t>
  </si>
  <si>
    <t>670419ac-d762-454d-b063-55f18496a9ee.tmp</t>
  </si>
  <si>
    <t>\\acsfs\profiles$\quindaizaagds\Downloads\670419ac-d762-454d-b063-55f18496a9ee.tmp</t>
  </si>
  <si>
    <t>12/22/2019 08:04:16</t>
  </si>
  <si>
    <t>6864b32f-5557-4a47-b77c-f9f6db0374bc.tmp</t>
  </si>
  <si>
    <t>\\acsfs\profiles$\quindaizaagds\Downloads\6864b32f-5557-4a47-b77c-f9f6db0374bc.tmp</t>
  </si>
  <si>
    <t>12/22/2019 08:05:16</t>
  </si>
  <si>
    <t>12/22/2019 08:05:42</t>
  </si>
  <si>
    <t>3ad2fa56-1fa5-4926-9052-0e8a6333949a.tmp</t>
  </si>
  <si>
    <t>\\acsfs\profiles$\quindaizaagds\Downloads\3ad2fa56-1fa5-4926-9052-0e8a6333949a.tmp</t>
  </si>
  <si>
    <t>12/22/2019 08:07:40</t>
  </si>
  <si>
    <t>5dab2bb7-a68a-4d19-a844-f6e6fe472420.tmp</t>
  </si>
  <si>
    <t>\\acsfs\profiles$\quindaizaagds\Downloads\5dab2bb7-a68a-4d19-a844-f6e6fe472420.tmp</t>
  </si>
  <si>
    <t>12/22/2019 08:07:41</t>
  </si>
  <si>
    <t>513a35d8-22d9-4c67-adbd-22fc54488616.tmp</t>
  </si>
  <si>
    <t>\\acsfs\profiles$\quindaizaagds\Downloads\513a35d8-22d9-4c67-adbd-22fc54488616.tmp</t>
  </si>
  <si>
    <t>12/22/2019 08:06:12</t>
  </si>
  <si>
    <t>12/22/2019 08:10:04</t>
  </si>
  <si>
    <t>12/22/2019 08:09:00</t>
  </si>
  <si>
    <t>12/22/2019 08:15:43</t>
  </si>
  <si>
    <t>12/22/2019 08:19:05</t>
  </si>
  <si>
    <t>da3b997d-81b4-440b-9309-f69a222bcc44.tmp</t>
  </si>
  <si>
    <t>\\acsfs\profiles$\quindaizaagds\Downloads\da3b997d-81b4-440b-9309-f69a222bcc44.tmp</t>
  </si>
  <si>
    <t>12/22/2019 08:18:10</t>
  </si>
  <si>
    <t>12/22/2019 08:18:50</t>
  </si>
  <si>
    <t>12/22/2019 08:23:05</t>
  </si>
  <si>
    <t>12/22/2019 08:22:23</t>
  </si>
  <si>
    <t>929836e8-9420-4820-9ddb-b5b2cc4a2c45.tmp</t>
  </si>
  <si>
    <t>\\acsfs\profiles$\YASMINSC\Downloads\929836e8-9420-4820-9ddb-b5b2cc4a2c45.tmp</t>
  </si>
  <si>
    <t>12/22/2019 08:21:15</t>
  </si>
  <si>
    <t>12/22/2019 08:24:05</t>
  </si>
  <si>
    <t>12/22/2019 08:22:16</t>
  </si>
  <si>
    <t>12/22/2019 08:23:50</t>
  </si>
  <si>
    <t>12/22/2019 08:28:05</t>
  </si>
  <si>
    <t>c7395fce-5fd5-457c-9b11-3af39d99635e.tmp</t>
  </si>
  <si>
    <t>\\acsfs\profiles$\YASMINSC\Downloads\c7395fce-5fd5-457c-9b11-3af39d99635e.tmp</t>
  </si>
  <si>
    <t>12/22/2019 08:33:32</t>
  </si>
  <si>
    <t>12/22/2019 08:35:05</t>
  </si>
  <si>
    <t>12/22/2019 08:30:41</t>
  </si>
  <si>
    <t>12/22/2019 08:36:06</t>
  </si>
  <si>
    <t>12/22/2019 08:34:41</t>
  </si>
  <si>
    <t>221f5b33-b0d7-4b3b-b364-6a2c76d9283f.tmp</t>
  </si>
  <si>
    <t>\\acsfs\profiles$\nataliacsl\Downloads\221f5b33-b0d7-4b3b-b364-6a2c76d9283f.tmp</t>
  </si>
  <si>
    <t>12/22/2019 08:33:23</t>
  </si>
  <si>
    <t>12/22/2019 08:38:06</t>
  </si>
  <si>
    <t>12/22/2019 08:36:37</t>
  </si>
  <si>
    <t>12/22/2019 08:41:05</t>
  </si>
  <si>
    <t>abb6d6b0-b9df-42c4-a68d-48acc0455a9e.tmp</t>
  </si>
  <si>
    <t>\\acsfs\profiles$\nataliacsl\Downloads\abb6d6b0-b9df-42c4-a68d-48acc0455a9e.tmp</t>
  </si>
  <si>
    <t>12/22/2019 08:45:46</t>
  </si>
  <si>
    <t>12/22/2019 08:50:05</t>
  </si>
  <si>
    <t>12/22/2019 08:52:37</t>
  </si>
  <si>
    <t>12/22/2019 08:55:05</t>
  </si>
  <si>
    <t>12/22/2019 08:56:55</t>
  </si>
  <si>
    <t>12/22/2019 09:00:05</t>
  </si>
  <si>
    <t>12/22/2019 09:03:15</t>
  </si>
  <si>
    <t>12/22/2019 09:08:06</t>
  </si>
  <si>
    <t>C:\Users\marianadjc\Desktop\</t>
  </si>
  <si>
    <t>INTRA BV CARTÕES.xlsm</t>
  </si>
  <si>
    <t>\\acsfs\DEPTOS\Operacao\PCP\5 - Comum\PLANEJAMENTO BV\23 - EXTRAÇÕES\INTRA BV CARTÕES.xlsm</t>
  </si>
  <si>
    <t>12/22/2019 09:05:16</t>
  </si>
  <si>
    <t>12/22/2019 09:10:06</t>
  </si>
  <si>
    <t>12/22/2019 09:08:19</t>
  </si>
  <si>
    <t>12/22/2019 09:08:58</t>
  </si>
  <si>
    <t>12/22/2019 09:11:06</t>
  </si>
  <si>
    <t>12/22/2019 09:09:05</t>
  </si>
  <si>
    <t>\\acsfs\profiles$\vivianalds\My Documents\My Pictures\</t>
  </si>
  <si>
    <t>\\acsfs\profiles$\vivianalds\My Documents\My Videos\desktop.ini</t>
  </si>
  <si>
    <t>12/22/2019 09:09:12</t>
  </si>
  <si>
    <t>\\acsfs\profiles$\vivianalds\My Documents\My Videos\</t>
  </si>
  <si>
    <t>12/22/2019 09:09:15</t>
  </si>
  <si>
    <t>12/22/2019 09:09:16</t>
  </si>
  <si>
    <t>12/22/2019 09:09:20</t>
  </si>
  <si>
    <t>12/22/2019 09:09:21</t>
  </si>
  <si>
    <t>\\acsfs\profiles$\vivianalds\My Documents\My Music\</t>
  </si>
  <si>
    <t>\\acsfs\profiles$\vivianalds\My Documents\My Pictures\desktop.ini</t>
  </si>
  <si>
    <t>12/22/2019 09:09:22</t>
  </si>
  <si>
    <t>12/22/2019 09:09:23</t>
  </si>
  <si>
    <t>12/22/2019 09:09:24</t>
  </si>
  <si>
    <t>12/22/2019 09:09:26</t>
  </si>
  <si>
    <t>\\acsfs\profiles$\vivianalds\Contacts\</t>
  </si>
  <si>
    <t>\\acsfs\profiles$\vivianalds\Contacts\desktop.ini</t>
  </si>
  <si>
    <t>12/22/2019 09:09:29</t>
  </si>
  <si>
    <t>12/22/2019 09:09:30</t>
  </si>
  <si>
    <t>12/22/2019 09:09:32</t>
  </si>
  <si>
    <t>12/22/2019 09:09:35</t>
  </si>
  <si>
    <t>12/22/2019 09:09:36</t>
  </si>
  <si>
    <t>\\acsfs\profiles$\vivianalds\My Documents\</t>
  </si>
  <si>
    <t>\\acsfs\profiles$\vivianalds\Favorites\desktop.ini</t>
  </si>
  <si>
    <t>12/22/2019 09:09:37</t>
  </si>
  <si>
    <t>12/22/2019 09:09:40</t>
  </si>
  <si>
    <t>12/22/2019 09:09:41</t>
  </si>
  <si>
    <t>12/22/2019 09:09:42</t>
  </si>
  <si>
    <t>12/22/2019 09:09:43</t>
  </si>
  <si>
    <t>12/22/2019 09:09:45</t>
  </si>
  <si>
    <t>\\acsfs\profiles$\vivianalds\My Documents\My Music\desktop.ini</t>
  </si>
  <si>
    <t>12/22/2019 09:09:46</t>
  </si>
  <si>
    <t>12/22/2019 09:09:47</t>
  </si>
  <si>
    <t>12/22/2019 09:09:48</t>
  </si>
  <si>
    <t>12/22/2019 09:09:50</t>
  </si>
  <si>
    <t>12/22/2019 09:09:52</t>
  </si>
  <si>
    <t>\\acsfs\profiles$\vivianalds\Searches\desktop.ini</t>
  </si>
  <si>
    <t>12/22/2019 09:09:53</t>
  </si>
  <si>
    <t>12/22/2019 09:09:54</t>
  </si>
  <si>
    <t>12/22/2019 09:09:55</t>
  </si>
  <si>
    <t>12/22/2019 09:09:57</t>
  </si>
  <si>
    <t>\\acsfs\profiles$\vivianalds\Downloads\desktop.ini</t>
  </si>
  <si>
    <t>12/22/2019 09:09:59</t>
  </si>
  <si>
    <t>\\acsfs\profiles$\vivianalds\Favorites\</t>
  </si>
  <si>
    <t>\\acsfs\profiles$\vivianalds\My Documents\desktop.ini</t>
  </si>
  <si>
    <t>12/22/2019 09:10:00</t>
  </si>
  <si>
    <t>12/22/2019 09:10:01</t>
  </si>
  <si>
    <t>12/22/2019 09:10:02</t>
  </si>
  <si>
    <t>12/22/2019 09:10:03</t>
  </si>
  <si>
    <t>12/22/2019 09:10:05</t>
  </si>
  <si>
    <t>\\acsfs\profiles$\vivianalds\Saved Games\desktop.ini</t>
  </si>
  <si>
    <t>12/22/2019 09:10:07</t>
  </si>
  <si>
    <t>12/22/2019 09:10:47</t>
  </si>
  <si>
    <t>12/22/2019 09:16:06</t>
  </si>
  <si>
    <t>12/22/2019 09:15:30</t>
  </si>
  <si>
    <t>300fa3ff-215b-4e2f-99c1-9056d90a4f83.tmp</t>
  </si>
  <si>
    <t>\\acsfs\profiles$\vivianalds\Downloads\300fa3ff-215b-4e2f-99c1-9056d90a4f83.tmp</t>
  </si>
  <si>
    <t>12/22/2019 09:12:48</t>
  </si>
  <si>
    <t>12/22/2019 09:17:06</t>
  </si>
  <si>
    <t>12/22/2019 09:15:36</t>
  </si>
  <si>
    <t>12/22/2019 09:19:06</t>
  </si>
  <si>
    <t>12/22/2019 09:15:19</t>
  </si>
  <si>
    <t>12/22/2019 09:20:07</t>
  </si>
  <si>
    <t>12/22/2019 09:14:39</t>
  </si>
  <si>
    <t>12/22/2019 09:18:00</t>
  </si>
  <si>
    <t>12/22/2019 09:19:02</t>
  </si>
  <si>
    <t>12/22/2019 09:21:06</t>
  </si>
  <si>
    <t>12/22/2019 09:19:47</t>
  </si>
  <si>
    <t>12/22/2019 09:22:07</t>
  </si>
  <si>
    <t>12/22/2019 09:19:28</t>
  </si>
  <si>
    <t>12/22/2019 09:18:57</t>
  </si>
  <si>
    <t>12/22/2019 09:24:05</t>
  </si>
  <si>
    <t>12/22/2019 09:19:01</t>
  </si>
  <si>
    <t>12/22/2019 09:19:04</t>
  </si>
  <si>
    <t>12/22/2019 09:19:08</t>
  </si>
  <si>
    <t>12/22/2019 09:19:12</t>
  </si>
  <si>
    <t>12/22/2019 09:19:14</t>
  </si>
  <si>
    <t>12/22/2019 09:19:17</t>
  </si>
  <si>
    <t>12/22/2019 09:19:18</t>
  </si>
  <si>
    <t>12/22/2019 09:19:20</t>
  </si>
  <si>
    <t>12/22/2019 09:19:24</t>
  </si>
  <si>
    <t>12/22/2019 09:19:26</t>
  </si>
  <si>
    <t>12/22/2019 09:19:29</t>
  </si>
  <si>
    <t>12/22/2019 09:19:32</t>
  </si>
  <si>
    <t>12/22/2019 09:19:35</t>
  </si>
  <si>
    <t>12/22/2019 09:19:37</t>
  </si>
  <si>
    <t>12/22/2019 09:19:39</t>
  </si>
  <si>
    <t>12/22/2019 09:19:40</t>
  </si>
  <si>
    <t>12/22/2019 09:19:41</t>
  </si>
  <si>
    <t>12/22/2019 09:19:43</t>
  </si>
  <si>
    <t>12/22/2019 09:19:44</t>
  </si>
  <si>
    <t>12/22/2019 09:19:45</t>
  </si>
  <si>
    <t>12/22/2019 09:19:50</t>
  </si>
  <si>
    <t>12/22/2019 09:19:52</t>
  </si>
  <si>
    <t>12/22/2019 09:19:54</t>
  </si>
  <si>
    <t>12/22/2019 09:19:56</t>
  </si>
  <si>
    <t>12/22/2019 09:20:00</t>
  </si>
  <si>
    <t>12/22/2019 09:20:01</t>
  </si>
  <si>
    <t>12/22/2019 09:20:04</t>
  </si>
  <si>
    <t>12/22/2019 09:20:09</t>
  </si>
  <si>
    <t>12/22/2019 09:20:12</t>
  </si>
  <si>
    <t>12/22/2019 09:20:15</t>
  </si>
  <si>
    <t>12/22/2019 09:20:17</t>
  </si>
  <si>
    <t>12/22/2019 09:20:21</t>
  </si>
  <si>
    <t>12/22/2019 09:20:24</t>
  </si>
  <si>
    <t>12/22/2019 09:20:25</t>
  </si>
  <si>
    <t>12/22/2019 09:20:28</t>
  </si>
  <si>
    <t>12/22/2019 09:20:30</t>
  </si>
  <si>
    <t>12/22/2019 09:20:32</t>
  </si>
  <si>
    <t>12/22/2019 09:20:35</t>
  </si>
  <si>
    <t>12/22/2019 09:21:00</t>
  </si>
  <si>
    <t>12/22/2019 09:23:29</t>
  </si>
  <si>
    <t>12/22/2019 09:25:06</t>
  </si>
  <si>
    <t>12/22/2019 09:23:00</t>
  </si>
  <si>
    <t>12/22/2019 09:26:06</t>
  </si>
  <si>
    <t>12/22/2019 09:24:23</t>
  </si>
  <si>
    <t>12/22/2019 09:29:06</t>
  </si>
  <si>
    <t>93bdd607-b685-4266-9b46-85cbd63bc7a2.tmp</t>
  </si>
  <si>
    <t>\\acsfs\profiles$\YASMINSC\Downloads\93bdd607-b685-4266-9b46-85cbd63bc7a2.tmp</t>
  </si>
  <si>
    <t>12/22/2019 09:28:34</t>
  </si>
  <si>
    <t>12/22/2019 09:31:05</t>
  </si>
  <si>
    <t>12/22/2019 09:29:22</t>
  </si>
  <si>
    <t>12/22/2019 09:32:06</t>
  </si>
  <si>
    <t>3c96fe23-2a95-40b0-9c20-1c26a1e1e380.tmp</t>
  </si>
  <si>
    <t>\\acsfs\profiles$\kellzylenneasr\Downloads\3c96fe23-2a95-40b0-9c20-1c26a1e1e380.tmp</t>
  </si>
  <si>
    <t>12/22/2019 09:31:13</t>
  </si>
  <si>
    <t>99b4e741-0b75-4064-8454-341e02efb486.tmp</t>
  </si>
  <si>
    <t>\\acsfs\profiles$\kellzylenneasr\Downloads\99b4e741-0b75-4064-8454-341e02efb486.tmp</t>
  </si>
  <si>
    <t>12/22/2019 09:33:50</t>
  </si>
  <si>
    <t>12/22/2019 09:36:06</t>
  </si>
  <si>
    <t>12/22/2019 09:36:32</t>
  </si>
  <si>
    <t>12/22/2019 09:39:06</t>
  </si>
  <si>
    <t>12/22/2019 09:39:13</t>
  </si>
  <si>
    <t>12/22/2019 09:43:06</t>
  </si>
  <si>
    <t>12/22/2019 09:39:34</t>
  </si>
  <si>
    <t>12/22/2019 09:44:06</t>
  </si>
  <si>
    <t>12/22/2019 09:41:43</t>
  </si>
  <si>
    <t>ebead860-ab00-4e02-9f01-615e0020a792.tmp</t>
  </si>
  <si>
    <t>\\acsfs\profiles$\YASMINSC\Downloads\ebead860-ab00-4e02-9f01-615e0020a792.tmp</t>
  </si>
  <si>
    <t>12/22/2019 09:46:45</t>
  </si>
  <si>
    <t>12/22/2019 09:49:07</t>
  </si>
  <si>
    <t>12/22/2019 09:50:31</t>
  </si>
  <si>
    <t>12/22/2019 09:53:06</t>
  </si>
  <si>
    <t>12/22/2019 09:51:31</t>
  </si>
  <si>
    <t>12/22/2019 09:54:06</t>
  </si>
  <si>
    <t>12/22/2019 09:55:20</t>
  </si>
  <si>
    <t>12/22/2019 09:58:06</t>
  </si>
  <si>
    <t>12/22/2019 09:58:13</t>
  </si>
  <si>
    <t>12/22/2019 09:59:06</t>
  </si>
  <si>
    <t>12/22/2019 10:06:02</t>
  </si>
  <si>
    <t>12/22/2019 10:07:05</t>
  </si>
  <si>
    <t>12/22/2019 10:07:55</t>
  </si>
  <si>
    <t>12/22/2019 10:12:06</t>
  </si>
  <si>
    <t>23ecbb5c-866f-43d6-8304-0860b2446025.tmp</t>
  </si>
  <si>
    <t>\\acsfs\profiles$\karinarm\Downloads\23ecbb5c-866f-43d6-8304-0860b2446025.tmp</t>
  </si>
  <si>
    <t>12/22/2019 10:08:16</t>
  </si>
  <si>
    <t>d6960d9b-7244-4783-8009-5bdf13846a51.tmp</t>
  </si>
  <si>
    <t>\\acsfs\profiles$\karinarm\Downloads\d6960d9b-7244-4783-8009-5bdf13846a51.tmp</t>
  </si>
  <si>
    <t>12/22/2019 10:10:33</t>
  </si>
  <si>
    <t>676d853b-e52a-4761-9a08-1466019442c6.tmp</t>
  </si>
  <si>
    <t>\\acsfs\profiles$\karinarm\Downloads\676d853b-e52a-4761-9a08-1466019442c6.tmp</t>
  </si>
  <si>
    <t>12/22/2019 10:13:49</t>
  </si>
  <si>
    <t>12/22/2019 10:14:05</t>
  </si>
  <si>
    <t>12/22/2019 10:14:19</t>
  </si>
  <si>
    <t>12/22/2019 10:17:06</t>
  </si>
  <si>
    <t>12/22/2019 10:13:59</t>
  </si>
  <si>
    <t>12/22/2019 10:18:06</t>
  </si>
  <si>
    <t>12/22/2019 10:22:22</t>
  </si>
  <si>
    <t>12/22/2019 10:23:06</t>
  </si>
  <si>
    <t>12/22/2019 10:28:54</t>
  </si>
  <si>
    <t>12/22/2019 10:31:06</t>
  </si>
  <si>
    <t>12/22/2019 10:30:06</t>
  </si>
  <si>
    <t>12/22/2019 10:29:50</t>
  </si>
  <si>
    <t>12/22/2019 10:34:06</t>
  </si>
  <si>
    <t>7a6b02f2-193e-45d9-b5c0-4c2acddac258.tmp</t>
  </si>
  <si>
    <t>\\acsfs\profiles$\YASMINSC\Downloads\7a6b02f2-193e-45d9-b5c0-4c2acddac258.tmp</t>
  </si>
  <si>
    <t>12/22/2019 10:31:34</t>
  </si>
  <si>
    <t>12/22/2019 10:32:41</t>
  </si>
  <si>
    <t>12/22/2019 10:35:07</t>
  </si>
  <si>
    <t>12/22/2019 10:35:13</t>
  </si>
  <si>
    <t>12/22/2019 10:36:06</t>
  </si>
  <si>
    <t>12/22/2019 10:44:01</t>
  </si>
  <si>
    <t>12/22/2019 10:45:07</t>
  </si>
  <si>
    <t>12/22/2019 10:44:48</t>
  </si>
  <si>
    <t>12/22/2019 10:48:06</t>
  </si>
  <si>
    <t>12/22/2019 10:48:51</t>
  </si>
  <si>
    <t>12/22/2019 10:52:06</t>
  </si>
  <si>
    <t>a6fcb93b-77d3-467d-89ab-69ea6d9d4052.tmp</t>
  </si>
  <si>
    <t>\\acsfs\profiles$\kellzylenneasr\Downloads\a6fcb93b-77d3-467d-89ab-69ea6d9d4052.tmp</t>
  </si>
  <si>
    <t>12/22/2019 10:51:30</t>
  </si>
  <si>
    <t>12/22/2019 10:54:06</t>
  </si>
  <si>
    <t>12/22/2019 11:03:13</t>
  </si>
  <si>
    <t>12/22/2019 11:07:07</t>
  </si>
  <si>
    <t>12/22/2019 11:15:58</t>
  </si>
  <si>
    <t>12/22/2019 11:17:06</t>
  </si>
  <si>
    <t>12/22/2019 11:17:30</t>
  </si>
  <si>
    <t>12/22/2019 11:20:06</t>
  </si>
  <si>
    <t>12/22/2019 11:20:59</t>
  </si>
  <si>
    <t>12/22/2019 11:22:06</t>
  </si>
  <si>
    <t>12/22/2019 11:21:20</t>
  </si>
  <si>
    <t>12/22/2019 11:24:07</t>
  </si>
  <si>
    <t>12/22/2019 11:27:33</t>
  </si>
  <si>
    <t>12/22/2019 11:33:08</t>
  </si>
  <si>
    <t>12/22/2019 11:33:21</t>
  </si>
  <si>
    <t>12/22/2019 11:34:07</t>
  </si>
  <si>
    <t>12/22/2019 11:31:01</t>
  </si>
  <si>
    <t>12/22/2019 11:35:08</t>
  </si>
  <si>
    <t>12/22/2019 11:38:16</t>
  </si>
  <si>
    <t>12/22/2019 11:40:07</t>
  </si>
  <si>
    <t>12/22/2019 11:38:11</t>
  </si>
  <si>
    <t>12/22/2019 11:47:14</t>
  </si>
  <si>
    <t>12/22/2019 11:51:08</t>
  </si>
  <si>
    <t>12/22/2019 11:49:47</t>
  </si>
  <si>
    <t>12/22/2019 11:55:07</t>
  </si>
  <si>
    <t>12/22/2019 12:01:10</t>
  </si>
  <si>
    <t>12/22/2019 12:05:06</t>
  </si>
  <si>
    <t>12/22/2019 12:27:59</t>
  </si>
  <si>
    <t>12/22/2019 12:32:06</t>
  </si>
  <si>
    <t>12/22/2019 12:29:35</t>
  </si>
  <si>
    <t>12/22/2019 12:33:05</t>
  </si>
  <si>
    <t>12/22/2019 12:35:37</t>
  </si>
  <si>
    <t>12/22/2019 12:36:05</t>
  </si>
  <si>
    <t>fcccca3e-80c6-4e84-b3f4-0ab470aa9d66.tmp</t>
  </si>
  <si>
    <t>\\acsfs\profiles$\nataliacsl\Downloads\fcccca3e-80c6-4e84-b3f4-0ab470aa9d66.tmp</t>
  </si>
  <si>
    <t>12/22/2019 12:32:59</t>
  </si>
  <si>
    <t>12/22/2019 12:37:06</t>
  </si>
  <si>
    <t>81253145-773d-43c6-982d-18ccce211b6a.tmp</t>
  </si>
  <si>
    <t>\\acsfs\profiles$\kellzylenneasr\Downloads\81253145-773d-43c6-982d-18ccce211b6a.tmp</t>
  </si>
  <si>
    <t>12/22/2019 12:37:05</t>
  </si>
  <si>
    <t>12/22/2019 12:38:06</t>
  </si>
  <si>
    <t>12/22/2019 12:34:52</t>
  </si>
  <si>
    <t>12/22/2019 12:39:05</t>
  </si>
  <si>
    <t>12/22/2019 12:42:00</t>
  </si>
  <si>
    <t>12/22/2019 12:46:06</t>
  </si>
  <si>
    <t>12/22/2019 12:47:51</t>
  </si>
  <si>
    <t>12/22/2019 12:51:05</t>
  </si>
  <si>
    <t>12/22/2019 12:47:53</t>
  </si>
  <si>
    <t>lu279324gz2r5.tmp</t>
  </si>
  <si>
    <t>\\acsfs\profiles$\VIVIANALDS\My Documents\lu279324gz2r5.tmp</t>
  </si>
  <si>
    <t>\\acsfs\profiles$\VIVIANALDS\My Documents\lu279324gz2r5.tmp\</t>
  </si>
  <si>
    <t>\\acsfs\profiles$\VIVIANALDS\My Documents\lu279324gz2r5.tmp\META-INF\</t>
  </si>
  <si>
    <t>\\acsfs\profiles$\VIVIANALDS\My Documents\lu279324gz2r5.tmp\Thumbnails\</t>
  </si>
  <si>
    <t>12/22/2019 12:47:56</t>
  </si>
  <si>
    <t>lu279324gz2r9.tmp</t>
  </si>
  <si>
    <t>\\acsfs\profiles$\VIVIANALDS\My Documents\lu279324gz2r9.tmp</t>
  </si>
  <si>
    <t>\\acsfs\profiles$\VIVIANALDS\My Documents\lu279324gz2r9.tmp\</t>
  </si>
  <si>
    <t>\\acsfs\profiles$\VIVIANALDS\My Documents\lu279324gz2r9.tmp\META-INF\</t>
  </si>
  <si>
    <t>\\acsfs\profiles$\VIVIANALDS\My Documents\lu279324gz2r9.tmp\Thumbnails\</t>
  </si>
  <si>
    <t>12/22/2019 12:50:05</t>
  </si>
  <si>
    <t>12/22/2019 12:51:11</t>
  </si>
  <si>
    <t>12/22/2019 12:54:06</t>
  </si>
  <si>
    <t>12/22/2019 13:04:17</t>
  </si>
  <si>
    <t>12/22/2019 13:06:06</t>
  </si>
  <si>
    <t>4378055d-79f9-4f06-a240-8eba12fbec25.tmp</t>
  </si>
  <si>
    <t>\\acsfs\profiles$\nataliacsl\Downloads\4378055d-79f9-4f06-a240-8eba12fbec25.tmp</t>
  </si>
  <si>
    <t>12/22/2019 13:10:51</t>
  </si>
  <si>
    <t>12/22/2019 13:15:06</t>
  </si>
  <si>
    <t>12/22/2019 13:29:48</t>
  </si>
  <si>
    <t>12/22/2019 13:31:06</t>
  </si>
  <si>
    <t>13b09074-b28c-4415-bb10-ddbeb3c624fa.tmp</t>
  </si>
  <si>
    <t>\\acsfs\profiles$\vivianibfs\Downloads\13b09074-b28c-4415-bb10-ddbeb3c624fa.tmp</t>
  </si>
  <si>
    <t>12/22/2019 13:29:50</t>
  </si>
  <si>
    <t>48df0b2f-88e0-4e8c-8bea-80cc3cbca182.tmp</t>
  </si>
  <si>
    <t>\\acsfs\profiles$\vivianibfs\Downloads\48df0b2f-88e0-4e8c-8bea-80cc3cbca182.tmp</t>
  </si>
  <si>
    <t>12/22/2019 13:30:44</t>
  </si>
  <si>
    <t>12/22/2019 13:36:06</t>
  </si>
  <si>
    <t>a930306c-f685-462b-abb5-cf06bb0d0332.tmp</t>
  </si>
  <si>
    <t>\\acsfs\profiles$\vivianibfs\Downloads\a930306c-f685-462b-abb5-cf06bb0d0332.tmp</t>
  </si>
  <si>
    <t>12/22/2019 13:31:02</t>
  </si>
  <si>
    <t>79ba38e5-3ba4-45c4-ad59-ef016cf7b3ef.tmp</t>
  </si>
  <si>
    <t>\\acsfs\profiles$\vivianibfs\Downloads\79ba38e5-3ba4-45c4-ad59-ef016cf7b3ef.tmp</t>
  </si>
  <si>
    <t>12/22/2019 13:31:08</t>
  </si>
  <si>
    <t>c3f31c86-ddf8-4f54-b63c-f6840c640b63.tmp</t>
  </si>
  <si>
    <t>\\acsfs\profiles$\vivianibfs\Downloads\c3f31c86-ddf8-4f54-b63c-f6840c640b63.tmp</t>
  </si>
  <si>
    <t>12/22/2019 13:36:59</t>
  </si>
  <si>
    <t>12/22/2019 13:42:06</t>
  </si>
  <si>
    <t>12/22/2019 13:41:48</t>
  </si>
  <si>
    <t>12/22/2019 13:43:06</t>
  </si>
  <si>
    <t>12/22/2019 13:38:59</t>
  </si>
  <si>
    <t>12/22/2019 13:44:06</t>
  </si>
  <si>
    <t>12/22/2019 13:40:20</t>
  </si>
  <si>
    <t>ab87fd43-2c43-475b-a15e-bbeb0c2f7422.tmp</t>
  </si>
  <si>
    <t>\\acsfs\profiles$\quindaizaagds\Downloads\ab87fd43-2c43-475b-a15e-bbeb0c2f7422.tmp</t>
  </si>
  <si>
    <t>12/22/2019 13:43:52</t>
  </si>
  <si>
    <t>12/22/2019 13:49:05</t>
  </si>
  <si>
    <t>d2a40ffe-1e64-481e-93a1-6f374135789e.tmp</t>
  </si>
  <si>
    <t>\\acsfs\profiles$\quindaizaagds\Downloads\d2a40ffe-1e64-481e-93a1-6f374135789e.tmp</t>
  </si>
  <si>
    <t>12/22/2019 13:45:04</t>
  </si>
  <si>
    <t>12/22/2019 13:45:15</t>
  </si>
  <si>
    <t>12/22/2019 13:50:06</t>
  </si>
  <si>
    <t>12/22/2019 13:49:30</t>
  </si>
  <si>
    <t>12/22/2019 13:49:33</t>
  </si>
  <si>
    <t>12/22/2019 13:53:06</t>
  </si>
  <si>
    <t>12/22/2019 13:53:15</t>
  </si>
  <si>
    <t>12/22/2019 13:54:06</t>
  </si>
  <si>
    <t>ec090f76-2a3f-4f78-b3bd-c19f209b47e8.tmp</t>
  </si>
  <si>
    <t>\\acsfs\profiles$\quindaizaagds\Downloads\ec090f76-2a3f-4f78-b3bd-c19f209b47e8.tmp</t>
  </si>
  <si>
    <t>12/22/2019 14:00:57</t>
  </si>
  <si>
    <t>12/22/2019 14:02:06</t>
  </si>
  <si>
    <t>12/22/2019 14:07:22</t>
  </si>
  <si>
    <t>12/22/2019 14:10:06</t>
  </si>
  <si>
    <t>12/22/2019 14:05:44</t>
  </si>
  <si>
    <t>12/22/2019 14:11:06</t>
  </si>
  <si>
    <t>12/22/2019 14:05:45</t>
  </si>
  <si>
    <t>12/22/2019 14:09:55</t>
  </si>
  <si>
    <t>12/22/2019 14:13:06</t>
  </si>
  <si>
    <t>12/22/2019 14:11:52</t>
  </si>
  <si>
    <t>12/22/2019 14:15:05</t>
  </si>
  <si>
    <t>12/22/2019 14:24:44</t>
  </si>
  <si>
    <t>12/22/2019 14:26:06</t>
  </si>
  <si>
    <t>12/22/2019 14:25:57</t>
  </si>
  <si>
    <t>12/22/2019 14:29:06</t>
  </si>
  <si>
    <t>3beebc44-3932-4bee-b63a-065e11781b3e.tmp</t>
  </si>
  <si>
    <t>\\acsfs\profiles$\YASMINSC\Downloads\3beebc44-3932-4bee-b63a-065e11781b3e.tmp</t>
  </si>
  <si>
    <t>12/22/2019 14:32:26</t>
  </si>
  <si>
    <t>12/22/2019 14:35:05</t>
  </si>
  <si>
    <t>12/22/2019 14:29:58</t>
  </si>
  <si>
    <t>12/22/2019 14:38:21</t>
  </si>
  <si>
    <t>12/22/2019 14:39:06</t>
  </si>
  <si>
    <t>12/22/2019 14:41:44</t>
  </si>
  <si>
    <t>12/22/2019 14:46:06</t>
  </si>
  <si>
    <t>12/22/2019 14:42:16</t>
  </si>
  <si>
    <t>278f71b3-43dd-45f5-a5e5-a9891e918f63.tmp</t>
  </si>
  <si>
    <t>\\acsfs\profiles$\rosileiam\Downloads\278f71b3-43dd-45f5-a5e5-a9891e918f63.tmp</t>
  </si>
  <si>
    <t>12/22/2019 14:43:37</t>
  </si>
  <si>
    <t>17bbb965-fd02-40d3-90ae-e608acad72e8.tmp</t>
  </si>
  <si>
    <t>\\acsfs\profiles$\rosileiam\Downloads\17bbb965-fd02-40d3-90ae-e608acad72e8.tmp</t>
  </si>
  <si>
    <t>12/22/2019 14:45:57</t>
  </si>
  <si>
    <t>12/22/2019 14:47:06</t>
  </si>
  <si>
    <t>12/22/2019 14:46:29</t>
  </si>
  <si>
    <t>12/22/2019 14:50:06</t>
  </si>
  <si>
    <t>12/22/2019 14:47:04</t>
  </si>
  <si>
    <t>12/22/2019 14:45:49</t>
  </si>
  <si>
    <t>12/22/2019 14:51:06</t>
  </si>
  <si>
    <t>12/22/2019 14:51:17</t>
  </si>
  <si>
    <t>12/22/2019 14:53:06</t>
  </si>
  <si>
    <t>12/22/2019 14:54:07</t>
  </si>
  <si>
    <t>12/22/2019 14:50:11</t>
  </si>
  <si>
    <t>12/22/2019 14:55:07</t>
  </si>
  <si>
    <t>12/22/2019 14:54:48</t>
  </si>
  <si>
    <t>12/22/2019 14:56:07</t>
  </si>
  <si>
    <t>12/22/2019 14:57:46</t>
  </si>
  <si>
    <t>12/22/2019 15:00:07</t>
  </si>
  <si>
    <t>12/22/2019 15:01:57</t>
  </si>
  <si>
    <t>12/22/2019 15:05:06</t>
  </si>
  <si>
    <t>12/22/2019 15:00:37</t>
  </si>
  <si>
    <t>12/22/2019 15:06:07</t>
  </si>
  <si>
    <t>12/22/2019 15:16:26</t>
  </si>
  <si>
    <t>12/22/2019 15:20:07</t>
  </si>
  <si>
    <t>12/22/2019 15:19:49</t>
  </si>
  <si>
    <t>12/22/2019 15:22:38</t>
  </si>
  <si>
    <t>12/22/2019 15:25:07</t>
  </si>
  <si>
    <t>12/22/2019 15:24:32</t>
  </si>
  <si>
    <t>12/22/2019 15:26:59</t>
  </si>
  <si>
    <t>12/22/2019 15:28:07</t>
  </si>
  <si>
    <t>12/22/2019 15:24:00</t>
  </si>
  <si>
    <t>12/22/2019 15:29:06</t>
  </si>
  <si>
    <t>12/22/2019 15:26:12</t>
  </si>
  <si>
    <t>12/22/2019 15:25:58</t>
  </si>
  <si>
    <t>12/22/2019 15:30:07</t>
  </si>
  <si>
    <t>12/22/2019 15:33:28</t>
  </si>
  <si>
    <t>12/22/2019 15:35:07</t>
  </si>
  <si>
    <t>12/22/2019 15:39:00</t>
  </si>
  <si>
    <t>12/22/2019 15:41:08</t>
  </si>
  <si>
    <t>12/22/2019 15:38:16</t>
  </si>
  <si>
    <t>12/22/2019 15:43:08</t>
  </si>
  <si>
    <t>12/22/2019 15:47:58</t>
  </si>
  <si>
    <t>12/22/2019 15:50:07</t>
  </si>
  <si>
    <t>12/22/2019 15:49:08</t>
  </si>
  <si>
    <t>12/22/2019 15:51:48</t>
  </si>
  <si>
    <t>12/22/2019 15:55:07</t>
  </si>
  <si>
    <t>12/22/2019 15:59:04</t>
  </si>
  <si>
    <t>12/22/2019 16:00:08</t>
  </si>
  <si>
    <t>12/22/2019 16:20:57</t>
  </si>
  <si>
    <t>12/22/2019 16:22:08</t>
  </si>
  <si>
    <t>3019cf96-52e9-4334-abfb-fb5481d6e12c.tmp</t>
  </si>
  <si>
    <t>\\acsfs\profiles$\paulohaf\Downloads\3019cf96-52e9-4334-abfb-fb5481d6e12c.tmp</t>
  </si>
  <si>
    <t>8cb5d57e-4d13-4323-8f23-dc9cbbc9f520.tmp</t>
  </si>
  <si>
    <t>\\acsfs\profiles$\paulohaf\Downloads\8cb5d57e-4d13-4323-8f23-dc9cbbc9f520.tmp</t>
  </si>
  <si>
    <t>4000655e-f3d7-4a80-a529-2bee00cfd21e.tmp</t>
  </si>
  <si>
    <t>\\acsfs\profiles$\paulohaf\Downloads\4000655e-f3d7-4a80-a529-2bee00cfd21e.tmp</t>
  </si>
  <si>
    <t>12/22/2019 16:21:51</t>
  </si>
  <si>
    <t>77589cea-b28d-482d-9283-717da5c14ea8.tmp</t>
  </si>
  <si>
    <t>\\acsfs\profiles$\paulohaf\Downloads\77589cea-b28d-482d-9283-717da5c14ea8.tmp</t>
  </si>
  <si>
    <t>12/22/2019 16:22:39</t>
  </si>
  <si>
    <t>12/22/2019 16:27:07</t>
  </si>
  <si>
    <t>ff03b268-4e58-458f-a80a-f2b4662c3844.tmp</t>
  </si>
  <si>
    <t>\\acsfs\profiles$\paulohaf\Downloads\ff03b268-4e58-458f-a80a-f2b4662c3844.tmp</t>
  </si>
  <si>
    <t>12/22/2019 16:23:03</t>
  </si>
  <si>
    <t>6e2eab74-07c9-491c-8820-6a368fdface9.tmp</t>
  </si>
  <si>
    <t>\\acsfs\profiles$\paulohaf\Downloads\6e2eab74-07c9-491c-8820-6a368fdface9.tmp</t>
  </si>
  <si>
    <t>12/22/2019 16:26:26</t>
  </si>
  <si>
    <t>12/22/2019 16:30:07</t>
  </si>
  <si>
    <t>12/22/2019 16:26:56</t>
  </si>
  <si>
    <t>12/22/2019 16:36:04</t>
  </si>
  <si>
    <t>12/22/2019 16:39:07</t>
  </si>
  <si>
    <t>12/22/2019 16:34:29</t>
  </si>
  <si>
    <t>12/22/2019 16:40:06</t>
  </si>
  <si>
    <t>12/22/2019 16:38:16</t>
  </si>
  <si>
    <t>12/22/2019 16:46:57</t>
  </si>
  <si>
    <t>12/22/2019 16:51:08</t>
  </si>
  <si>
    <t>12/22/2019 16:59:23</t>
  </si>
  <si>
    <t>12/22/2019 17:00:08</t>
  </si>
  <si>
    <t>12/22/2019 17:06:20</t>
  </si>
  <si>
    <t>12/22/2019 17:08:07</t>
  </si>
  <si>
    <t>12/22/2019 17:07:25</t>
  </si>
  <si>
    <t>12/22/2019 17:10:07</t>
  </si>
  <si>
    <t>12/22/2019 17:15:11</t>
  </si>
  <si>
    <t>12/22/2019 17:19:06</t>
  </si>
  <si>
    <t>12/22/2019 17:19:55</t>
  </si>
  <si>
    <t>12/22/2019 17:21:07</t>
  </si>
  <si>
    <t>12/22/2019 17:24:39</t>
  </si>
  <si>
    <t>12/22/2019 17:25:07</t>
  </si>
  <si>
    <t>12/22/2019 17:23:53</t>
  </si>
  <si>
    <t>12/22/2019 17:28:07</t>
  </si>
  <si>
    <t>12/22/2019 17:23:05</t>
  </si>
  <si>
    <t>https://vimeo.com/undefined?action=log_promo_impression</t>
  </si>
  <si>
    <t>12/22/2019 17:23:50</t>
  </si>
  <si>
    <t>12/22/2019 17:27:36</t>
  </si>
  <si>
    <t>12/22/2019 17:25:26</t>
  </si>
  <si>
    <t>12/22/2019 17:29:07</t>
  </si>
  <si>
    <t>12/22/2019 17:28:57</t>
  </si>
  <si>
    <t>12/22/2019 17:32:08</t>
  </si>
  <si>
    <t>12/22/2019 17:28:51</t>
  </si>
  <si>
    <t>12/22/2019 17:33:07</t>
  </si>
  <si>
    <t>12/22/2019 17:29:33</t>
  </si>
  <si>
    <t>12/22/2019 17:30:51</t>
  </si>
  <si>
    <t>12/22/2019 17:30:12</t>
  </si>
  <si>
    <t>12/22/2019 17:35:07</t>
  </si>
  <si>
    <t>12/22/2019 17:33:32</t>
  </si>
  <si>
    <t>12/22/2019 17:38:08</t>
  </si>
  <si>
    <t>12/22/2019 17:34:36</t>
  </si>
  <si>
    <t>12/22/2019 17:38:39</t>
  </si>
  <si>
    <t>12/22/2019 17:43:07</t>
  </si>
  <si>
    <t>12/22/2019 17:39:01</t>
  </si>
  <si>
    <t>12/22/2019 17:40:39</t>
  </si>
  <si>
    <t>12/22/2019 17:44:08</t>
  </si>
  <si>
    <t>12/22/2019 17:43:11</t>
  </si>
  <si>
    <t>12/22/2019 17:48:08</t>
  </si>
  <si>
    <t>12/22/2019 17:44:39</t>
  </si>
  <si>
    <t>12/22/2019 17:45:07</t>
  </si>
  <si>
    <t>12/22/2019 17:49:07</t>
  </si>
  <si>
    <t>12/22/2019 17:49:24</t>
  </si>
  <si>
    <t>12/22/2019 17:50:08</t>
  </si>
  <si>
    <t>12/22/2019 17:46:03</t>
  </si>
  <si>
    <t>12/22/2019 17:49:04</t>
  </si>
  <si>
    <t>12/22/2019 17:53:07</t>
  </si>
  <si>
    <t>12/22/2019 17:51:12</t>
  </si>
  <si>
    <t>12/22/2019 17:51:48</t>
  </si>
  <si>
    <t>12/22/2019 17:52:19</t>
  </si>
  <si>
    <t>12/22/2019 17:51:13</t>
  </si>
  <si>
    <t>12/22/2019 17:55:07</t>
  </si>
  <si>
    <t>12/22/2019 17:57:26</t>
  </si>
  <si>
    <t>12/22/2019 17:58:08</t>
  </si>
  <si>
    <t>12/22/2019 17:58:49</t>
  </si>
  <si>
    <t>12/22/2019 18:00:09</t>
  </si>
  <si>
    <t>12/22/2019 18:05:20</t>
  </si>
  <si>
    <t>12/22/2019 18:08:08</t>
  </si>
  <si>
    <t>12/22/2019 18:18:48</t>
  </si>
  <si>
    <t>12/22/2019 18:23:07</t>
  </si>
  <si>
    <t>12/22/2019 18:31:23</t>
  </si>
  <si>
    <t>12/22/2019 18:32:07</t>
  </si>
  <si>
    <t>12/22/2019 18:32:30</t>
  </si>
  <si>
    <t>12/22/2019 18:34:07</t>
  </si>
  <si>
    <t>12/22/2019 18:56:30</t>
  </si>
  <si>
    <t>12/22/2019 18:58:07</t>
  </si>
  <si>
    <t>12/22/2019 18:58:37</t>
  </si>
  <si>
    <t>12/22/2019 19:00:07</t>
  </si>
  <si>
    <t>12/22/2019 19:08:46</t>
  </si>
  <si>
    <t>12/22/2019 19:11:07</t>
  </si>
  <si>
    <t>12/22/2019 19:15:53</t>
  </si>
  <si>
    <t>12/22/2019 19:20:07</t>
  </si>
  <si>
    <t>12/22/2019 19:25:07</t>
  </si>
  <si>
    <t>12/22/2019 19:29:07</t>
  </si>
  <si>
    <t>12/22/2019 19:25:09</t>
  </si>
  <si>
    <t>12/22/2019 19:30:07</t>
  </si>
  <si>
    <t>12/22/2019 19:37:43</t>
  </si>
  <si>
    <t>12/22/2019 19:39:07</t>
  </si>
  <si>
    <t>12/22/2019 19:49:03</t>
  </si>
  <si>
    <t>12/22/2019 19:50:07</t>
  </si>
  <si>
    <t>12/22/2019 19:45:05</t>
  </si>
  <si>
    <t>12/22/2019 19:48:49</t>
  </si>
  <si>
    <t>12/22/2019 19:47:16</t>
  </si>
  <si>
    <t>12/22/2019 19:51:07</t>
  </si>
  <si>
    <t>12/22/2019 19:47:56</t>
  </si>
  <si>
    <t>12/22/2019 19:53:07</t>
  </si>
  <si>
    <t>12/22/2019 19:50:51</t>
  </si>
  <si>
    <t>12/22/2019 19:50:48</t>
  </si>
  <si>
    <t>12/22/2019 19:55:16</t>
  </si>
  <si>
    <t>12/22/2019 19:58:08</t>
  </si>
  <si>
    <t>12/22/2019 19:56:46</t>
  </si>
  <si>
    <t>12/22/2019 19:59:37</t>
  </si>
  <si>
    <t>12/22/2019 20:03:08</t>
  </si>
  <si>
    <t>12/22/2019 20:00:43</t>
  </si>
  <si>
    <t>12/22/2019 20:02:27</t>
  </si>
  <si>
    <t>12/22/2019 20:04:08</t>
  </si>
  <si>
    <t>12/22/2019 20:03:19</t>
  </si>
  <si>
    <t>12/22/2019 20:08:17</t>
  </si>
  <si>
    <t>12/22/2019 20:13:09</t>
  </si>
  <si>
    <t>12/22/2019 20:08:27</t>
  </si>
  <si>
    <t>12/22/2019 20:12:19</t>
  </si>
  <si>
    <t>12/22/2019 20:11:50</t>
  </si>
  <si>
    <t>12/22/2019 20:15:09</t>
  </si>
  <si>
    <t>12/22/2019 20:14:17</t>
  </si>
  <si>
    <t>12/22/2019 20:18:09</t>
  </si>
  <si>
    <t>12/22/2019 20:15:13</t>
  </si>
  <si>
    <t>12/22/2019 20:18:24</t>
  </si>
  <si>
    <t>12/22/2019 20:23:08</t>
  </si>
  <si>
    <t>12/22/2019 20:24:05</t>
  </si>
  <si>
    <t>12/22/2019 20:25:09</t>
  </si>
  <si>
    <t>12/22/2019 20:24:21</t>
  </si>
  <si>
    <t>12/22/2019 20:27:09</t>
  </si>
  <si>
    <t>4ff1f65a-2e4d-486f-8c2c-c8d0cc2d5250.tmp</t>
  </si>
  <si>
    <t>\\acsfs\profiles$\paulohaf\Downloads\4ff1f65a-2e4d-486f-8c2c-c8d0cc2d5250.tmp</t>
  </si>
  <si>
    <t>12/22/2019 20:24:57</t>
  </si>
  <si>
    <t>c36eee95-a097-4910-91d5-1bd7239233e6.tmp</t>
  </si>
  <si>
    <t>\\acsfs\profiles$\paulohaf\Downloads\c36eee95-a097-4910-91d5-1bd7239233e6.tmp</t>
  </si>
  <si>
    <t>12/22/2019 20:25:15</t>
  </si>
  <si>
    <t>12/22/2019 20:30:10</t>
  </si>
  <si>
    <t>12/22/2019 20:31:06</t>
  </si>
  <si>
    <t>12/22/2019 20:35:10</t>
  </si>
  <si>
    <t>12/22/2019 20:38:50</t>
  </si>
  <si>
    <t>12/22/2019 20:42:10</t>
  </si>
  <si>
    <t>12/22/2019 20:49:21</t>
  </si>
  <si>
    <t>12/22/2019 20:50:09</t>
  </si>
  <si>
    <t>12/22/2019 20:45:53</t>
  </si>
  <si>
    <t>12/22/2019 20:51:17</t>
  </si>
  <si>
    <t>12/22/2019 20:53:09</t>
  </si>
  <si>
    <t>12/22/2019 20:51:14</t>
  </si>
  <si>
    <t>12/22/2019 20:54:09</t>
  </si>
  <si>
    <t>12/22/2019 20:52:37</t>
  </si>
  <si>
    <t>12/22/2019 20:55:10</t>
  </si>
  <si>
    <t>12/22/2019 21:09:08</t>
  </si>
  <si>
    <t>12/22/2019 21:13:08</t>
  </si>
  <si>
    <t>12/22/2019 21:10:02</t>
  </si>
  <si>
    <t>12/22/2019 21:23:01</t>
  </si>
  <si>
    <t>12/22/2019 21:25:09</t>
  </si>
  <si>
    <t>12/22/2019 21:22:55</t>
  </si>
  <si>
    <t>12/22/2019 21:28:08</t>
  </si>
  <si>
    <t>12/22/2019 21:26:58</t>
  </si>
  <si>
    <t>12/22/2019 21:30:08</t>
  </si>
  <si>
    <t>12/22/2019 21:38:58</t>
  </si>
  <si>
    <t>12/22/2019 21:41:08</t>
  </si>
  <si>
    <t>12/22/2019 21:39:19</t>
  </si>
  <si>
    <t>12/22/2019 21:44:08</t>
  </si>
  <si>
    <t>12/22/2019 21:46:46</t>
  </si>
  <si>
    <t>12/22/2019 21:49:08</t>
  </si>
  <si>
    <t>12/22/2019 21:49:29</t>
  </si>
  <si>
    <t>12/22/2019 21:52:08</t>
  </si>
  <si>
    <t>12/22/2019 21:55:59</t>
  </si>
  <si>
    <t>12/22/2019 21:59:09</t>
  </si>
  <si>
    <t>12/22/2019 21:56:37</t>
  </si>
  <si>
    <t>12/22/2019 22:00:09</t>
  </si>
  <si>
    <t>12/22/2019 22:18:08</t>
  </si>
  <si>
    <t>12/22/2019 22:17:13</t>
  </si>
  <si>
    <t>12/22/2019 22:20:08</t>
  </si>
  <si>
    <t>12/22/2019 22:21:08</t>
  </si>
  <si>
    <t>12/22/2019 22:16:11</t>
  </si>
  <si>
    <t>12/22/2019 22:20:30</t>
  </si>
  <si>
    <t>12/22/2019 22:23:08</t>
  </si>
  <si>
    <t>12/22/2019 22:20:40</t>
  </si>
  <si>
    <t>12/22/2019 22:25:08</t>
  </si>
  <si>
    <t>12/22/2019 22:26:37</t>
  </si>
  <si>
    <t>12/22/2019 22:29:08</t>
  </si>
  <si>
    <t>12/22/2019 22:27:55</t>
  </si>
  <si>
    <t>12/22/2019 22:30:09</t>
  </si>
  <si>
    <t>12/22/2019 22:32:02</t>
  </si>
  <si>
    <t>12/22/2019 22:34:09</t>
  </si>
  <si>
    <t>12/22/2019 22:40:06</t>
  </si>
  <si>
    <t>12/22/2019 22:45:09</t>
  </si>
  <si>
    <t>12/22/2019 22:49:33</t>
  </si>
  <si>
    <t>12/22/2019 22:50:10</t>
  </si>
  <si>
    <t>12/22/2019 22:51:28</t>
  </si>
  <si>
    <t>12/22/2019 22:54:10</t>
  </si>
  <si>
    <t>12/22/2019 22:53:19</t>
  </si>
  <si>
    <t>12/22/2019 22:57:09</t>
  </si>
  <si>
    <t>12/22/2019 23:08:21</t>
  </si>
  <si>
    <t>12/22/2019 23:13:10</t>
  </si>
  <si>
    <t>12/22/2019 23:13:56</t>
  </si>
  <si>
    <t>12/22/2019 23:15:10</t>
  </si>
  <si>
    <t>12/22/2019 23:22:03</t>
  </si>
  <si>
    <t>12/22/2019 23:23:10</t>
  </si>
  <si>
    <t>12/22/2019 23:20:24</t>
  </si>
  <si>
    <t>12/22/2019 23:25:10</t>
  </si>
  <si>
    <t>12/22/2019 23:35:34</t>
  </si>
  <si>
    <t>12/22/2019 23:40:09</t>
  </si>
  <si>
    <t>12/22/2019 23:42:52</t>
  </si>
  <si>
    <t>12/22/2019 23:45:09</t>
  </si>
  <si>
    <t>12/22/2019 23:51:44</t>
  </si>
  <si>
    <t>12/22/2019 23:53:09</t>
  </si>
  <si>
    <t>12/23/2019 00:03:14</t>
  </si>
  <si>
    <t>12/23/2019 00:04:10</t>
  </si>
  <si>
    <t>12/23/2019 00:01:51</t>
  </si>
  <si>
    <t>12/23/2019 00:05:09</t>
  </si>
  <si>
    <t>12/23/2019 00:01:29</t>
  </si>
  <si>
    <t>12/23/2019 00:03:26</t>
  </si>
  <si>
    <t>12/23/2019 00:02:26</t>
  </si>
  <si>
    <t>12/23/2019 00:07:09</t>
  </si>
  <si>
    <t>12/23/2019 00:05:49</t>
  </si>
  <si>
    <t>12/23/2019 00:08:08</t>
  </si>
  <si>
    <t>12/23/2019 00:06:02</t>
  </si>
  <si>
    <t>12/23/2019 00:07:45</t>
  </si>
  <si>
    <t>12/23/2019 00:07:15</t>
  </si>
  <si>
    <t>12/23/2019 00:09:09</t>
  </si>
  <si>
    <t>12/23/2019 00:07:56</t>
  </si>
  <si>
    <t>12/23/2019 00:10:09</t>
  </si>
  <si>
    <t>12/23/2019 00:08:18</t>
  </si>
  <si>
    <t>12/23/2019 00:08:38</t>
  </si>
  <si>
    <t>12/23/2019 00:08:09</t>
  </si>
  <si>
    <t>12/23/2019 00:11:09</t>
  </si>
  <si>
    <t>12/23/2019 00:12:40</t>
  </si>
  <si>
    <t>12/23/2019 00:15:09</t>
  </si>
  <si>
    <t>12/23/2019 00:12:45</t>
  </si>
  <si>
    <t>12/23/2019 00:09:50</t>
  </si>
  <si>
    <t>12/23/2019 00:13:05</t>
  </si>
  <si>
    <t>12/23/2019 00:14:37</t>
  </si>
  <si>
    <t>12/23/2019 00:15:16</t>
  </si>
  <si>
    <t>12/23/2019 00:16:09</t>
  </si>
  <si>
    <t>12/23/2019 00:19:53</t>
  </si>
  <si>
    <t>12/23/2019 00:23:09</t>
  </si>
  <si>
    <t>12/23/2019 00:21:12</t>
  </si>
  <si>
    <t>12/23/2019 00:25:09</t>
  </si>
  <si>
    <t>12/23/2019 00:29:32</t>
  </si>
  <si>
    <t>12/23/2019 00:35:09</t>
  </si>
  <si>
    <t>12/23/2019 00:42:49</t>
  </si>
  <si>
    <t>12/23/2019 00:45:10</t>
  </si>
  <si>
    <t>12/23/2019 00:50:57</t>
  </si>
  <si>
    <t>12/23/2019 00:55:09</t>
  </si>
  <si>
    <t>12/23/2019 00:58:35</t>
  </si>
  <si>
    <t>12/23/2019 01:00:09</t>
  </si>
  <si>
    <t>12/23/2019 01:07:12</t>
  </si>
  <si>
    <t>12/23/2019 01:13:10</t>
  </si>
  <si>
    <t>12/23/2019 01:15:10</t>
  </si>
  <si>
    <t>12/23/2019 01:19:56</t>
  </si>
  <si>
    <t>12/23/2019 01:21:10</t>
  </si>
  <si>
    <t>12/23/2019 01:24:40</t>
  </si>
  <si>
    <t>12/23/2019 01:25:09</t>
  </si>
  <si>
    <t>12/23/2019 01:35:44</t>
  </si>
  <si>
    <t>12/23/2019 01:41:09</t>
  </si>
  <si>
    <t>12/23/2019 01:55:06</t>
  </si>
  <si>
    <t>12/23/2019 02:00:10</t>
  </si>
  <si>
    <t>12/23/2019 02:02:08</t>
  </si>
  <si>
    <t>12/23/2019 02:03:10</t>
  </si>
  <si>
    <t>12/23/2019 02:14:58</t>
  </si>
  <si>
    <t>12/23/2019 02:20:09</t>
  </si>
  <si>
    <t>12/23/2019 02:17:02</t>
  </si>
  <si>
    <t>12/23/2019 02:21:09</t>
  </si>
  <si>
    <t>12/23/2019 02:27:37</t>
  </si>
  <si>
    <t>12/23/2019 02:30:10</t>
  </si>
  <si>
    <t>12/23/2019 02:29:33</t>
  </si>
  <si>
    <t>12/23/2019 02:31:10</t>
  </si>
  <si>
    <t>12/23/2019 02:33:48</t>
  </si>
  <si>
    <t>12/23/2019 02:37:11</t>
  </si>
  <si>
    <t>12/23/2019 02:37:23</t>
  </si>
  <si>
    <t>12/23/2019 02:40:11</t>
  </si>
  <si>
    <t>12/23/2019 02:41:05</t>
  </si>
  <si>
    <t>12/23/2019 02:44:11</t>
  </si>
  <si>
    <t>12/23/2019 02:45:48</t>
  </si>
  <si>
    <t>12/23/2019 02:50:10</t>
  </si>
  <si>
    <t>12/23/2019 02:51:16</t>
  </si>
  <si>
    <t>12/23/2019 02:53:10</t>
  </si>
  <si>
    <t>12/23/2019 02:51:04</t>
  </si>
  <si>
    <t>12/23/2019 02:55:11</t>
  </si>
  <si>
    <t>12/23/2019 02:52:37</t>
  </si>
  <si>
    <t>12/23/2019 03:03:50</t>
  </si>
  <si>
    <t>12/23/2019 03:05:10</t>
  </si>
  <si>
    <t>12/23/2019 03:03:30</t>
  </si>
  <si>
    <t>12/23/2019 03:07:10</t>
  </si>
  <si>
    <t>12/23/2019 03:05:15</t>
  </si>
  <si>
    <t>12/23/2019 03:09:11</t>
  </si>
  <si>
    <t>12/23/2019 03:10:50</t>
  </si>
  <si>
    <t>12/23/2019 03:13:11</t>
  </si>
  <si>
    <t>12/23/2019 03:15:45</t>
  </si>
  <si>
    <t>12/23/2019 03:20:09</t>
  </si>
  <si>
    <t>12/23/2019 03:21:14</t>
  </si>
  <si>
    <t>12/23/2019 03:24:09</t>
  </si>
  <si>
    <t>12/23/2019 03:26:57</t>
  </si>
  <si>
    <t>12/23/2019 03:29:10</t>
  </si>
  <si>
    <t>12/23/2019 03:28:16</t>
  </si>
  <si>
    <t>12/23/2019 03:33:09</t>
  </si>
  <si>
    <t>12/23/2019 03:30:58</t>
  </si>
  <si>
    <t>12/23/2019 03:34:09</t>
  </si>
  <si>
    <t>12/23/2019 03:37:06</t>
  </si>
  <si>
    <t>12/23/2019 03:38:10</t>
  </si>
  <si>
    <t>12/23/2019 03:36:44</t>
  </si>
  <si>
    <t>12/23/2019 03:40:10</t>
  </si>
  <si>
    <t>12/23/2019 03:41:32</t>
  </si>
  <si>
    <t>12/23/2019 03:45:10</t>
  </si>
  <si>
    <t>12/23/2019 03:43:02</t>
  </si>
  <si>
    <t>12/23/2019 03:45:59</t>
  </si>
  <si>
    <t>12/23/2019 03:47:10</t>
  </si>
  <si>
    <t>12/23/2019 03:46:45</t>
  </si>
  <si>
    <t>12/23/2019 03:50:10</t>
  </si>
  <si>
    <t>12/23/2019 03:47:22</t>
  </si>
  <si>
    <t>12/23/2019 03:45:47</t>
  </si>
  <si>
    <t>12/23/2019 03:49:29</t>
  </si>
  <si>
    <t>12/23/2019 03:52:11</t>
  </si>
  <si>
    <t>12/23/2019 03:50:06</t>
  </si>
  <si>
    <t>12/23/2019 03:53:10</t>
  </si>
  <si>
    <t>12/23/2019 03:53:09</t>
  </si>
  <si>
    <t>12/23/2019 03:55:10</t>
  </si>
  <si>
    <t>12/23/2019 03:53:17</t>
  </si>
  <si>
    <t>12/23/2019 03:57:26</t>
  </si>
  <si>
    <t>12/23/2019 04:00:10</t>
  </si>
  <si>
    <t>12/23/2019 03:59:03</t>
  </si>
  <si>
    <t>12/23/2019 04:01:10</t>
  </si>
  <si>
    <t>12/23/2019 04:04:36</t>
  </si>
  <si>
    <t>12/23/2019 04:08:10</t>
  </si>
  <si>
    <t>12/23/2019 04:08:45</t>
  </si>
  <si>
    <t>12/23/2019 04:10:10</t>
  </si>
  <si>
    <t>12/23/2019 04:05:51</t>
  </si>
  <si>
    <t>12/23/2019 04:08:58</t>
  </si>
  <si>
    <t>12/23/2019 04:11:09</t>
  </si>
  <si>
    <t>12/23/2019 04:09:40</t>
  </si>
  <si>
    <t>12/23/2019 04:13:09</t>
  </si>
  <si>
    <t>12/23/2019 04:12:46</t>
  </si>
  <si>
    <t>12/23/2019 04:15:10</t>
  </si>
  <si>
    <t>12/23/2019 04:13:19</t>
  </si>
  <si>
    <t>12/23/2019 04:19:04</t>
  </si>
  <si>
    <t>12/23/2019 04:20:10</t>
  </si>
  <si>
    <t>12/23/2019 04:16:09</t>
  </si>
  <si>
    <t>12/23/2019 04:20:30</t>
  </si>
  <si>
    <t>12/23/2019 04:23:09</t>
  </si>
  <si>
    <t>12/23/2019 04:20:11</t>
  </si>
  <si>
    <t>12/23/2019 04:25:09</t>
  </si>
  <si>
    <t>12/23/2019 04:25:01</t>
  </si>
  <si>
    <t>12/23/2019 04:27:31</t>
  </si>
  <si>
    <t>12/23/2019 04:30:10</t>
  </si>
  <si>
    <t>12/23/2019 04:30:02</t>
  </si>
  <si>
    <t>12/23/2019 04:35:09</t>
  </si>
  <si>
    <t>12/23/2019 04:34:28</t>
  </si>
  <si>
    <t>12/23/2019 04:37:26</t>
  </si>
  <si>
    <t>12/23/2019 04:40:10</t>
  </si>
  <si>
    <t>12/23/2019 04:43:18</t>
  </si>
  <si>
    <t>12/23/2019 04:46:09</t>
  </si>
  <si>
    <t>12/23/2019 04:47:36</t>
  </si>
  <si>
    <t>12/23/2019 04:51:09</t>
  </si>
  <si>
    <t>12/23/2019 04:51:29</t>
  </si>
  <si>
    <t>12/23/2019 04:55:09</t>
  </si>
  <si>
    <t>12/23/2019 04:57:31</t>
  </si>
  <si>
    <t>12/23/2019 05:00:09</t>
  </si>
  <si>
    <t>12/23/2019 04:56:16</t>
  </si>
  <si>
    <t>12/23/2019 05:05:57</t>
  </si>
  <si>
    <t>12/23/2019 05:10:10</t>
  </si>
  <si>
    <t>12/23/2019 05:07:44</t>
  </si>
  <si>
    <t>12/23/2019 05:13:10</t>
  </si>
  <si>
    <t>12/23/2019 05:09:35</t>
  </si>
  <si>
    <t>12/23/2019 05:15:10</t>
  </si>
  <si>
    <t>12/23/2019 05:13:27</t>
  </si>
  <si>
    <t>12/23/2019 05:20:51</t>
  </si>
  <si>
    <t>12/23/2019 05:25:09</t>
  </si>
  <si>
    <t>12/23/2019 05:20:33</t>
  </si>
  <si>
    <t>12/23/2019 05:23:39</t>
  </si>
  <si>
    <t>12/23/2019 05:28:10</t>
  </si>
  <si>
    <t>12/23/2019 05:49:16</t>
  </si>
  <si>
    <t>12/23/2019 05:51:11</t>
  </si>
  <si>
    <t>12/23/2019 05:53:50</t>
  </si>
  <si>
    <t>12/23/2019 05:55:11</t>
  </si>
  <si>
    <t>12/23/2019 05:57:39</t>
  </si>
  <si>
    <t>12/23/2019 06:00:11</t>
  </si>
  <si>
    <t>12/23/2019 06:19:15</t>
  </si>
  <si>
    <t>12/23/2019 06:24:11</t>
  </si>
  <si>
    <t>12/23/2019 06:24:54</t>
  </si>
  <si>
    <t>12/23/2019 06:28:11</t>
  </si>
  <si>
    <t>12/23/2019 06:29:35</t>
  </si>
  <si>
    <t>12/23/2019 06:35:11</t>
  </si>
  <si>
    <t>12/23/2019 06:42:05</t>
  </si>
  <si>
    <t>12/23/2019 06:43:11</t>
  </si>
  <si>
    <t>12/23/2019 06:43:49</t>
  </si>
  <si>
    <t>12/23/2019 06:45:11</t>
  </si>
  <si>
    <t>afeb18e2-6d47-4849-8a46-d38204c79037.tmp</t>
  </si>
  <si>
    <t>\\acsfs\profiles$\monicargds\Downloads\afeb18e2-6d47-4849-8a46-d38204c79037.tmp</t>
  </si>
  <si>
    <t>12/23/2019 06:41:33</t>
  </si>
  <si>
    <t>12/23/2019 06:45:19</t>
  </si>
  <si>
    <t>12/23/2019 06:48:11</t>
  </si>
  <si>
    <t>12/23/2019 06:46:03</t>
  </si>
  <si>
    <t>\\acsfs\profiles$\brendavdoa\My Documents\Acessos.txt</t>
  </si>
  <si>
    <t>12/23/2019 06:45:08</t>
  </si>
  <si>
    <t>12/23/2019 06:50:11</t>
  </si>
  <si>
    <t>c9b0e5c0-da13-4bdb-9d85-b239332d86a0.tmp</t>
  </si>
  <si>
    <t>\\acsfs\profiles$\monicargds\Downloads\c9b0e5c0-da13-4bdb-9d85-b239332d86a0.tmp</t>
  </si>
  <si>
    <t>12/23/2019 06:47:56</t>
  </si>
  <si>
    <t>f1faadfc-511d-473e-9061-2b8506002346.tmp</t>
  </si>
  <si>
    <t>\\acsfs\profiles$\monicargds\Downloads\f1faadfc-511d-473e-9061-2b8506002346.tmp</t>
  </si>
  <si>
    <t>12/23/2019 06:47:50</t>
  </si>
  <si>
    <t>12/23/2019 06:51:11</t>
  </si>
  <si>
    <t>cd266881-0fc4-49b8-b23b-ac6d6e975019.tmp</t>
  </si>
  <si>
    <t>\\acsfs\profiles$\nathaliadf\Downloads\cd266881-0fc4-49b8-b23b-ac6d6e975019.tmp</t>
  </si>
  <si>
    <t>12/23/2019 06:48:24</t>
  </si>
  <si>
    <t>b5efe780-9973-40d8-818c-0e052007a727.tmp</t>
  </si>
  <si>
    <t>\\acsfs\profiles$\nathaliadf\Downloads\b5efe780-9973-40d8-818c-0e052007a727.tmp</t>
  </si>
  <si>
    <t>12/23/2019 06:49:35</t>
  </si>
  <si>
    <t>ad160679-fa65-4827-ab86-ffe523ac3f12.tmp</t>
  </si>
  <si>
    <t>\\acsfs\profiles$\nathaliadf\Downloads\ad160679-fa65-4827-ab86-ffe523ac3f12.tmp</t>
  </si>
  <si>
    <t>12/23/2019 06:49:45</t>
  </si>
  <si>
    <t>7704038b-f652-4aa5-9f52-3fb361ed8bf6.tmp</t>
  </si>
  <si>
    <t>\\acsfs\profiles$\nathaliadf\Downloads\7704038b-f652-4aa5-9f52-3fb361ed8bf6.tmp</t>
  </si>
  <si>
    <t>12/23/2019 06:50:26</t>
  </si>
  <si>
    <t>12/23/2019 06:55:10</t>
  </si>
  <si>
    <t>12/23/2019 06:52:40</t>
  </si>
  <si>
    <t>2afdf301-da9d-4ff6-8e26-413d88671cfe.tmp</t>
  </si>
  <si>
    <t>\\acsfs\profiles$\vivianealda\Downloads\2afdf301-da9d-4ff6-8e26-413d88671cfe.tmp</t>
  </si>
  <si>
    <t>12/23/2019 06:53:55</t>
  </si>
  <si>
    <t>912e284b-2c8f-4665-b7ea-eb21de4d5eea.tmp</t>
  </si>
  <si>
    <t>\\acsfs\profiles$\vivianealda\Downloads\912e284b-2c8f-4665-b7ea-eb21de4d5eea.tmp</t>
  </si>
  <si>
    <t>12/23/2019 06:51:50</t>
  </si>
  <si>
    <t>12/23/2019 06:57:10</t>
  </si>
  <si>
    <t>12/23/2019 06:58:38</t>
  </si>
  <si>
    <t>12/23/2019 07:00:10</t>
  </si>
  <si>
    <t>12/23/2019 06:55:51</t>
  </si>
  <si>
    <t>56679a66-5e76-44ea-8307-3a6b0f627c88.tmp</t>
  </si>
  <si>
    <t>\\acsfs\profiles$\vivianealda\Downloads\56679a66-5e76-44ea-8307-3a6b0f627c88.tmp</t>
  </si>
  <si>
    <t>12/23/2019 06:58:44</t>
  </si>
  <si>
    <t>12/23/2019 06:59:13</t>
  </si>
  <si>
    <t>12/23/2019 06:59:21</t>
  </si>
  <si>
    <t>12/23/2019 06:59:51</t>
  </si>
  <si>
    <t>9eac0c6d-2877-4978-846a-40fc3321a0dd.tmp</t>
  </si>
  <si>
    <t>\\acsfs\profiles$\vivianealda\Downloads\9eac0c6d-2877-4978-846a-40fc3321a0dd.tmp</t>
  </si>
  <si>
    <t>12/23/2019 06:58:37</t>
  </si>
  <si>
    <t>12/23/2019 07:03:11</t>
  </si>
  <si>
    <t>12/23/2019 06:59:33</t>
  </si>
  <si>
    <t>12/23/2019 07:00:08</t>
  </si>
  <si>
    <t>12/23/2019 07:00:27</t>
  </si>
  <si>
    <t>12/23/2019 07:04:11</t>
  </si>
  <si>
    <t>12/23/2019 07:00:35</t>
  </si>
  <si>
    <t>12/23/2019 07:00:46</t>
  </si>
  <si>
    <t>12/23/2019 07:02:20</t>
  </si>
  <si>
    <t>12/23/2019 07:02:28</t>
  </si>
  <si>
    <t>12/23/2019 07:08:08</t>
  </si>
  <si>
    <t>12/23/2019 07:10:11</t>
  </si>
  <si>
    <t>ed8e16ad-e77a-4f23-a1e9-bbba6e978ffe.tmp</t>
  </si>
  <si>
    <t>\\acsfs\profiles$\monicargds\Downloads\ed8e16ad-e77a-4f23-a1e9-bbba6e978ffe.tmp</t>
  </si>
  <si>
    <t>12/23/2019 07:11:56</t>
  </si>
  <si>
    <t>12/23/2019 07:15:11</t>
  </si>
  <si>
    <t>12/23/2019 07:13:02</t>
  </si>
  <si>
    <t>12/23/2019 07:17:11</t>
  </si>
  <si>
    <t>a3a08f71-a8cd-43e0-ac9b-3d62a217ebff.tmp</t>
  </si>
  <si>
    <t>\\acsfs\profiles$\deboraaa\Downloads\a3a08f71-a8cd-43e0-ac9b-3d62a217ebff.tmp</t>
  </si>
  <si>
    <t>12/23/2019 07:13:50</t>
  </si>
  <si>
    <t>12/23/2019 07:13:54</t>
  </si>
  <si>
    <t>12/23/2019 07:15:18</t>
  </si>
  <si>
    <t>dd9a70fe-6468-4213-83e3-449a90489bb5.tmp</t>
  </si>
  <si>
    <t>\\acsfs\profiles$\deboraaa\Downloads\dd9a70fe-6468-4213-83e3-449a90489bb5.tmp</t>
  </si>
  <si>
    <t>12/23/2019 07:16:12</t>
  </si>
  <si>
    <t>ffd1ebfd-460b-426a-9774-a76bc5f39463.tmp</t>
  </si>
  <si>
    <t>\\acsfs\profiles$\deboraaa\Downloads\ffd1ebfd-460b-426a-9774-a76bc5f39463.tmp</t>
  </si>
  <si>
    <t>12/23/2019 07:16:22</t>
  </si>
  <si>
    <t>12/23/2019 07:20:11</t>
  </si>
  <si>
    <t>12/23/2019 07:19:34</t>
  </si>
  <si>
    <t>12/23/2019 07:25:18</t>
  </si>
  <si>
    <t>12/23/2019 07:27:10</t>
  </si>
  <si>
    <t>a1c95f9f-1b78-452c-a7d3-1f4cadd1c147.tmp</t>
  </si>
  <si>
    <t>\\acsfs\profiles$\deboraaa\Downloads\a1c95f9f-1b78-452c-a7d3-1f4cadd1c147.tmp</t>
  </si>
  <si>
    <t>12/23/2019 07:26:30</t>
  </si>
  <si>
    <t>12/23/2019 07:28:11</t>
  </si>
  <si>
    <t>12/23/2019 07:25:52</t>
  </si>
  <si>
    <t>8ad4f5b5-5803-46c5-b71e-e86e516839cf.tmp</t>
  </si>
  <si>
    <t>\\acsfs\profiles$\websondsa\Downloads\8ad4f5b5-5803-46c5-b71e-e86e516839cf.tmp</t>
  </si>
  <si>
    <t>12/23/2019 07:26:04</t>
  </si>
  <si>
    <t>9c0b4356-7271-487f-b822-f9c87c9d28c6.tmp</t>
  </si>
  <si>
    <t>\\acsfs\profiles$\websondsa\Downloads\9c0b4356-7271-487f-b822-f9c87c9d28c6.tmp</t>
  </si>
  <si>
    <t>12/23/2019 07:27:35</t>
  </si>
  <si>
    <t>2410e8c2-c052-46be-8a8a-d4b8b68ab592.tmp</t>
  </si>
  <si>
    <t>\\acsfs\profiles$\websondsa\Downloads\2410e8c2-c052-46be-8a8a-d4b8b68ab592.tmp</t>
  </si>
  <si>
    <t>12/23/2019 07:27:44</t>
  </si>
  <si>
    <t>652bd944-323a-456d-8a51-e2c423034eed.tmp</t>
  </si>
  <si>
    <t>\\acsfs\profiles$\websondsa\Downloads\652bd944-323a-456d-8a51-e2c423034eed.tmp</t>
  </si>
  <si>
    <t>12/23/2019 07:27:32</t>
  </si>
  <si>
    <t>12/23/2019 07:30:11</t>
  </si>
  <si>
    <t>13b34350-4435-4d89-b898-2f4f0de6edd9.tmp</t>
  </si>
  <si>
    <t>\\acsfs\profiles$\marcellewdl\Downloads\13b34350-4435-4d89-b898-2f4f0de6edd9.tmp</t>
  </si>
  <si>
    <t>12/23/2019 07:28:14</t>
  </si>
  <si>
    <t>31437d2e-63e8-42d0-8d95-1b76f6052965.tmp</t>
  </si>
  <si>
    <t>\\acsfs\profiles$\marcellewdl\Downloads\31437d2e-63e8-42d0-8d95-1b76f6052965.tmp</t>
  </si>
  <si>
    <t>12/23/2019 07:29:09</t>
  </si>
  <si>
    <t>1d8abbc9-a6b7-48cf-8ae3-8e2add79261e.tmp</t>
  </si>
  <si>
    <t>\\acsfs\profiles$\marcellewdl\Downloads\1d8abbc9-a6b7-48cf-8ae3-8e2add79261e.tmp</t>
  </si>
  <si>
    <t>12/23/2019 07:25:29</t>
  </si>
  <si>
    <t>72ee10e8-a38b-4150-860d-fc8038af39bb.tmp</t>
  </si>
  <si>
    <t>\\acsfs\profiles$\vivianealda\Downloads\72ee10e8-a38b-4150-860d-fc8038af39bb.tmp</t>
  </si>
  <si>
    <t>12/23/2019 07:30:27</t>
  </si>
  <si>
    <t>12/23/2019 07:32:11</t>
  </si>
  <si>
    <t>12/23/2019 07:27:52</t>
  </si>
  <si>
    <t>12/23/2019 07:33:12</t>
  </si>
  <si>
    <t>12/23/2019 07:29:37</t>
  </si>
  <si>
    <t>2e7a2c35-b79e-48fe-b956-79d22842069d.tmp</t>
  </si>
  <si>
    <t>\\acsfs\profiles$\websondsa\Downloads\2e7a2c35-b79e-48fe-b956-79d22842069d.tmp</t>
  </si>
  <si>
    <t>12/20/2019 15:44:09</t>
  </si>
  <si>
    <t>12/23/2019 07:34:11</t>
  </si>
  <si>
    <t>https://udpmailboxap01.acs.com.br:8443/h/search?si=0&amp;so=0&amp;sc=50593&amp;st=task&amp;action=edittask</t>
  </si>
  <si>
    <t>12/20/2019 15:44:17</t>
  </si>
  <si>
    <t>https://udpmailboxap01.acs.com.br:8443/h/search?su=1&amp;si=0&amp;so=0&amp;sc=50593&amp;st=task&amp;action=edittask&amp;id=2292-2291</t>
  </si>
  <si>
    <t>12/23/2019 07:29:00</t>
  </si>
  <si>
    <t>1e6be1c5-8f21-43e3-88ea-d48183ec47cc.tmp</t>
  </si>
  <si>
    <t>\\acsfs\profiles$\sarahbal\Downloads\1e6be1c5-8f21-43e3-88ea-d48183ec47cc.tmp</t>
  </si>
  <si>
    <t>12/23/2019 07:30:03</t>
  </si>
  <si>
    <t>29ffca2f-1675-4cf0-b57f-16bd55551042.tmp</t>
  </si>
  <si>
    <t>\\acsfs\profiles$\sarahbal\Downloads\29ffca2f-1675-4cf0-b57f-16bd55551042.tmp</t>
  </si>
  <si>
    <t>12/23/2019 07:30:36</t>
  </si>
  <si>
    <t>5fd79766-35ab-45af-ad22-5bf42d16199c.tmp</t>
  </si>
  <si>
    <t>\\acsfs\profiles$\sarahbal\Downloads\5fd79766-35ab-45af-ad22-5bf42d16199c.tmp</t>
  </si>
  <si>
    <t>12/23/2019 07:33:44</t>
  </si>
  <si>
    <t>12/23/2019 07:39:12</t>
  </si>
  <si>
    <t>12/23/2019 07:37:48</t>
  </si>
  <si>
    <t>12/23/2019 07:37:49</t>
  </si>
  <si>
    <t>12/23/2019 07:37:50</t>
  </si>
  <si>
    <t>12/23/2019 07:37:51</t>
  </si>
  <si>
    <t>12/23/2019 07:38:04</t>
  </si>
  <si>
    <t>12/23/2019 07:38:05</t>
  </si>
  <si>
    <t>12/23/2019 07:38:07</t>
  </si>
  <si>
    <t>12/23/2019 07:38:08</t>
  </si>
  <si>
    <t>12/23/2019 07:38:09</t>
  </si>
  <si>
    <t>12/23/2019 07:38:18</t>
  </si>
  <si>
    <t>12/23/2019 07:38:19</t>
  </si>
  <si>
    <t>12/23/2019 07:38:20</t>
  </si>
  <si>
    <t>12/23/2019 07:38:22</t>
  </si>
  <si>
    <t>12/23/2019 07:37:57</t>
  </si>
  <si>
    <t>12/23/2019 07:40:13</t>
  </si>
  <si>
    <t>12/23/2019 07:38:55</t>
  </si>
  <si>
    <t>12/23/2019 07:44:13</t>
  </si>
  <si>
    <t>12/23/2019 07:39:35</t>
  </si>
  <si>
    <t>77883918-c11d-43fd-a77e-d9e47f0159fb.tmp</t>
  </si>
  <si>
    <t>\\acsfs\profiles$\sarahbal\Downloads\77883918-c11d-43fd-a77e-d9e47f0159fb.tmp</t>
  </si>
  <si>
    <t>12/23/2019 07:39:18</t>
  </si>
  <si>
    <t>12/23/2019 07:39:42</t>
  </si>
  <si>
    <t>12/23/2019 07:39:47</t>
  </si>
  <si>
    <t>12/23/2019 07:39:55</t>
  </si>
  <si>
    <t>12/23/2019 07:40:55</t>
  </si>
  <si>
    <t>12/23/2019 07:42:20</t>
  </si>
  <si>
    <t>12/23/2019 07:43:44</t>
  </si>
  <si>
    <t>12/23/2019 07:46:32</t>
  </si>
  <si>
    <t>12/23/2019 07:47:12</t>
  </si>
  <si>
    <t>12/23/2019 07:47:11</t>
  </si>
  <si>
    <t>12/23/2019 07:48:13</t>
  </si>
  <si>
    <t>ulog_AcroARM2_Reader_22bb18ef-a0cc-4985-b2f1-d8449a05e1d0_2087370a-f395-4887-964a-d84cb88c6b4b_0.log</t>
  </si>
  <si>
    <t>C:\Users\Jordanarb\AppData\Roaming\Adobe\LogTransport2\Logs\ulog_AcroARM2_Reader_22bb18ef-a0cc-4985-b2f1-d8449a05e1d0_2087370a-f395-4887-964a-d84cb88c6b4b_0.log\</t>
  </si>
  <si>
    <t>12/23/2019 07:45:01</t>
  </si>
  <si>
    <t>12/23/2019 07:49:13</t>
  </si>
  <si>
    <t>12/23/2019 07:48:49</t>
  </si>
  <si>
    <t>12/23/2019 07:48:55</t>
  </si>
  <si>
    <t>12/23/2019 07:50:18</t>
  </si>
  <si>
    <t>12/23/2019 07:51:13</t>
  </si>
  <si>
    <t>8899dbca-689b-49a2-bf1e-367211a53faa.tmp</t>
  </si>
  <si>
    <t>\\acsfs\profiles$\deborahsi\Downloads\8899dbca-689b-49a2-bf1e-367211a53faa.tmp</t>
  </si>
  <si>
    <t>12/23/2019 07:51:30</t>
  </si>
  <si>
    <t>12/23/2019 07:53:13</t>
  </si>
  <si>
    <t>130bcb23-2ad2-477a-89d1-cac343a4892c.tmp</t>
  </si>
  <si>
    <t>\\acsfs\profiles$\websondsa\Downloads\130bcb23-2ad2-477a-89d1-cac343a4892c.tmp</t>
  </si>
  <si>
    <t>12/23/2019 07:50:20</t>
  </si>
  <si>
    <t>12/23/2019 07:54:13</t>
  </si>
  <si>
    <t>12/23/2019 07:49:15</t>
  </si>
  <si>
    <t>SCHEDULE_FINANCEIRA_Dezembro (1).xlsx</t>
  </si>
  <si>
    <t>12/23/2019 07:49:26</t>
  </si>
  <si>
    <t>andrelpsa@algartech.com;fabianacscg@algartech.com;karinefg@algartech.com;mirianppb@algartech.com;qualidadealgarbv@algartech.com;supervisaobancovotorantim@algartech.com;</t>
  </si>
  <si>
    <t>andrelpsa@algartech.com,fabianacscg@algartech.com,karinefg@algartech.com,mirianppb@algartech.com,qualidadealgarbv@algartech.com,supervisaobancovotorantim@algartech.com</t>
  </si>
  <si>
    <t>12/23/2019 07:49:44</t>
  </si>
  <si>
    <t>12/23/2019 07:50:49</t>
  </si>
  <si>
    <t>12/23/2019 07:56:13</t>
  </si>
  <si>
    <t>5e728539-01d9-4cc0-8e3c-86ade68898cf.tmp</t>
  </si>
  <si>
    <t>\\acsfs\profiles$\gabrielarb\Downloads\5e728539-01d9-4cc0-8e3c-86ade68898cf.tmp</t>
  </si>
  <si>
    <t>12/23/2019 07:50:50</t>
  </si>
  <si>
    <t>462809dd-07fa-45c9-a1c7-773c1c9833e4.tmp</t>
  </si>
  <si>
    <t>\\acsfs\profiles$\gabrielarb\Downloads\462809dd-07fa-45c9-a1c7-773c1c9833e4.tmp</t>
  </si>
  <si>
    <t>12/23/2019 07:51:43</t>
  </si>
  <si>
    <t>f168bb86-bbb7-493f-8c28-0cffc74ffa71.tmp</t>
  </si>
  <si>
    <t>\\acsfs\profiles$\gabrielarb\Downloads\f168bb86-bbb7-493f-8c28-0cffc74ffa71.tmp</t>
  </si>
  <si>
    <t>12/23/2019 07:52:40</t>
  </si>
  <si>
    <t>d83f5774-e70e-4a35-9040-66fdffa9b31e.tmp</t>
  </si>
  <si>
    <t>\\acsfs\profiles$\gabrielarb\Downloads\d83f5774-e70e-4a35-9040-66fdffa9b31e.tmp</t>
  </si>
  <si>
    <t>12/23/2019 07:54:26</t>
  </si>
  <si>
    <t>50e27c41-b1be-470d-8da1-f5b778c670d0.tmp</t>
  </si>
  <si>
    <t>\\acsfs\profiles$\gabrielarb\Downloads\50e27c41-b1be-470d-8da1-f5b778c670d0.tmp</t>
  </si>
  <si>
    <t>12/23/2019 07:51:19</t>
  </si>
  <si>
    <t>de8f2614-72af-4d9c-90b9-02788ba2ccde.tmp</t>
  </si>
  <si>
    <t>\\acsfs\profiles$\deborahsi\Downloads\de8f2614-72af-4d9c-90b9-02788ba2ccde.tmp</t>
  </si>
  <si>
    <t>12/23/2019 07:55:44</t>
  </si>
  <si>
    <t>12/23/2019 07:59:13</t>
  </si>
  <si>
    <t>12/23/2019 07:56:01</t>
  </si>
  <si>
    <t>12/23/2019 08:00:14</t>
  </si>
  <si>
    <t>1d560d1a-3c21-4b18-ab20-c16f80fea92a.tmp</t>
  </si>
  <si>
    <t>\\acsfs\profiles$\paulovadc\Downloads\1d560d1a-3c21-4b18-ab20-c16f80fea92a.tmp</t>
  </si>
  <si>
    <t>12/23/2019 07:56:19</t>
  </si>
  <si>
    <t>12/23/2019 07:57:12</t>
  </si>
  <si>
    <t>9f348bb9-9aeb-4eb9-91fa-cad0dcabe696.tmp</t>
  </si>
  <si>
    <t>\\acsfs\profiles$\paulovadc\Downloads\9f348bb9-9aeb-4eb9-91fa-cad0dcabe696.tmp</t>
  </si>
  <si>
    <t>12/23/2019 07:57:22</t>
  </si>
  <si>
    <t>d3688922-f912-44b7-b7ea-4bbe1890ed00.tmp</t>
  </si>
  <si>
    <t>\\acsfs\profiles$\paulovadc\Downloads\d3688922-f912-44b7-b7ea-4bbe1890ed00.tmp</t>
  </si>
  <si>
    <t>12/23/2019 07:56:09</t>
  </si>
  <si>
    <t>ad081f67-8b0f-437b-83c6-a62c530ef23b.tmp</t>
  </si>
  <si>
    <t>\\acsfs\profiles$\vivianealda\Downloads\ad081f67-8b0f-437b-83c6-a62c530ef23b.tmp</t>
  </si>
  <si>
    <t>12/23/2019 07:59:44</t>
  </si>
  <si>
    <t>12/23/2019 08:03:13</t>
  </si>
  <si>
    <t>d243c492-9da7-485c-a52c-054cf5d827ef.tmp</t>
  </si>
  <si>
    <t>\\acsfs\profiles$\luanarda\Downloads\d243c492-9da7-485c-a52c-054cf5d827ef.tmp</t>
  </si>
  <si>
    <t>12/23/2019 08:00:51</t>
  </si>
  <si>
    <t>688416f8-6720-4e43-9146-1d90543d417a.tmp</t>
  </si>
  <si>
    <t>\\acsfs\profiles$\luanarda\Downloads\688416f8-6720-4e43-9146-1d90543d417a.tmp</t>
  </si>
  <si>
    <t>12/23/2019 08:02:07</t>
  </si>
  <si>
    <t>12/23/2019 07:59:47</t>
  </si>
  <si>
    <t>12/23/2019 08:04:13</t>
  </si>
  <si>
    <t>12/23/2019 07:59:42</t>
  </si>
  <si>
    <t>12/23/2019 07:59:20</t>
  </si>
  <si>
    <t>12/23/2019 08:00:04</t>
  </si>
  <si>
    <t>12/23/2019 07:59:27</t>
  </si>
  <si>
    <t>12/23/2019 08:00:24</t>
  </si>
  <si>
    <t>12/23/2019 07:59:32</t>
  </si>
  <si>
    <t>12/23/2019 08:03:16</t>
  </si>
  <si>
    <t>5d40572e-28b9-4a2d-ac81-ff8dcd09eb87.tmp</t>
  </si>
  <si>
    <t>\\acsfs\profiles$\philipegsf\Downloads\5d40572e-28b9-4a2d-ac81-ff8dcd09eb87.tmp</t>
  </si>
  <si>
    <t>12/23/2019 07:59:41</t>
  </si>
  <si>
    <t>12/23/2019 08:01:44</t>
  </si>
  <si>
    <t>12/23/2019 08:04:04</t>
  </si>
  <si>
    <t>12/23/2019 08:03:40</t>
  </si>
  <si>
    <t>12/23/2019 08:05:13</t>
  </si>
  <si>
    <t>12/23/2019 08:00:49</t>
  </si>
  <si>
    <t>12/23/2019 08:06:14</t>
  </si>
  <si>
    <t>6f511ab6-59ea-4f82-8cb0-f35d00df1197.tmp</t>
  </si>
  <si>
    <t>\\acsfs\profiles$\gabrielarb\Downloads\6f511ab6-59ea-4f82-8cb0-f35d00df1197.tmp</t>
  </si>
  <si>
    <t>12/23/2019 08:03:35</t>
  </si>
  <si>
    <t>12/23/2019 08:09:14</t>
  </si>
  <si>
    <t>33fcc04e-069b-45f1-a597-449cf78d8c3a.tmp</t>
  </si>
  <si>
    <t>\\acsfs\profiles$\felipetds\Downloads\33fcc04e-069b-45f1-a597-449cf78d8c3a.tmp</t>
  </si>
  <si>
    <t>12/23/2019 08:05:41</t>
  </si>
  <si>
    <t>aa52036f-abc1-452e-93ad-8e674bca1b83.tmp</t>
  </si>
  <si>
    <t>\\acsfs\profiles$\felipetds\Downloads\aa52036f-abc1-452e-93ad-8e674bca1b83.tmp</t>
  </si>
  <si>
    <t>12/23/2019 08:07:12</t>
  </si>
  <si>
    <t>Leandro- 09-12-2019 Horas 10-09-34_1_6768609368971746064_1_32.wav</t>
  </si>
  <si>
    <t>\\acsfs\DEPTOS\EDUCACAO EMPRESARIAL\2 - Operações\0 - BV\5 - QUALIDADE\Nova pasta\Leandro- 09-12-2019 Horas 10-09-34_1_6768609368971746064_1_32.wav</t>
  </si>
  <si>
    <t>12/23/2019 08:07:13</t>
  </si>
  <si>
    <t>Alexandre 16-12-2019 horas 16-49-54_1_6771077751101274982_1_32.wav</t>
  </si>
  <si>
    <t>\\acsfs\DEPTOS\EDUCACAO EMPRESARIAL\2 - Operações\0 - BV\5 - QUALIDADE\Nova pasta\Alexandre 16-12-2019 horas 16-49-54_1_6771077751101274982_1_32.wav</t>
  </si>
  <si>
    <t>12/23/2019 08:04:10</t>
  </si>
  <si>
    <t>34f443ec-cd61-4cfa-9161-0fb1e6bac5da.tmp</t>
  </si>
  <si>
    <t>\\acsfs\profiles$\quindaizaagds\Downloads\34f443ec-cd61-4cfa-9161-0fb1e6bac5da.tmp</t>
  </si>
  <si>
    <t>12/23/2019 08:05:21</t>
  </si>
  <si>
    <t>9fb2debc-02b8-46c3-9fb4-b4bde58835ec.tmp</t>
  </si>
  <si>
    <t>\\acsfs\profiles$\quindaizaagds\Downloads\9fb2debc-02b8-46c3-9fb4-b4bde58835ec.tmp</t>
  </si>
  <si>
    <t>12/23/2019 08:05:40</t>
  </si>
  <si>
    <t>26078bfb-8b8c-4897-9f6e-e50cb16ce857.tmp</t>
  </si>
  <si>
    <t>\\acsfs\profiles$\quindaizaagds\Downloads\26078bfb-8b8c-4897-9f6e-e50cb16ce857.tmp</t>
  </si>
  <si>
    <t>12/23/2019 08:05:07</t>
  </si>
  <si>
    <t>1c60836a-f63c-43dc-88bf-00cff7e37c45.tmp</t>
  </si>
  <si>
    <t>\\acsfs\profiles$\philipegsf\Downloads\1c60836a-f63c-43dc-88bf-00cff7e37c45.tmp</t>
  </si>
  <si>
    <t>12/23/2019 08:04:19</t>
  </si>
  <si>
    <t>12/23/2019 08:07:40</t>
  </si>
  <si>
    <t>12/23/2019 08:07:44</t>
  </si>
  <si>
    <t>12/23/2019 08:08:36</t>
  </si>
  <si>
    <t>12/23/2019 08:08:47</t>
  </si>
  <si>
    <t>12/23/2019 08:08:52</t>
  </si>
  <si>
    <t>12/23/2019 08:08:59</t>
  </si>
  <si>
    <t>12/23/2019 08:09:07</t>
  </si>
  <si>
    <t>12/23/2019 08:09:08</t>
  </si>
  <si>
    <t>12/23/2019 08:08:24</t>
  </si>
  <si>
    <t>12/23/2019 08:13:14</t>
  </si>
  <si>
    <t>12/23/2019 08:09:58</t>
  </si>
  <si>
    <t>12/23/2019 08:11:04</t>
  </si>
  <si>
    <t>e5bd28e1-4623-4e8f-9420-13209ba371d5.tmp</t>
  </si>
  <si>
    <t>\\acsfs\profiles$\jonatanls\Downloads\e5bd28e1-4623-4e8f-9420-13209ba371d5.tmp</t>
  </si>
  <si>
    <t>12/23/2019 08:11:13</t>
  </si>
  <si>
    <t>12/23/2019 08:14:14</t>
  </si>
  <si>
    <t>edicarlos 06-12-2019 as 09-16_1_6767481446135309736_1_32.wav</t>
  </si>
  <si>
    <t>\\acsfs\DEPTOS\EDUCACAO EMPRESARIAL\2 - Operações\0 - BV\5 - QUALIDADE\Nova pasta\edicarlos 06-12-2019 as 09-16_1_6767481446135309736_1_32.wav</t>
  </si>
  <si>
    <t>12/23/2019 08:13:44</t>
  </si>
  <si>
    <t>12/23/2019 08:11:59</t>
  </si>
  <si>
    <t>12/23/2019 08:15:14</t>
  </si>
  <si>
    <t>2218fb81-f76b-4815-9589-80dcaac8e03a.tmp</t>
  </si>
  <si>
    <t>\\acsfs\profiles$\paulovadc\Downloads\2218fb81-f76b-4815-9589-80dcaac8e03a.tmp</t>
  </si>
  <si>
    <t>12/23/2019 08:16:02</t>
  </si>
  <si>
    <t>12/23/2019 08:17:15</t>
  </si>
  <si>
    <t>12/23/2019 08:16:05</t>
  </si>
  <si>
    <t>12/23/2019 08:16:08</t>
  </si>
  <si>
    <t>12/23/2019 08:13:27</t>
  </si>
  <si>
    <t>12/23/2019 08:14:48</t>
  </si>
  <si>
    <t>12/23/2019 08:14:49</t>
  </si>
  <si>
    <t>12/23/2019 08:14:44</t>
  </si>
  <si>
    <t>12/23/2019 08:18:15</t>
  </si>
  <si>
    <t>2993d29a-275e-4520-b72d-1d5228a0c7fe.tmp</t>
  </si>
  <si>
    <t>\\acsfs\profiles$\jonatanls\Downloads\2993d29a-275e-4520-b72d-1d5228a0c7fe.tmp</t>
  </si>
  <si>
    <t>12/23/2019 08:15:22</t>
  </si>
  <si>
    <t>69cd3d5d-fd96-482e-a174-f147d00769a7.tmp</t>
  </si>
  <si>
    <t>\\acsfs\profiles$\jonatanls\Downloads\69cd3d5d-fd96-482e-a174-f147d00769a7.tmp</t>
  </si>
  <si>
    <t>12/23/2019 08:18:11</t>
  </si>
  <si>
    <t>12/23/2019 08:19:15</t>
  </si>
  <si>
    <t>12/23/2019 08:15:09</t>
  </si>
  <si>
    <t>https://udpmailboxap01.acs.com.br:8443/h/search?si=1&amp;so=0&amp;sc=51197&amp;st=conversation&amp;action=compose&amp;paction=paneview</t>
  </si>
  <si>
    <t>12/23/2019 08:15:39</t>
  </si>
  <si>
    <t>12/23/2019 08:16:09</t>
  </si>
  <si>
    <t>12/23/2019 08:16:39</t>
  </si>
  <si>
    <t>12/23/2019 08:15:51</t>
  </si>
  <si>
    <t>12/23/2019 08:20:15</t>
  </si>
  <si>
    <t>12/23/2019 08:19:10</t>
  </si>
  <si>
    <t>12/23/2019 08:21:15</t>
  </si>
  <si>
    <t>3d0c8262-0ca5-4aba-aa4d-888c4302804e.tmp</t>
  </si>
  <si>
    <t>\\acsfs\profiles$\milenaas\Downloads\3d0c8262-0ca5-4aba-aa4d-888c4302804e.tmp</t>
  </si>
  <si>
    <t>12/23/2019 08:20:13</t>
  </si>
  <si>
    <t>4ed27382-e15e-4aed-a6b2-8cb87bb74611.tmp</t>
  </si>
  <si>
    <t>\\acsfs\profiles$\milenaas\Downloads\4ed27382-e15e-4aed-a6b2-8cb87bb74611.tmp</t>
  </si>
  <si>
    <t>12/23/2019 08:16:48</t>
  </si>
  <si>
    <t>78d14fbf-1f19-4024-a596-422d5a50f457.tmp</t>
  </si>
  <si>
    <t>\\acsfs\profiles$\deborahsi\Downloads\78d14fbf-1f19-4024-a596-422d5a50f457.tmp</t>
  </si>
  <si>
    <t>12/20/2019 20:11:17</t>
  </si>
  <si>
    <t>12/23/2019 08:23:15</t>
  </si>
  <si>
    <t>mail.google.com/_/upload?authuser=2&amp;dcp=asu-n&amp;upload_id=AEnB2UqOfnrc-Yib1YagbuVWfvH0cQzjd5t3r7Ww0Y_5Xm4Qp-lhMCErwffbsnGdL52bvTcmwa_SQNOOZ807DPf_Z5DMIsjNfw&amp;upload_protocol=resumable</t>
  </si>
  <si>
    <t>12/23/2019 08:19:49</t>
  </si>
  <si>
    <t>12/23/2019 08:18:45</t>
  </si>
  <si>
    <t>12/23/2019 08:24:15</t>
  </si>
  <si>
    <t>12/23/2019 08:19:32</t>
  </si>
  <si>
    <t>12/23/2019 08:19:50</t>
  </si>
  <si>
    <t>12/23/2019 08:20:30</t>
  </si>
  <si>
    <t>12/23/2019 08:22:32</t>
  </si>
  <si>
    <t>2e01c467-8a63-4c7a-8915-411363ffa93f.tmp</t>
  </si>
  <si>
    <t>\\acsfs\profiles$\ayalabfi\Downloads\2e01c467-8a63-4c7a-8915-411363ffa93f.tmp</t>
  </si>
  <si>
    <t>82f33828-e369-4b9f-91b5-930aea003820.tmp</t>
  </si>
  <si>
    <t>\\acsfs\profiles$\ayalabfi\Downloads\82f33828-e369-4b9f-91b5-930aea003820.tmp</t>
  </si>
  <si>
    <t>82d6842a-82fc-4524-91af-e7d7a3c90d55.tmp</t>
  </si>
  <si>
    <t>\\acsfs\profiles$\ayalabfi\Downloads\82d6842a-82fc-4524-91af-e7d7a3c90d55.tmp</t>
  </si>
  <si>
    <t>12/23/2019 08:23:10</t>
  </si>
  <si>
    <t>501df178-ad2a-45d7-9bec-60894d598154.tmp</t>
  </si>
  <si>
    <t>\\acsfs\profiles$\quindaizaagds\Downloads\501df178-ad2a-45d7-9bec-60894d598154.tmp</t>
  </si>
  <si>
    <t>12/23/2019 08:21:39</t>
  </si>
  <si>
    <t>12/23/2019 08:22:39</t>
  </si>
  <si>
    <t>12/23/2019 08:23:09</t>
  </si>
  <si>
    <t>12/23/2019 08:23:39</t>
  </si>
  <si>
    <t>12/23/2019 08:19:23</t>
  </si>
  <si>
    <t>12/23/2019 08:19:24</t>
  </si>
  <si>
    <t>12/23/2019 08:19:44</t>
  </si>
  <si>
    <t>12/23/2019 08:25:14</t>
  </si>
  <si>
    <t>12/23/2019 08:23:58</t>
  </si>
  <si>
    <t>12/23/2019 08:20:54</t>
  </si>
  <si>
    <t>12/23/2019 08:20:55</t>
  </si>
  <si>
    <t>12/23/2019 08:20:56</t>
  </si>
  <si>
    <t>12/23/2019 08:20:57</t>
  </si>
  <si>
    <t>12/23/2019 08:20:58</t>
  </si>
  <si>
    <t>12/23/2019 08:20:59</t>
  </si>
  <si>
    <t>12/23/2019 08:21:00</t>
  </si>
  <si>
    <t>12/23/2019 08:21:01</t>
  </si>
  <si>
    <t>12/23/2019 08:21:02</t>
  </si>
  <si>
    <t>12/23/2019 08:21:03</t>
  </si>
  <si>
    <t>12/23/2019 08:21:04</t>
  </si>
  <si>
    <t>12/23/2019 08:21:05</t>
  </si>
  <si>
    <t>12/23/2019 08:21:06</t>
  </si>
  <si>
    <t>12/23/2019 08:21:07</t>
  </si>
  <si>
    <t>12/23/2019 08:21:08</t>
  </si>
  <si>
    <t>12/23/2019 08:21:09</t>
  </si>
  <si>
    <t>12/23/2019 08:21:10</t>
  </si>
  <si>
    <t>12/23/2019 08:21:11</t>
  </si>
  <si>
    <t>12/23/2019 08:21:12</t>
  </si>
  <si>
    <t>12/23/2019 08:21:13</t>
  </si>
  <si>
    <t>12/23/2019 08:21:14</t>
  </si>
  <si>
    <t>12/23/2019 08:21:16</t>
  </si>
  <si>
    <t>12/23/2019 08:21:17</t>
  </si>
  <si>
    <t>12/23/2019 08:22:30</t>
  </si>
  <si>
    <t>12/23/2019 08:24:32</t>
  </si>
  <si>
    <t>12/23/2019 08:23:20</t>
  </si>
  <si>
    <t>12/23/2019 08:26:15</t>
  </si>
  <si>
    <t>45159db0-0743-43e1-a82a-47c15e23258c.tmp</t>
  </si>
  <si>
    <t>\\acsfs\profiles$\geovannasm\Downloads\45159db0-0743-43e1-a82a-47c15e23258c.tmp</t>
  </si>
  <si>
    <t>12/23/2019 08:25:13</t>
  </si>
  <si>
    <t>4a0dac3c-0d64-4bc2-a554-b9121cb6ea3a.tmp</t>
  </si>
  <si>
    <t>\\acsfs\profiles$\geovannasm\Downloads\4a0dac3c-0d64-4bc2-a554-b9121cb6ea3a.tmp</t>
  </si>
  <si>
    <t>12/23/2019 08:20:37</t>
  </si>
  <si>
    <t>8c6c20a3-f51e-46c2-b7a3-07477dcdc742.tmp</t>
  </si>
  <si>
    <t>\\acsfs\profiles$\milenaas\Downloads\8c6c20a3-f51e-46c2-b7a3-07477dcdc742.tmp</t>
  </si>
  <si>
    <t>154dfe79-e7fd-4e0c-bf7d-d40d56daba1b.tmp</t>
  </si>
  <si>
    <t>\\acsfs\profiles$\milenaas\Downloads\154dfe79-e7fd-4e0c-bf7d-d40d56daba1b.tmp</t>
  </si>
  <si>
    <t>12/23/2019 08:22:55</t>
  </si>
  <si>
    <t>b04c3590-e38e-4966-b601-2714d7236c68.tmp</t>
  </si>
  <si>
    <t>\\acsfs\profiles$\deborahsi\Downloads\b04c3590-e38e-4966-b601-2714d7236c68.tmp</t>
  </si>
  <si>
    <t>12/23/2019 08:24:21</t>
  </si>
  <si>
    <t>12/23/2019 08:28:14</t>
  </si>
  <si>
    <t>12/23/2019 08:26:49</t>
  </si>
  <si>
    <t>12/23/2019 08:29:14</t>
  </si>
  <si>
    <t>12/23/2019 08:26:53</t>
  </si>
  <si>
    <t>04b8e39e-b950-4477-a29d-afd4887d9ddf.tmp</t>
  </si>
  <si>
    <t>\\acsfs\profiles$\ayalabfi\Downloads\04b8e39e-b950-4477-a29d-afd4887d9ddf.tmp</t>
  </si>
  <si>
    <t>12/23/2019 08:23:40</t>
  </si>
  <si>
    <t>21a78795-2626-42e3-b03d-3b37f26b4e91.tmp</t>
  </si>
  <si>
    <t>\\acsfs\profiles$\ayalabfi\Downloads\21a78795-2626-42e3-b03d-3b37f26b4e91.tmp</t>
  </si>
  <si>
    <t>12/23/2019 08:23:41</t>
  </si>
  <si>
    <t>cbbf07ed-3333-44dd-8c31-2023d3f2fef7.tmp</t>
  </si>
  <si>
    <t>\\acsfs\profiles$\ayalabfi\Downloads\cbbf07ed-3333-44dd-8c31-2023d3f2fef7.tmp</t>
  </si>
  <si>
    <t>12/23/2019 08:23:56</t>
  </si>
  <si>
    <t>f9122269-9639-4700-ac10-5837b9c049b0.tmp</t>
  </si>
  <si>
    <t>\\acsfs\profiles$\ayalabfi\Downloads\f9122269-9639-4700-ac10-5837b9c049b0.tmp</t>
  </si>
  <si>
    <t>12/23/2019 08:24:03</t>
  </si>
  <si>
    <t>649ce3cc-a2b4-4dae-9c27-4d651f934ccf.tmp</t>
  </si>
  <si>
    <t>\\acsfs\profiles$\ayalabfi\Downloads\649ce3cc-a2b4-4dae-9c27-4d651f934ccf.tmp</t>
  </si>
  <si>
    <t>12/23/2019 08:24:18</t>
  </si>
  <si>
    <t>6609a20d-a9be-483f-a6d8-b4784a4efeb0.tmp</t>
  </si>
  <si>
    <t>\\acsfs\profiles$\quindaizaagds\Downloads\6609a20d-a9be-483f-a6d8-b4784a4efeb0.tmp</t>
  </si>
  <si>
    <t>12/23/2019 08:28:07</t>
  </si>
  <si>
    <t>cb6f7117-38d7-49c8-bff2-ff6e955deefc.tmp</t>
  </si>
  <si>
    <t>\\acsfs\profiles$\quindaizaagds\Downloads\cb6f7117-38d7-49c8-bff2-ff6e955deefc.tmp</t>
  </si>
  <si>
    <t>12/23/2019 08:24:39</t>
  </si>
  <si>
    <t>12/23/2019 08:25:09</t>
  </si>
  <si>
    <t>12/23/2019 08:25:39</t>
  </si>
  <si>
    <t>12/23/2019 08:27:36</t>
  </si>
  <si>
    <t>f5ab59a8-1254-4428-8652-78f340a2e05f.tmp</t>
  </si>
  <si>
    <t>\\acsfs\profiles$\philipegsf\Downloads\f5ab59a8-1254-4428-8652-78f340a2e05f.tmp</t>
  </si>
  <si>
    <t>12/23/2019 08:25:44</t>
  </si>
  <si>
    <t>12/23/2019 08:30:14</t>
  </si>
  <si>
    <t>12/23/2019 08:26:22</t>
  </si>
  <si>
    <t>12/23/2019 08:25:49</t>
  </si>
  <si>
    <t>9b4f6be1-ae32-4d34-921e-235950ea6e36.tmp</t>
  </si>
  <si>
    <t>\\acsfs\profiles$\laianear\Downloads\9b4f6be1-ae32-4d34-921e-235950ea6e36.tmp</t>
  </si>
  <si>
    <t>12/23/2019 08:25:51</t>
  </si>
  <si>
    <t>6611c913-0822-42f1-988f-3b11e5096b9e.tmp</t>
  </si>
  <si>
    <t>\\acsfs\profiles$\laianear\Downloads\6611c913-0822-42f1-988f-3b11e5096b9e.tmp</t>
  </si>
  <si>
    <t>12/23/2019 08:25:53</t>
  </si>
  <si>
    <t>94a890b9-35f0-41e8-8b61-9f361d3b552e.tmp</t>
  </si>
  <si>
    <t>\\acsfs\profiles$\ERICALSR\Downloads\94a890b9-35f0-41e8-8b61-9f361d3b552e.tmp</t>
  </si>
  <si>
    <t>12/23/2019 08:27:15</t>
  </si>
  <si>
    <t>85dba4c6-6703-4b5b-ae00-ee76b3c9d33c.tmp</t>
  </si>
  <si>
    <t>\\acsfs\profiles$\ERICALSR\Downloads\85dba4c6-6703-4b5b-ae00-ee76b3c9d33c.tmp</t>
  </si>
  <si>
    <t>12/23/2019 08:28:00</t>
  </si>
  <si>
    <t>12/23/2019 08:32:14</t>
  </si>
  <si>
    <t>b205a325-5584-4cbc-a8c2-2d0d6309f4ca.tmp</t>
  </si>
  <si>
    <t>\\acsfs\profiles$\larissaad\Downloads\b205a325-5584-4cbc-a8c2-2d0d6309f4ca.tmp</t>
  </si>
  <si>
    <t>12/23/2019 08:28:02</t>
  </si>
  <si>
    <t>e7c4a253-fb12-4903-88c2-728473efaa25.tmp</t>
  </si>
  <si>
    <t>\\acsfs\profiles$\larissaad\Downloads\e7c4a253-fb12-4903-88c2-728473efaa25.tmp</t>
  </si>
  <si>
    <t>12/23/2019 08:28:46</t>
  </si>
  <si>
    <t>479b9715-e515-4892-8083-da145c716791.tmp</t>
  </si>
  <si>
    <t>\\acsfs\profiles$\larissaad\Downloads\479b9715-e515-4892-8083-da145c716791.tmp</t>
  </si>
  <si>
    <t>12/23/2019 08:29:37</t>
  </si>
  <si>
    <t>12/23/2019 08:33:14</t>
  </si>
  <si>
    <t>12/23/2019 08:29:38</t>
  </si>
  <si>
    <t>12/23/2019 08:29:39</t>
  </si>
  <si>
    <t>12/23/2019 08:29:40</t>
  </si>
  <si>
    <t>12/23/2019 08:29:41</t>
  </si>
  <si>
    <t>12/23/2019 08:29:42</t>
  </si>
  <si>
    <t>12/23/2019 08:29:43</t>
  </si>
  <si>
    <t>12/23/2019 08:29:44</t>
  </si>
  <si>
    <t>12/23/2019 08:29:45</t>
  </si>
  <si>
    <t>12/23/2019 08:29:48</t>
  </si>
  <si>
    <t>12/23/2019 08:29:49</t>
  </si>
  <si>
    <t>12/23/2019 08:29:50</t>
  </si>
  <si>
    <t>12/23/2019 08:29:51</t>
  </si>
  <si>
    <t>12/23/2019 08:29:52</t>
  </si>
  <si>
    <t>12/23/2019 08:29:53</t>
  </si>
  <si>
    <t>12/23/2019 08:29:54</t>
  </si>
  <si>
    <t>12/23/2019 08:29:55</t>
  </si>
  <si>
    <t>12/23/2019 08:29:56</t>
  </si>
  <si>
    <t>12/23/2019 08:29:57</t>
  </si>
  <si>
    <t>12/23/2019 08:29:58</t>
  </si>
  <si>
    <t>12/23/2019 08:29:59</t>
  </si>
  <si>
    <t>12/23/2019 08:33:10</t>
  </si>
  <si>
    <t>12/23/2019 08:34:14</t>
  </si>
  <si>
    <t>219ae9c2-0c4e-4792-9f6d-dde183df1afe.tmp</t>
  </si>
  <si>
    <t>\\acsfs\profiles$\ayalabfi\Downloads\219ae9c2-0c4e-4792-9f6d-dde183df1afe.tmp</t>
  </si>
  <si>
    <t>12/23/2019 08:31:40</t>
  </si>
  <si>
    <t>81acf196-3a32-437c-8dab-960a30b51ccd.tmp</t>
  </si>
  <si>
    <t>\\acsfs\profiles$\sarahbal\Downloads\81acf196-3a32-437c-8dab-960a30b51ccd.tmp</t>
  </si>
  <si>
    <t>12/20/2019 16:51:06</t>
  </si>
  <si>
    <t>mail.google.com/_/upload?authuser=0&amp;dcp=asu-n&amp;upload_id=AEnB2UrNGIeqvglEbiCtOEbWVlWIx6gqfw7YdZsjBzYPT9VyxCbihyLD0KRPXAr_eQb3JsHnajnGFgHsBCgyzNaJ53umA2g-Hg&amp;upload_protocol=resumable</t>
  </si>
  <si>
    <t>\\acsfs\DEPTOS\CAS - Coordenação de Arquitetura de Soluções\Negócios\Squad Competitividade\</t>
  </si>
  <si>
    <t>12/23/2019 08:30:40</t>
  </si>
  <si>
    <t>12/23/2019 08:31:44</t>
  </si>
  <si>
    <t>12/23/2019 08:35:14</t>
  </si>
  <si>
    <t>12/23/2019 08:33:16</t>
  </si>
  <si>
    <t>df3a9d32-3b19-4aad-a047-219bb5354b3e.tmp</t>
  </si>
  <si>
    <t>\\acsfs\profiles$\nataliacsl\Downloads\df3a9d32-3b19-4aad-a047-219bb5354b3e.tmp</t>
  </si>
  <si>
    <t>12/23/2019 08:34:28</t>
  </si>
  <si>
    <t>894bb8e9-b917-4a3e-810a-afff70a2efe2.tmp</t>
  </si>
  <si>
    <t>\\acsfs\profiles$\nataliacsl\Downloads\894bb8e9-b917-4a3e-810a-afff70a2efe2.tmp</t>
  </si>
  <si>
    <t>0fe37e7f-0772-4221-96e0-84dcb0543fc6.tmp</t>
  </si>
  <si>
    <t>\\acsfs\profiles$\wenderbnm\Downloads\0fe37e7f-0772-4221-96e0-84dcb0543fc6.tmp</t>
  </si>
  <si>
    <t>12/23/2019 08:30:57</t>
  </si>
  <si>
    <t>47fb577b-cdc8-47b8-aa6c-5e5e8f2ac93e.tmp</t>
  </si>
  <si>
    <t>\\acsfs\profiles$\wenderbnm\Downloads\47fb577b-cdc8-47b8-aa6c-5e5e8f2ac93e.tmp</t>
  </si>
  <si>
    <t>12/23/2019 08:34:09</t>
  </si>
  <si>
    <t>12/23/2019 08:38:13</t>
  </si>
  <si>
    <t>12/23/2019 08:34:40</t>
  </si>
  <si>
    <t>12/23/2019 08:34:44</t>
  </si>
  <si>
    <t>12/23/2019 08:34:45</t>
  </si>
  <si>
    <t>12/23/2019 08:34:47</t>
  </si>
  <si>
    <t>12/23/2019 08:34:53</t>
  </si>
  <si>
    <t>12/23/2019 08:34:55</t>
  </si>
  <si>
    <t>12/23/2019 08:34:58</t>
  </si>
  <si>
    <t>12/23/2019 08:34:59</t>
  </si>
  <si>
    <t>12/23/2019 08:35:05</t>
  </si>
  <si>
    <t>12/23/2019 08:35:06</t>
  </si>
  <si>
    <t>12/23/2019 08:35:12</t>
  </si>
  <si>
    <t>12/23/2019 08:35:13</t>
  </si>
  <si>
    <t>12/23/2019 08:35:15</t>
  </si>
  <si>
    <t>12/23/2019 08:35:16</t>
  </si>
  <si>
    <t>12/23/2019 08:35:37</t>
  </si>
  <si>
    <t>12/23/2019 08:35:39</t>
  </si>
  <si>
    <t>12/23/2019 08:35:44</t>
  </si>
  <si>
    <t>12/23/2019 08:35:45</t>
  </si>
  <si>
    <t>12/23/2019 08:36:00</t>
  </si>
  <si>
    <t>12/23/2019 08:36:01</t>
  </si>
  <si>
    <t>12/23/2019 08:36:09</t>
  </si>
  <si>
    <t>12/23/2019 08:36:10</t>
  </si>
  <si>
    <t>12/23/2019 08:36:11</t>
  </si>
  <si>
    <t>12/23/2019 08:36:14</t>
  </si>
  <si>
    <t>12/23/2019 08:36:16</t>
  </si>
  <si>
    <t>12/23/2019 08:36:17</t>
  </si>
  <si>
    <t>12/23/2019 08:36:18</t>
  </si>
  <si>
    <t>12/23/2019 08:36:20</t>
  </si>
  <si>
    <t>12/23/2019 08:36:22</t>
  </si>
  <si>
    <t>12/23/2019 08:36:24</t>
  </si>
  <si>
    <t>12/23/2019 08:36:25</t>
  </si>
  <si>
    <t>12/23/2019 08:36:27</t>
  </si>
  <si>
    <t>12/23/2019 08:36:28</t>
  </si>
  <si>
    <t>12/23/2019 08:36:31</t>
  </si>
  <si>
    <t>12/23/2019 08:36:33</t>
  </si>
  <si>
    <t>12/23/2019 08:36:37</t>
  </si>
  <si>
    <t>12/23/2019 08:36:40</t>
  </si>
  <si>
    <t>12/23/2019 08:36:42</t>
  </si>
  <si>
    <t>12/23/2019 08:35:38</t>
  </si>
  <si>
    <t>12/23/2019 08:36:44</t>
  </si>
  <si>
    <t>12/23/2019 08:36:47</t>
  </si>
  <si>
    <t>lu1062840w2.tmp</t>
  </si>
  <si>
    <t>\\acsfs\profiles$\jonatanls\My Documents\lu1062840w2.tmp</t>
  </si>
  <si>
    <t>12/23/2019 08:36:49</t>
  </si>
  <si>
    <t>12/23/2019 08:36:52</t>
  </si>
  <si>
    <t>12/23/2019 08:36:55</t>
  </si>
  <si>
    <t>12/23/2019 08:37:24</t>
  </si>
  <si>
    <t>12/23/2019 08:37:45</t>
  </si>
  <si>
    <t>12/23/2019 08:39:14</t>
  </si>
  <si>
    <t>12/23/2019 08:37:46</t>
  </si>
  <si>
    <t>12/23/2019 08:37:54</t>
  </si>
  <si>
    <t>12/23/2019 08:37:58</t>
  </si>
  <si>
    <t>12/23/2019 08:38:01</t>
  </si>
  <si>
    <t>12/23/2019 08:37:47</t>
  </si>
  <si>
    <t>12/23/2019 08:37:48</t>
  </si>
  <si>
    <t>12/23/2019 08:37:49</t>
  </si>
  <si>
    <t>12/23/2019 08:37:50</t>
  </si>
  <si>
    <t>12/23/2019 08:37:51</t>
  </si>
  <si>
    <t>12/23/2019 08:37:52</t>
  </si>
  <si>
    <t>12/23/2019 08:37:53</t>
  </si>
  <si>
    <t>12/23/2019 08:37:55</t>
  </si>
  <si>
    <t>12/23/2019 08:37:56</t>
  </si>
  <si>
    <t>12/23/2019 08:37:57</t>
  </si>
  <si>
    <t>12/23/2019 08:35:09</t>
  </si>
  <si>
    <t>12/23/2019 08:34:46</t>
  </si>
  <si>
    <t>12/23/2019 08:40:13</t>
  </si>
  <si>
    <t>12/23/2019 08:34:51</t>
  </si>
  <si>
    <t>12/23/2019 08:34:56</t>
  </si>
  <si>
    <t>12/23/2019 08:36:08</t>
  </si>
  <si>
    <t>12/23/2019 08:37:19</t>
  </si>
  <si>
    <t>12/23/2019 08:37:23</t>
  </si>
  <si>
    <t>12/23/2019 08:37:44</t>
  </si>
  <si>
    <t>12/23/2019 08:38:35</t>
  </si>
  <si>
    <t>12/23/2019 08:38:42</t>
  </si>
  <si>
    <t>12/23/2019 08:36:04</t>
  </si>
  <si>
    <t>82a6bc6d-3c17-4159-9102-687397f5c32e.tmp</t>
  </si>
  <si>
    <t>\\acsfs\profiles$\laianear\Downloads\82a6bc6d-3c17-4159-9102-687397f5c32e.tmp</t>
  </si>
  <si>
    <t>12/23/2019 08:39:22</t>
  </si>
  <si>
    <t>12/23/2019 08:42:13</t>
  </si>
  <si>
    <t>12/23/2019 08:39:23</t>
  </si>
  <si>
    <t>12/23/2019 08:39:24</t>
  </si>
  <si>
    <t>12/23/2019 08:39:25</t>
  </si>
  <si>
    <t>12/23/2019 08:39:26</t>
  </si>
  <si>
    <t>12/23/2019 08:39:27</t>
  </si>
  <si>
    <t>12/23/2019 08:39:28</t>
  </si>
  <si>
    <t>12/23/2019 08:39:29</t>
  </si>
  <si>
    <t>12/23/2019 08:39:30</t>
  </si>
  <si>
    <t>12/23/2019 08:39:31</t>
  </si>
  <si>
    <t>12/23/2019 08:39:32</t>
  </si>
  <si>
    <t>12/23/2019 08:39:33</t>
  </si>
  <si>
    <t>12/23/2019 08:39:34</t>
  </si>
  <si>
    <t>12/23/2019 08:39:35</t>
  </si>
  <si>
    <t>12/23/2019 08:39:36</t>
  </si>
  <si>
    <t>12/23/2019 08:39:37</t>
  </si>
  <si>
    <t>12/23/2019 08:39:38</t>
  </si>
  <si>
    <t>12/23/2019 08:39:39</t>
  </si>
  <si>
    <t>12/23/2019 08:39:40</t>
  </si>
  <si>
    <t>12/23/2019 08:39:41</t>
  </si>
  <si>
    <t>12/23/2019 08:39:42</t>
  </si>
  <si>
    <t>12/23/2019 08:39:43</t>
  </si>
  <si>
    <t>12/23/2019 08:38:09</t>
  </si>
  <si>
    <t>12/23/2019 08:40:08</t>
  </si>
  <si>
    <t>larissaad@bv.algartech.com</t>
  </si>
  <si>
    <t>https://udpmailboxap01/h/search?si=3&amp;so=0&amp;sc=51240&amp;st=conversation&amp;action=compose&amp;paction=paneview2</t>
  </si>
  <si>
    <t>12/23/2019 08:41:41</t>
  </si>
  <si>
    <t>12/23/2019 08:43:14</t>
  </si>
  <si>
    <t>12/23/2019 08:40:22</t>
  </si>
  <si>
    <t>f169048e-5aae-4afd-9025-0373627d8278.tmp</t>
  </si>
  <si>
    <t>\\acsfs\profiles$\jonatanls\Downloads\f169048e-5aae-4afd-9025-0373627d8278.tmp</t>
  </si>
  <si>
    <t>12/23/2019 08:40:02</t>
  </si>
  <si>
    <t>66cbe0e1-8ad3-4dd6-ae26-e5db44ee6c9f.tmp</t>
  </si>
  <si>
    <t>\\acsfs\profiles$\YASMINSC\Downloads\66cbe0e1-8ad3-4dd6-ae26-e5db44ee6c9f.tmp</t>
  </si>
  <si>
    <t>12/23/2019 08:40:17</t>
  </si>
  <si>
    <t>12/23/2019 08:41:13</t>
  </si>
  <si>
    <t>fc520cd5-5df6-475f-b422-15e6954f46bf.tmp</t>
  </si>
  <si>
    <t>\\acsfs\profiles$\YASMINSC\Downloads\fc520cd5-5df6-475f-b422-15e6954f46bf.tmp</t>
  </si>
  <si>
    <t>8b2a4596-1372-4644-921a-afccb1000a16.tmp</t>
  </si>
  <si>
    <t>\\acsfs\profiles$\jonatanls\Downloads\8b2a4596-1372-4644-921a-afccb1000a16.tmp</t>
  </si>
  <si>
    <t>12/23/2019 08:41:39</t>
  </si>
  <si>
    <t>12/23/2019 08:44:13</t>
  </si>
  <si>
    <t>12/23/2019 08:42:39</t>
  </si>
  <si>
    <t>12/23/2019 08:43:09</t>
  </si>
  <si>
    <t>12/23/2019 08:43:39</t>
  </si>
  <si>
    <t>12/23/2019 08:45:14</t>
  </si>
  <si>
    <t>mail.google.com/sync/u/0/i/s?hl=pt-BR&amp;c=267</t>
  </si>
  <si>
    <t>12/23/2019 08:39:44</t>
  </si>
  <si>
    <t>mail.google.com/sync/u/0/i/s?hl=pt-BR&amp;c=269</t>
  </si>
  <si>
    <t>12/23/2019 08:40:07</t>
  </si>
  <si>
    <t>12/23/2019 08:40:09</t>
  </si>
  <si>
    <t>12/23/2019 08:40:31</t>
  </si>
  <si>
    <t>12/23/2019 08:43:16</t>
  </si>
  <si>
    <t>12/23/2019 08:43:45</t>
  </si>
  <si>
    <t>12/23/2019 08:41:42</t>
  </si>
  <si>
    <t>17a8980c-89d1-4ad3-92e0-249a81e629aa.tmp</t>
  </si>
  <si>
    <t>\\acsfs\profiles$\PEDROHAB\Downloads\17a8980c-89d1-4ad3-92e0-249a81e629aa.tmp</t>
  </si>
  <si>
    <t>9c571bd5-2fa2-407f-ae50-fcd656ed7f19.tmp</t>
  </si>
  <si>
    <t>\\acsfs\profiles$\PEDROHAB\Downloads\9c571bd5-2fa2-407f-ae50-fcd656ed7f19.tmp</t>
  </si>
  <si>
    <t>12/23/2019 08:44:23</t>
  </si>
  <si>
    <t>12/19/2019 09:50:31</t>
  </si>
  <si>
    <t>12/23/2019 08:46:14</t>
  </si>
  <si>
    <t>10.200.60.136</t>
  </si>
  <si>
    <t>cfacioli@yahoo.com.br,</t>
  </si>
  <si>
    <t>br.mail.yahoo.com/ws/v3/batch?name=messages.saveV3&amp;hash=24432936&amp;appId=YMailNorrin&amp;ymreqid=a7f747a9-628b-d0b4-1cca-ba0006014400&amp;wssid=Dyi8MDaAoZZ</t>
  </si>
  <si>
    <t>raissanmiranda@gmail.com;</t>
  </si>
  <si>
    <t>C:\TEMP - Carlos Facioli\Carlos Facioli\Raissa\</t>
  </si>
  <si>
    <t>Etiquetas Geleia.xlsx</t>
  </si>
  <si>
    <t>raissanmiranda@gmail.com</t>
  </si>
  <si>
    <t>12/23/2019 08:42:49</t>
  </si>
  <si>
    <t>fc7b339f-24e7-4ec7-ab4b-241a313bbbcd.tmp</t>
  </si>
  <si>
    <t>\\acsfs\profiles$\nathaliadf\Downloads\fc7b339f-24e7-4ec7-ab4b-241a313bbbcd.tmp</t>
  </si>
  <si>
    <t>12/23/2019 08:42:18</t>
  </si>
  <si>
    <t>cecb9d4a-4a45-4aa1-bf34-e92159603d3d.tmp</t>
  </si>
  <si>
    <t>\\acsfs\profiles$\gabrielarb\Downloads\cecb9d4a-4a45-4aa1-bf34-e92159603d3d.tmp</t>
  </si>
  <si>
    <t>12/23/2019 08:47:13</t>
  </si>
  <si>
    <t>RES: Mascara UCB</t>
  </si>
  <si>
    <t>12/23/2019 08:42:07</t>
  </si>
  <si>
    <t>12/23/2019 08:46:07</t>
  </si>
  <si>
    <t>12/23/2019 08:47:05</t>
  </si>
  <si>
    <t>12/23/2019 08:49:14</t>
  </si>
  <si>
    <t>b14cbb31-6ad4-414b-86e3-a7bb64a9dcdf.tmp</t>
  </si>
  <si>
    <t>\\acsfs\profiles$\ayalabfi\Downloads\b14cbb31-6ad4-414b-86e3-a7bb64a9dcdf.tmp</t>
  </si>
  <si>
    <t>12/23/2019 08:46:09</t>
  </si>
  <si>
    <t>12/23/2019 08:46:39</t>
  </si>
  <si>
    <t>12/23/2019 08:48:25</t>
  </si>
  <si>
    <t>12/23/2019 08:50:13</t>
  </si>
  <si>
    <t>dfb76855-99d0-4f06-a52a-dda396e4715e.tmp</t>
  </si>
  <si>
    <t>\\acsfs\profiles$\isabellegtds\Downloads\dfb76855-99d0-4f06-a52a-dda396e4715e.tmp</t>
  </si>
  <si>
    <t>12/23/2019 08:49:31</t>
  </si>
  <si>
    <t>9dc7867d-6ef0-4b02-b97c-5c34dfa8fb11.tmp</t>
  </si>
  <si>
    <t>\\acsfs\profiles$\isabellegtds\Downloads\9dc7867d-6ef0-4b02-b97c-5c34dfa8fb11.tmp</t>
  </si>
  <si>
    <t>12/23/2019 08:45:57</t>
  </si>
  <si>
    <t>12/23/2019 08:51:14</t>
  </si>
  <si>
    <t>8176c1ab-6837-4b0b-a184-db98e0e07b65.tmp</t>
  </si>
  <si>
    <t>\\acsfs\profiles$\gabrielarb\Downloads\8176c1ab-6837-4b0b-a184-db98e0e07b65.tmp</t>
  </si>
  <si>
    <t>12/23/2019 08:51:07</t>
  </si>
  <si>
    <t>12/23/2019 08:52:13</t>
  </si>
  <si>
    <t>12/23/2019 08:51:39</t>
  </si>
  <si>
    <t>12/23/2019 08:54:14</t>
  </si>
  <si>
    <t>12/23/2019 08:52:39</t>
  </si>
  <si>
    <t>12/23/2019 08:53:09</t>
  </si>
  <si>
    <t>12/23/2019 08:53:51</t>
  </si>
  <si>
    <t>222b7fac-a04d-49fa-af10-2a85b9691afc.tmp</t>
  </si>
  <si>
    <t>\\acsfs\profiles$\philipegsf\Downloads\222b7fac-a04d-49fa-af10-2a85b9691afc.tmp</t>
  </si>
  <si>
    <t>12/23/2019 08:49:45</t>
  </si>
  <si>
    <t>12/23/2019 08:55:14</t>
  </si>
  <si>
    <t>12/23/2019 08:52:20</t>
  </si>
  <si>
    <t>12/23/2019 08:53:02</t>
  </si>
  <si>
    <t>12/23/2019 08:56:15</t>
  </si>
  <si>
    <t>c568f29c-48b2-4680-b16e-9d095363ada1.tmp</t>
  </si>
  <si>
    <t>\\acsfs\profiles$\gabrielhca\Downloads\c568f29c-48b2-4680-b16e-9d095363ada1.tmp</t>
  </si>
  <si>
    <t>12/23/2019 08:54:24</t>
  </si>
  <si>
    <t>03bae80e-3dec-4c59-8b0a-33d896c35871.tmp</t>
  </si>
  <si>
    <t>\\acsfs\profiles$\gabrielhca\Downloads\03bae80e-3dec-4c59-8b0a-33d896c35871.tmp</t>
  </si>
  <si>
    <t>12/23/2019 08:54:51</t>
  </si>
  <si>
    <t>9ac947fe-7e70-4696-a77d-5ac5b7c5fe06.tmp</t>
  </si>
  <si>
    <t>\\acsfs\profiles$\gabrielhca\Downloads\9ac947fe-7e70-4696-a77d-5ac5b7c5fe06.tmp</t>
  </si>
  <si>
    <t>12/23/2019 08:53:35</t>
  </si>
  <si>
    <t>894deba6-a685-4f3e-b99b-67eb62517088.tmp</t>
  </si>
  <si>
    <t>\\acsfs\profiles$\nathaliadf\Downloads\894deba6-a685-4f3e-b99b-67eb62517088.tmp</t>
  </si>
  <si>
    <t>12/23/2019 08:54:42</t>
  </si>
  <si>
    <t>12/23/2019 08:57:14</t>
  </si>
  <si>
    <t>d1ef12a1-131b-4d06-80c6-1e51245f193a.tmp</t>
  </si>
  <si>
    <t>\\acsfs\profiles$\KARENDSR\Downloads\d1ef12a1-131b-4d06-80c6-1e51245f193a.tmp</t>
  </si>
  <si>
    <t>12/23/2019 08:55:46</t>
  </si>
  <si>
    <t>7ad16239-ed43-4fd2-bc64-822064d0324e.tmp</t>
  </si>
  <si>
    <t>\\acsfs\profiles$\KARENDSR\Downloads\7ad16239-ed43-4fd2-bc64-822064d0324e.tmp</t>
  </si>
  <si>
    <t>12/23/2019 08:54:37</t>
  </si>
  <si>
    <t>12/23/2019 08:58:14</t>
  </si>
  <si>
    <t>12/23/2019 08:55:34</t>
  </si>
  <si>
    <t>23248d39-297d-4a23-aa8e-6d033eb86a30.tmp</t>
  </si>
  <si>
    <t>\\acsfs\profiles$\geovanaasa\Downloads\23248d39-297d-4a23-aa8e-6d033eb86a30.tmp</t>
  </si>
  <si>
    <t>12/23/2019 08:53:40</t>
  </si>
  <si>
    <t>35335f3c-2b13-4145-b107-dea604e0e9b7.tmp</t>
  </si>
  <si>
    <t>\\acsfs\profiles$\luanarda\Downloads\35335f3c-2b13-4145-b107-dea604e0e9b7.tmp</t>
  </si>
  <si>
    <t>12/23/2019 08:54:02</t>
  </si>
  <si>
    <t>12/23/2019 08:54:09</t>
  </si>
  <si>
    <t>12/23/2019 08:59:14</t>
  </si>
  <si>
    <t>12/23/2019 08:55:39</t>
  </si>
  <si>
    <t>12/23/2019 08:54:12</t>
  </si>
  <si>
    <t>\\acsfs\profiles$\philipegsf\Downloads\$RECYCLE.BIN\</t>
  </si>
  <si>
    <t>$I2OSV65.pdf</t>
  </si>
  <si>
    <t>\\acsfs\profiles$\philipegsf\Downloads\$RECYCLE.BIN\$I2OSV65.pdf</t>
  </si>
  <si>
    <t>12/23/2019 08:55:45</t>
  </si>
  <si>
    <t>12/23/2019 09:00:14</t>
  </si>
  <si>
    <t>cf59eccc-aa50-4620-b235-0a1f2a9d1c80.tmp</t>
  </si>
  <si>
    <t>\\acsfs\profiles$\claudiajca\Downloads\cf59eccc-aa50-4620-b235-0a1f2a9d1c80.tmp</t>
  </si>
  <si>
    <t>b831cdc7-87af-4721-910e-dd30e30380d6.tmp</t>
  </si>
  <si>
    <t>\\acsfs\profiles$\claudiajca\Downloads\b831cdc7-87af-4721-910e-dd30e30380d6.tmp</t>
  </si>
  <si>
    <t>12/23/2019 08:57:03</t>
  </si>
  <si>
    <t>12/23/2019 09:02:14</t>
  </si>
  <si>
    <t>2c445bda-b63a-4387-9956-93c804c45fa3.tmp</t>
  </si>
  <si>
    <t>\\acsfs\profiles$\KARENDSR\Downloads\2c445bda-b63a-4387-9956-93c804c45fa3.tmp</t>
  </si>
  <si>
    <t>12/23/2019 08:57:32</t>
  </si>
  <si>
    <t>ae8b1d0e-988f-4caa-ac87-62ca057cb892.tmp</t>
  </si>
  <si>
    <t>\\acsfs\profiles$\KARENDSR\Downloads\ae8b1d0e-988f-4caa-ac87-62ca057cb892.tmp</t>
  </si>
  <si>
    <t>12/23/2019 08:59:52</t>
  </si>
  <si>
    <t>12/23/2019 09:00:07</t>
  </si>
  <si>
    <t>12/23/2019 08:59:55</t>
  </si>
  <si>
    <t>12/23/2019 09:04:15</t>
  </si>
  <si>
    <t>12/23/2019 08:58:19</t>
  </si>
  <si>
    <t>12/23/2019 09:00:17</t>
  </si>
  <si>
    <t>12/23/2019 09:02:46</t>
  </si>
  <si>
    <t>CURVA NORMAL - 20/12/2019</t>
  </si>
  <si>
    <t>12/23/2019 09:01:45</t>
  </si>
  <si>
    <t>12/23/2019 09:05:14</t>
  </si>
  <si>
    <t>12/23/2019 09:02:56</t>
  </si>
  <si>
    <t>12/23/2019 09:01:12</t>
  </si>
  <si>
    <t>12/23/2019 09:06:15</t>
  </si>
  <si>
    <t>5eae2393-a4ed-4e2f-ab3c-7af0d0b707f9.tmp</t>
  </si>
  <si>
    <t>\\acsfs\profiles$\gabrielhca\Downloads\5eae2393-a4ed-4e2f-ab3c-7af0d0b707f9.tmp</t>
  </si>
  <si>
    <t>12/23/2019 09:00:28</t>
  </si>
  <si>
    <t>12/23/2019 09:02:02</t>
  </si>
  <si>
    <t>840071e3-cc39-464d-a5e6-e0f2085658c1.tmp</t>
  </si>
  <si>
    <t>\\acsfs\profiles$\deborahsi\Downloads\840071e3-cc39-464d-a5e6-e0f2085658c1.tmp</t>
  </si>
  <si>
    <t>12/23/2019 09:03:07</t>
  </si>
  <si>
    <t>12/23/2019 09:07:14</t>
  </si>
  <si>
    <t>12/23/2019 09:06:07</t>
  </si>
  <si>
    <t>12/20/2019 17:34:41</t>
  </si>
  <si>
    <t>C:\Users\rondinelesa\Downloads\Status Report Semanal Bloqueio Consciente 04102019.pptx\</t>
  </si>
  <si>
    <t>12/23/2019 09:05:03</t>
  </si>
  <si>
    <t>12/23/2019 09:08:15</t>
  </si>
  <si>
    <t>12/23/2019 09:03:55</t>
  </si>
  <si>
    <t>12/23/2019 09:09:14</t>
  </si>
  <si>
    <t>12/23/2019 09:08:04</t>
  </si>
  <si>
    <t>c2c1bc11-593f-4a9a-95ad-a283b03be284.tmp</t>
  </si>
  <si>
    <t>\\acsfs\profiles$\wedersonbadr\My Documents\My Music\c2c1bc11-593f-4a9a-95ad-a283b03be284.tmp</t>
  </si>
  <si>
    <t>12/23/2019 09:05:15</t>
  </si>
  <si>
    <t>12/23/2019 09:10:15</t>
  </si>
  <si>
    <t>12/23/2019 09:05:24</t>
  </si>
  <si>
    <t>12/23/2019 09:05:28</t>
  </si>
  <si>
    <t>12/23/2019 09:05:34</t>
  </si>
  <si>
    <t>12/23/2019 09:05:58</t>
  </si>
  <si>
    <t>12/23/2019 09:06:06</t>
  </si>
  <si>
    <t>12/23/2019 09:07:45</t>
  </si>
  <si>
    <t>12/23/2019 09:07:52</t>
  </si>
  <si>
    <t>12/23/2019 09:12:15</t>
  </si>
  <si>
    <t>94803e64-d27b-4d0c-8cde-cebce666fa31.tmp</t>
  </si>
  <si>
    <t>\\acsfs\profiles$\larissaad\Downloads\94803e64-d27b-4d0c-8cde-cebce666fa31.tmp</t>
  </si>
  <si>
    <t>12/23/2019 09:10:18</t>
  </si>
  <si>
    <t>12/23/2019 09:13:14</t>
  </si>
  <si>
    <t>12/23/2019 09:09:59</t>
  </si>
  <si>
    <t>12/23/2019 09:14:14</t>
  </si>
  <si>
    <t>12/21/2019 14:55:16</t>
  </si>
  <si>
    <t>mail.google.com/_/upload?authuser=0&amp;dcp=asu-n&amp;upload_id=AEnB2UoJS3-mFBzR19fHbLiT7HSread-clSGOc0XoXnzfRV3E4942lr9ShhcjrOkrrfJ4IsCIvQfVMigFCNrPhx3yXGPN6i6vzpO6AUffqTbLtWEgvwv1dI&amp;upload_protocol=resumable</t>
  </si>
  <si>
    <t>\\acsfs\DEPTOS\PMO Governança\06 - GOVERNANÇA DO CAPEX\CAPEX 2019\EXECUÇÃO\04 - EMPENHADO\STATUS REPORT\</t>
  </si>
  <si>
    <t>Cópia de EXTRACAO_COMPROMISSOS_A19M12D20_.xlsb</t>
  </si>
  <si>
    <t>12/21/2019 14:56:00</t>
  </si>
  <si>
    <t>mail.google.com/_/upload?authuser=0&amp;dcp=asu-n&amp;upload_id=AEnB2Uq7ZdIm_qhZJdC6uHZylDY5xRGq8_QB5dBHp8W9gAeFiFYyq-aia5W4za_RkX61v1VYbht6H4eNgaB2SfIbLLGzFEKR4x7uScl75QxqlHfamUFAfaM&amp;upload_protocol=resumable</t>
  </si>
  <si>
    <t>\\acsfs\DEPTOS\PMO Governança\06 - GOVERNANÇA DO CAPEX\CAPEX 2019\EXECUÇÃO\04 - EMPENHADO\STATUS REPORT\ACOMPANHAMENTO CAPEX 2019 v20_12.pptx\</t>
  </si>
  <si>
    <t>12/23/2019 09:10:12</t>
  </si>
  <si>
    <t>b0045c2c-d0ed-4acd-aaec-bea7544ed936.tmp</t>
  </si>
  <si>
    <t>\\acsfs\profiles$\wedersonbadr\My Documents\My Music\b0045c2c-d0ed-4acd-aaec-bea7544ed936.tmp</t>
  </si>
  <si>
    <t>12/23/2019 09:11:20</t>
  </si>
  <si>
    <t>0b25515b-5e87-4359-af14-6f2d6bbfd2f2.tmp</t>
  </si>
  <si>
    <t>\\acsfs\profiles$\wedersonbadr\My Documents\My Music\0b25515b-5e87-4359-af14-6f2d6bbfd2f2.tmp</t>
  </si>
  <si>
    <t>12/23/2019 09:12:01</t>
  </si>
  <si>
    <t>6b429b54-1362-4a08-8e7e-c520fb0b2ee4.tmp</t>
  </si>
  <si>
    <t>\\acsfs\profiles$\wedersonbadr\My Documents\My Music\6b429b54-1362-4a08-8e7e-c520fb0b2ee4.tmp</t>
  </si>
  <si>
    <t>12/23/2019 09:10:09</t>
  </si>
  <si>
    <t>12/23/2019 09:10:39</t>
  </si>
  <si>
    <t>12/23/2019 09:11:09</t>
  </si>
  <si>
    <t>12/23/2019 09:11:39</t>
  </si>
  <si>
    <t>12/23/2019 09:12:39</t>
  </si>
  <si>
    <t>v4gswjqsysv-suf-a1femnshm7mpumigjvf2ak11wp2liejopetpru79hsdmupgohd4b3jpe9sn3yehfuodx4izop2fwjnj0gqb_sxglm35jf9bt_k6hf6apz25iz5z8abcbphwi7x37d2hrny0ofekad4w0d7vpjiakzqlyqjudiozhtednhfgyammrx8uagxucwut6mr1moakg;</t>
  </si>
  <si>
    <t>C:\Segatto\Pessoais\MegaSenaVirada\</t>
  </si>
  <si>
    <t>Mega_sena_da_virada_2017-18_Conferencia.xls</t>
  </si>
  <si>
    <t>v4gswjqsysv-suf-a1femnshm7mpumigjvf2ak11wp2liejopetpru79hsdmupgohd4b3jpe9sn3yehfuodx4izop2fwjnj0gqb_sxglm35jf9bt_k6hf6apz25iz5z8abcbphwi7x37d2hrny0ofekad4w0d7vpjiakzqlyqjudiozhtednhfgyammrx8uagxucwut6mr1moakg</t>
  </si>
  <si>
    <t>12/23/2019 09:13:45</t>
  </si>
  <si>
    <t>12/23/2019 09:15:14</t>
  </si>
  <si>
    <t>12/23/2019 09:09:54</t>
  </si>
  <si>
    <t>12/23/2019 09:10:06</t>
  </si>
  <si>
    <t>12/23/2019 09:13:23</t>
  </si>
  <si>
    <t>12/23/2019 09:16:14</t>
  </si>
  <si>
    <t>12/23/2019 09:12:02</t>
  </si>
  <si>
    <t>00779b12-1df0-401c-bcac-88d621f2c900.tmp</t>
  </si>
  <si>
    <t>\\acsfs\profiles$\milenaas\Downloads\00779b12-1df0-401c-bcac-88d621f2c900.tmp</t>
  </si>
  <si>
    <t>12/23/2019 09:14:38</t>
  </si>
  <si>
    <t>12/23/2019 09:17:14</t>
  </si>
  <si>
    <t>12/23/2019 09:15:07</t>
  </si>
  <si>
    <t>12/23/2019 09:14:01</t>
  </si>
  <si>
    <t>12/23/2019 09:18:13</t>
  </si>
  <si>
    <t>\\acsfs\profiles$\katiahmdj\My Documents\$RECYCLE.BIN\</t>
  </si>
  <si>
    <t>$IDDN2WF.txt</t>
  </si>
  <si>
    <t>\\acsfs\profiles$\katiahmdj\My Documents\$RECYCLE.BIN\$IDDN2WF.txt</t>
  </si>
  <si>
    <t>12/23/2019 09:14:09</t>
  </si>
  <si>
    <t>12/23/2019 09:19:14</t>
  </si>
  <si>
    <t>12/23/2019 09:14:39</t>
  </si>
  <si>
    <t>12/23/2019 09:15:09</t>
  </si>
  <si>
    <t>12/23/2019 09:15:39</t>
  </si>
  <si>
    <t>12/23/2019 09:16:09</t>
  </si>
  <si>
    <t>12/23/2019 09:18:09</t>
  </si>
  <si>
    <t>12/23/2019 09:18:39</t>
  </si>
  <si>
    <t>12/23/2019 09:21:09</t>
  </si>
  <si>
    <t>12/23/2019 09:22:13</t>
  </si>
  <si>
    <t>12/23/2019 09:17:37</t>
  </si>
  <si>
    <t>12/23/2019 09:18:07</t>
  </si>
  <si>
    <t>12/23/2019 09:21:13</t>
  </si>
  <si>
    <t>12/23/2019 09:24:13</t>
  </si>
  <si>
    <t>12/23/2019 09:22:09</t>
  </si>
  <si>
    <t>12/23/2019 09:22:39</t>
  </si>
  <si>
    <t>12/23/2019 09:23:09</t>
  </si>
  <si>
    <t>12/23/2019 09:23:39</t>
  </si>
  <si>
    <t>12/23/2019 09:19:45</t>
  </si>
  <si>
    <t>12/23/2019 09:25:13</t>
  </si>
  <si>
    <t>12/23/2019 09:20:56</t>
  </si>
  <si>
    <t>\\acsfs\profiles$\cinthiacsda\My Documents\xworkcenter\logs\</t>
  </si>
  <si>
    <t>XLOG_cinthiacsda_23122019_092046.log</t>
  </si>
  <si>
    <t>\\acsfs\profiles$\cinthiacsda\My Documents\xworkcenter\logs\XLOG_cinthiacsda_23122019_092046.log</t>
  </si>
  <si>
    <t>12/23/2019 09:22:29</t>
  </si>
  <si>
    <t>\\acsfs\profiles$\cinthiacsda\My Documents\$RECYCLE.BIN\</t>
  </si>
  <si>
    <t>$IIH0ONL.txt</t>
  </si>
  <si>
    <t>\\acsfs\profiles$\cinthiacsda\My Documents\$RECYCLE.BIN\$IIH0ONL.txt</t>
  </si>
  <si>
    <t>12/23/2019 09:22:15</t>
  </si>
  <si>
    <t>c53b79c5-a026-49c8-a013-89bdcad53479.tmp</t>
  </si>
  <si>
    <t>\\acsfs\profiles$\PEDROHAB\Downloads\c53b79c5-a026-49c8-a013-89bdcad53479.tmp</t>
  </si>
  <si>
    <t>12/23/2019 09:23:41</t>
  </si>
  <si>
    <t>a0f7c232-379d-4ac9-9d20-3f6f8b4e97bc.tmp</t>
  </si>
  <si>
    <t>\\acsfs\profiles$\PEDROHAB\Downloads\a0f7c232-379d-4ac9-9d20-3f6f8b4e97bc.tmp</t>
  </si>
  <si>
    <t>12/23/2019 09:18:43</t>
  </si>
  <si>
    <t>mail.google.com/_/upload?authuser=0&amp;dcp=asu-n&amp;upload_id=AEnB2UpfAZkFYLZrYpd47mTQTxwMDhwb-DTM_exIyoM_pe5Cl0QapMNmsMsO2fY-vLapS9kFnIBXVwfaEj7KpS8AjpFxDS7pjlizL_oOOLl11sedpQKdqTQ&amp;upload_protocol=resumable</t>
  </si>
  <si>
    <t>12/23/2019 09:19:01</t>
  </si>
  <si>
    <t>mail.google.com/_/upload?authuser=0&amp;dcp=asu-n&amp;upload_id=AEnB2Upl4A3XvvD_GX_R4M9v_QGQgBHlI_NL8JFYtkhOpJCTjqs7Sbf-DbExCV0s_wOSEtFBLfI-C7NogBtNhwcds5Zmc3fU_Z0poMvrkG6RH7-NPFPd5cA&amp;upload_protocol=resumable</t>
  </si>
  <si>
    <t>12/23/2019 09:22:27</t>
  </si>
  <si>
    <t>12/23/2019 09:26:13</t>
  </si>
  <si>
    <t>7ceb7a31-7025-40fe-89b8-9abecd82e1b3.tmp</t>
  </si>
  <si>
    <t>\\acsfs\profiles$\kellzylenneasr\Downloads\7ceb7a31-7025-40fe-89b8-9abecd82e1b3.tmp</t>
  </si>
  <si>
    <t>12/23/2019 09:23:47</t>
  </si>
  <si>
    <t>b1cab9ed-a4b6-4d20-abd7-5cb285af8be1.tmp</t>
  </si>
  <si>
    <t>\\acsfs\profiles$\kellzylenneasr\Downloads\b1cab9ed-a4b6-4d20-abd7-5cb285af8be1.tmp</t>
  </si>
  <si>
    <t>12/23/2019 09:22:16</t>
  </si>
  <si>
    <t>12/23/2019 09:27:13</t>
  </si>
  <si>
    <t>c6ab0466-772e-49aa-b85e-2749d4e3b7ef.tmp</t>
  </si>
  <si>
    <t>\\acsfs\profiles$\larissaad\Downloads\c6ab0466-772e-49aa-b85e-2749d4e3b7ef.tmp</t>
  </si>
  <si>
    <t>12/23/2019 09:26:37</t>
  </si>
  <si>
    <t>12/23/2019 09:24:45</t>
  </si>
  <si>
    <t>12/23/2019 09:28:14</t>
  </si>
  <si>
    <t>4106c238-e885-4842-a365-3d2bd34dbae7.tmp</t>
  </si>
  <si>
    <t>\\acsfs\profiles$\alessandraan\Downloads\4106c238-e885-4842-a365-3d2bd34dbae7.tmp</t>
  </si>
  <si>
    <t>12/23/2019 09:24:47</t>
  </si>
  <si>
    <t>79b46eb3-1164-4149-8fbf-1a97058cb712.tmp</t>
  </si>
  <si>
    <t>\\acsfs\profiles$\alessandraan\Downloads\79b46eb3-1164-4149-8fbf-1a97058cb712.tmp</t>
  </si>
  <si>
    <t>12/23/2019 09:24:50</t>
  </si>
  <si>
    <t>4a69caf5-8bfe-4fa5-bf7e-58f7391cfdd5.tmp</t>
  </si>
  <si>
    <t>\\acsfs\profiles$\alessandraan\Downloads\4a69caf5-8bfe-4fa5-bf7e-58f7391cfdd5.tmp</t>
  </si>
  <si>
    <t>12/23/2019 09:24:56</t>
  </si>
  <si>
    <t>6f84f0d9-d1b2-425d-bf85-0dd6550c837b.tmp</t>
  </si>
  <si>
    <t>\\acsfs\profiles$\alessandraan\Downloads\6f84f0d9-d1b2-425d-bf85-0dd6550c837b.tmp</t>
  </si>
  <si>
    <t>12/23/2019 09:25:36</t>
  </si>
  <si>
    <t>fb50fceb-bde1-4452-b781-9633d84df0d2.tmp</t>
  </si>
  <si>
    <t>\\acsfs\profiles$\alessandraan\Downloads\fb50fceb-bde1-4452-b781-9633d84df0d2.tmp</t>
  </si>
  <si>
    <t>12/23/2019 09:27:36</t>
  </si>
  <si>
    <t>12/23/2019 09:29:13</t>
  </si>
  <si>
    <t>12/23/2019 09:25:43</t>
  </si>
  <si>
    <t>12/23/2019 09:27:12</t>
  </si>
  <si>
    <t>b23cce85-8797-418e-9d8e-451c13945e48.tmp</t>
  </si>
  <si>
    <t>\\acsfs\profiles$\wedersonbadr\My Documents\My Music\b23cce85-8797-418e-9d8e-451c13945e48.tmp</t>
  </si>
  <si>
    <t>12/23/2019 09:28:42</t>
  </si>
  <si>
    <t>anapscl@algartech.com;coordenadorespf@algartech.com;fabiolacc@algartecnologia.com.br;fredericobs@algartecnologia.com.br;michelecdc@algartech.com;micheless@algartech.com.br;</t>
  </si>
  <si>
    <t>Monitorias Online - Dezembro</t>
  </si>
  <si>
    <t>anapscl@algartech.com,coordenadorespf@algartech.com,fabiolacc@algartecnologia.com.br,fredericobs@algartecnologia.com.br,michelecdc@algartech.com,micheless@algartech.com.br</t>
  </si>
  <si>
    <t>12/23/2019 09:24:09</t>
  </si>
  <si>
    <t>12/23/2019 09:26:56</t>
  </si>
  <si>
    <t>12/23/2019 09:25:03</t>
  </si>
  <si>
    <t>12/23/2019 09:30:13</t>
  </si>
  <si>
    <t>12/23/2019 09:25:11</t>
  </si>
  <si>
    <t>12/23/2019 09:25:45</t>
  </si>
  <si>
    <t>12/23/2019 09:25:58</t>
  </si>
  <si>
    <t>12/23/2019 09:26:19</t>
  </si>
  <si>
    <t>12/23/2019 09:26:43</t>
  </si>
  <si>
    <t>mail.google.com/sync/u/0/i/s?hl=pt-BR&amp;c=379</t>
  </si>
  <si>
    <t>12/23/2019 09:26:49</t>
  </si>
  <si>
    <t>mail.google.com/sync/u/0/i/s?hl=pt-BR&amp;c=381</t>
  </si>
  <si>
    <t>12/23/2019 09:27:06</t>
  </si>
  <si>
    <t>12/23/2019 09:27:11</t>
  </si>
  <si>
    <t>12/23/2019 09:27:28</t>
  </si>
  <si>
    <t>12/23/2019 09:27:31</t>
  </si>
  <si>
    <t>12/23/2019 09:27:41</t>
  </si>
  <si>
    <t>12/23/2019 09:28:05</t>
  </si>
  <si>
    <t>12/23/2019 09:28:08</t>
  </si>
  <si>
    <t>12/23/2019 09:28:29</t>
  </si>
  <si>
    <t>12/23/2019 09:28:48</t>
  </si>
  <si>
    <t>12/23/2019 09:28:55</t>
  </si>
  <si>
    <t>12/23/2019 09:28:58</t>
  </si>
  <si>
    <t>12/23/2019 09:29:01</t>
  </si>
  <si>
    <t>12/23/2019 09:28:18</t>
  </si>
  <si>
    <t>12/23/2019 09:28:43</t>
  </si>
  <si>
    <t>3d197479-b43b-4845-b653-deae1978b3b1.tmp</t>
  </si>
  <si>
    <t>\\acsfs\profiles$\leticiala\Downloads\3d197479-b43b-4845-b653-deae1978b3b1.tmp</t>
  </si>
  <si>
    <t>12/23/2019 09:29:00</t>
  </si>
  <si>
    <t>792f47bb-c867-4ccf-9c6d-b69e20300041.tmp</t>
  </si>
  <si>
    <t>\\acsfs\profiles$\leticiala\Downloads\792f47bb-c867-4ccf-9c6d-b69e20300041.tmp</t>
  </si>
  <si>
    <t>12/23/2019 09:31:13</t>
  </si>
  <si>
    <t>1a58006d-e582-453c-a14b-dbb3f8d0be12.tmp</t>
  </si>
  <si>
    <t>\\acsfs\profiles$\kellzylenneasr\Downloads\1a58006d-e582-453c-a14b-dbb3f8d0be12.tmp</t>
  </si>
  <si>
    <t>12/19/2019 22:16:59</t>
  </si>
  <si>
    <t>12/23/2019 09:33:13</t>
  </si>
  <si>
    <t>vocabulario atualizado- 19-12-19.xlsx</t>
  </si>
  <si>
    <t>ancestorhasaugmentedpermissions,containsunsubscribedchildren,disp,displ,display,displaynam,displayname,domain,emailaddress,explicitlytrashed,explicitlytrashed�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d,sharedwithmedate,thumbnailversion,thumbnailversion�,title,userpermission(role)</t>
  </si>
  <si>
    <t>12/20/2019 18:06:15</t>
  </si>
  <si>
    <t>tabela para acerto next 20-12-19.xlsx</t>
  </si>
  <si>
    <t>12/21/2019 13:40:19</t>
  </si>
  <si>
    <t>vocabulario atualizado- 21-12-19.xlsx</t>
  </si>
  <si>
    <t>ancestorhasaugmentedpermissions,containsunsubscribedchildren,displ,display,displaynam,displayname,domain,emailaddress,explicitlytrashed,explicitlytrashed�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d,sharedwithmedate,thumbnailversion,thumbnailversion�,title,userpermission(role)</t>
  </si>
  <si>
    <t>12/23/2019 08:09:17</t>
  </si>
  <si>
    <t>PROJETO LAYOUT_01-12 A 31-12.xlsx</t>
  </si>
  <si>
    <t>12/23/2019 08:12:19</t>
  </si>
  <si>
    <t>ADEQUAÇÃO SEDE 9ª ETAPA X FMC - 27 PAS NEXT E IPO.xlsx</t>
  </si>
  <si>
    <t>12/23/2019 09:31:44</t>
  </si>
  <si>
    <t>\\acsfs\DEPTOS\Controladoria\32.Tesouraria\4 - Endividamento\8 - Mútuos_AFAC\Mútuos\9 - Algar TI Argentina\Dez\</t>
  </si>
  <si>
    <t>ACC - AditivoContrato de mútuo - Algar TI e Algar TI (Argentina).xlsx</t>
  </si>
  <si>
    <t>12/23/2019 09:27:59</t>
  </si>
  <si>
    <t>649034cf-dd40-45c9-ab93-2d507f015011.tmp</t>
  </si>
  <si>
    <t>\\acsfs\profiles$\alessandraan\Downloads\649034cf-dd40-45c9-ab93-2d507f015011.tmp</t>
  </si>
  <si>
    <t>12/23/2019 09:32:34</t>
  </si>
  <si>
    <t>ed416365-bc25-4477-9f51-72770b79396e.tmp</t>
  </si>
  <si>
    <t>\\acsfs\profiles$\alessandraan\Downloads\ed416365-bc25-4477-9f51-72770b79396e.tmp</t>
  </si>
  <si>
    <t>12/23/2019 09:34:14</t>
  </si>
  <si>
    <t>12/23/2019 09:29:22</t>
  </si>
  <si>
    <t>anapscl@algartech.com;fabiolacc@algartecnologia.com.br;michelecdc@algartech.com;micheless@algartech.com.br;</t>
  </si>
  <si>
    <t>anapscl@algartech.com,fabiolacc@algartecnologia.com.br,michelecdc@algartech.com,micheless@algartech.com.br</t>
  </si>
  <si>
    <t>12/23/2019 09:32:09</t>
  </si>
  <si>
    <t>12/23/2019 09:32:39</t>
  </si>
  <si>
    <t>12/23/2019 09:31:07</t>
  </si>
  <si>
    <t>12/23/2019 09:35:13</t>
  </si>
  <si>
    <t>C:\Users\vanessasara\OneDrive - Grupo Algar\Ecossistema de Inovação\Prodex\CustomerSuccess_AlgarTech_Prodex.pptx\</t>
  </si>
  <si>
    <t>12/23/2019 09:31:18</t>
  </si>
  <si>
    <t>12/23/2019 09:31:40</t>
  </si>
  <si>
    <t>12/23/2019 09:31:45</t>
  </si>
  <si>
    <t>12/23/2019 09:32:10</t>
  </si>
  <si>
    <t>12/23/2019 09:34:12</t>
  </si>
  <si>
    <t>a3e6f360-98ab-459b-9e8b-b638baa519b2.tmp</t>
  </si>
  <si>
    <t>\\acsfs\profiles$\leticiala\Downloads\a3e6f360-98ab-459b-9e8b-b638baa519b2.tmp</t>
  </si>
  <si>
    <t>12/23/2019 09:32:27</t>
  </si>
  <si>
    <t>12/23/2019 09:37:13</t>
  </si>
  <si>
    <t>\\acsfs\profiles$\albertofn\My Documents\$RECYCLE.BIN\</t>
  </si>
  <si>
    <t>$IP0ACSX.txt</t>
  </si>
  <si>
    <t>\\acsfs\profiles$\albertofn\My Documents\$RECYCLE.BIN\$IP0ACSX.txt</t>
  </si>
  <si>
    <t>12/23/2019 09:32:07</t>
  </si>
  <si>
    <t>12/23/2019 09:36:37</t>
  </si>
  <si>
    <t>12/23/2019 09:35:26</t>
  </si>
  <si>
    <t>12/23/2019 09:38:14</t>
  </si>
  <si>
    <t>12/23/2019 09:35:21</t>
  </si>
  <si>
    <t>12/23/2019 09:33:33</t>
  </si>
  <si>
    <t>12/23/2019 09:39:13</t>
  </si>
  <si>
    <t>033f319d-5636-43f8-a6fd-002366c0db4c.tmp</t>
  </si>
  <si>
    <t>\\acsfs\profiles$\felipetds\Downloads\033f319d-5636-43f8-a6fd-002366c0db4c.tmp</t>
  </si>
  <si>
    <t>12/23/2019 09:35:32</t>
  </si>
  <si>
    <t>12/23/2019 09:40:14</t>
  </si>
  <si>
    <t>12/23/2019 09:35:39</t>
  </si>
  <si>
    <t>12/23/2019 09:35:54</t>
  </si>
  <si>
    <t>12/23/2019 09:36:18</t>
  </si>
  <si>
    <t>12/23/2019 09:36:28</t>
  </si>
  <si>
    <t>mail.google.com/sync/u/0/i/s?hl=pt-BR&amp;c=434</t>
  </si>
  <si>
    <t>12/23/2019 09:37:45</t>
  </si>
  <si>
    <t>12/23/2019 09:39:04</t>
  </si>
  <si>
    <t>12/23/2019 09:39:11</t>
  </si>
  <si>
    <t>12/23/2019 09:39:18</t>
  </si>
  <si>
    <t>12/23/2019 09:35:55</t>
  </si>
  <si>
    <t>12/23/2019 09:41:13</t>
  </si>
  <si>
    <t>b114f393-38e7-4b5f-b12f-de8276d434a7.tmp</t>
  </si>
  <si>
    <t>\\acsfs\profiles$\nathaliadf\Downloads\b114f393-38e7-4b5f-b12f-de8276d434a7.tmp</t>
  </si>
  <si>
    <t>12/23/2019 09:38:37</t>
  </si>
  <si>
    <t>12/23/2019 09:42:14</t>
  </si>
  <si>
    <t>12/23/2019 09:38:40</t>
  </si>
  <si>
    <t>C:\Windows\assembly\</t>
  </si>
  <si>
    <t>C:\Windows\Fonts\</t>
  </si>
  <si>
    <t>C:\Windows\Media\</t>
  </si>
  <si>
    <t>12/23/2019 09:38:42</t>
  </si>
  <si>
    <t>12/23/2019 09:38:51</t>
  </si>
  <si>
    <t>C:\Users\cassiahada\Contacts\</t>
  </si>
  <si>
    <t>12/23/2019 09:38:52</t>
  </si>
  <si>
    <t>C:\Users\cassiahada\Desktop\</t>
  </si>
  <si>
    <t>C:\Users\cassiahada\Documents\</t>
  </si>
  <si>
    <t>C:\Users\cassiahada\Downloads\</t>
  </si>
  <si>
    <t>C:\Users\cassiahada\Favorites\</t>
  </si>
  <si>
    <t>C:\Users\cassiahada\Links\</t>
  </si>
  <si>
    <t>C:\Users\cassiahada\Music\</t>
  </si>
  <si>
    <t>C:\Users\cassiahada\Pictures\</t>
  </si>
  <si>
    <t>C:\Users\cassiahada\Saved Games\</t>
  </si>
  <si>
    <t>C:\Users\cassiahada\Searches\</t>
  </si>
  <si>
    <t>C:\Users\cassiahada\Videos\</t>
  </si>
  <si>
    <t>C:\Users\cassiahada\Favorites\Links for Brasil\</t>
  </si>
  <si>
    <t>12/23/2019 09:38:53</t>
  </si>
  <si>
    <t>C:\Users\gustavodsil\Contacts\</t>
  </si>
  <si>
    <t>C:\Users\gustavodsil\Desktop\</t>
  </si>
  <si>
    <t>C:\Users\gustavodsil\Documents\</t>
  </si>
  <si>
    <t>C:\Users\gustavodsil\Downloads\</t>
  </si>
  <si>
    <t>C:\Users\gustavodsil\Favorites\</t>
  </si>
  <si>
    <t>C:\Users\gustavodsil\Links\</t>
  </si>
  <si>
    <t>C:\Users\gustavodsil\Music\</t>
  </si>
  <si>
    <t>C:\Users\gustavodsil\Pictures\</t>
  </si>
  <si>
    <t>C:\Users\gustavodsil\Saved Games\</t>
  </si>
  <si>
    <t>C:\Users\gustavodsil\Searches\</t>
  </si>
  <si>
    <t>C:\Users\gustavodsil\Videos\</t>
  </si>
  <si>
    <t>C:\Users\gustavodsil\Favorites\Links\</t>
  </si>
  <si>
    <t>12/23/2019 09:38:54</t>
  </si>
  <si>
    <t>C:\Users\gustavodsil\Favorites\Links for Brasil\</t>
  </si>
  <si>
    <t>C:\Users\anagtds\Links\</t>
  </si>
  <si>
    <t>12/23/2019 09:38:55</t>
  </si>
  <si>
    <t>C:\Users\Eleusamds\Contacts\</t>
  </si>
  <si>
    <t>C:\Users\Eleusamds\Desktop\</t>
  </si>
  <si>
    <t>C:\Users\Eleusamds\Documents\</t>
  </si>
  <si>
    <t>C:\Users\Eleusamds\Downloads\</t>
  </si>
  <si>
    <t>C:\Users\Eleusamds\Favorites\</t>
  </si>
  <si>
    <t>C:\Users\Eleusamds\Links\</t>
  </si>
  <si>
    <t>C:\Users\Eleusamds\Music\</t>
  </si>
  <si>
    <t>C:\Users\Eleusamds\Pictures\</t>
  </si>
  <si>
    <t>C:\Users\Eleusamds\Saved Games\</t>
  </si>
  <si>
    <t>C:\Users\Eleusamds\Searches\</t>
  </si>
  <si>
    <t>C:\Users\Eleusamds\Videos\</t>
  </si>
  <si>
    <t>C:\Users\Eleusamds\Favorites\Links for Brasil\</t>
  </si>
  <si>
    <t>12/23/2019 09:38:56</t>
  </si>
  <si>
    <t>C:\Users\bernardopcm\Links\</t>
  </si>
  <si>
    <t>12/23/2019 09:39:05</t>
  </si>
  <si>
    <t>C:\Users\paulohaf\documents\</t>
  </si>
  <si>
    <t>12/23/2019 09:39:19</t>
  </si>
  <si>
    <t>C:\Users\paulohaf\AppData\Local\Microsoft\Windows\History\</t>
  </si>
  <si>
    <t>12/23/2019 09:40:01</t>
  </si>
  <si>
    <t>12/23/2019 09:40:02</t>
  </si>
  <si>
    <t>12/23/2019 09:40:05</t>
  </si>
  <si>
    <t>12/23/2019 09:40:06</t>
  </si>
  <si>
    <t>12/23/2019 09:38:16</t>
  </si>
  <si>
    <t>12/23/2019 09:43:13</t>
  </si>
  <si>
    <t>ba5d74e0-a8d1-4b71-9a02-65858bf931ca.tmp</t>
  </si>
  <si>
    <t>\\acsfs\profiles$\alessandraan\Downloads\ba5d74e0-a8d1-4b71-9a02-65858bf931ca.tmp</t>
  </si>
  <si>
    <t>12/23/2019 09:38:30</t>
  </si>
  <si>
    <t>12/23/2019 09:41:47</t>
  </si>
  <si>
    <t>12/23/2019 09:42:02</t>
  </si>
  <si>
    <t>12/23/2019 09:42:54</t>
  </si>
  <si>
    <t>12/23/2019 09:44:14</t>
  </si>
  <si>
    <t>84d0a0ed-7586-4c87-b01c-990670f01a07.tmp</t>
  </si>
  <si>
    <t>\\acsfs\profiles$\sarahbal\Downloads\84d0a0ed-7586-4c87-b01c-990670f01a07.tmp</t>
  </si>
  <si>
    <t>12/23/2019 09:39:35</t>
  </si>
  <si>
    <t>ec6d0b70-cbe5-4389-b81c-4be1ac721582.tmp</t>
  </si>
  <si>
    <t>\\acsfs\profiles$\quindaizaagds\Downloads\ec6d0b70-cbe5-4389-b81c-4be1ac721582.tmp</t>
  </si>
  <si>
    <t>12/23/2019 09:39:47</t>
  </si>
  <si>
    <t>c2e7392b-2dc3-475b-b40f-fadf7180271d.tmp</t>
  </si>
  <si>
    <t>\\acsfs\profiles$\quindaizaagds\Downloads\c2e7392b-2dc3-475b-b40f-fadf7180271d.tmp</t>
  </si>
  <si>
    <t>12/23/2019 09:39:23</t>
  </si>
  <si>
    <t>12/23/2019 09:45:13</t>
  </si>
  <si>
    <t>12/23/2019 09:39:28</t>
  </si>
  <si>
    <t>12/23/2019 09:39:36</t>
  </si>
  <si>
    <t>12/23/2019 09:39:53</t>
  </si>
  <si>
    <t>12/23/2019 09:40:16</t>
  </si>
  <si>
    <t>12/23/2019 09:40:17</t>
  </si>
  <si>
    <t>12/23/2019 09:40:44</t>
  </si>
  <si>
    <t>mail.google.com/sync/u/0/i/s?hl=pt-BR&amp;c=456</t>
  </si>
  <si>
    <t>12/23/2019 09:40:48</t>
  </si>
  <si>
    <t>mail.google.com/sync/u/0/i/s?hl=pt-BR&amp;c=458</t>
  </si>
  <si>
    <t>12/23/2019 09:41:20</t>
  </si>
  <si>
    <t>mail.google.com/sync/u/0/i/s?hl=pt-BR&amp;c=462</t>
  </si>
  <si>
    <t>12/23/2019 09:41:28</t>
  </si>
  <si>
    <t>mail.google.com/sync/u/0/i/s?hl=pt-BR&amp;c=464</t>
  </si>
  <si>
    <t>12/23/2019 09:41:33</t>
  </si>
  <si>
    <t>mail.google.com/sync/u/0/i/s?hl=pt-BR&amp;c=466</t>
  </si>
  <si>
    <t>12/23/2019 09:40:53</t>
  </si>
  <si>
    <t>12/23/2019 09:45:37</t>
  </si>
  <si>
    <t>12/23/2019 09:47:13</t>
  </si>
  <si>
    <t>12/23/2019 09:42:45</t>
  </si>
  <si>
    <t>12/23/2019 09:48:14</t>
  </si>
  <si>
    <t>12/23/2019 09:43:17</t>
  </si>
  <si>
    <t>https://udpmailboxap01/h/search?si=0&amp;so=0&amp;sc=51341&amp;sfi=6&amp;st=message&amp;action=compose</t>
  </si>
  <si>
    <t>12/23/2019 09:45:05</t>
  </si>
  <si>
    <t>12/23/2019 09:45:49</t>
  </si>
  <si>
    <t>renatass@algartech.com.br;</t>
  </si>
  <si>
    <t>ENC: Inclusão Empresas na UNE Amex</t>
  </si>
  <si>
    <t>Inclusão Empresas na UNE Amex - 1812 (158 KB).msg\s1\</t>
  </si>
  <si>
    <t>12- CONSOLIDADO INCLUSÃO ALGAR -18.12.19.xlsx</t>
  </si>
  <si>
    <t>renatass@algartech.com.br</t>
  </si>
  <si>
    <t>12/23/2019 09:46:38</t>
  </si>
  <si>
    <t>12/23/2019 09:49:13</t>
  </si>
  <si>
    <t>12/23/2019 09:47:43</t>
  </si>
  <si>
    <t>12/23/2019 09:48:55</t>
  </si>
  <si>
    <t>12/23/2019 09:50:14</t>
  </si>
  <si>
    <t>12/23/2019 09:49:16</t>
  </si>
  <si>
    <t>12/23/2019 09:52:14</t>
  </si>
  <si>
    <t>JOAO VITOR ALVES LIMA (20).contact</t>
  </si>
  <si>
    <t>\\acsfs\profiles$\JOAOVAL\Contacts\JOAO VITOR ALVES LIMA (20).contact</t>
  </si>
  <si>
    <t>12/23/2019 09:49:17</t>
  </si>
  <si>
    <t>12/23/2019 09:49:29</t>
  </si>
  <si>
    <t>12/23/2019 09:49:30</t>
  </si>
  <si>
    <t>12/23/2019 09:49:31</t>
  </si>
  <si>
    <t>12/23/2019 09:49:32</t>
  </si>
  <si>
    <t>12/23/2019 09:49:33</t>
  </si>
  <si>
    <t>12/23/2019 09:49:34</t>
  </si>
  <si>
    <t>12/23/2019 09:49:46</t>
  </si>
  <si>
    <t>12/23/2019 09:49:47</t>
  </si>
  <si>
    <t>12/23/2019 09:49:48</t>
  </si>
  <si>
    <t>12/23/2019 09:49:12</t>
  </si>
  <si>
    <t>TALITA SANTOS SILVA CASTRO (25601).contact</t>
  </si>
  <si>
    <t>\\acsfs\profiles$\talitassc\Contacts\TALITA SANTOS SILVA CASTRO (25601).contact</t>
  </si>
  <si>
    <t>12/23/2019 09:49:24</t>
  </si>
  <si>
    <t>12/23/2019 09:49:25</t>
  </si>
  <si>
    <t>12/23/2019 09:49:26</t>
  </si>
  <si>
    <t>12/23/2019 09:49:27</t>
  </si>
  <si>
    <t>12/23/2019 09:49:28</t>
  </si>
  <si>
    <t>12/23/2019 09:49:41</t>
  </si>
  <si>
    <t>12/23/2019 09:49:42</t>
  </si>
  <si>
    <t>12/23/2019 09:50:07</t>
  </si>
  <si>
    <t>12/23/2019 09:50:21</t>
  </si>
  <si>
    <t>9d57dd13-a39c-40f7-bd7f-50ceffa916fa.tmp</t>
  </si>
  <si>
    <t>\\acsfs\profiles$\larissaad\Downloads\9d57dd13-a39c-40f7-bd7f-50ceffa916fa.tmp</t>
  </si>
  <si>
    <t>12/23/2019 09:53:13</t>
  </si>
  <si>
    <t>\\acsfs\profiles$\jessicanes\My Documents\$RECYCLE.BIN\</t>
  </si>
  <si>
    <t>$I3BRA2R.txt</t>
  </si>
  <si>
    <t>\\acsfs\profiles$\jessicanes\My Documents\$RECYCLE.BIN\$I3BRA2R.txt</t>
  </si>
  <si>
    <t>12/23/2019 09:48:47</t>
  </si>
  <si>
    <t>12/23/2019 09:54:14</t>
  </si>
  <si>
    <t>12/23/2019 09:49:04</t>
  </si>
  <si>
    <t>12/23/2019 09:49:56</t>
  </si>
  <si>
    <t>12/23/2019 09:52:51</t>
  </si>
  <si>
    <t>/o=exchangelabs/ou=exchange administrative group (fydibohf23spdlt)/cn=recipients/cn=fd4a47c4d251414eb48a57376a49e773-marco tulio;danielarsc@algartech.com.br;eliamardo@algartech.com.br;fernandorsju@algartech.com;flaviamas@algartech.com.br;jessicapdsi@algartech.com.br;jessicarrs@algartech.com.br;</t>
  </si>
  <si>
    <t>Distribuição_ 7º Ciclo</t>
  </si>
  <si>
    <t>7ª Ciclo_ Planejameno next.xls</t>
  </si>
  <si>
    <t>/o=exchangelabs/ou=exchange administrative group (fydibohf23spdlt)/cn=recipients/cn=fd4a47c4d251414eb48a57376a49e773-marco tulio,danielarsc@algartech.com.br,eliamardo@algartech.com.br,fernandorsju@algartech.com,flaviamas@algartech.com.br,jessicapdsi@algartech.com.br,jessicarrs@algartech.com.br</t>
  </si>
  <si>
    <t>12/23/2019 09:55:10</t>
  </si>
  <si>
    <t>12/23/2019 09:56:14</t>
  </si>
  <si>
    <t>\\acsfs\profiles$\milenaas\</t>
  </si>
  <si>
    <t>PID.txt</t>
  </si>
  <si>
    <t>\\acsfs\profiles$\milenaas\PID.txt</t>
  </si>
  <si>
    <t>12/23/2019 09:51:30</t>
  </si>
  <si>
    <t>12/23/2019 09:57:13</t>
  </si>
  <si>
    <t>2c4c3909-8a84-4f86-b004-c437035a06cd.tmp</t>
  </si>
  <si>
    <t>\\acsfs\profiles$\JOAOVAL\Downloads\2c4c3909-8a84-4f86-b004-c437035a06cd.tmp</t>
  </si>
  <si>
    <t>12/23/2019 09:51:51</t>
  </si>
  <si>
    <t>8bcbea59-4242-4b4f-aade-d3223fc50cce.tmp</t>
  </si>
  <si>
    <t>\\acsfs\profiles$\JOAOVAL\Downloads\8bcbea59-4242-4b4f-aade-d3223fc50cce.tmp</t>
  </si>
  <si>
    <t>12/23/2019 09:53:27</t>
  </si>
  <si>
    <t>d936925c-94ef-4e92-8a0d-5a9cfc7c97e9.tmp</t>
  </si>
  <si>
    <t>\\acsfs\profiles$\JOAOVAL\Downloads\d936925c-94ef-4e92-8a0d-5a9cfc7c97e9.tmp</t>
  </si>
  <si>
    <t>12/23/2019 09:54:21</t>
  </si>
  <si>
    <t>fa003556-ef1e-4c35-b81b-43b6232da7a7.tmp</t>
  </si>
  <si>
    <t>\\acsfs\profiles$\JOAOVAL\Downloads\fa003556-ef1e-4c35-b81b-43b6232da7a7.tmp</t>
  </si>
  <si>
    <t>12/23/2019 09:55:07</t>
  </si>
  <si>
    <t>12/23/2019 09:55:29</t>
  </si>
  <si>
    <t>12/23/2019 09:56:51</t>
  </si>
  <si>
    <t>6590b5f1-5146-4588-973f-e028686a84ac.tmp</t>
  </si>
  <si>
    <t>\\acsfs\profiles$\larissaad\Downloads\6590b5f1-5146-4588-973f-e028686a84ac.tmp</t>
  </si>
  <si>
    <t>12/23/2019 09:56:40</t>
  </si>
  <si>
    <t>12/23/2019 09:58:14</t>
  </si>
  <si>
    <t>12/23/2019 09:56:59</t>
  </si>
  <si>
    <t>12/23/2019 09:57:00</t>
  </si>
  <si>
    <t>12/23/2019 09:57:29</t>
  </si>
  <si>
    <t>12/23/2019 09:55:54</t>
  </si>
  <si>
    <t>lu1062840wx.tmp</t>
  </si>
  <si>
    <t>\\acsfs\profiles$\jonatanls\My Documents\lu1062840wx.tmp</t>
  </si>
  <si>
    <t>12/23/2019 09:56:15</t>
  </si>
  <si>
    <t>12/23/2019 09:59:13</t>
  </si>
  <si>
    <t>9b68bda9-ea29-47ce-88c8-b003585a07ca.tmp</t>
  </si>
  <si>
    <t>\\acsfs\profiles$\danielta\Downloads\9b68bda9-ea29-47ce-88c8-b003585a07ca.tmp</t>
  </si>
  <si>
    <t>12/23/2019 09:54:49</t>
  </si>
  <si>
    <t>12/23/2019 09:54:50</t>
  </si>
  <si>
    <t>12/23/2019 09:55:11</t>
  </si>
  <si>
    <t>12/23/2019 09:55:17</t>
  </si>
  <si>
    <t>12/23/2019 09:56:27</t>
  </si>
  <si>
    <t>a539f106-6703-400b-84a5-419eea99cb29.tmp</t>
  </si>
  <si>
    <t>\\acsfs\profiles$\quindaizaagds\Downloads\a539f106-6703-400b-84a5-419eea99cb29.tmp</t>
  </si>
  <si>
    <t>12/23/2019 09:56:48</t>
  </si>
  <si>
    <t>108b66c3-0321-4849-86de-1c5a397a976c.tmp</t>
  </si>
  <si>
    <t>\\acsfs\profiles$\quindaizaagds\Downloads\108b66c3-0321-4849-86de-1c5a397a976c.tmp</t>
  </si>
  <si>
    <t>12/23/2019 09:54:39</t>
  </si>
  <si>
    <t>12/23/2019 09:56:39</t>
  </si>
  <si>
    <t>12/23/2019 09:57:09</t>
  </si>
  <si>
    <t>12/23/2019 09:58:09</t>
  </si>
  <si>
    <t>Reneg - Vcto 26-12.xlsx</t>
  </si>
  <si>
    <t>\\acsfs\DEPTOS\Operacao\Banco_Votorantim\Comum\00 - COMUM - BV CARTÕES\EQUIPE ADILSON\Reneg\Reneg - Vcto 26-12.xlsx</t>
  </si>
  <si>
    <t>\\acsfs\DEPTOS\Operacao\Banco_Votorantim\Comum\00 - COMUM - BV CARTÕES\EQUIPE ADILSON\Reneg\Reneg - Vcto 26-12.xlsx\</t>
  </si>
  <si>
    <t>\\acsfs\DEPTOS\Operacao\Banco_Votorantim\Comum\00 - COMUM - BV CARTÕES\EQUIPE ADILSON\Reneg\Reneg - Vcto 26-12.xlsx\:Zone.Identifier:$DATA</t>
  </si>
  <si>
    <t>12/23/2019 09:57:35</t>
  </si>
  <si>
    <t>12/23/2019 10:00:14</t>
  </si>
  <si>
    <t>C:\Users\vanessasara\OneDrive - Grupo Algar\Ecossistema de Inovação\Prodex\PRODEX -.pptx\</t>
  </si>
  <si>
    <t>12/23/2019 09:57:27</t>
  </si>
  <si>
    <t>12/23/2019 09:58:19</t>
  </si>
  <si>
    <t>bd713e93-2929-4fe4-8ef4-cabc60cd2166.tmp</t>
  </si>
  <si>
    <t>\\acsfs\profiles$\laianear\Downloads\bd713e93-2929-4fe4-8ef4-cabc60cd2166.tmp</t>
  </si>
  <si>
    <t>12/23/2019 09:56:41</t>
  </si>
  <si>
    <t>12/23/2019 10:02:14</t>
  </si>
  <si>
    <t>\\acsfs\profiles$\KARENDSR\My Documents\$RECYCLE.BIN\</t>
  </si>
  <si>
    <t>$IDV8YMW.txt</t>
  </si>
  <si>
    <t>\\acsfs\profiles$\KARENDSR\My Documents\$RECYCLE.BIN\$IDV8YMW.txt</t>
  </si>
  <si>
    <t>12/23/2019 09:58:48</t>
  </si>
  <si>
    <t>12/23/2019 10:00:22</t>
  </si>
  <si>
    <t>12/23/2019 10:00:33</t>
  </si>
  <si>
    <t>12/23/2019 09:59:29</t>
  </si>
  <si>
    <t>12/23/2019 10:03:13</t>
  </si>
  <si>
    <t>12/23/2019 10:00:08</t>
  </si>
  <si>
    <t>12/23/2019 10:02:57</t>
  </si>
  <si>
    <t>12/23/2019 10:04:14</t>
  </si>
  <si>
    <t>12/23/2019 09:59:45</t>
  </si>
  <si>
    <t>12/23/2019 10:00:45</t>
  </si>
  <si>
    <t>12/23/2019 10:02:31</t>
  </si>
  <si>
    <t>631a65d3-3670-4a9a-b83c-dba364ea07ac.tmp</t>
  </si>
  <si>
    <t>\\acsfs\profiles$\quindaizaagds\Downloads\631a65d3-3670-4a9a-b83c-dba364ea07ac.tmp</t>
  </si>
  <si>
    <t>12/23/2019 10:02:33</t>
  </si>
  <si>
    <t>56692ce3-f352-4a6d-beae-3e55228d6200.tmp</t>
  </si>
  <si>
    <t>\\acsfs\profiles$\quindaizaagds\Downloads\56692ce3-f352-4a6d-beae-3e55228d6200.tmp</t>
  </si>
  <si>
    <t>12/23/2019 10:00:09</t>
  </si>
  <si>
    <t>12/23/2019 10:00:39</t>
  </si>
  <si>
    <t>12/23/2019 10:01:09</t>
  </si>
  <si>
    <t>12/23/2019 10:01:39</t>
  </si>
  <si>
    <t>12/23/2019 10:03:09</t>
  </si>
  <si>
    <t>12/23/2019 10:03:39</t>
  </si>
  <si>
    <t>12/23/2019 10:01:50</t>
  </si>
  <si>
    <t>\\acsfs\DEPTOS\Operacao\Banco_Votorantim\Comum\00 - COMUM - BV CARTÕES\EQUIPE ADILSON\Reneg\33F6A5D9.tmp\</t>
  </si>
  <si>
    <t>\\acsfs\DEPTOS\Operacao\Banco_Votorantim\Comum\00 - COMUM - BV CARTÕES\EQUIPE ADILSON\Reneg\33F6A5D9.tmp\:Zone.Identifier:$DATA</t>
  </si>
  <si>
    <t>12/23/2019 10:01:53</t>
  </si>
  <si>
    <t>\\acsfs\DEPTOS\Operacao\Banco_Votorantim\Comum\00 - COMUM - BV CARTÕES\EQUIPE ADILSON\Reneg\9A3BC404.tmp\</t>
  </si>
  <si>
    <t>\\acsfs\DEPTOS\Operacao\Banco_Votorantim\Comum\00 - COMUM - BV CARTÕES\EQUIPE ADILSON\Reneg\9A3BC404.tmp\:Zone.Identifier:$DATA</t>
  </si>
  <si>
    <t>12/23/2019 10:01:54</t>
  </si>
  <si>
    <t>12/23/2019 10:03:45</t>
  </si>
  <si>
    <t>12/23/2019 10:01:03</t>
  </si>
  <si>
    <t>12/23/2019 10:05:13</t>
  </si>
  <si>
    <t>C:\Users\vanessasara\OneDrive - Grupo Algar\Ecossistema de Inovação\Prodex\PRODEX - CUSTOMER SUCCESS - Desafio do Cliente.pptx\</t>
  </si>
  <si>
    <t>12/23/2019 10:04:12</t>
  </si>
  <si>
    <t>19f7174a-54d9-439c-9263-a219964f156a.tmp</t>
  </si>
  <si>
    <t>\\acsfs\profiles$\LUCASBS\Downloads\19f7174a-54d9-439c-9263-a219964f156a.tmp</t>
  </si>
  <si>
    <t>12/23/2019 10:01:01</t>
  </si>
  <si>
    <t>12/23/2019 10:06:14</t>
  </si>
  <si>
    <t>.~lock.Nova 2019.ods#</t>
  </si>
  <si>
    <t>\\acsfs\profiles$\kellzylenneasr\My Documents\.~lock.Nova 2019.ods#</t>
  </si>
  <si>
    <t>12/23/2019 10:01:02</t>
  </si>
  <si>
    <t>lu211162zdjcw.tmp</t>
  </si>
  <si>
    <t>\\acsfs\profiles$\kellzylenneasr\My Documents\lu211162zdjcw.tmp</t>
  </si>
  <si>
    <t>\\acsfs\profiles$\kellzylenneasr\My Documents\lu211162zdjcw.tmp\</t>
  </si>
  <si>
    <t>\\acsfs\profiles$\kellzylenneasr\My Documents\lu211162zdjcw.tmp\META-INF\</t>
  </si>
  <si>
    <t>\\acsfs\profiles$\kellzylenneasr\My Documents\lu211162zdjcw.tmp\Thumbnails\</t>
  </si>
  <si>
    <t>12/23/2019 10:02:46</t>
  </si>
  <si>
    <t>12/23/2019 10:05:34</t>
  </si>
  <si>
    <t>12/23/2019 10:05:42</t>
  </si>
  <si>
    <t>12/23/2019 10:07:13</t>
  </si>
  <si>
    <t>9ed855a4-3d9f-47ba-ad8d-e45f99e8a785.tmp</t>
  </si>
  <si>
    <t>\\acsfs\profiles$\matheushds\Downloads\9ed855a4-3d9f-47ba-ad8d-e45f99e8a785.tmp</t>
  </si>
  <si>
    <t>12/23/2019 10:02:37</t>
  </si>
  <si>
    <t>12/23/2019 10:03:28</t>
  </si>
  <si>
    <t>12/23/2019 10:08:14</t>
  </si>
  <si>
    <t>12/23/2019 10:03:50</t>
  </si>
  <si>
    <t>12/23/2019 10:03:51</t>
  </si>
  <si>
    <t>12/23/2019 10:05:45</t>
  </si>
  <si>
    <t>12/23/2019 10:09:14</t>
  </si>
  <si>
    <t>12/23/2019 10:06:45</t>
  </si>
  <si>
    <t>12/23/2019 10:06:09</t>
  </si>
  <si>
    <t>2db53c17-3ae5-4e83-8193-df330a13bfea.tmp</t>
  </si>
  <si>
    <t>\\acsfs\profiles$\wedersonbadr\My Documents\My Music\2db53c17-3ae5-4e83-8193-df330a13bfea.tmp</t>
  </si>
  <si>
    <t>12/23/2019 10:04:09</t>
  </si>
  <si>
    <t>12/23/2019 10:04:39</t>
  </si>
  <si>
    <t>12/23/2019 10:05:09</t>
  </si>
  <si>
    <t>12/23/2019 10:05:30</t>
  </si>
  <si>
    <t>https://udpmailboxap01.acs.com.br:8443/h/search?si=18&amp;so=0&amp;sc=51373&amp;st=conversation&amp;action=compose&amp;paction=paneview</t>
  </si>
  <si>
    <t>12/23/2019 10:07:21</t>
  </si>
  <si>
    <t>/o=exchangelabs/ou=exchange administrative group (fydibohf23spdlt)/cn=recipients/cn=9bb376e8b4c74d45963b1165e99fb0ea-fernando ro;danielarsc@algartech.com.br;eliamardo@algartech.com.br;flaviamas@algartech.com.br;iarasp@algartech.com.br;jessicapdsi@algartech.com.br;jessicarr@algartech.com.br;pollyanafm@algartech.com.br;</t>
  </si>
  <si>
    <t>/o=exchangelabs/ou=exchange administrative group (fydibohf23spdlt)/cn=recipients/cn=9bb376e8b4c74d45963b1165e99fb0ea-fernando ro,danielarsc@algartech.com.br,eliamardo@algartech.com.br,flaviamas@algartech.com.br,iarasp@algartech.com.br,jessicapdsi@algartech.com.br,jessicarr@algartech.com.br,pollyanafm@algartech.com.br</t>
  </si>
  <si>
    <t>12/23/2019 10:06:48</t>
  </si>
  <si>
    <t>12/23/2019 10:10:13</t>
  </si>
  <si>
    <t>12/23/2019 10:07:05</t>
  </si>
  <si>
    <t>ddab5828-931c-4d15-818d-017390a4474c.tmp</t>
  </si>
  <si>
    <t>\\acsfs\profiles$\leticiala\Downloads\ddab5828-931c-4d15-818d-017390a4474c.tmp</t>
  </si>
  <si>
    <t>12/23/2019 10:05:38</t>
  </si>
  <si>
    <t>31464851-7224-4a5a-9946-264b17cfe6ef.tmp</t>
  </si>
  <si>
    <t>\\acsfs\profiles$\marcellewdl\Downloads\31464851-7224-4a5a-9946-264b17cfe6ef.tmp</t>
  </si>
  <si>
    <t>12/23/2019 10:08:22</t>
  </si>
  <si>
    <t>273f5824-4304-4e8a-935c-7bb901c34c10.tmp</t>
  </si>
  <si>
    <t>\\acsfs\profiles$\LUCASBS\Downloads\273f5824-4304-4e8a-935c-7bb901c34c10.tmp</t>
  </si>
  <si>
    <t>12/23/2019 10:09:36</t>
  </si>
  <si>
    <t>21bdd0ee-e8ca-4e74-84e0-0a666b39b2c3.tmp</t>
  </si>
  <si>
    <t>\\acsfs\profiles$\ERICALSR\Downloads\21bdd0ee-e8ca-4e74-84e0-0a666b39b2c3.tmp</t>
  </si>
  <si>
    <t>12/23/2019 10:10:39</t>
  </si>
  <si>
    <t>12/23/2019 10:11:14</t>
  </si>
  <si>
    <t>296893cf-e60e-4d8d-80d4-4e04aee74147.tmp</t>
  </si>
  <si>
    <t>\\acsfs\profiles$\deborahsi\Downloads\296893cf-e60e-4d8d-80d4-4e04aee74147.tmp</t>
  </si>
  <si>
    <t>12/23/2019 10:07:53</t>
  </si>
  <si>
    <t>12/23/2019 10:12:14</t>
  </si>
  <si>
    <t>fde5f934-0b41-45f1-ad4e-d2a01490ffd1.tmp</t>
  </si>
  <si>
    <t>\\acsfs\profiles$\matheushds\Downloads\fde5f934-0b41-45f1-ad4e-d2a01490ffd1.tmp</t>
  </si>
  <si>
    <t>12/23/2019 10:10:07</t>
  </si>
  <si>
    <t>af393d35-107b-46c7-a0d4-f48fb5c15acb.tmp</t>
  </si>
  <si>
    <t>\\acsfs\profiles$\matheushds\Downloads\af393d35-107b-46c7-a0d4-f48fb5c15acb.tmp</t>
  </si>
  <si>
    <t>12/23/2019 10:11:24</t>
  </si>
  <si>
    <t>888779a7-4df6-4d7d-b788-7ac82ec9ff38.tmp</t>
  </si>
  <si>
    <t>\\acsfs\profiles$\matheushds\Downloads\888779a7-4df6-4d7d-b788-7ac82ec9ff38.tmp</t>
  </si>
  <si>
    <t>12/23/2019 10:08:38</t>
  </si>
  <si>
    <t>12/23/2019 10:13:14</t>
  </si>
  <si>
    <t>12/23/2019 10:09:45</t>
  </si>
  <si>
    <t>12/23/2019 10:12:10</t>
  </si>
  <si>
    <t>12/23/2019 10:12:51</t>
  </si>
  <si>
    <t>12/23/2019 10:14:14</t>
  </si>
  <si>
    <t>12/23/2019 10:10:33</t>
  </si>
  <si>
    <t>12/23/2019 10:10:34</t>
  </si>
  <si>
    <t>12/23/2019 10:11:45</t>
  </si>
  <si>
    <t>12/23/2019 10:12:45</t>
  </si>
  <si>
    <t>12/23/2019 10:09:40</t>
  </si>
  <si>
    <t>12/23/2019 10:10:10</t>
  </si>
  <si>
    <t>12/23/2019 10:09:37</t>
  </si>
  <si>
    <t>danielarsc@algartech.com.br;eliamardo@algartech.com.br;flaviamas@algartech.com.br;iarasp@algartech.com.br;jessicapdsi@algartech.com.br;jessicarr@algartech.com.br;luanaed@algartech.com.br;pollyanafm@algartech.com.br;</t>
  </si>
  <si>
    <t>ENC: Distribuição_ 7º Ciclo</t>
  </si>
  <si>
    <t>danielarsc@algartech.com.br,eliamardo@algartech.com.br,flaviamas@algartech.com.br,iarasp@algartech.com.br,jessicapdsi@algartech.com.br,jessicarr@algartech.com.br,luanaed@algartech.com.br,pollyanafm@algartech.com.br</t>
  </si>
  <si>
    <t>12/23/2019 10:13:28</t>
  </si>
  <si>
    <t>12/23/2019 10:15:14</t>
  </si>
  <si>
    <t>\\acsfs\Deptos\EDUCACAO EMPRESARIAL\KÉSIA\Ligações 3º ciclo - Késia\</t>
  </si>
  <si>
    <t>MARCELLE WENDY DE LIMA_1_6771391962318707553_1_32.wav</t>
  </si>
  <si>
    <t>\\acsfs\Deptos\EDUCACAO EMPRESARIAL\KÉSIA\Ligações 3º ciclo - Késia\MARCELLE WENDY DE LIMA_1_6771391962318707553_1_32.wav</t>
  </si>
  <si>
    <t>12/23/2019 10:14:23</t>
  </si>
  <si>
    <t>\\acsfs\Deptos\EDUCACAO EMPRESARIAL\KÉSIA\</t>
  </si>
  <si>
    <t>Modelo Monitoria - Cópia.txt</t>
  </si>
  <si>
    <t>\\acsfs\Deptos\EDUCACAO EMPRESARIAL\KÉSIA\Modelo Monitoria - Cópia.txt</t>
  </si>
  <si>
    <t>12/23/2019 10:11:12</t>
  </si>
  <si>
    <t>12/23/2019 10:11:44</t>
  </si>
  <si>
    <t>f326069a-b89a-4874-b5ae-1adac4285763.tmp</t>
  </si>
  <si>
    <t>\\acsfs\profiles$\vivianealda\Downloads\f326069a-b89a-4874-b5ae-1adac4285763.tmp</t>
  </si>
  <si>
    <t>12/23/2019 10:12:57</t>
  </si>
  <si>
    <t>12/23/2019 10:16:14</t>
  </si>
  <si>
    <t>12/23/2019 10:12:27</t>
  </si>
  <si>
    <t>12/23/2019 10:17:14</t>
  </si>
  <si>
    <t>7982f15a-8f0e-46e1-b396-37735fecdf99.tmp</t>
  </si>
  <si>
    <t>\\acsfs\profiles$\matheushds\Downloads\7982f15a-8f0e-46e1-b396-37735fecdf99.tmp</t>
  </si>
  <si>
    <t>12/23/2019 10:14:00</t>
  </si>
  <si>
    <t>be115c36-d41e-4d3d-bb46-aea1d16f5b3c.tmp</t>
  </si>
  <si>
    <t>\\acsfs\profiles$\matheushds\Downloads\be115c36-d41e-4d3d-bb46-aea1d16f5b3c.tmp</t>
  </si>
  <si>
    <t>12/23/2019 10:16:15</t>
  </si>
  <si>
    <t>b31373db-f571-4a8c-a88a-fbec144b1d40.tmp</t>
  </si>
  <si>
    <t>\\acsfs\profiles$\matheushds\Downloads\b31373db-f571-4a8c-a88a-fbec144b1d40.tmp</t>
  </si>
  <si>
    <t>12/23/2019 10:16:12</t>
  </si>
  <si>
    <t>12/23/2019 10:18:14</t>
  </si>
  <si>
    <t>f9d3f843-03b5-46da-9321-557006bed71e.tmp</t>
  </si>
  <si>
    <t>\\acsfs\profiles$\geovanaasa\Downloads\f9d3f843-03b5-46da-9321-557006bed71e.tmp</t>
  </si>
  <si>
    <t>12/23/2019 10:15:13</t>
  </si>
  <si>
    <t>12/23/2019 10:15:31</t>
  </si>
  <si>
    <t>12/23/2019 10:16:57</t>
  </si>
  <si>
    <t>12/23/2019 10:19:14</t>
  </si>
  <si>
    <t>04ea7d00-0c85-4eae-9aff-4277e735ce54.tmp</t>
  </si>
  <si>
    <t>\\acsfs\profiles$\Flaviojmm\Downloads\04ea7d00-0c85-4eae-9aff-4277e735ce54.tmp</t>
  </si>
  <si>
    <t>12/23/2019 10:18:13</t>
  </si>
  <si>
    <t>817e2280-47ec-4413-916e-d6c1a17b3a06.tmp</t>
  </si>
  <si>
    <t>\\acsfs\profiles$\Flaviojmm\Downloads\817e2280-47ec-4413-916e-d6c1a17b3a06.tmp</t>
  </si>
  <si>
    <t>12/23/2019 10:18:15</t>
  </si>
  <si>
    <t>5b3ed0cd-64fc-416f-a169-d4a74b29751e.tmp</t>
  </si>
  <si>
    <t>\\acsfs\profiles$\Flaviojmm\Downloads\5b3ed0cd-64fc-416f-a169-d4a74b29751e.tmp</t>
  </si>
  <si>
    <t>12/23/2019 10:18:06</t>
  </si>
  <si>
    <t>SKIL- BV CARTÕES - DEZ-19.xlsx</t>
  </si>
  <si>
    <t>\\acsfs\Deptos\EDUCACAO EMPRESARIAL\FERNANDA MONIT\SKIL- BV CARTÕES - DEZ-19.xlsx</t>
  </si>
  <si>
    <t>12/23/2019 10:17:46</t>
  </si>
  <si>
    <t>12/23/2019 10:17:58</t>
  </si>
  <si>
    <t>mail.google.com/_/upload?authuser=0&amp;dcp=asu-n&amp;upload_id=AEnB2UoNMCJGWn8ze-XXhnelVZVw3QS8CIcrI0Yq56wYAb7FbonXE9e4N5x5bQsLK8VJ3TquUk1YLAQ1JB7BZTT8aB_nX4fX2w&amp;upload_protocol=resumable</t>
  </si>
  <si>
    <t>Relaçao VDN_SKILL_PREMIUM_MPE.xlsx</t>
  </si>
  <si>
    <t>12/23/2019 10:20:15</t>
  </si>
  <si>
    <t>12/23/2019 10:17:56</t>
  </si>
  <si>
    <t>f49dfba6-9ef8-42df-83b0-79a1922d9a6d.tmp</t>
  </si>
  <si>
    <t>\\acsfs\profiles$\leticiala\Downloads\f49dfba6-9ef8-42df-83b0-79a1922d9a6d.tmp</t>
  </si>
  <si>
    <t>12/23/2019 10:18:03</t>
  </si>
  <si>
    <t>e9a93e32-d86c-4d4e-924c-dfd4c9f9055b.tmp</t>
  </si>
  <si>
    <t>\\acsfs\profiles$\leticiala\Downloads\e9a93e32-d86c-4d4e-924c-dfd4c9f9055b.tmp</t>
  </si>
  <si>
    <t>12/23/2019 10:19:49</t>
  </si>
  <si>
    <t>.~lock.RENEG BV 23-12.ods#</t>
  </si>
  <si>
    <t>\\acsfs\profiles$\LUCASBS\.~lock.RENEG BV 23-12.ods#</t>
  </si>
  <si>
    <t>12/23/2019 10:19:50</t>
  </si>
  <si>
    <t>lu1738414ecee.tmp</t>
  </si>
  <si>
    <t>\\acsfs\profiles$\LUCASBS\lu1738414ecee.tmp</t>
  </si>
  <si>
    <t>\\acsfs\profiles$\LUCASBS\lu1738414ecee.tmp\</t>
  </si>
  <si>
    <t>\\acsfs\profiles$\LUCASBS\lu1738414ecee.tmp\META-INF\</t>
  </si>
  <si>
    <t>\\acsfs\profiles$\LUCASBS\lu1738414ecee.tmp\Thumbnails\</t>
  </si>
  <si>
    <t>12/23/2019 10:17:47</t>
  </si>
  <si>
    <t>12/23/2019 10:21:14</t>
  </si>
  <si>
    <t>4f2bdae3-916b-4af4-940e-ce434eb8bba1.tmp</t>
  </si>
  <si>
    <t>\\acsfs\profiles$\gabrielafs\Downloads\4f2bdae3-916b-4af4-940e-ce434eb8bba1.tmp</t>
  </si>
  <si>
    <t>b0cbfb1e-9a8e-4362-84df-90167f651594.tmp</t>
  </si>
  <si>
    <t>\\acsfs\profiles$\gabrielafs\Downloads\b0cbfb1e-9a8e-4362-84df-90167f651594.tmp</t>
  </si>
  <si>
    <t>12/23/2019 10:17:48</t>
  </si>
  <si>
    <t>e1fbae18-64e8-43f1-b03a-d11c94790d5f.tmp</t>
  </si>
  <si>
    <t>\\acsfs\profiles$\gabrielafs\Downloads\e1fbae18-64e8-43f1-b03a-d11c94790d5f.tmp</t>
  </si>
  <si>
    <t>12/23/2019 10:17:49</t>
  </si>
  <si>
    <t>8afe9855-81f0-4b54-9dd9-d1903ab40783.tmp</t>
  </si>
  <si>
    <t>\\acsfs\profiles$\gabrielafs\Downloads\8afe9855-81f0-4b54-9dd9-d1903ab40783.tmp</t>
  </si>
  <si>
    <t>12/23/2019 10:17:50</t>
  </si>
  <si>
    <t>b49c3e4b-bb54-47d5-82d9-badc0c2878d5.tmp</t>
  </si>
  <si>
    <t>\\acsfs\profiles$\gabrielafs\Downloads\b49c3e4b-bb54-47d5-82d9-badc0c2878d5.tmp</t>
  </si>
  <si>
    <t>12/23/2019 10:19:25</t>
  </si>
  <si>
    <t>44cbf237-3115-4901-a016-85e2b577a007.tmp</t>
  </si>
  <si>
    <t>\\acsfs\profiles$\gabrielafs\Downloads\44cbf237-3115-4901-a016-85e2b577a007.tmp</t>
  </si>
  <si>
    <t>12/23/2019 10:16:49</t>
  </si>
  <si>
    <t>cb27e590-215d-4c9c-bbee-744b2ec47f80.tmp</t>
  </si>
  <si>
    <t>\\acsfs\profiles$\gabrielarb\Downloads\cb27e590-215d-4c9c-bbee-744b2ec47f80.tmp</t>
  </si>
  <si>
    <t>12/23/2019 10:18:23</t>
  </si>
  <si>
    <t>12/23/2019 10:19:26</t>
  </si>
  <si>
    <t>12/23/2019 10:22:14</t>
  </si>
  <si>
    <t>12/23/2019 10:18:37</t>
  </si>
  <si>
    <t>12/23/2019 10:19:13</t>
  </si>
  <si>
    <t>12/23/2019 10:23:14</t>
  </si>
  <si>
    <t>12/23/2019 10:18:46</t>
  </si>
  <si>
    <t>12/23/2019 10:24:14</t>
  </si>
  <si>
    <t>12/23/2019 10:19:40</t>
  </si>
  <si>
    <t>12/23/2019 10:22:10</t>
  </si>
  <si>
    <t>12/23/2019 10:20:00</t>
  </si>
  <si>
    <t>12/23/2019 10:25:14</t>
  </si>
  <si>
    <t>12/23/2019 10:22:15</t>
  </si>
  <si>
    <t>12/23/2019 10:24:00</t>
  </si>
  <si>
    <t>7f30f7b9-2ffd-4694-81ad-9ec5468260e0.tmp</t>
  </si>
  <si>
    <t>\\acsfs\profiles$\laianear\Downloads\7f30f7b9-2ffd-4694-81ad-9ec5468260e0.tmp</t>
  </si>
  <si>
    <t>12/23/2019 10:22:51</t>
  </si>
  <si>
    <t>12/23/2019 10:24:16</t>
  </si>
  <si>
    <t>lu1738414ecej.tmp</t>
  </si>
  <si>
    <t>\\acsfs\profiles$\LUCASBS\lu1738414ecej.tmp</t>
  </si>
  <si>
    <t>\\acsfs\profiles$\LUCASBS\lu1738414ecej.tmp\</t>
  </si>
  <si>
    <t>\\acsfs\profiles$\LUCASBS\lu1738414ecej.tmp\META-INF\</t>
  </si>
  <si>
    <t>\\acsfs\profiles$\LUCASBS\lu1738414ecej.tmp\Thumbnails\</t>
  </si>
  <si>
    <t>12/23/2019 10:23:02</t>
  </si>
  <si>
    <t>12/23/2019 10:20:35</t>
  </si>
  <si>
    <t>12/23/2019 10:26:14</t>
  </si>
  <si>
    <t>12/23/2019 10:24:03</t>
  </si>
  <si>
    <t>12/23/2019 10:23:07</t>
  </si>
  <si>
    <t>12/23/2019 10:27:13</t>
  </si>
  <si>
    <t>12/23/2019 10:23:33</t>
  </si>
  <si>
    <t>12/23/2019 10:23:56</t>
  </si>
  <si>
    <t>12/23/2019 10:28:14</t>
  </si>
  <si>
    <t>lu1062840x7.tmp</t>
  </si>
  <si>
    <t>\\acsfs\profiles$\jonatanls\My Documents\lu1062840x7.tmp</t>
  </si>
  <si>
    <t>12/23/2019 10:23:46</t>
  </si>
  <si>
    <t>12/23/2019 10:29:13</t>
  </si>
  <si>
    <t>12/23/2019 10:24:46</t>
  </si>
  <si>
    <t>12/23/2019 10:25:46</t>
  </si>
  <si>
    <t>12/23/2019 10:24:40</t>
  </si>
  <si>
    <t>12/23/2019 10:26:56</t>
  </si>
  <si>
    <t>12/23/2019 10:31:13</t>
  </si>
  <si>
    <t>12/23/2019 10:27:32</t>
  </si>
  <si>
    <t>12/23/2019 10:29:37</t>
  </si>
  <si>
    <t>12/23/2019 10:32:13</t>
  </si>
  <si>
    <t>12/23/2019 10:30:07</t>
  </si>
  <si>
    <t>12/23/2019 10:32:35</t>
  </si>
  <si>
    <t>12/23/2019 10:33:13</t>
  </si>
  <si>
    <t>12/23/2019 10:31:15</t>
  </si>
  <si>
    <t>12/23/2019 10:34:13</t>
  </si>
  <si>
    <t>23b4205f-fdae-4740-82e4-b6e67a4ed823.tmp</t>
  </si>
  <si>
    <t>\\acsfs\profiles$\ayalabfi\Downloads\23b4205f-fdae-4740-82e4-b6e67a4ed823.tmp</t>
  </si>
  <si>
    <t>12/23/2019 10:29:46</t>
  </si>
  <si>
    <t>12/23/2019 10:30:46</t>
  </si>
  <si>
    <t>12/23/2019 10:33:40</t>
  </si>
  <si>
    <t>12/23/2019 10:34:15</t>
  </si>
  <si>
    <t>12/23/2019 10:35:13</t>
  </si>
  <si>
    <t>http:///batch?%24ct=multipart%2Fmixed%3B%20boundary%3D%22%3D%3D%3D%3D%3D8z0i9xrpfa6i%3D%3D%3D%3D%3D%22&amp;key=AIzaSyAy9VVXHSpS2IJpptzYtGbLP3-3_l0aBk4</t>
  </si>
  <si>
    <t>http:///batch?%24ct=multipart%2Fmixed%3B%20boundary%3D%22%3D%3D%3D%3D%3Dnqsak52vj8gg%3D%3D%3D%3D%3D%22&amp;key=AIzaSyAy9VVXHSpS2IJpptzYtGbLP3-3_l0aBk4</t>
  </si>
  <si>
    <t>12/23/2019 10:31:16</t>
  </si>
  <si>
    <t>http:///batch?%24ct=multipart%2Fmixed%3B%20boundary%3D%22%3D%3D%3D%3D%3D125wbmg4wx54%3D%3D%3D%3D%3D%22&amp;key=AIzaSyAy9VVXHSpS2IJpptzYtGbLP3-3_l0aBk4</t>
  </si>
  <si>
    <t>ancestorhasaugmentedp;ancestorhasaugmentedpermissions;containsunsubscribedchildren;displayname;domain;emailaddre;emailaddress;filesize;hasthumbnail;hasvisitorpermissions;id);items(kind;ken;lastmodifyinguser(kind;lastviewedbymedate;modifiedbymedate;modifieddate;ontainsunsubscribedchildren;owners(kind;permission;permissionid;picture;picture�;rpermissions;thumbnailversion;workspaceids;</t>
  </si>
  <si>
    <t>http://ancestorhasaugmentedp,ancestorhasaugmentedpermissions,containsunsubscribedchildren,displayname,domain,emailaddre,emailaddress,filesize,hasthumbnail,hasvisitorpermissions,id),items(kind,ken,lastmodifyinguser(kind,lastviewedbymedate,modifiedbymedate,modifieddate,ontainsunsubscribedchildren,owners(kind,permission,permissionid,picture,picture�,rpermissions,thumbnailversion,workspaceids</t>
  </si>
  <si>
    <t>12/23/2019 10:31:17</t>
  </si>
  <si>
    <t>http:///batch?%24ct=multipart%2Fmixed%3B%20boundary%3D%22%3D%3D%3D%3D%3Dh9m7hmyfrpmx%3D%3D%3D%3D%3D%22&amp;key=AIzaSyAy9VVXHSpS2IJpptzYtGbLP3-3_l0aBk4</t>
  </si>
  <si>
    <t>ancestorhasaugmentedp;ancestorhasaugmentedpermissions;containsunsubscribedchildren;dis;displayname;domain;emailaddre;emailaddress;filesize;hasthumbnail;hasvisitorpermissions;id);items(kind;ken;lastmodifyi;lastmodifyinguser(kind;lastviewedbymedate;modifiedbymedate;modifieddate;ontainsunsubscribedchildren;owners(kind;permission;permissionid;picture;picture�;rpermissions;thumbnailversion;workspaceids;</t>
  </si>
  <si>
    <t>http://ancestorhasaugmentedp,ancestorhasaugmentedpermissions,containsunsubscribedchildren,dis,displayname,domain,emailaddre,emailaddress,filesize,hasthumbnail,hasvisitorpermissions,id),items(kind,ken,lastmodifyi,lastmodifyinguser(kind,lastviewedbymedate,modifiedbymedate,modifieddate,ontainsunsubscribedchildren,owners(kind,permission,permissionid,picture,picture�,rpermissions,thumbnailversion,workspaceids</t>
  </si>
  <si>
    <t>12/23/2019 10:31:21</t>
  </si>
  <si>
    <t>http:///batch?%24ct=multipart%2Fmixed%3B%20boundary%3D%22%3D%3D%3D%3D%3Dhqok5dbldoes%3D%3D%3D%3D%3D%22&amp;key=AIzaSyAy9VVXHSpS2IJpptzYtGbLP3-3_l0aBk4</t>
  </si>
  <si>
    <t>12/23/2019 10:31:25</t>
  </si>
  <si>
    <t>http:///batch?%24ct=multipart%2Fmixed%3B%20boundary%3D%22%3D%3D%3D%3D%3D5fyuk5tujww3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i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i,permissionid,picture,shared,sharedwithmedate,thumbnailversion,title,userpermission(role),workspaceids</t>
  </si>
  <si>
    <t>12/23/2019 10:31:34</t>
  </si>
  <si>
    <t>http:///batch?%24ct=multipart%2Fmixed%3B%20boundary%3D%22%3D%3D%3D%3D%3Di38cu46kzuz0%3D%3D%3D%3D%3D%22&amp;key=AIzaSyAy9VVXHSpS2IJpptzYtGbLP3-3_l0aBk4</t>
  </si>
  <si>
    <t>12/23/2019 10:31:35</t>
  </si>
  <si>
    <t>http:///batch?%24ct=multipart%2Fmixed%3B%20boundary%3D%22%3D%3D%3D%3D%3D3q4x5ed94xf1%3D%3D%3D%3D%3D%22&amp;key=AIzaSyAy9VVXHSpS2IJpptzYtGbLP3-3_l0aBk4</t>
  </si>
  <si>
    <t>12/23/2019 10:32:08</t>
  </si>
  <si>
    <t>http:///batch?%24ct=multipart%2Fmixed%3B%20boundary%3D%22%3D%3D%3D%3D%3De1qur6uehddq%3D%3D%3D%3D%3D%22&amp;key=AIzaSyAy9VVXHSpS2IJpptzYtGbLP3-3_l0aBk4</t>
  </si>
  <si>
    <t>12/23/2019 10:32:09</t>
  </si>
  <si>
    <t>http:///batch?%24ct=multipart%2Fmixed%3B%20boundary%3D%22%3D%3D%3D%3D%3D6nva7rqp2aob%3D%3D%3D%3D%3D%22&amp;key=AIzaSyAy9VVXHSpS2IJpptzYtGbLP3-3_l0aBk4</t>
  </si>
  <si>
    <t>12/23/2019 10:32:10</t>
  </si>
  <si>
    <t>http:///batch?%24ct=multipart%2Fmixed%3B%20boundary%3D%22%3D%3D%3D%3D%3Dha75rdqy14ya%3D%3D%3D%3D%3D%22&amp;key=AIzaSyAy9VVXHSpS2IJpptzYtGbLP3-3_l0aBk4</t>
  </si>
  <si>
    <t>12/23/2019 10:33:43</t>
  </si>
  <si>
    <t>5f8e5f76-8df8-4d11-bf0d-718ab9a06ae1.tmp</t>
  </si>
  <si>
    <t>\\acsfs\profiles$\wenderbnm\Downloads\5f8e5f76-8df8-4d11-bf0d-718ab9a06ae1.tmp</t>
  </si>
  <si>
    <t>12/23/2019 10:31:24</t>
  </si>
  <si>
    <t>12/23/2019 10:36:13</t>
  </si>
  <si>
    <t>4b1fc2c2-7d4f-49f4-8935-2aeb0375a17f.tmp</t>
  </si>
  <si>
    <t>\\acsfs\profiles$\geovannasm\Downloads\4b1fc2c2-7d4f-49f4-8935-2aeb0375a17f.tmp</t>
  </si>
  <si>
    <t>12/23/2019 10:32:16</t>
  </si>
  <si>
    <t>c832bcb9-b6e8-499a-aec4-aa90636c2055.tmp</t>
  </si>
  <si>
    <t>\\acsfs\profiles$\geovannasm\Downloads\c832bcb9-b6e8-499a-aec4-aa90636c2055.tmp</t>
  </si>
  <si>
    <t>12/23/2019 10:33:44</t>
  </si>
  <si>
    <t>d290c60b-3759-4683-81de-962dc789a345.tmp</t>
  </si>
  <si>
    <t>\\acsfs\profiles$\geovannasm\Downloads\d290c60b-3759-4683-81de-962dc789a345.tmp</t>
  </si>
  <si>
    <t>12/23/2019 10:33:11</t>
  </si>
  <si>
    <t>12/23/2019 10:38:14</t>
  </si>
  <si>
    <t>011adc15-3317-45c0-b150-b9bd0eee0006.tmp</t>
  </si>
  <si>
    <t>\\acsfs\profiles$\matheushds\Downloads\011adc15-3317-45c0-b150-b9bd0eee0006.tmp</t>
  </si>
  <si>
    <t>12/23/2019 10:33:47</t>
  </si>
  <si>
    <t>b0c12489-d9d5-409d-9421-626e9cd82260.tmp</t>
  </si>
  <si>
    <t>\\acsfs\profiles$\matheushds\Downloads\b0c12489-d9d5-409d-9421-626e9cd82260.tmp</t>
  </si>
  <si>
    <t>12/23/2019 10:37:27</t>
  </si>
  <si>
    <t>12/23/2019 10:33:45</t>
  </si>
  <si>
    <t>12/23/2019 10:39:13</t>
  </si>
  <si>
    <t>\\acsfs\Deptos\EDUCACAO EMPRESARIAL\FERNANDA MONIT\Fernanda\MONITORIAS DEZEMBRO\</t>
  </si>
  <si>
    <t>12/23/2019 10:35:46</t>
  </si>
  <si>
    <t>12/23/2019 10:36:46</t>
  </si>
  <si>
    <t>12/23/2019 10:33:57</t>
  </si>
  <si>
    <t>c3491630-789a-46e2-b417-ff67c13b25c8.tmp</t>
  </si>
  <si>
    <t>\\acsfs\profiles$\quindaizaagds\Downloads\c3491630-789a-46e2-b417-ff67c13b25c8.tmp</t>
  </si>
  <si>
    <t>12/23/2019 10:35:41</t>
  </si>
  <si>
    <t>12/23/2019 10:36:11</t>
  </si>
  <si>
    <t>12/23/2019 10:40:14</t>
  </si>
  <si>
    <t>$ISRBRMX.PNG</t>
  </si>
  <si>
    <t>\\acsfs\profiles$\cinthiacsda\My Documents\$RECYCLE.BIN\$ISRBRMX.PNG</t>
  </si>
  <si>
    <t>12/23/2019 10:37:18</t>
  </si>
  <si>
    <t>calendário de governança_2020 (8).xlsx</t>
  </si>
  <si>
    <t>12/23/2019 10:35:22</t>
  </si>
  <si>
    <t>http:///batch?%24ct=multipart%2Fmixed%3B%20boundary%3D%22%3D%3D%3D%3D%3Dahjt8xccatlh%3D%3D%3D%3D%3D%22&amp;key=AIzaSyAy9VVXHSpS2IJpptzYtGbLP3-3_l0aBk4</t>
  </si>
  <si>
    <t>atlh===== cont;containsunsubscribedchildren;displayname;domain;emailaddress;file(kind;fileid;filesize;hasvisitorpermissions;id;id);items(deleted;ken;kind;lastmodifyinguser(kind;lastviewedbymedate;modifiedbymedate;modifieddate;owners(kind;per;permissionid;picture;workspaceids;</t>
  </si>
  <si>
    <t>http://atlh===== cont,containsunsubscribedchildren,displayname,domain,emailaddress,file(kind,fileid,filesize,hasvisitorpermissions,id,id),items(deleted,ken,kind,lastmodifyinguser(kind,lastviewedbymedate,modifiedbymedate,modifieddate,owners(kind,per,permissionid,picture,workspaceids</t>
  </si>
  <si>
    <t>12/23/2019 10:35:23</t>
  </si>
  <si>
    <t>http:///batch?%24ct=multipart%2Fmixed%3B%20boundary%3D%22%3D%3D%3D%3D%3Du465ynq5cchb%3D%3D%3D%3D%3D%22&amp;key=AIzaSyAy9VVXHSpS2IJpptzYtGbLP3-3_l0aBk4</t>
  </si>
  <si>
    <t>atlh===== cont;containsunsubscribedchildren;displayname;domain;emailaddress;file(kind;fileid;filesize;hasvisitorpermissions;hb===== content-;id;id);items(deleted;ken;kind;lastmodifyinguser(kind;lastviewedbymedate;modifiedbymedate;modifieddate;owners(kind;per;permissionid;picture;workspaceids;</t>
  </si>
  <si>
    <t>http://atlh===== cont,containsunsubscribedchildren,displayname,domain,emailaddress,file(kind,fileid,filesize,hasvisitorpermissions,hb===== content-,id,id),items(deleted,ken,kind,lastmodifyinguser(kind,lastviewedbymedate,modifiedbymedate,modifieddate,owners(kind,per,permissionid,picture,workspaceids</t>
  </si>
  <si>
    <t>12/23/2019 10:35:24</t>
  </si>
  <si>
    <t>http:///batch?%24ct=multipart%2Fmixed%3B%20boundary%3D%22%3D%3D%3D%3D%3Dmz471htpti5z%3D%3D%3D%3D%3D%22&amp;key=AIzaSyAy9VVXHSpS2IJpptzYtGbLP3-3_l0aBk4</t>
  </si>
  <si>
    <t>ancestorhasaugmentedpermissions;atlh===== cont;containsunsubscribedchildren;displayname;domain;emailaddress;file(kind;fileid;filesize;hasthumbnail;hasvisitorpermissions;hb===== content-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atlh===== cont,containsunsubscribedchildren,displayname,domain,emailaddress,file(kind,fileid,filesize,hasthumbnail,hasvisitorpermissions,hb===== content-,id,id),items(deleted,ken,kind,lastmodifyinguser(kind,lastviewedbymedate,modifiedbymedate,modifieddate,ontainsunsubscribedchildren,owners(kind,per,permissionid,picture,shared,sharedwithmedate,thumbnailversion,title,userpermission(role),workspaceids</t>
  </si>
  <si>
    <t>12/23/2019 10:35:47</t>
  </si>
  <si>
    <t>12/23/2019 10:38:26</t>
  </si>
  <si>
    <t>12/23/2019 10:38:27</t>
  </si>
  <si>
    <t>lu1738414ecet.tmp</t>
  </si>
  <si>
    <t>\\acsfs\profiles$\LUCASBS\lu1738414ecet.tmp</t>
  </si>
  <si>
    <t>\\acsfs\profiles$\LUCASBS\lu1738414ecet.tmp\</t>
  </si>
  <si>
    <t>\\acsfs\profiles$\LUCASBS\lu1738414ecet.tmp\META-INF\</t>
  </si>
  <si>
    <t>\\acsfs\profiles$\LUCASBS\lu1738414ecet.tmp\Thumbnails\</t>
  </si>
  <si>
    <t>12/23/2019 10:35:30</t>
  </si>
  <si>
    <t>12/23/2019 10:41:13</t>
  </si>
  <si>
    <t>1d55b33c-ad48-41e6-b7f1-8a8d8374ed79.tmp</t>
  </si>
  <si>
    <t>\\acsfs\profiles$\geovannasm\Downloads\1d55b33c-ad48-41e6-b7f1-8a8d8374ed79.tmp</t>
  </si>
  <si>
    <t>12/23/2019 10:39:53</t>
  </si>
  <si>
    <t>97e2a5f5-87fb-4714-b979-785f01f57139.tmp</t>
  </si>
  <si>
    <t>\\acsfs\profiles$\milenaas\Downloads\97e2a5f5-87fb-4714-b979-785f01f57139.tmp</t>
  </si>
  <si>
    <t>12/23/2019 10:41:07</t>
  </si>
  <si>
    <t>12/23/2019 10:42:13</t>
  </si>
  <si>
    <t>12/23/2019 10:40:48</t>
  </si>
  <si>
    <t>12/23/2019 10:43:13</t>
  </si>
  <si>
    <t>535b6f0f-c7c7-4d74-87ba-9b1a51e98ed6.tmp</t>
  </si>
  <si>
    <t>\\acsfs\profiles$\YASMINSC\Downloads\535b6f0f-c7c7-4d74-87ba-9b1a51e98ed6.tmp</t>
  </si>
  <si>
    <t>12/23/2019 10:41:05</t>
  </si>
  <si>
    <t>19370_2019.12.23_SL 19370 - CAIXA CAPITALIZAÇÃO NOV.19.xlsx</t>
  </si>
  <si>
    <t>12/23/2019 10:40:02</t>
  </si>
  <si>
    <t>12/23/2019 10:44:13</t>
  </si>
  <si>
    <t>eduardo.santana@bv.com.br;fabio.ernest@bv.com.br;lilianls@algartech.com;mirianppb@algartech.com;thiagord@algartech.com;</t>
  </si>
  <si>
    <t>eduardo.santana@bv.com.br,fabio.ernest@bv.com.br,lilianls@algartech.com,mirianppb@algartech.com,thiagord@algartech.com</t>
  </si>
  <si>
    <t>12/23/2019 10:40:20</t>
  </si>
  <si>
    <t>12/23/2019 10:40:23</t>
  </si>
  <si>
    <t>12/23/2019 10:40:32</t>
  </si>
  <si>
    <t>12/23/2019 10:40:40</t>
  </si>
  <si>
    <t>12/23/2019 10:40:47</t>
  </si>
  <si>
    <t>12/23/2019 10:40:49</t>
  </si>
  <si>
    <t>12/23/2019 10:40:53</t>
  </si>
  <si>
    <t>12/23/2019 10:40:58</t>
  </si>
  <si>
    <t>12/23/2019 10:41:01</t>
  </si>
  <si>
    <t>mail.google.com/sync/u/0/i/s?hl=pt-BR&amp;c=156</t>
  </si>
  <si>
    <t>12/23/2019 10:41:06</t>
  </si>
  <si>
    <t>12/23/2019 10:41:17</t>
  </si>
  <si>
    <t>12/23/2019 10:41:22</t>
  </si>
  <si>
    <t>12/23/2019 10:41:34</t>
  </si>
  <si>
    <t>12/23/2019 10:41:38</t>
  </si>
  <si>
    <t>12/23/2019 10:41:45</t>
  </si>
  <si>
    <t>12/23/2019 10:41:49</t>
  </si>
  <si>
    <t>12/23/2019 10:39:16</t>
  </si>
  <si>
    <t>12/23/2019 10:39:20</t>
  </si>
  <si>
    <t>12/23/2019 10:39:25</t>
  </si>
  <si>
    <t>12/23/2019 10:39:33</t>
  </si>
  <si>
    <t>12/23/2019 10:39:50</t>
  </si>
  <si>
    <t>12/23/2019 10:40:00</t>
  </si>
  <si>
    <t>12/23/2019 10:40:52</t>
  </si>
  <si>
    <t>12/23/2019 10:40:57</t>
  </si>
  <si>
    <t>12/23/2019 10:41:39</t>
  </si>
  <si>
    <t>12/23/2019 10:42:39</t>
  </si>
  <si>
    <t>12/23/2019 10:42:50</t>
  </si>
  <si>
    <t>12/23/2019 10:42:59</t>
  </si>
  <si>
    <t>12/23/2019 10:43:16</t>
  </si>
  <si>
    <t>12/23/2019 10:43:17</t>
  </si>
  <si>
    <t>12/23/2019 10:41:24</t>
  </si>
  <si>
    <t>12/23/2019 10:41:46</t>
  </si>
  <si>
    <t>12/23/2019 10:42:46</t>
  </si>
  <si>
    <t>12/23/2019 10:38:48</t>
  </si>
  <si>
    <t>600931d4-b6bd-43aa-8027-b2d02130be34.tmp</t>
  </si>
  <si>
    <t>\\acsfs\profiles$\quindaizaagds\Downloads\600931d4-b6bd-43aa-8027-b2d02130be34.tmp</t>
  </si>
  <si>
    <t>12/23/2019 10:41:20</t>
  </si>
  <si>
    <t>785f8835-1cb4-433b-9c9b-409119aac3a3.tmp</t>
  </si>
  <si>
    <t>\\acsfs\profiles$\philipegsf\Downloads\785f8835-1cb4-433b-9c9b-409119aac3a3.tmp</t>
  </si>
  <si>
    <t>12/23/2019 10:45:14</t>
  </si>
  <si>
    <t>12/23/2019 10:40:18</t>
  </si>
  <si>
    <t>http:///batch?%24ct=multipart%2Fmixed%3B%20boundary%3D%22%3D%3D%3D%3D%3Dy783l0rszi2q%3D%3D%3D%3D%3D%22&amp;key=AIzaSyAy9VVXHSpS2IJpptzYtGbLP3-3_l0aBk4</t>
  </si>
  <si>
    <t>ancestorhasaugmentedpe;containsunsubscribedchildren;displayname;domain;emailaddres;emailaddress;filesize;id);ken=s8uav28baaa.yhvwymbdh94dwm6smuzjna.wqzhaybbqbczvmv_2wcksw&amp;version=4&amp;app=2&amp;clientuser=07686207875307994380&amp;subapp=5&amp;authuser=0\\\\(20000\�g|i\\;lastmodifyinguser(kind;lastviewedbymedate;modifiedbymedate;ontainsunsubscribedchildren;owners(kind;permissionid;picture;rpermissions;workspaceids;</t>
  </si>
  <si>
    <t>http://ancestorhasaugmentedpe,containsunsubscribedchildren,displayname,domain,emailaddres,emailaddress,filesize,id),ken=s8uav28baaa.yhvwymbdh94dwm6smuzjna.wqzhaybbqbczvmv_2wcksw&amp;version=4&amp;app=2&amp;clientuser=07686207875307994380&amp;subapp=5&amp;authuser=0\\\\(20000\�g|i\\,lastmodifyinguser(kind,lastviewedbymedate,modifiedbymedate,ontainsunsubscribedchildren,owners(kind,permissionid,picture,rpermissions,workspaceids</t>
  </si>
  <si>
    <t>12/23/2019 10:43:48</t>
  </si>
  <si>
    <t>12/23/2019 10:43:49</t>
  </si>
  <si>
    <t>lu1738414ecey.tmp</t>
  </si>
  <si>
    <t>\\acsfs\profiles$\LUCASBS\lu1738414ecey.tmp</t>
  </si>
  <si>
    <t>\\acsfs\profiles$\LUCASBS\lu1738414ecey.tmp\</t>
  </si>
  <si>
    <t>\\acsfs\profiles$\LUCASBS\lu1738414ecey.tmp\META-INF\</t>
  </si>
  <si>
    <t>\\acsfs\profiles$\LUCASBS\lu1738414ecey.tmp\Thumbnails\</t>
  </si>
  <si>
    <t>12/23/2019 10:40:17</t>
  </si>
  <si>
    <t>12/23/2019 10:46:13</t>
  </si>
  <si>
    <t>36cb70b9-1ac1-4e14-a84e-3726cfef2100.tmp</t>
  </si>
  <si>
    <t>\\acsfs\profiles$\geovannasm\Downloads\36cb70b9-1ac1-4e14-a84e-3726cfef2100.tmp</t>
  </si>
  <si>
    <t>12/23/2019 10:44:57</t>
  </si>
  <si>
    <t>fe14be77-bd16-44b8-958d-34949734ccc2.tmp</t>
  </si>
  <si>
    <t>\\acsfs\profiles$\kellzylenneasr\Downloads\fe14be77-bd16-44b8-958d-34949734ccc2.tmp</t>
  </si>
  <si>
    <t>12/23/2019 10:44:39</t>
  </si>
  <si>
    <t>63dfc136-87da-4ad5-9fc9-ca95d9057b9e.tmp</t>
  </si>
  <si>
    <t>\\acsfs\profiles$\gabrielafs\Downloads\63dfc136-87da-4ad5-9fc9-ca95d9057b9e.tmp</t>
  </si>
  <si>
    <t>12/23/2019 10:42:38</t>
  </si>
  <si>
    <t>12/23/2019 10:47:14</t>
  </si>
  <si>
    <t>12/23/2019 10:43:45</t>
  </si>
  <si>
    <t>12/23/2019 10:48:13</t>
  </si>
  <si>
    <t>ee7f0c36-1b5a-4812-9950-980aa2f06a9d.tmp</t>
  </si>
  <si>
    <t>\\acsfs\profiles$\YASMINSC\Downloads\ee7f0c36-1b5a-4812-9950-980aa2f06a9d.tmp</t>
  </si>
  <si>
    <t>12/23/2019 10:43:23</t>
  </si>
  <si>
    <t>12/23/2019 10:49:13</t>
  </si>
  <si>
    <t>12/23/2019 10:43:29</t>
  </si>
  <si>
    <t>12/23/2019 10:47:11</t>
  </si>
  <si>
    <t>12/23/2019 10:47:16</t>
  </si>
  <si>
    <t>mail.google.com/sync/u/0/i/s?hl=pt-BR&amp;c=231</t>
  </si>
  <si>
    <t>12/23/2019 10:47:19</t>
  </si>
  <si>
    <t>12/23/2019 10:44:00</t>
  </si>
  <si>
    <t>12/23/2019 10:44:06</t>
  </si>
  <si>
    <t>12/23/2019 10:47:46</t>
  </si>
  <si>
    <t>12/23/2019 10:46:41</t>
  </si>
  <si>
    <t>12/23/2019 10:47:41</t>
  </si>
  <si>
    <t>12/23/2019 10:49:37</t>
  </si>
  <si>
    <t>12/23/2019 10:50:14</t>
  </si>
  <si>
    <t>MARILIA FERNANDES PAES LEME BORGES_1_6769564767266866601_1_32.wav</t>
  </si>
  <si>
    <t>\\acsfs\Deptos\EDUCACAO EMPRESARIAL\KÉSIA\Ligações 3º ciclo - Késia\MARILIA FERNANDES PAES LEME BORGES_1_6769564767266866601_1_32.wav</t>
  </si>
  <si>
    <t>12/23/2019 10:46:07</t>
  </si>
  <si>
    <t>12/23/2019 10:46:32</t>
  </si>
  <si>
    <t>12/23/2019 10:51:13</t>
  </si>
  <si>
    <t>b6f2c837-4a17-49ad-9d54-c99080d2feda.tmp</t>
  </si>
  <si>
    <t>\\acsfs\profiles$\kellzylenneasr\Downloads\b6f2c837-4a17-49ad-9d54-c99080d2feda.tmp</t>
  </si>
  <si>
    <t>12/23/2019 10:49:30</t>
  </si>
  <si>
    <t>caiquedst@algartech.com;diegorbo@algartech.com;fabiolaaca@algartech.com;giseleclss@algartech.com;jeancds@algartech.com;julianarn@algartech.com;leandrojbe@algartech.com;nilsiosc@algartech.com;suelepw@algartech.com;</t>
  </si>
  <si>
    <t>\\acsfs\DEPTOS\Seguranca do Trabalho\7 - Treinamentos NRs - GERAL\7.15 - Cartilha NR17 e Lista de Presença atualizada\</t>
  </si>
  <si>
    <t>caiquedst@algartech.com,diegorbo@algartech.com,fabiolaaca@algartech.com,giseleclss@algartech.com,jeancds@algartech.com,julianarn@algartech.com,leandrojbe@algartech.com,nilsiosc@algartech.com,suelepw@algartech.com</t>
  </si>
  <si>
    <t>12/23/2019 10:47:38</t>
  </si>
  <si>
    <t>12/23/2019 10:52:14</t>
  </si>
  <si>
    <t>12/23/2019 10:47:39</t>
  </si>
  <si>
    <t>f1b2803c-8f77-4529-bc15-44e80bd8ed00.tmp</t>
  </si>
  <si>
    <t>\\acsfs\profiles$\larissaad\Downloads\f1b2803c-8f77-4529-bc15-44e80bd8ed00.tmp</t>
  </si>
  <si>
    <t>12/23/2019 10:50:54</t>
  </si>
  <si>
    <t>12/23/2019 10:53:13</t>
  </si>
  <si>
    <t>12/23/2019 10:52:49</t>
  </si>
  <si>
    <t>12/23/2019 10:54:14</t>
  </si>
  <si>
    <t>12/23/2019 10:51:34</t>
  </si>
  <si>
    <t>\\acsfs\Deptos\EDUCACAO EMPRESARIAL\FERNANDA MONIT\Ligação para Mutant terceiro Ciclo\</t>
  </si>
  <si>
    <t>ADEVILSON GABRIEL LINDEMBERG EVANGELISTA_1_6769538688225456178_1_32.wav</t>
  </si>
  <si>
    <t>\\acsfs\Deptos\EDUCACAO EMPRESARIAL\FERNANDA MONIT\Ligação para Mutant terceiro Ciclo\ADEVILSON GABRIEL LINDEMBERG EVANGELISTA_1_6769538688225456178_1_32.wav</t>
  </si>
  <si>
    <t>12/23/2019 10:48:31</t>
  </si>
  <si>
    <t>12/23/2019 10:48:46</t>
  </si>
  <si>
    <t>12/23/2019 10:50:06</t>
  </si>
  <si>
    <t>fdbc69c1-328d-4ee4-abb5-ed76ceca1167.tmp</t>
  </si>
  <si>
    <t>\\acsfs\profiles$\wedersonbadr\My Documents\My Music\fdbc69c1-328d-4ee4-abb5-ed76ceca1167.tmp</t>
  </si>
  <si>
    <t>12/23/2019 10:50:12</t>
  </si>
  <si>
    <t>f1101064-ab27-4217-b512-0225a51c2a82.tmp</t>
  </si>
  <si>
    <t>\\acsfs\profiles$\wedersonbadr\My Documents\My Music\f1101064-ab27-4217-b512-0225a51c2a82.tmp</t>
  </si>
  <si>
    <t>12/23/2019 10:53:48</t>
  </si>
  <si>
    <t>$I2V93E5.tlx</t>
  </si>
  <si>
    <t>\\acsfs\profiles$\sayharaefs\My Documents\$RECYCLE.BIN\$I2V93E5.tlx</t>
  </si>
  <si>
    <t>12/23/2019 10:52:35</t>
  </si>
  <si>
    <t>12/23/2019 10:53:07</t>
  </si>
  <si>
    <t>12/23/2019 10:58:14</t>
  </si>
  <si>
    <t>12/23/2019 10:57:34</t>
  </si>
  <si>
    <t>12/23/2019 10:57:35</t>
  </si>
  <si>
    <t>12/23/2019 10:56:44</t>
  </si>
  <si>
    <t>12/23/2019 10:59:14</t>
  </si>
  <si>
    <t>.~lock.Reneg Vcto 26.ods#</t>
  </si>
  <si>
    <t>\\acsfs\profiles$\Flaviojmm\My Documents\.~lock.Reneg Vcto 26.ods#</t>
  </si>
  <si>
    <t>12/23/2019 10:56:45</t>
  </si>
  <si>
    <t>lu135922xa6c.tmp</t>
  </si>
  <si>
    <t>\\acsfs\profiles$\Flaviojmm\My Documents\lu135922xa6c.tmp</t>
  </si>
  <si>
    <t>\\acsfs\profiles$\Flaviojmm\My Documents\lu135922xa6c.tmp\</t>
  </si>
  <si>
    <t>\\acsfs\profiles$\Flaviojmm\My Documents\lu135922xa6c.tmp\META-INF\</t>
  </si>
  <si>
    <t>\\acsfs\profiles$\Flaviojmm\My Documents\lu135922xa6c.tmp\Thumbnails\</t>
  </si>
  <si>
    <t>12/23/2019 10:54:51</t>
  </si>
  <si>
    <t>3d1d474e-ba22-4ace-b3a4-cb514ccb8037.tmp</t>
  </si>
  <si>
    <t>\\acsfs\profiles$\ayalabfi\Downloads\3d1d474e-ba22-4ace-b3a4-cb514ccb8037.tmp</t>
  </si>
  <si>
    <t>12/23/2019 10:53:40</t>
  </si>
  <si>
    <t>12/23/2019 10:54:44</t>
  </si>
  <si>
    <t>mail.google.com/_/upload?authuser=0&amp;dcp=asu-n&amp;upload_id=AEnB2UqzZzrh6Nk2l_693UBJO9j9bFsiypYK7XscUTultdXJ4jywFBrY9QpxMgGdVfALAVRzuoD37d7bckSocL-wXNmZWiR5Vw&amp;upload_protocol=resumable</t>
  </si>
  <si>
    <t>\\acsfs\DEPTOS\TI Corporativa\07 - SGSI\04-Aval-Risco\Ações_Gestão de Risco\Evidencias\Falta de classificacao de diretorio\</t>
  </si>
  <si>
    <t>Pasta TH.xlsx</t>
  </si>
  <si>
    <t>12/23/2019 10:53:46</t>
  </si>
  <si>
    <t>12/23/2019 10:54:46</t>
  </si>
  <si>
    <t>12/23/2019 10:54:57</t>
  </si>
  <si>
    <t>12/23/2019 10:55:29</t>
  </si>
  <si>
    <t>b0c1053f-2e99-49ca-9762-346bf0f23456.tmp</t>
  </si>
  <si>
    <t>\\acsfs\profiles$\quindaizaagds\Downloads\b0c1053f-2e99-49ca-9762-346bf0f23456.tmp</t>
  </si>
  <si>
    <t>12/23/2019 10:56:26</t>
  </si>
  <si>
    <t>4a37b027-d4d1-4d64-a04d-e2d85548b3d0.tmp</t>
  </si>
  <si>
    <t>\\acsfs\profiles$\quindaizaagds\Downloads\4a37b027-d4d1-4d64-a04d-e2d85548b3d0.tmp</t>
  </si>
  <si>
    <t>992e7aff-4567-416f-aa4c-52a8ec6baa6e.tmp</t>
  </si>
  <si>
    <t>\\acsfs\profiles$\wedersonbadr\My Documents\My Music\992e7aff-4567-416f-aa4c-52a8ec6baa6e.tmp</t>
  </si>
  <si>
    <t>12/23/2019 10:54:47</t>
  </si>
  <si>
    <t>mail.google.com/_/upload?authuser=0&amp;dcp=asu-n&amp;upload_id=AEnB2UrWZLbPNF7A5Dr6Tmdmm2Nu_6mdFszQM6yyj-tp5ZkgUW1bQRXt5zhuNXmNtzfho4huPG5OfVapldFNJwrryMVNfoQbj82k4KSNvEPHAdC4XRe4FZU&amp;upload_protocol=resumable</t>
  </si>
  <si>
    <t>antoniocoj@algartech.com;telecom@algartech.com;</t>
  </si>
  <si>
    <t>bradesco feriado.xlsx</t>
  </si>
  <si>
    <t>antoniocoj@algartech.com,telecom@algartech.com</t>
  </si>
  <si>
    <t>12/23/2019 10:58:28</t>
  </si>
  <si>
    <t>12/23/2019 11:00:13</t>
  </si>
  <si>
    <t>12/23/2019 10:57:57</t>
  </si>
  <si>
    <t>12/23/2019 11:01:14</t>
  </si>
  <si>
    <t>b8924f17-6cc9-419b-b158-5cc88239cd43.tmp</t>
  </si>
  <si>
    <t>\\acsfs\profiles$\gabrielafs\Downloads\b8924f17-6cc9-419b-b158-5cc88239cd43.tmp</t>
  </si>
  <si>
    <t>12/23/2019 10:56:53</t>
  </si>
  <si>
    <t>a82a980f-59aa-46b2-b637-5a0155fe9729.tmp</t>
  </si>
  <si>
    <t>\\acsfs\profiles$\gabrielarb\Downloads\a82a980f-59aa-46b2-b637-5a0155fe9729.tmp</t>
  </si>
  <si>
    <t>12/23/2019 10:57:04</t>
  </si>
  <si>
    <t>12/23/2019 11:02:13</t>
  </si>
  <si>
    <t>mail.google.com/_/upload?authuser=0&amp;dcp=asu-n&amp;upload_id=AEnB2Urpdw2p9MflBiLFTNQg3YHncqv_smb4rmm-7iMPfPzLs3UOwHwQIRkh4EEtybEffnpPSPb-cM8eXctZOhmtOeTCUCcioxJf_9P5V0AKLeBerFuI_Zg&amp;upload_protocol=resumable</t>
  </si>
  <si>
    <t>alexandremdo@algartech.com;christopherjs@algartech.com;giofrerdanegfg@algartech.com;guilhermecst@algartech.com;matheusndm@algartech.com;paullarsf@algartech.com;</t>
  </si>
  <si>
    <t>promessas-dezembro-ate-21-12-2019.xlsx</t>
  </si>
  <si>
    <t>alexandremdo@algartech.com,christopherjs@algartech.com,giofrerdanegfg@algartech.com,guilhermecst@algartech.com,matheusndm@algartech.com,paullarsf@algartech.com</t>
  </si>
  <si>
    <t>12/23/2019 10:59:02</t>
  </si>
  <si>
    <t>41f422f4-e909-4e02-9c0e-58f93fb74154.tmp</t>
  </si>
  <si>
    <t>\\acsfs\profiles$\leonardobb\Downloads\41f422f4-e909-4e02-9c0e-58f93fb74154.tmp</t>
  </si>
  <si>
    <t>12/23/2019 10:59:37</t>
  </si>
  <si>
    <t>639c14d7-61d3-4898-a328-37edf8c99fa3.tmp</t>
  </si>
  <si>
    <t>\\acsfs\profiles$\leonardobb\Downloads\639c14d7-61d3-4898-a328-37edf8c99fa3.tmp</t>
  </si>
  <si>
    <t>12/23/2019 10:59:54</t>
  </si>
  <si>
    <t>c5a593cc-0856-4ccb-b6a4-f01eaac391ed.tmp</t>
  </si>
  <si>
    <t>\\acsfs\profiles$\leonardobb\Downloads\c5a593cc-0856-4ccb-b6a4-f01eaac391ed.tmp</t>
  </si>
  <si>
    <t>12/23/2019 10:58:23</t>
  </si>
  <si>
    <t>12/23/2019 11:03:14</t>
  </si>
  <si>
    <t>12/23/2019 10:58:31</t>
  </si>
  <si>
    <t>12/23/2019 11:02:14</t>
  </si>
  <si>
    <t>lu1062840xm.tmp</t>
  </si>
  <si>
    <t>\\acsfs\profiles$\jonatanls\My Documents\lu1062840xm.tmp</t>
  </si>
  <si>
    <t>12/23/2019 11:03:04</t>
  </si>
  <si>
    <t>12/23/2019 11:04:13</t>
  </si>
  <si>
    <t>12/23/2019 10:59:24</t>
  </si>
  <si>
    <t>12/23/2019 11:01:53</t>
  </si>
  <si>
    <t>12/23/2019 11:02:24</t>
  </si>
  <si>
    <t>ADRIELE DAS GRACAS CARVALHO_1_6771284068445271950_1_32.wav</t>
  </si>
  <si>
    <t>\\acsfs\Deptos\EDUCACAO EMPRESARIAL\FERNANDA MONIT\Ligação para Mutant terceiro Ciclo\ADRIELE DAS GRACAS CARVALHO_1_6771284068445271950_1_32.wav</t>
  </si>
  <si>
    <t>12/23/2019 11:00:00</t>
  </si>
  <si>
    <t>12/23/2019 10:59:46</t>
  </si>
  <si>
    <t>12/23/2019 11:00:46</t>
  </si>
  <si>
    <t>12/23/2019 11:03:12</t>
  </si>
  <si>
    <t>12/23/2019 11:03:42</t>
  </si>
  <si>
    <t>12/23/2019 11:05:14</t>
  </si>
  <si>
    <t>12/23/2019 11:02:07</t>
  </si>
  <si>
    <t>12/23/2019 11:02:08</t>
  </si>
  <si>
    <t>lu1738414ecf7.tmp</t>
  </si>
  <si>
    <t>\\acsfs\profiles$\LUCASBS\lu1738414ecf7.tmp</t>
  </si>
  <si>
    <t>\\acsfs\profiles$\LUCASBS\lu1738414ecf7.tmp\</t>
  </si>
  <si>
    <t>\\acsfs\profiles$\LUCASBS\lu1738414ecf7.tmp\META-INF\</t>
  </si>
  <si>
    <t>\\acsfs\profiles$\LUCASBS\lu1738414ecf7.tmp\Thumbnails\</t>
  </si>
  <si>
    <t>12/23/2019 11:03:24</t>
  </si>
  <si>
    <t>02208314-6214-4271-bc04-c2755a816847.tmp</t>
  </si>
  <si>
    <t>\\acsfs\profiles$\ERICALSR\Downloads\02208314-6214-4271-bc04-c2755a816847.tmp</t>
  </si>
  <si>
    <t>12/23/2019 11:05:07</t>
  </si>
  <si>
    <t>12/23/2019 11:07:14</t>
  </si>
  <si>
    <t>12/23/2019 11:05:37</t>
  </si>
  <si>
    <t>12/23/2019 11:07:05</t>
  </si>
  <si>
    <t>12/23/2019 11:08:13</t>
  </si>
  <si>
    <t>12/23/2019 11:07:13</t>
  </si>
  <si>
    <t>12/23/2019 11:05:40</t>
  </si>
  <si>
    <t>12/23/2019 11:05:41</t>
  </si>
  <si>
    <t>lu1062840xp.tmp</t>
  </si>
  <si>
    <t>\\acsfs\profiles$\jonatanls\My Documents\lu1062840xp.tmp</t>
  </si>
  <si>
    <t>12/23/2019 11:05:42</t>
  </si>
  <si>
    <t>12/23/2019 11:09:14</t>
  </si>
  <si>
    <t>12/23/2019 11:08:24</t>
  </si>
  <si>
    <t>\\acsfs\Deptos\Controladoria\2 - Business Performance\2019\1 - Precificacao\6 - Revisao da Metodologia\Consultoria Teros\03 - Nova Ferramenta\</t>
  </si>
  <si>
    <t>CAPEX projeto.xlsx</t>
  </si>
  <si>
    <t>12/23/2019 11:03:45</t>
  </si>
  <si>
    <t>12/23/2019 11:07:42</t>
  </si>
  <si>
    <t>12/23/2019 11:05:36</t>
  </si>
  <si>
    <t>12/23/2019 11:05:46</t>
  </si>
  <si>
    <t>12/23/2019 11:05:47</t>
  </si>
  <si>
    <t>12/23/2019 11:06:46</t>
  </si>
  <si>
    <t>12/23/2019 11:08:42</t>
  </si>
  <si>
    <t>12/23/2019 11:12:36</t>
  </si>
  <si>
    <t>12/23/2019 11:13:14</t>
  </si>
  <si>
    <t>secorp@algartech.com;</t>
  </si>
  <si>
    <t>\\acsfs\SCORP$\3 - Administrativo\3.1 - COI\3.2.0 - Relatórios COI\3.2.0.2 - Relatório de Incidentes\12-2019\</t>
  </si>
  <si>
    <t>23122019D.xlsx</t>
  </si>
  <si>
    <t>secorp@algartech.com</t>
  </si>
  <si>
    <t>12/23/2019 11:12:26</t>
  </si>
  <si>
    <t>12/23/2019 11:14:14</t>
  </si>
  <si>
    <t>12/23/2019 11:09:23</t>
  </si>
  <si>
    <t>\\acsfs\Deptos\Controladoria\2 - Business Performance\2019\1 - Precificacao\6 - Revisao da Metodologia\Consultoria Teros\03 - Nova Ferramenta\Kyros\</t>
  </si>
  <si>
    <t>Previsao CAPEX 2020.xlsx</t>
  </si>
  <si>
    <t>12/23/2019 11:09:50</t>
  </si>
  <si>
    <t>12/23/2019 11:09:56</t>
  </si>
  <si>
    <t>12/23/2019 11:10:22</t>
  </si>
  <si>
    <t>12/23/2019 11:10:32</t>
  </si>
  <si>
    <t>12/23/2019 11:11:15</t>
  </si>
  <si>
    <t>12/23/2019 11:11:19</t>
  </si>
  <si>
    <t>12/23/2019 11:11:29</t>
  </si>
  <si>
    <t>12/23/2019 11:11:43</t>
  </si>
  <si>
    <t>12/23/2019 11:11:46</t>
  </si>
  <si>
    <t>12/23/2019 11:12:09</t>
  </si>
  <si>
    <t>12/23/2019 11:12:28</t>
  </si>
  <si>
    <t>12/23/2019 11:12:46</t>
  </si>
  <si>
    <t>12/23/2019 11:11:09</t>
  </si>
  <si>
    <t>elencassiapo@algartech.com;elencassiapo@algartech.com.br;micheless@algartech.com.br;priscilalb@algartech.com;priscilalb@algartech.com.br;</t>
  </si>
  <si>
    <t>elencassiapo@algartech.com,elencassiapo@algartech.com.br,micheless@algartech.com.br,priscilalb@algartech.com,priscilalb@algartech.com.br</t>
  </si>
  <si>
    <t>12/23/2019 11:12:20</t>
  </si>
  <si>
    <t>anapscl@algartech.com;fabiolacc@algartecnologia.com.br;fredericobs@algartecnologia.com.br;micheless@algartech.com.br;rafaelaas@algartech.com;</t>
  </si>
  <si>
    <t>anapscl@algartech.com,fabiolacc@algartecnologia.com.br,fredericobs@algartecnologia.com.br,micheless@algartech.com.br,rafaelaas@algartech.com</t>
  </si>
  <si>
    <t>12/23/2019 11:09:12</t>
  </si>
  <si>
    <t>12/23/2019 11:12:13</t>
  </si>
  <si>
    <t>12/23/2019 11:12:42</t>
  </si>
  <si>
    <t>12/23/2019 11:14:21</t>
  </si>
  <si>
    <t>12/23/2019 11:15:14</t>
  </si>
  <si>
    <t>12/23/2019 11:12:40</t>
  </si>
  <si>
    <t>12/23/2019 11:17:14</t>
  </si>
  <si>
    <t>34c4cf98-fc8c-4438-9ddc-b36629db4849.tmp</t>
  </si>
  <si>
    <t>\\acsfs\profiles$\leonardobb\Downloads\34c4cf98-fc8c-4438-9ddc-b36629db4849.tmp</t>
  </si>
  <si>
    <t>12/23/2019 11:14:46</t>
  </si>
  <si>
    <t>19f2492c-db0a-42e8-a65b-7447aa27c242.tmp</t>
  </si>
  <si>
    <t>\\acsfs\profiles$\leonardobb\Downloads\19f2492c-db0a-42e8-a65b-7447aa27c242.tmp</t>
  </si>
  <si>
    <t>12/23/2019 11:13:07</t>
  </si>
  <si>
    <t>12/23/2019 11:13:37</t>
  </si>
  <si>
    <t>12/23/2019 11:16:37</t>
  </si>
  <si>
    <t>12/23/2019 11:15:47</t>
  </si>
  <si>
    <t>12/23/2019 11:18:14</t>
  </si>
  <si>
    <t>12/23/2019 11:16:26</t>
  </si>
  <si>
    <t>12/23/2019 11:14:53</t>
  </si>
  <si>
    <t>12/23/2019 11:19:14</t>
  </si>
  <si>
    <t>12/23/2019 11:14:15</t>
  </si>
  <si>
    <t>12/23/2019 11:14:45</t>
  </si>
  <si>
    <t>Adriely Aparecida Silva_1_6771481950473489067_1_32.wav</t>
  </si>
  <si>
    <t>\\acsfs\Deptos\EDUCACAO EMPRESARIAL\FERNANDA MONIT\Ligação para Mutant terceiro Ciclo\Adriely Aparecida Silva_1_6771481950473489067_1_32.wav</t>
  </si>
  <si>
    <t>12/23/2019 11:15:42</t>
  </si>
  <si>
    <t>12/23/2019 11:14:55</t>
  </si>
  <si>
    <t>lu135922xa6l.tmp</t>
  </si>
  <si>
    <t>\\acsfs\profiles$\Flaviojmm\My Documents\lu135922xa6l.tmp</t>
  </si>
  <si>
    <t>12/23/2019 11:14:18</t>
  </si>
  <si>
    <t>\\acsfs\profiles$\Flaviojmm\My Documents\lu135922xa6l.tmp\</t>
  </si>
  <si>
    <t>12/23/2019 11:14:19</t>
  </si>
  <si>
    <t>12/23/2019 11:14:22</t>
  </si>
  <si>
    <t>\\acsfs\profiles$\Flaviojmm\My Documents\lu135922xa6l.tmp\META-INF\</t>
  </si>
  <si>
    <t>12/23/2019 11:14:25</t>
  </si>
  <si>
    <t>12/23/2019 11:14:29</t>
  </si>
  <si>
    <t>12/23/2019 11:15:37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7110536778&amp;time-delta-to-apply-millis=use-collector-delta</t>
  </si>
  <si>
    <t>\\acsfs\profiles$\Flaviojmm\My Documents\lu135922xa6l.tmp\Thumbnails\</t>
  </si>
  <si>
    <t>12/23/2019 11:13:53</t>
  </si>
  <si>
    <t>12/23/2019 11:17:43</t>
  </si>
  <si>
    <t>12/23/2019 11:14:24</t>
  </si>
  <si>
    <t>12/23/2019 11:17:46</t>
  </si>
  <si>
    <t>12/23/2019 11:19:05</t>
  </si>
  <si>
    <t>12/23/2019 11:20:14</t>
  </si>
  <si>
    <t>fernandaab@algartech.com;larisacc@algartech.com;marianerdo@algartech.com;mirianppb@algartech.com;thiagord@algartech.com;</t>
  </si>
  <si>
    <t>fernandaab@algartech.com,larisacc@algartech.com,marianerdo@algartech.com,mirianppb@algartech.com,thiagord@algartech.com</t>
  </si>
  <si>
    <t>12/23/2019 11:19:24</t>
  </si>
  <si>
    <t>12/23/2019 11:16:14</t>
  </si>
  <si>
    <t>8249a64c-af02-4a1f-a126-49e6149b2ef1.tmp</t>
  </si>
  <si>
    <t>\\acsfs\profiles$\leticiala\Downloads\8249a64c-af02-4a1f-a126-49e6149b2ef1.tmp</t>
  </si>
  <si>
    <t>12/23/2019 11:18:50</t>
  </si>
  <si>
    <t>12/23/2019 11:18:51</t>
  </si>
  <si>
    <t>lu1738414ecfc.tmp</t>
  </si>
  <si>
    <t>\\acsfs\profiles$\LUCASBS\lu1738414ecfc.tmp</t>
  </si>
  <si>
    <t>\\acsfs\profiles$\LUCASBS\lu1738414ecfc.tmp\</t>
  </si>
  <si>
    <t>\\acsfs\profiles$\LUCASBS\lu1738414ecfc.tmp\META-INF\</t>
  </si>
  <si>
    <t>\\acsfs\profiles$\LUCASBS\lu1738414ecfc.tmp\Thumbnails\</t>
  </si>
  <si>
    <t>12/23/2019 11:17:02</t>
  </si>
  <si>
    <t>12/23/2019 11:22:14</t>
  </si>
  <si>
    <t>12/23/2019 11:21:48</t>
  </si>
  <si>
    <t>12/23/2019 11:23:14</t>
  </si>
  <si>
    <t>4767f727-4e31-44b5-9742-7e2f64761c04.tmp</t>
  </si>
  <si>
    <t>\\acsfs\profiles$\YASMINSC\Downloads\4767f727-4e31-44b5-9742-7e2f64761c04.tmp</t>
  </si>
  <si>
    <t>12/23/2019 11:21:47</t>
  </si>
  <si>
    <t>ENC: Filas de Retorno _ Correção Urgente</t>
  </si>
  <si>
    <t>ANALISAR FILAS DE RETORNO - EQUIPE LEONARDO (002).xlsx</t>
  </si>
  <si>
    <t>12/23/2019 11:19:06</t>
  </si>
  <si>
    <t>12/23/2019 11:24:14</t>
  </si>
  <si>
    <t>12/23/2019 11:19:43</t>
  </si>
  <si>
    <t>12/23/2019 11:20:13</t>
  </si>
  <si>
    <t>12/23/2019 11:20:43</t>
  </si>
  <si>
    <t>12/23/2019 11:18:46</t>
  </si>
  <si>
    <t>12/23/2019 11:23:46</t>
  </si>
  <si>
    <t>12/23/2019 11:22:07</t>
  </si>
  <si>
    <t>12/23/2019 11:25:14</t>
  </si>
  <si>
    <t>MARLYANNE GONCALVES DE LIMA SILVA_1_6769413777691576317_1_32.wav</t>
  </si>
  <si>
    <t>\\acsfs\Deptos\EDUCACAO EMPRESARIAL\KÉSIA\Ligações 3º ciclo - Késia\MARLYANNE GONCALVES DE LIMA SILVA_1_6769413777691576317_1_32.wav</t>
  </si>
  <si>
    <t>12/23/2019 11:21:29</t>
  </si>
  <si>
    <t>12/23/2019 11:26:14</t>
  </si>
  <si>
    <t>cfd0fb66-1bad-4fa2-8681-1bd95eff38bf.tmp</t>
  </si>
  <si>
    <t>\\acsfs\profiles$\geovannasm\Downloads\cfd0fb66-1bad-4fa2-8681-1bd95eff38bf.tmp</t>
  </si>
  <si>
    <t>12/23/2019 10:56:30</t>
  </si>
  <si>
    <t>10.250.254.58</t>
  </si>
  <si>
    <t>Relatorio_OS_Previa (1).xls.xlsx</t>
  </si>
  <si>
    <t>12/23/2019 11:23:33</t>
  </si>
  <si>
    <t>12/23/2019 11:28:14</t>
  </si>
  <si>
    <t>12/23/2019 11:23:35</t>
  </si>
  <si>
    <t>12/23/2019 11:23:36</t>
  </si>
  <si>
    <t>12/23/2019 11:23:37</t>
  </si>
  <si>
    <t>12/23/2019 11:24:16</t>
  </si>
  <si>
    <t>12/23/2019 11:24:17</t>
  </si>
  <si>
    <t>12/23/2019 11:24:25</t>
  </si>
  <si>
    <t>12/23/2019 11:24:27</t>
  </si>
  <si>
    <t>12/23/2019 11:24:33</t>
  </si>
  <si>
    <t>amandarcn@algartech.com.br;</t>
  </si>
  <si>
    <t>amandarcn@algartech.com.br</t>
  </si>
  <si>
    <t>12/23/2019 11:26:26</t>
  </si>
  <si>
    <t>12/23/2019 11:25:18</t>
  </si>
  <si>
    <t>12/23/2019 11:29:14</t>
  </si>
  <si>
    <t>12/23/2019 11:25:21</t>
  </si>
  <si>
    <t>12/23/2019 11:25:43</t>
  </si>
  <si>
    <t>12/23/2019 11:26:04</t>
  </si>
  <si>
    <t>12/23/2019 11:26:23</t>
  </si>
  <si>
    <t>12/23/2019 11:26:44</t>
  </si>
  <si>
    <t>12/23/2019 11:27:04</t>
  </si>
  <si>
    <t>12/23/2019 11:27:30</t>
  </si>
  <si>
    <t>12/23/2019 11:27:59</t>
  </si>
  <si>
    <t>12/23/2019 11:28:18</t>
  </si>
  <si>
    <t>12/23/2019 11:28:23</t>
  </si>
  <si>
    <t>12/23/2019 11:28:30</t>
  </si>
  <si>
    <t>12/23/2019 11:25:44</t>
  </si>
  <si>
    <t>12/23/2019 11:30:14</t>
  </si>
  <si>
    <t>12/23/2019 11:24:46</t>
  </si>
  <si>
    <t>12/23/2019 11:27:14</t>
  </si>
  <si>
    <t>12/23/2019 11:26:02</t>
  </si>
  <si>
    <t>b7629a4b-9884-4bcb-acee-d7c2f21432b4.tmp</t>
  </si>
  <si>
    <t>\\acsfs\profiles$\nataliacsl\Downloads\b7629a4b-9884-4bcb-acee-d7c2f21432b4.tmp</t>
  </si>
  <si>
    <t>12/23/2019 11:27:44</t>
  </si>
  <si>
    <t>12/23/2019 11:26:36</t>
  </si>
  <si>
    <t>12/23/2019 11:26:37</t>
  </si>
  <si>
    <t>lu1738414ecfh.tmp</t>
  </si>
  <si>
    <t>\\acsfs\profiles$\LUCASBS\lu1738414ecfh.tmp</t>
  </si>
  <si>
    <t>\\acsfs\profiles$\LUCASBS\lu1738414ecfh.tmp\</t>
  </si>
  <si>
    <t>\\acsfs\profiles$\LUCASBS\lu1738414ecfh.tmp\META-INF\</t>
  </si>
  <si>
    <t>\\acsfs\profiles$\LUCASBS\lu1738414ecfh.tmp\Thumbnails\</t>
  </si>
  <si>
    <t>12/23/2019 11:25:47</t>
  </si>
  <si>
    <t>12/23/2019 11:31:14</t>
  </si>
  <si>
    <t>211c4fa6-77cb-43b0-ae71-f3a0daa6f833.tmp</t>
  </si>
  <si>
    <t>\\acsfs\profiles$\geovannasm\Downloads\211c4fa6-77cb-43b0-ae71-f3a0daa6f833.tmp</t>
  </si>
  <si>
    <t>12/23/2019 11:25:53</t>
  </si>
  <si>
    <t>a2482938-8019-4323-bdd4-a2cb23f19b4c.tmp</t>
  </si>
  <si>
    <t>\\acsfs\profiles$\geovannasm\Downloads\a2482938-8019-4323-bdd4-a2cb23f19b4c.tmp</t>
  </si>
  <si>
    <t>12/23/2019 11:28:38</t>
  </si>
  <si>
    <t>174e1c1f-1238-4667-9f9d-14e0712fd8a4.tmp</t>
  </si>
  <si>
    <t>\\acsfs\profiles$\gabrielafs\Downloads\174e1c1f-1238-4667-9f9d-14e0712fd8a4.tmp</t>
  </si>
  <si>
    <t>12/23/2019 11:31:07</t>
  </si>
  <si>
    <t>12/23/2019 11:32:15</t>
  </si>
  <si>
    <t>12/23/2019 11:31:37</t>
  </si>
  <si>
    <t>12/23/2019 11:31:32</t>
  </si>
  <si>
    <t>12/23/2019 11:33:14</t>
  </si>
  <si>
    <t>mail.google.com/_/upload?authuser=2&amp;dcp=asu-n&amp;upload_id=AEnB2Ur1WJuCk6jt531ev6eEe-fjetsmStNhTpCVytwj46_Cjo2VHt2XFp23c4dWbWKd5hO0HBqhSkf3TORFAkefrRH02UyW-bFhdlkq3WQQLXj_D0LVbek&amp;upload_protocol=resumable</t>
  </si>
  <si>
    <t>12/23/2019 11:29:56</t>
  </si>
  <si>
    <t>12/23/2019 11:28:06</t>
  </si>
  <si>
    <t>12/23/2019 11:28:32</t>
  </si>
  <si>
    <t>12/23/2019 11:28:33</t>
  </si>
  <si>
    <t>12/23/2019 11:28:45</t>
  </si>
  <si>
    <t>12/23/2019 11:30:10</t>
  </si>
  <si>
    <t>12/23/2019 11:34:15</t>
  </si>
  <si>
    <t>flaviacno</t>
  </si>
  <si>
    <t>\\acsfs\Deptos\Operacao\Banco_Votorantim\Supervisao\Flávia Constantina Nogueira\</t>
  </si>
  <si>
    <t>Resultados Qualidade Dezembro.xlsx</t>
  </si>
  <si>
    <t>\\acsfs\Deptos\Operacao\Banco_Votorantim\Supervisao\Flávia Constantina Nogueira\Resultados Qualidade Dezembro.xlsx</t>
  </si>
  <si>
    <t>12/23/2019 11:30:47</t>
  </si>
  <si>
    <t>12/23/2019 11:29:46</t>
  </si>
  <si>
    <t>12/23/2019 11:35:14</t>
  </si>
  <si>
    <t>12/23/2019 11:30:34</t>
  </si>
  <si>
    <t>12/23/2019 11:30:46</t>
  </si>
  <si>
    <t>12/23/2019 11:31:13</t>
  </si>
  <si>
    <t>12/23/2019 11:31:39</t>
  </si>
  <si>
    <t>12/23/2019 11:31:59</t>
  </si>
  <si>
    <t>12/23/2019 11:32:19</t>
  </si>
  <si>
    <t>12/23/2019 11:32:42</t>
  </si>
  <si>
    <t>12/23/2019 11:32:51</t>
  </si>
  <si>
    <t>12/23/2019 11:32:14</t>
  </si>
  <si>
    <t>12/23/2019 11:32:44</t>
  </si>
  <si>
    <t>12/23/2019 11:33:44</t>
  </si>
  <si>
    <t>12/23/2019 11:34:14</t>
  </si>
  <si>
    <t>12/23/2019 11:34:44</t>
  </si>
  <si>
    <t>12/23/2019 11:33:30</t>
  </si>
  <si>
    <t>12/23/2019 11:33:32</t>
  </si>
  <si>
    <t>lu1738414ecfm.tmp</t>
  </si>
  <si>
    <t>\\acsfs\profiles$\LUCASBS\lu1738414ecfm.tmp</t>
  </si>
  <si>
    <t>\\acsfs\profiles$\LUCASBS\lu1738414ecfm.tmp\</t>
  </si>
  <si>
    <t>\\acsfs\profiles$\LUCASBS\lu1738414ecfm.tmp\META-INF\</t>
  </si>
  <si>
    <t>\\acsfs\profiles$\LUCASBS\lu1738414ecfm.tmp\Thumbnails\</t>
  </si>
  <si>
    <t>12/23/2019 11:33:07</t>
  </si>
  <si>
    <t>12/23/2019 11:37:14</t>
  </si>
  <si>
    <t>12/23/2019 11:34:46</t>
  </si>
  <si>
    <t>12/23/2019 11:40:14</t>
  </si>
  <si>
    <t>12/23/2019 11:34:49</t>
  </si>
  <si>
    <t>12/23/2019 11:34:56</t>
  </si>
  <si>
    <t>12/23/2019 11:35:46</t>
  </si>
  <si>
    <t>12/23/2019 11:36:46</t>
  </si>
  <si>
    <t>12/23/2019 11:38:21</t>
  </si>
  <si>
    <t>12/23/2019 11:36:15</t>
  </si>
  <si>
    <t>12/23/2019 11:41:14</t>
  </si>
  <si>
    <t>12/23/2019 11:38:22</t>
  </si>
  <si>
    <t>lu1738414ecfr.tmp</t>
  </si>
  <si>
    <t>\\acsfs\profiles$\LUCASBS\lu1738414ecfr.tmp</t>
  </si>
  <si>
    <t>\\acsfs\profiles$\LUCASBS\lu1738414ecfr.tmp\</t>
  </si>
  <si>
    <t>\\acsfs\profiles$\LUCASBS\lu1738414ecfr.tmp\META-INF\</t>
  </si>
  <si>
    <t>\\acsfs\profiles$\LUCASBS\lu1738414ecfr.tmp\Thumbnails\</t>
  </si>
  <si>
    <t>12/23/2019 11:40:01</t>
  </si>
  <si>
    <t>12/23/2019 11:42:15</t>
  </si>
  <si>
    <t>https://cscatende.algarnet.com.br/html/hd/hdscriptresposta/request/uploadincidentattachment.php?cdclassificacao=7&amp;action=1&amp;lastpositionattachement=undefined&amp;cdquestao=9628&amp;idmaisanexos=t</t>
  </si>
  <si>
    <t>19318;</t>
  </si>
  <si>
    <t>https://19318</t>
  </si>
  <si>
    <t>12/23/2019 11:41:45</t>
  </si>
  <si>
    <t>12/23/2019 11:38:07</t>
  </si>
  <si>
    <t>12/23/2019 11:38:37</t>
  </si>
  <si>
    <t>12/23/2019 11:40:37</t>
  </si>
  <si>
    <t>12/23/2019 11:41:07</t>
  </si>
  <si>
    <t>12/23/2019 11:37:30</t>
  </si>
  <si>
    <t>https://udpmailboxap01.acs.com.br:8443/h/search?si=0&amp;so=0&amp;sc=51574&amp;sfi=6&amp;st=conversation&amp;action=compose</t>
  </si>
  <si>
    <t>12/23/2019 11:38:14</t>
  </si>
  <si>
    <t>https://udpmailboxap01.acs.com.br:8443/h/search?si=0&amp;so=0&amp;sc=51575&amp;sfi=6&amp;st=conversation&amp;action=compose</t>
  </si>
  <si>
    <t>12/23/2019 11:38:20</t>
  </si>
  <si>
    <t>12/23/2019 11:42:03</t>
  </si>
  <si>
    <t>12/23/2019 11:44:15</t>
  </si>
  <si>
    <t>12/23/2019 11:41:34</t>
  </si>
  <si>
    <t>12/23/2019 11:39:53</t>
  </si>
  <si>
    <t>12/23/2019 11:40:22</t>
  </si>
  <si>
    <t>12/23/2019 11:45:14</t>
  </si>
  <si>
    <t>10.200.66.194</t>
  </si>
  <si>
    <t>ALESSANDRA APARECIDA NUNES (37).contact</t>
  </si>
  <si>
    <t>\\acsfs\profiles$\alessandraan\Contacts\ALESSANDRA APARECIDA NUNES (37).contact</t>
  </si>
  <si>
    <t>12/23/2019 11:40:35</t>
  </si>
  <si>
    <t>12/23/2019 11:40:36</t>
  </si>
  <si>
    <t>12/23/2019 11:40:38</t>
  </si>
  <si>
    <t>12/23/2019 11:40:39</t>
  </si>
  <si>
    <t>12/23/2019 11:40:40</t>
  </si>
  <si>
    <t>12/23/2019 11:40:41</t>
  </si>
  <si>
    <t>12/23/2019 11:40:42</t>
  </si>
  <si>
    <t>12/23/2019 11:40:52</t>
  </si>
  <si>
    <t>12/23/2019 11:40:53</t>
  </si>
  <si>
    <t>12/23/2019 11:41:01</t>
  </si>
  <si>
    <t>ANDREA PAULA DA SILVA GOMES_1_6771133860554030021_1_32.wav</t>
  </si>
  <si>
    <t>\\acsfs\Deptos\EDUCACAO EMPRESARIAL\KÉSIA\Ligações 3º ciclo - Késia\ANDREA PAULA DA SILVA GOMES_1_6771133860554030021_1_32.wav</t>
  </si>
  <si>
    <t>12/23/2019 11:40:58</t>
  </si>
  <si>
    <t>12/23/2019 11:41:24</t>
  </si>
  <si>
    <t>12/23/2019 11:41:37</t>
  </si>
  <si>
    <t>12/23/2019 11:41:46</t>
  </si>
  <si>
    <t>12/23/2019 11:41:55</t>
  </si>
  <si>
    <t>12/23/2019 11:42:20</t>
  </si>
  <si>
    <t>12/23/2019 11:42:42</t>
  </si>
  <si>
    <t>12/23/2019 11:42:45</t>
  </si>
  <si>
    <t>12/23/2019 11:42:46</t>
  </si>
  <si>
    <t>12/23/2019 11:40:16</t>
  </si>
  <si>
    <t>12/23/2019 11:44:00</t>
  </si>
  <si>
    <t>12/23/2019 11:46:14</t>
  </si>
  <si>
    <t>12/23/2019 11:44:02</t>
  </si>
  <si>
    <t>lu1738414ecfw.tmp</t>
  </si>
  <si>
    <t>\\acsfs\profiles$\LUCASBS\lu1738414ecfw.tmp</t>
  </si>
  <si>
    <t>\\acsfs\profiles$\LUCASBS\lu1738414ecfw.tmp\</t>
  </si>
  <si>
    <t>\\acsfs\profiles$\LUCASBS\lu1738414ecfw.tmp\META-INF\</t>
  </si>
  <si>
    <t>\\acsfs\profiles$\LUCASBS\lu1738414ecfw.tmp\Thumbnails\</t>
  </si>
  <si>
    <t>12/23/2019 11:46:07</t>
  </si>
  <si>
    <t>12/23/2019 11:47:14</t>
  </si>
  <si>
    <t>12/23/2019 11:42:37</t>
  </si>
  <si>
    <t>12/23/2019 11:48:14</t>
  </si>
  <si>
    <t>mail.google.com/_/upload?authuser=2&amp;dcp=asu-n&amp;upload_id=AEnB2UqcpRww41fZhpcSoxhlDM1me81vVoBYEDgsTKzVRq_TqUo6h7hUrmzOnYrrOwcTmRECUR2F_Cz9xI9oOmDr-tHqKu7gnvt0M_CvMlomcSbdlWMitUA&amp;upload_protocol=resumable</t>
  </si>
  <si>
    <t>12/23/2019 11:44:29</t>
  </si>
  <si>
    <t>12/23/2019 11:44:31</t>
  </si>
  <si>
    <t>12/23/2019 11:44:34</t>
  </si>
  <si>
    <t>12/23/2019 11:44:36</t>
  </si>
  <si>
    <t>12/23/2019 11:44:45</t>
  </si>
  <si>
    <t>12/23/2019 12:04:14</t>
  </si>
  <si>
    <t>ALEXANDRE MILHOMEM MARACAIPE_1_6770689584841950453_1_32.wav</t>
  </si>
  <si>
    <t>\\acsfs\Deptos\EDUCACAO EMPRESARIAL\FERNANDA MONIT\Ligação para Mutant terceiro Ciclo\ALEXANDRE MILHOMEM MARACAIPE_1_6770689584841950453_1_32.wav</t>
  </si>
  <si>
    <t>12/23/2019 12:19:22</t>
  </si>
  <si>
    <t>12/23/2019 11:48:29</t>
  </si>
  <si>
    <t>b1c84d24-d4f2-4e09-bd8f-fa2f11ff5c5c.tmp</t>
  </si>
  <si>
    <t>\\acsfs\profiles$\alessandraan\Downloads\b1c84d24-d4f2-4e09-bd8f-fa2f11ff5c5c.tmp</t>
  </si>
  <si>
    <t>12/23/2019 11:47:46</t>
  </si>
  <si>
    <t>12/23/2019 11:47:23</t>
  </si>
  <si>
    <t>12/23/2019 11:47:16</t>
  </si>
  <si>
    <t>12/23/2019 12:20:19</t>
  </si>
  <si>
    <t>12/23/2019 11:45:26</t>
  </si>
  <si>
    <t>5c60cb91-b8ab-46ef-8407-73f441b2ea3a.tmp</t>
  </si>
  <si>
    <t>\\acsfs\profiles$\geovannasm\Downloads\5c60cb91-b8ab-46ef-8407-73f441b2ea3a.tmp</t>
  </si>
  <si>
    <t>12/23/2019 11:48:30</t>
  </si>
  <si>
    <t>64b7bcb7-34e2-4412-9901-049352ce129c.tmp</t>
  </si>
  <si>
    <t>\\acsfs\profiles$\alessandraan\Downloads\64b7bcb7-34e2-4412-9901-049352ce129c.tmp</t>
  </si>
  <si>
    <t>12/23/2019 11:47:38</t>
  </si>
  <si>
    <t>7ad25d4e-cbf1-4dca-a2bd-d657b96c5f15.tmp</t>
  </si>
  <si>
    <t>\\acsfs\profiles$\gabrielafs\Downloads\7ad25d4e-cbf1-4dca-a2bd-d657b96c5f15.tmp</t>
  </si>
  <si>
    <t>12/23/2019 11:48:46</t>
  </si>
  <si>
    <t>12/23/2019 11:48:33</t>
  </si>
  <si>
    <t>b34dff6e-676b-43b9-9623-b712d59c8866.tmp</t>
  </si>
  <si>
    <t>\\acsfs\profiles$\alessandraan\Downloads\b34dff6e-676b-43b9-9623-b712d59c8866.tmp</t>
  </si>
  <si>
    <t>12/23/2019 11:47:18</t>
  </si>
  <si>
    <t>lu1738414ecg1.tmp</t>
  </si>
  <si>
    <t>\\acsfs\profiles$\LUCASBS\lu1738414ecg1.tmp</t>
  </si>
  <si>
    <t>12/23/2019 11:47:10</t>
  </si>
  <si>
    <t>46a385f3-586e-4758-a8e4-a7d4bab43171.tmp</t>
  </si>
  <si>
    <t>\\acsfs\profiles$\leonardobb\Downloads\46a385f3-586e-4758-a8e4-a7d4bab43171.tmp</t>
  </si>
  <si>
    <t>12/23/2019 11:51:37</t>
  </si>
  <si>
    <t>12/23/2019 11:48:34</t>
  </si>
  <si>
    <t>97c9bda7-3620-48f6-80be-787401c33637.tmp</t>
  </si>
  <si>
    <t>\\acsfs\profiles$\alessandraan\Downloads\97c9bda7-3620-48f6-80be-787401c33637.tmp</t>
  </si>
  <si>
    <t>\\acsfs\profiles$\LUCASBS\lu1738414ecg1.tmp\</t>
  </si>
  <si>
    <t>12/23/2019 11:50:16</t>
  </si>
  <si>
    <t>12/23/2019 11:53:06</t>
  </si>
  <si>
    <t>12/23/2019 11:50:05</t>
  </si>
  <si>
    <t>\\acsfs\profiles$\LUCASBS\lu1738414ecg1.tmp\META-INF\</t>
  </si>
  <si>
    <t>12/23/2019 11:53:21</t>
  </si>
  <si>
    <t>12/23/2019 11:50:56</t>
  </si>
  <si>
    <t>12/23/2019 11:52:32</t>
  </si>
  <si>
    <t>12/23/2019 11:51:46</t>
  </si>
  <si>
    <t>mail.google.com/_/upload?authuser=0&amp;dcp=asu-n&amp;upload_id=AEnB2UrApvbY2tSSKetjPPCr7bjaS1Z5dF27rd1guSadBgP2Pi6f0Wjz_WN-jLG47QNMF1mBvBjebNM35kCHkHjV8Crcmqr1EQ&amp;upload_protocol=resumable</t>
  </si>
  <si>
    <t>C:\Users\lucianabo\Desktop\2019\12 - Dezembro\RECEITAMENTO\</t>
  </si>
  <si>
    <t>RECEITAMENTO TERCEIROS - DEZ.19 - ESTORNO PARCIAL CAIXA CAP.xlsm</t>
  </si>
  <si>
    <t>12/23/2019 11:51:21</t>
  </si>
  <si>
    <t>12/23/2019 11:56:53</t>
  </si>
  <si>
    <t>12/23/2019 11:54:44</t>
  </si>
  <si>
    <t>12/23/2019 11:56:07</t>
  </si>
  <si>
    <t>c64e0fbe-1f52-4795-bd21-b4407d91aad7.tmp</t>
  </si>
  <si>
    <t>\\acsfs\profiles$\valeriasda\Downloads\c64e0fbe-1f52-4795-bd21-b4407d91aad7.tmp</t>
  </si>
  <si>
    <t>12/23/2019 11:56:32</t>
  </si>
  <si>
    <t>kit_pre_deslig_pedido_demissao_trabalhado_98635_cinthia cristyelle santos de araujo.pdf</t>
  </si>
  <si>
    <t>12/23/2019 11:51:42</t>
  </si>
  <si>
    <t>12/23/2019 11:53:46</t>
  </si>
  <si>
    <t>12/23/2019 12:21:19</t>
  </si>
  <si>
    <t>12/23/2019 11:58:27</t>
  </si>
  <si>
    <t>12/23/2019 11:54:45</t>
  </si>
  <si>
    <t>lu135922xa7a.tmp</t>
  </si>
  <si>
    <t>\\acsfs\profiles$\Flaviojmm\My Documents\lu135922xa7a.tmp</t>
  </si>
  <si>
    <t>12/23/2019 11:54:46</t>
  </si>
  <si>
    <t>12/23/2019 11:56:46</t>
  </si>
  <si>
    <t>12/23/2019 11:54:59</t>
  </si>
  <si>
    <t>12/23/2019 12:09:07</t>
  </si>
  <si>
    <t>e9519a19-b564-4243-ab20-173671e57683.tmp</t>
  </si>
  <si>
    <t>\\acsfs\profiles$\quindaizaagds\Downloads\e9519a19-b564-4243-ab20-173671e57683.tmp</t>
  </si>
  <si>
    <t>\\acsfs\profiles$\LUCASBS\lu1738414ecg1.tmp\Thumbnails\</t>
  </si>
  <si>
    <t>12/23/2019 12:05:44</t>
  </si>
  <si>
    <t>TRANSFERENCIA.txt</t>
  </si>
  <si>
    <t>\\acsfs\profiles$\laianear\TRANSFERENCIA.txt</t>
  </si>
  <si>
    <t>12/23/2019 12:18:30</t>
  </si>
  <si>
    <t>fce18a96-9105-4fdc-b716-60e5a96d9596.tmp</t>
  </si>
  <si>
    <t>\\acsfs\profiles$\laianear\Downloads\fce18a96-9105-4fdc-b716-60e5a96d9596.tmp</t>
  </si>
  <si>
    <t>12/23/2019 12:12:52</t>
  </si>
  <si>
    <t>\\acsfs\profiles$\Flaviojmm\My Documents\lu135922xa7a.tmp\</t>
  </si>
  <si>
    <t>\\acsfs\profiles$\Flaviojmm\My Documents\lu135922xa7a.tmp\META-INF\</t>
  </si>
  <si>
    <t>12/23/2019 11:59:46</t>
  </si>
  <si>
    <t>12/23/2019 12:00:46</t>
  </si>
  <si>
    <t>\\acsfs\profiles$\Flaviojmm\My Documents\lu135922xa7a.tmp\Thumbnails\</t>
  </si>
  <si>
    <t>12/23/2019 12:05:47</t>
  </si>
  <si>
    <t>12/23/2019 12:06:47</t>
  </si>
  <si>
    <t>12/23/2019 12:11:48</t>
  </si>
  <si>
    <t>12/23/2019 12:12:47</t>
  </si>
  <si>
    <t>12/23/2019 12:17:47</t>
  </si>
  <si>
    <t>12/23/2019 12:18:47</t>
  </si>
  <si>
    <t>12/23/2019 11:58:36</t>
  </si>
  <si>
    <t>12/23/2019 11:49:57</t>
  </si>
  <si>
    <t>https://udpmailboxap01/h/search?si=0&amp;so=0&amp;sc=51591&amp;sfi=6&amp;st=message&amp;action=compose</t>
  </si>
  <si>
    <t>12/23/2019 11:50:28</t>
  </si>
  <si>
    <t>2abffb2d-e418-4674-bb6e-c4627e775879.tmp</t>
  </si>
  <si>
    <t>\\acsfs\profiles$\alessandraan\Downloads\2abffb2d-e418-4674-bb6e-c4627e775879.tmp</t>
  </si>
  <si>
    <t>12/23/2019 11:51:32</t>
  </si>
  <si>
    <t>12/23/2019 11:52:26</t>
  </si>
  <si>
    <t>12/23/2019 11:58:10</t>
  </si>
  <si>
    <t>12/23/2019 11:58:14</t>
  </si>
  <si>
    <t>12/23/2019 11:58:16</t>
  </si>
  <si>
    <t>12/23/2019 11:58:18</t>
  </si>
  <si>
    <t>12/23/2019 11:58:57</t>
  </si>
  <si>
    <t>12/23/2019 11:58:58</t>
  </si>
  <si>
    <t>12/23/2019 11:58:59</t>
  </si>
  <si>
    <t>12/23/2019 11:59:01</t>
  </si>
  <si>
    <t>12/23/2019 12:00:11</t>
  </si>
  <si>
    <t>12/23/2019 12:00:12</t>
  </si>
  <si>
    <t>12/23/2019 12:14:09</t>
  </si>
  <si>
    <t>12/23/2019 12:14:19</t>
  </si>
  <si>
    <t>12/23/2019 12:14:33</t>
  </si>
  <si>
    <t>12/23/2019 12:14:39</t>
  </si>
  <si>
    <t>12/23/2019 12:18:14</t>
  </si>
  <si>
    <t>12/23/2019 12:18:17</t>
  </si>
  <si>
    <t>12/23/2019 12:18:31</t>
  </si>
  <si>
    <t>12/23/2019 12:18:44</t>
  </si>
  <si>
    <t>12/23/2019 11:51:45</t>
  </si>
  <si>
    <t>12/23/2019 11:51:49</t>
  </si>
  <si>
    <t>12/23/2019 11:58:33</t>
  </si>
  <si>
    <t>12/23/2019 11:58:35</t>
  </si>
  <si>
    <t>lu675212q8t1.tmp</t>
  </si>
  <si>
    <t>\\acsfs\profiles$\kamillacr\My Documents\lu675212q8t1.tmp</t>
  </si>
  <si>
    <t>\\acsfs\profiles$\kamillacr\My Documents\lu675212q8t1.tmp\</t>
  </si>
  <si>
    <t>\\acsfs\profiles$\kamillacr\My Documents\lu675212q8t1.tmp\META-INF\</t>
  </si>
  <si>
    <t>\\acsfs\profiles$\kamillacr\My Documents\lu675212q8t1.tmp\Thumbnails\</t>
  </si>
  <si>
    <t>12/23/2019 11:58:41</t>
  </si>
  <si>
    <t>12/23/2019 12:16:55</t>
  </si>
  <si>
    <t>12/23/2019 12:22:19</t>
  </si>
  <si>
    <t>12/23/2019 12:13:59</t>
  </si>
  <si>
    <t>41e08c96-f22e-45ce-8b9d-fdbe9f01f3ed.tmp</t>
  </si>
  <si>
    <t>\\acsfs\profiles$\JOAOVAL\Downloads\41e08c96-f22e-45ce-8b9d-fdbe9f01f3ed.tmp</t>
  </si>
  <si>
    <t>12/23/2019 12:23:19</t>
  </si>
  <si>
    <t>12/23/2019 11:57:52</t>
  </si>
  <si>
    <t>59f73a5c-b152-415b-ab20-37745bf16d2b.tmp</t>
  </si>
  <si>
    <t>\\acsfs\profiles$\gabrielafs\Downloads\59f73a5c-b152-415b-ab20-37745bf16d2b.tmp</t>
  </si>
  <si>
    <t>12/23/2019 12:06:44</t>
  </si>
  <si>
    <t>12/23/2019 12:19:45</t>
  </si>
  <si>
    <t>alinemds@algartech.com;carla.campisi@bradesco.com.br;dayanacso@algartech.com.br;eydertdsm@algartech.com.br;lucianaas@algartech.com.br;marcosih@algartech.com.br;</t>
  </si>
  <si>
    <t>RES: Atualizar TEMPO NET (PRAZOS BO)</t>
  </si>
  <si>
    <t>FILAS.xlsx</t>
  </si>
  <si>
    <t>alinemds@algartech.com,carla.campisi@bradesco.com.br,dayanacso@algartech.com.br,eydertdsm@algartech.com.br,lucianaas@algartech.com.br,marcosih@algartech.com.br</t>
  </si>
  <si>
    <t>12/23/2019 12:00:30</t>
  </si>
  <si>
    <t>.~lock.geovana 2.ods#</t>
  </si>
  <si>
    <t>\\acsfs\profiles$\geovanaasa\My Documents\.~lock.geovana 2.ods#</t>
  </si>
  <si>
    <t>12/23/2019 12:00:31</t>
  </si>
  <si>
    <t>lu208202laeyc.tmp</t>
  </si>
  <si>
    <t>\\acsfs\profiles$\geovanaasa\My Documents\lu208202laeyc.tmp</t>
  </si>
  <si>
    <t>\\acsfs\profiles$\geovanaasa\My Documents\lu208202laeyc.tmp\</t>
  </si>
  <si>
    <t>\\acsfs\profiles$\geovanaasa\My Documents\lu208202laeyc.tmp\META-INF\</t>
  </si>
  <si>
    <t>\\acsfs\profiles$\geovanaasa\My Documents\lu208202laeyc.tmp\Thumbnails\</t>
  </si>
  <si>
    <t>12/23/2019 12:22:36</t>
  </si>
  <si>
    <t>12/23/2019 12:24:19</t>
  </si>
  <si>
    <t>12/23/2019 12:17:02</t>
  </si>
  <si>
    <t>C:\Users\ericacdosc\Desktop\Nimbus\</t>
  </si>
  <si>
    <t>Checklist Projeto Nimbus_Consolidado_Abertura Data Room.xlsx</t>
  </si>
  <si>
    <t>12/23/2019 12:11:35</t>
  </si>
  <si>
    <t>12/23/2019 12:10:53</t>
  </si>
  <si>
    <t>12/23/2019 12:25:19</t>
  </si>
  <si>
    <t>12/23/2019 11:58:07</t>
  </si>
  <si>
    <t>12/23/2019 12:02:07</t>
  </si>
  <si>
    <t>12/23/2019 12:03:08</t>
  </si>
  <si>
    <t>89001ce4-ff76-4e53-b0e9-28ead237a790.tmp</t>
  </si>
  <si>
    <t>\\acsfs\profiles$\larissaad\Downloads\89001ce4-ff76-4e53-b0e9-28ead237a790.tmp</t>
  </si>
  <si>
    <t>12/23/2019 12:08:37</t>
  </si>
  <si>
    <t>12/23/2019 12:12:07</t>
  </si>
  <si>
    <t>12/23/2019 12:21:10</t>
  </si>
  <si>
    <t>ae29dfb4-3911-483f-bbb3-ac95ee463a8f.tmp</t>
  </si>
  <si>
    <t>\\acsfs\profiles$\larissaad\Downloads\ae29dfb4-3911-483f-bbb3-ac95ee463a8f.tmp</t>
  </si>
  <si>
    <t>12/23/2019 12:04:19</t>
  </si>
  <si>
    <t>12/23/2019 12:13:04</t>
  </si>
  <si>
    <t>12/23/2019 12:04:43</t>
  </si>
  <si>
    <t>eeb88459-8193-4a9b-9259-b72c931ee9b5.tmp</t>
  </si>
  <si>
    <t>\\acsfs\profiles$\quindaizaagds\Downloads\eeb88459-8193-4a9b-9259-b72c931ee9b5.tmp</t>
  </si>
  <si>
    <t>00f5cbb3-38d3-48d4-bc16-96789e02f2ef.tmp</t>
  </si>
  <si>
    <t>\\acsfs\profiles$\quindaizaagds\Downloads\00f5cbb3-38d3-48d4-bc16-96789e02f2ef.tmp</t>
  </si>
  <si>
    <t>12/23/2019 12:06:09</t>
  </si>
  <si>
    <t>e0f6f53a-4b6e-4af3-892a-f7a52688cdb7.tmp</t>
  </si>
  <si>
    <t>\\acsfs\profiles$\quindaizaagds\Downloads\e0f6f53a-4b6e-4af3-892a-f7a52688cdb7.tmp</t>
  </si>
  <si>
    <t>12/23/2019 12:09:09</t>
  </si>
  <si>
    <t>0c4cab42-2576-477f-940b-5b66e05100f8.tmp</t>
  </si>
  <si>
    <t>\\acsfs\profiles$\quindaizaagds\Downloads\0c4cab42-2576-477f-940b-5b66e05100f8.tmp</t>
  </si>
  <si>
    <t>12/23/2019 12:09:55</t>
  </si>
  <si>
    <t>c284a2de-e2dc-40dd-98d5-c5f3d2f911a2.tmp</t>
  </si>
  <si>
    <t>\\acsfs\profiles$\quindaizaagds\Downloads\c284a2de-e2dc-40dd-98d5-c5f3d2f911a2.tmp</t>
  </si>
  <si>
    <t>12/23/2019 12:12:26</t>
  </si>
  <si>
    <t>30a2b421-10b9-422a-bf18-e0c7191a76df.tmp</t>
  </si>
  <si>
    <t>\\acsfs\profiles$\quindaizaagds\Downloads\30a2b421-10b9-422a-bf18-e0c7191a76df.tmp</t>
  </si>
  <si>
    <t>12/23/2019 12:07:48</t>
  </si>
  <si>
    <t>a90bf8a9-1577-4ed9-b3eb-f9591dab17d3.tmp</t>
  </si>
  <si>
    <t>\\acsfs\profiles$\valeriasda\Downloads\a90bf8a9-1577-4ed9-b3eb-f9591dab17d3.tmp</t>
  </si>
  <si>
    <t>12/23/2019 12:03:32</t>
  </si>
  <si>
    <t>cf31d0ad-9d4b-463b-a959-3e6dfbe44e43.tmp</t>
  </si>
  <si>
    <t>\\acsfs\profiles$\monicargds\Downloads\cf31d0ad-9d4b-463b-a959-3e6dfbe44e43.tmp</t>
  </si>
  <si>
    <t>12/23/2019 11:59:18</t>
  </si>
  <si>
    <t>12/23/2019 12:23:13</t>
  </si>
  <si>
    <t>12/23/2019 12:11:13</t>
  </si>
  <si>
    <t>8b8283c7-8f42-4ea0-a32e-112ee5103755.tmp</t>
  </si>
  <si>
    <t>\\acsfs\profiles$\leticiala\Downloads\8b8283c7-8f42-4ea0-a32e-112ee5103755.tmp</t>
  </si>
  <si>
    <t>12/23/2019 12:22:55</t>
  </si>
  <si>
    <t>12/23/2019 12:26:19</t>
  </si>
  <si>
    <t>12/23/2019 12:23:47</t>
  </si>
  <si>
    <t>12/23/2019 12:24:47</t>
  </si>
  <si>
    <t>12/23/2019 12:24:37</t>
  </si>
  <si>
    <t>12/23/2019 12:30:19</t>
  </si>
  <si>
    <t>12/23/2019 12:26:22</t>
  </si>
  <si>
    <t>12/23/2019 12:26:48</t>
  </si>
  <si>
    <t>12/23/2019 12:27:07</t>
  </si>
  <si>
    <t>12/23/2019 12:27:34</t>
  </si>
  <si>
    <t>12/23/2019 12:31:18</t>
  </si>
  <si>
    <t>12/23/2019 12:27:35</t>
  </si>
  <si>
    <t>lu1738414ecga.tmp</t>
  </si>
  <si>
    <t>\\acsfs\profiles$\LUCASBS\lu1738414ecga.tmp</t>
  </si>
  <si>
    <t>\\acsfs\profiles$\LUCASBS\lu1738414ecga.tmp\</t>
  </si>
  <si>
    <t>\\acsfs\profiles$\LUCASBS\lu1738414ecga.tmp\META-INF\</t>
  </si>
  <si>
    <t>\\acsfs\profiles$\LUCASBS\lu1738414ecga.tmp\Thumbnails\</t>
  </si>
  <si>
    <t>12/23/2019 12:29:47</t>
  </si>
  <si>
    <t>12/23/2019 12:29:15</t>
  </si>
  <si>
    <t>12/23/2019 12:29:22</t>
  </si>
  <si>
    <t>12/23/2019 12:31:45</t>
  </si>
  <si>
    <t>12/23/2019 12:33:18</t>
  </si>
  <si>
    <t>12/23/2019 12:31:51</t>
  </si>
  <si>
    <t>12/23/2019 12:35:18</t>
  </si>
  <si>
    <t>12/23/2019 12:30:04</t>
  </si>
  <si>
    <t>/o=exchangelabs/ou=exchange administrative group (fydibohf23spdlt)/cn=recipients/cn=49df841081c647dfa3c968230c8e613c-sabrina gon;/o=exchangelabs/ou=exchange administrative group (fydibohf23spdlt)/cn=recipients/cn=fd4a47c4d251414eb48a57376a49e773-marco tulio;</t>
  </si>
  <si>
    <t>ENC: Relatório de presença_next</t>
  </si>
  <si>
    <t>/o=exchangelabs/ou=exchange administrative group (fydibohf23spdlt)/cn=recipients/cn=49df841081c647dfa3c968230c8e613c-sabrina gon,/o=exchangelabs/ou=exchange administrative group (fydibohf23spdlt)/cn=recipients/cn=fd4a47c4d251414eb48a57376a49e773-marco tulio</t>
  </si>
  <si>
    <t>12/23/2019 12:31:16</t>
  </si>
  <si>
    <t>12/23/2019 12:36:19</t>
  </si>
  <si>
    <t>12/23/2019 12:31:17</t>
  </si>
  <si>
    <t>lu1738414ecgf.tmp</t>
  </si>
  <si>
    <t>\\acsfs\profiles$\LUCASBS\lu1738414ecgf.tmp</t>
  </si>
  <si>
    <t>\\acsfs\profiles$\LUCASBS\lu1738414ecgf.tmp\</t>
  </si>
  <si>
    <t>\\acsfs\profiles$\LUCASBS\lu1738414ecgf.tmp\META-INF\</t>
  </si>
  <si>
    <t>\\acsfs\profiles$\LUCASBS\lu1738414ecgf.tmp\Thumbnails\</t>
  </si>
  <si>
    <t>12/23/2019 12:30:47</t>
  </si>
  <si>
    <t>12/23/2019 12:32:48</t>
  </si>
  <si>
    <t>12/23/2019 12:32:51</t>
  </si>
  <si>
    <t>12/23/2019 12:34:01</t>
  </si>
  <si>
    <t>12/23/2019 12:37:49</t>
  </si>
  <si>
    <t>12/23/2019 12:40:18</t>
  </si>
  <si>
    <t>\\acsfs\profiles$\CLAUDIAJCA\.~lock.Claudia.xls#</t>
  </si>
  <si>
    <t>12/23/2019 12:35:36</t>
  </si>
  <si>
    <t>12/23/2019 12:37:22</t>
  </si>
  <si>
    <t>12/23/2019 12:41:18</t>
  </si>
  <si>
    <t>12/23/2019 12:37:24</t>
  </si>
  <si>
    <t>lu1738414ecgk.tmp</t>
  </si>
  <si>
    <t>\\acsfs\profiles$\LUCASBS\lu1738414ecgk.tmp</t>
  </si>
  <si>
    <t>\\acsfs\profiles$\LUCASBS\lu1738414ecgk.tmp\</t>
  </si>
  <si>
    <t>\\acsfs\profiles$\LUCASBS\lu1738414ecgk.tmp\META-INF\</t>
  </si>
  <si>
    <t>\\acsfs\profiles$\LUCASBS\lu1738414ecgk.tmp\Thumbnails\</t>
  </si>
  <si>
    <t>12/23/2019 12:35:47</t>
  </si>
  <si>
    <t>12/23/2019 12:36:48</t>
  </si>
  <si>
    <t>12/23/2019 12:37:03</t>
  </si>
  <si>
    <t>12/23/2019 12:40:14</t>
  </si>
  <si>
    <t>12/23/2019 12:40:37</t>
  </si>
  <si>
    <t>12/23/2019 12:42:19</t>
  </si>
  <si>
    <t>92f19bb9-b6ab-457e-9db3-8d9078eb45fc.tmp</t>
  </si>
  <si>
    <t>\\acsfs\profiles$\gabrielarb\Downloads\92f19bb9-b6ab-457e-9db3-8d9078eb45fc.tmp</t>
  </si>
  <si>
    <t>12/23/2019 12:43:18</t>
  </si>
  <si>
    <t>mail.google.com/_/upload?authuser=0&amp;dcp=asu-n&amp;upload_id=AEnB2UrCNxVosaTgGxQeoz6_KaHva6L3LmfnBObkD2DcConbeS3GaQegkmPs2Cl6vGUa0e2kYHWasSIPEgHEt0ZECes0SYDbtVwwi1VZqk5Ug68r1yZYxcA&amp;upload_protocol=resumable</t>
  </si>
  <si>
    <t>12/23/2019 12:45:23</t>
  </si>
  <si>
    <t>12/23/2019 12:46:20</t>
  </si>
  <si>
    <t>12/23/2019 12:45:24</t>
  </si>
  <si>
    <t>12/23/2019 12:44:54</t>
  </si>
  <si>
    <t>12/23/2019 12:44:55</t>
  </si>
  <si>
    <t>lu1738414ecgp.tmp</t>
  </si>
  <si>
    <t>\\acsfs\profiles$\LUCASBS\lu1738414ecgp.tmp</t>
  </si>
  <si>
    <t>\\acsfs\profiles$\LUCASBS\lu1738414ecgp.tmp\</t>
  </si>
  <si>
    <t>\\acsfs\profiles$\LUCASBS\lu1738414ecgp.tmp\META-INF\</t>
  </si>
  <si>
    <t>\\acsfs\profiles$\LUCASBS\lu1738414ecgp.tmp\Thumbnails\</t>
  </si>
  <si>
    <t>12/23/2019 12:45:00</t>
  </si>
  <si>
    <t>12/23/2019 12:41:47</t>
  </si>
  <si>
    <t>12/23/2019 12:42:47</t>
  </si>
  <si>
    <t>12/23/2019 12:45:32</t>
  </si>
  <si>
    <t>12/23/2019 12:43:35</t>
  </si>
  <si>
    <t>12/23/2019 12:47:20</t>
  </si>
  <si>
    <t>12/23/2019 12:45:48</t>
  </si>
  <si>
    <t>12/23/2019 12:45:49</t>
  </si>
  <si>
    <t>12/23/2019 12:45:50</t>
  </si>
  <si>
    <t>12/23/2019 12:45:51</t>
  </si>
  <si>
    <t>12/23/2019 12:45:52</t>
  </si>
  <si>
    <t>12/23/2019 12:45:53</t>
  </si>
  <si>
    <t>12/23/2019 12:45:54</t>
  </si>
  <si>
    <t>12/23/2019 12:45:55</t>
  </si>
  <si>
    <t>12/23/2019 12:45:57</t>
  </si>
  <si>
    <t>12/23/2019 12:48:20</t>
  </si>
  <si>
    <t>12/23/2019 12:45:58</t>
  </si>
  <si>
    <t>12/23/2019 12:45:59</t>
  </si>
  <si>
    <t>12/23/2019 12:46:00</t>
  </si>
  <si>
    <t>12/23/2019 12:46:01</t>
  </si>
  <si>
    <t>12/23/2019 12:46:02</t>
  </si>
  <si>
    <t>12/23/2019 12:46:03</t>
  </si>
  <si>
    <t>12/23/2019 12:46:04</t>
  </si>
  <si>
    <t>12/23/2019 12:46:05</t>
  </si>
  <si>
    <t>12/23/2019 12:46:06</t>
  </si>
  <si>
    <t>12/23/2019 12:46:07</t>
  </si>
  <si>
    <t>12/23/2019 12:46:08</t>
  </si>
  <si>
    <t>12/23/2019 12:46:09</t>
  </si>
  <si>
    <t>12/23/2019 12:46:10</t>
  </si>
  <si>
    <t>12/23/2019 12:45:40</t>
  </si>
  <si>
    <t>12/23/2019 12:49:19</t>
  </si>
  <si>
    <t>8adface6-d66f-433b-a7b1-eb9a5480f83e.tmp</t>
  </si>
  <si>
    <t>\\acsfs\profiles$\sarahbal\Downloads\8adface6-d66f-433b-a7b1-eb9a5480f83e.tmp</t>
  </si>
  <si>
    <t>12/23/2019 12:46:24</t>
  </si>
  <si>
    <t>12/23/2019 12:50:20</t>
  </si>
  <si>
    <t>.~lock.Contato Reneg 23-12.ods#</t>
  </si>
  <si>
    <t>\\acsfs\profiles$\CLAUDIAJCA\.~lock.Contato Reneg 23-12.ods#</t>
  </si>
  <si>
    <t>12/23/2019 12:46:26</t>
  </si>
  <si>
    <t>lu470085e6o30.tmp</t>
  </si>
  <si>
    <t>\\acsfs\profiles$\CLAUDIAJCA\lu470085e6o30.tmp</t>
  </si>
  <si>
    <t>\\acsfs\profiles$\CLAUDIAJCA\lu470085e6o30.tmp\</t>
  </si>
  <si>
    <t>\\acsfs\profiles$\CLAUDIAJCA\lu470085e6o30.tmp\META-INF\</t>
  </si>
  <si>
    <t>\\acsfs\profiles$\CLAUDIAJCA\lu470085e6o30.tmp\Thumbnails\</t>
  </si>
  <si>
    <t>12/23/2019 12:48:05</t>
  </si>
  <si>
    <t>1a4ab482-4a68-4e58-b6f9-553f1969c2dd.tmp</t>
  </si>
  <si>
    <t>\\acsfs\profiles$\nataliacsl\Downloads\1a4ab482-4a68-4e58-b6f9-553f1969c2dd.tmp</t>
  </si>
  <si>
    <t>12/23/2019 12:47:47</t>
  </si>
  <si>
    <t>12/23/2019 12:51:20</t>
  </si>
  <si>
    <t>12/23/2019 12:48:47</t>
  </si>
  <si>
    <t>12/23/2019 12:48:46</t>
  </si>
  <si>
    <t>12/23/2019 12:53:38</t>
  </si>
  <si>
    <t>12/23/2019 12:55:20</t>
  </si>
  <si>
    <t>12/23/2019 12:50:11</t>
  </si>
  <si>
    <t>12/23/2019 12:53:19</t>
  </si>
  <si>
    <t>12/23/2019 12:53:20</t>
  </si>
  <si>
    <t>12/23/2019 12:50:55</t>
  </si>
  <si>
    <t>12/23/2019 12:52:25</t>
  </si>
  <si>
    <t>12/23/2019 12:53:55</t>
  </si>
  <si>
    <t>12/23/2019 12:54:25</t>
  </si>
  <si>
    <t>12/23/2019 12:54:55</t>
  </si>
  <si>
    <t>12/23/2019 12:53:45</t>
  </si>
  <si>
    <t>12/23/2019 12:56:20</t>
  </si>
  <si>
    <t>3568216c-6020-4171-9e1c-34c4be252a5c.tmp</t>
  </si>
  <si>
    <t>\\acsfs\profiles$\YASMINSC\Downloads\3568216c-6020-4171-9e1c-34c4be252a5c.tmp</t>
  </si>
  <si>
    <t>12/23/2019 12:54:07</t>
  </si>
  <si>
    <t>cb63457a-ef27-4a47-909a-3e6e5bf2bc62.tmp</t>
  </si>
  <si>
    <t>\\acsfs\profiles$\paulovadc\Downloads\cb63457a-ef27-4a47-909a-3e6e5bf2bc62.tmp</t>
  </si>
  <si>
    <t>12/23/2019 12:53:47</t>
  </si>
  <si>
    <t>12/23/2019 12:54:47</t>
  </si>
  <si>
    <t>12/23/2019 12:51:15</t>
  </si>
  <si>
    <t>12/23/2019 12:51:17</t>
  </si>
  <si>
    <t>12/23/2019 12:55:30</t>
  </si>
  <si>
    <t>12/23/2019 12:55:01</t>
  </si>
  <si>
    <t>12/23/2019 12:58:20</t>
  </si>
  <si>
    <t>12/23/2019 12:56:37</t>
  </si>
  <si>
    <t>12/23/2019 12:59:20</t>
  </si>
  <si>
    <t>12/23/2019 12:55:09</t>
  </si>
  <si>
    <t>12/23/2019 13:00:20</t>
  </si>
  <si>
    <t>12/23/2019 13:01:20</t>
  </si>
  <si>
    <t>7af05685-6251-49c0-9abc-19ac8141dfc1.tmp</t>
  </si>
  <si>
    <t>\\acsfs\profiles$\YASMINSC\Downloads\7af05685-6251-49c0-9abc-19ac8141dfc1.tmp</t>
  </si>
  <si>
    <t>12/23/2019 12:59:57</t>
  </si>
  <si>
    <t>12/23/2019 12:59:47</t>
  </si>
  <si>
    <t>12/23/2019 13:01:56</t>
  </si>
  <si>
    <t>12/23/2019 13:03:20</t>
  </si>
  <si>
    <t>12/23/2019 13:01:58</t>
  </si>
  <si>
    <t>lu113329gu7t.tmp</t>
  </si>
  <si>
    <t>\\acsfs\profiles$\jonatanls\My Documents\lu113329gu7t.tmp</t>
  </si>
  <si>
    <t>12/23/2019 13:01:34</t>
  </si>
  <si>
    <t>12/23/2019 13:05:21</t>
  </si>
  <si>
    <t>12/23/2019 13:04:13</t>
  </si>
  <si>
    <t>12/23/2019 13:00:42</t>
  </si>
  <si>
    <t>910b2aae-5803-467c-992f-fa688cfc2729.tmp</t>
  </si>
  <si>
    <t>\\acsfs\profiles$\leticiala\Downloads\910b2aae-5803-467c-992f-fa688cfc2729.tmp</t>
  </si>
  <si>
    <t>12/23/2019 13:02:27</t>
  </si>
  <si>
    <t>12/23/2019 13:02:57</t>
  </si>
  <si>
    <t>12/23/2019 13:01:07</t>
  </si>
  <si>
    <t>12/23/2019 13:06:21</t>
  </si>
  <si>
    <t>12/23/2019 13:01:08</t>
  </si>
  <si>
    <t>lu1738414ecgu.tmp</t>
  </si>
  <si>
    <t>\\acsfs\profiles$\LUCASBS\lu1738414ecgu.tmp</t>
  </si>
  <si>
    <t>\\acsfs\profiles$\LUCASBS\lu1738414ecgu.tmp\</t>
  </si>
  <si>
    <t>\\acsfs\profiles$\LUCASBS\lu1738414ecgu.tmp\META-INF\</t>
  </si>
  <si>
    <t>\\acsfs\profiles$\LUCASBS\lu1738414ecgu.tmp\Thumbnails\</t>
  </si>
  <si>
    <t>12/23/2019 13:05:09</t>
  </si>
  <si>
    <t>12/23/2019 13:05:10</t>
  </si>
  <si>
    <t>lu1738414ecgz.tmp</t>
  </si>
  <si>
    <t>\\acsfs\profiles$\LUCASBS\lu1738414ecgz.tmp</t>
  </si>
  <si>
    <t>\\acsfs\profiles$\LUCASBS\lu1738414ecgz.tmp\</t>
  </si>
  <si>
    <t>\\acsfs\profiles$\LUCASBS\lu1738414ecgz.tmp\META-INF\</t>
  </si>
  <si>
    <t>\\acsfs\profiles$\LUCASBS\lu1738414ecgz.tmp\Thumbnails\</t>
  </si>
  <si>
    <t>12/23/2019 13:00:47</t>
  </si>
  <si>
    <t>12/23/2019 13:00:52</t>
  </si>
  <si>
    <t>12/23/2019 13:01:04</t>
  </si>
  <si>
    <t>12/23/2019 13:01:05</t>
  </si>
  <si>
    <t>12/23/2019 13:01:35</t>
  </si>
  <si>
    <t>12/23/2019 13:04:21</t>
  </si>
  <si>
    <t>12/23/2019 13:09:20</t>
  </si>
  <si>
    <t>aca5ad86-ae18-4295-bdc9-5bb5c11bb124.tmp</t>
  </si>
  <si>
    <t>\\acsfs\profiles$\sayharaefs\Downloads\aca5ad86-ae18-4295-bdc9-5bb5c11bb124.tmp</t>
  </si>
  <si>
    <t>12/23/2019 13:08:00</t>
  </si>
  <si>
    <t>12/23/2019 13:11:21</t>
  </si>
  <si>
    <t>12/23/2019 13:08:01</t>
  </si>
  <si>
    <t>lu1738414ech4.tmp</t>
  </si>
  <si>
    <t>\\acsfs\profiles$\LUCASBS\lu1738414ech4.tmp</t>
  </si>
  <si>
    <t>\\acsfs\profiles$\LUCASBS\lu1738414ech4.tmp\</t>
  </si>
  <si>
    <t>\\acsfs\profiles$\LUCASBS\lu1738414ech4.tmp\META-INF\</t>
  </si>
  <si>
    <t>\\acsfs\profiles$\LUCASBS\lu1738414ech4.tmp\Thumbnails\</t>
  </si>
  <si>
    <t>12/23/2019 13:05:47</t>
  </si>
  <si>
    <t>12/23/2019 13:06:47</t>
  </si>
  <si>
    <t>12/23/2019 13:06:27</t>
  </si>
  <si>
    <t>anapscl@algartech.com.br;fabio.ribeiro@algartech.com;fredericobs@algartecnologia.com.br;jaquelineaferr@algartech.com;katiargf@algartech.com;kelly.barbosa@temposervicos.com.br;micheless@algartech.com.br;</t>
  </si>
  <si>
    <t>anapscl@algartech.com.br,fabio.ribeiro@algartech.com,fredericobs@algartecnologia.com.br,jaquelineaferr@algartech.com,katiargf@algartech.com,kelly.barbosa@temposervicos.com.br,micheless@algartech.com.br</t>
  </si>
  <si>
    <t>12/23/2019 13:07:25</t>
  </si>
  <si>
    <t>ana.palazzo@bradesco.com.br;anapscl@algartech.com.br;filipe.s.carvalho@bradesco.com.br;jaquelineaferr@algartech.com;katiargf@algartech.com;kelly.barbosa@temposervicos.com.br;kenia.oliveira@temposervicos.com.br;leticia.albuquerque@bradesco.com.br;lorena.r.silva@bradesco.com.br;micheless@algartech.com.br;reginaldo.cardozo@bradesco.com.br;solange.contriciani@bradesco.com.br;</t>
  </si>
  <si>
    <t>ana.palazzo@bradesco.com.br,anapscl@algartech.com.br,filipe.s.carvalho@bradesco.com.br,jaquelineaferr@algartech.com,katiargf@algartech.com,kelly.barbosa@temposervicos.com.br,kenia.oliveira@temposervicos.com.br,leticia.albuquerque@bradesco.com.br,lorena.r.silva@bradesco.com.br,micheless@algartech.com.br,reginaldo.cardozo@bradesco.com.br,solange.contriciani@bradesco.com.br</t>
  </si>
  <si>
    <t>12/23/2019 13:09:37</t>
  </si>
  <si>
    <t>12/23/2019 13:13:21</t>
  </si>
  <si>
    <t>4c16bf10-c180-4126-b327-1c9e20be1852.tmp</t>
  </si>
  <si>
    <t>\\acsfs\profiles$\websondsa\Downloads\4c16bf10-c180-4126-b327-1c9e20be1852.tmp</t>
  </si>
  <si>
    <t>12/23/2019 13:10:04</t>
  </si>
  <si>
    <t>f132b603-3928-4ee2-b4b9-9d7c9b8f7bf9.tmp</t>
  </si>
  <si>
    <t>\\acsfs\profiles$\websondsa\Downloads\f132b603-3928-4ee2-b4b9-9d7c9b8f7bf9.tmp</t>
  </si>
  <si>
    <t>12/23/2019 13:10:19</t>
  </si>
  <si>
    <t>e24ff5c7-7896-41ed-b426-1c2626482751.tmp</t>
  </si>
  <si>
    <t>\\acsfs\profiles$\websondsa\Downloads\e24ff5c7-7896-41ed-b426-1c2626482751.tmp</t>
  </si>
  <si>
    <t>12/23/2019 13:10:37</t>
  </si>
  <si>
    <t>83dc8404-df08-4812-a6a6-39cc067429fa.tmp</t>
  </si>
  <si>
    <t>\\acsfs\profiles$\websondsa\Downloads\83dc8404-df08-4812-a6a6-39cc067429fa.tmp</t>
  </si>
  <si>
    <t>12/23/2019 13:11:10</t>
  </si>
  <si>
    <t>6d378142-75e1-4282-859a-d3973e9aa185.tmp</t>
  </si>
  <si>
    <t>\\acsfs\profiles$\websondsa\Downloads\6d378142-75e1-4282-859a-d3973e9aa185.tmp</t>
  </si>
  <si>
    <t>12/23/2019 13:11:20</t>
  </si>
  <si>
    <t>04980ea0-55e8-4a09-bdd7-77d1e5b8eb9a.tmp</t>
  </si>
  <si>
    <t>\\acsfs\profiles$\websondsa\Downloads\04980ea0-55e8-4a09-bdd7-77d1e5b8eb9a.tmp</t>
  </si>
  <si>
    <t>12/23/2019 13:11:29</t>
  </si>
  <si>
    <t>5b6c55da-7487-4dc9-b2c3-f9fceccce80f.tmp</t>
  </si>
  <si>
    <t>\\acsfs\profiles$\websondsa\Downloads\5b6c55da-7487-4dc9-b2c3-f9fceccce80f.tmp</t>
  </si>
  <si>
    <t>12/23/2019 13:11:53</t>
  </si>
  <si>
    <t>6a52b44b-8d69-422d-b5d8-1aabe10c78fc.tmp</t>
  </si>
  <si>
    <t>\\acsfs\profiles$\websondsa\Downloads\6a52b44b-8d69-422d-b5d8-1aabe10c78fc.tmp</t>
  </si>
  <si>
    <t>12/23/2019 13:12:17</t>
  </si>
  <si>
    <t>29c0c0d2-f78b-4b2f-8d07-3a20315e3203.tmp</t>
  </si>
  <si>
    <t>\\acsfs\profiles$\websondsa\Downloads\29c0c0d2-f78b-4b2f-8d07-3a20315e3203.tmp</t>
  </si>
  <si>
    <t>12/23/2019 13:12:29</t>
  </si>
  <si>
    <t>d3d765e6-a08e-4560-bdce-67ab7236e88a.tmp</t>
  </si>
  <si>
    <t>\\acsfs\profiles$\websondsa\Downloads\d3d765e6-a08e-4560-bdce-67ab7236e88a.tmp</t>
  </si>
  <si>
    <t>12/23/2019 13:12:42</t>
  </si>
  <si>
    <t>da6439d7-cfff-434e-86f3-c78e6ac6cecc.tmp</t>
  </si>
  <si>
    <t>\\acsfs\profiles$\websondsa\Downloads\da6439d7-cfff-434e-86f3-c78e6ac6cecc.tmp</t>
  </si>
  <si>
    <t>12/23/2019 13:13:35</t>
  </si>
  <si>
    <t>12/23/2019 13:16:20</t>
  </si>
  <si>
    <t>fc96599e-3d28-411c-b4bf-8a610bc4b0d4.tmp</t>
  </si>
  <si>
    <t>\\acsfs\profiles$\karinarm\Downloads\fc96599e-3d28-411c-b4bf-8a610bc4b0d4.tmp</t>
  </si>
  <si>
    <t>12/23/2019 13:14:00</t>
  </si>
  <si>
    <t>cc96dc3c-837c-4ac3-86a2-074c3d93828f.tmp</t>
  </si>
  <si>
    <t>\\acsfs\profiles$\karinarm\Downloads\cc96dc3c-837c-4ac3-86a2-074c3d93828f.tmp</t>
  </si>
  <si>
    <t>12/23/2019 13:14:12</t>
  </si>
  <si>
    <t>Não confirmado 824203.crdownload</t>
  </si>
  <si>
    <t>\\acsfs\profiles$\karinarm\Downloads\Não confirmado 824203.crdownload</t>
  </si>
  <si>
    <t>12/23/2019 13:14:15</t>
  </si>
  <si>
    <t>Não confirmado 454941.crdownload</t>
  </si>
  <si>
    <t>\\acsfs\profiles$\karinarm\Downloads\Não confirmado 454941.crdownload</t>
  </si>
  <si>
    <t>12/23/2019 13:14:19</t>
  </si>
  <si>
    <t>62e7e58d-8a14-4a08-846f-324f721e593a.tmp</t>
  </si>
  <si>
    <t>\\acsfs\profiles$\karinarm\Downloads\62e7e58d-8a14-4a08-846f-324f721e593a.tmp</t>
  </si>
  <si>
    <t>12/23/2019 13:14:20</t>
  </si>
  <si>
    <t>12/23/2019 13:14:21</t>
  </si>
  <si>
    <t>lu1738414ech9.tmp</t>
  </si>
  <si>
    <t>\\acsfs\profiles$\LUCASBS\lu1738414ech9.tmp</t>
  </si>
  <si>
    <t>\\acsfs\profiles$\LUCASBS\lu1738414ech9.tmp\</t>
  </si>
  <si>
    <t>\\acsfs\profiles$\LUCASBS\lu1738414ech9.tmp\META-INF\</t>
  </si>
  <si>
    <t>\\acsfs\profiles$\LUCASBS\lu1738414ech9.tmp\Thumbnails\</t>
  </si>
  <si>
    <t>12/23/2019 13:11:47</t>
  </si>
  <si>
    <t>12/23/2019 13:12:47</t>
  </si>
  <si>
    <t>12/23/2019 13:14:51</t>
  </si>
  <si>
    <t>12/23/2019 13:14:56</t>
  </si>
  <si>
    <t>12/23/2019 13:15:06</t>
  </si>
  <si>
    <t>12/23/2019 13:15:43</t>
  </si>
  <si>
    <t>12/23/2019 13:15:08</t>
  </si>
  <si>
    <t>12/23/2019 13:18:20</t>
  </si>
  <si>
    <t>12/23/2019 13:14:45</t>
  </si>
  <si>
    <t>76aa329a-3501-407f-a997-4f098d1a8e16.tmp</t>
  </si>
  <si>
    <t>\\acsfs\profiles$\websondsa\Downloads\76aa329a-3501-407f-a997-4f098d1a8e16.tmp</t>
  </si>
  <si>
    <t>12/23/2019 13:18:13</t>
  </si>
  <si>
    <t>12/23/2019 13:20:21</t>
  </si>
  <si>
    <t>bc2186e2-c41f-47bc-bc00-76cb8f2aa54a.tmp</t>
  </si>
  <si>
    <t>\\acsfs\profiles$\quindaizaagds\Downloads\bc2186e2-c41f-47bc-bc00-76cb8f2aa54a.tmp</t>
  </si>
  <si>
    <t>12/23/2019 13:18:51</t>
  </si>
  <si>
    <t>3a2f2657-b27e-46f5-af37-b393dce16a53.tmp</t>
  </si>
  <si>
    <t>\\acsfs\profiles$\quindaizaagds\Downloads\3a2f2657-b27e-46f5-af37-b393dce16a53.tmp</t>
  </si>
  <si>
    <t>12/23/2019 13:19:00</t>
  </si>
  <si>
    <t>c6e8f6a3-4510-4d16-acf2-ffa09056e3a7.tmp</t>
  </si>
  <si>
    <t>\\acsfs\profiles$\quindaizaagds\Downloads\c6e8f6a3-4510-4d16-acf2-ffa09056e3a7.tmp</t>
  </si>
  <si>
    <t>12/23/2019 13:18:46</t>
  </si>
  <si>
    <t>12/23/2019 13:18:48</t>
  </si>
  <si>
    <t>12/23/2019 13:18:37</t>
  </si>
  <si>
    <t>12/23/2019 13:21:21</t>
  </si>
  <si>
    <t>12/23/2019 13:18:38</t>
  </si>
  <si>
    <t>lu1738414eche.tmp</t>
  </si>
  <si>
    <t>\\acsfs\profiles$\LUCASBS\lu1738414eche.tmp</t>
  </si>
  <si>
    <t>\\acsfs\profiles$\LUCASBS\lu1738414eche.tmp\</t>
  </si>
  <si>
    <t>\\acsfs\profiles$\LUCASBS\lu1738414eche.tmp\META-INF\</t>
  </si>
  <si>
    <t>\\acsfs\profiles$\LUCASBS\lu1738414eche.tmp\Thumbnails\</t>
  </si>
  <si>
    <t>12/23/2019 13:17:47</t>
  </si>
  <si>
    <t>12/23/2019 13:18:47</t>
  </si>
  <si>
    <t>12/23/2019 13:15:56</t>
  </si>
  <si>
    <t>12/23/2019 13:17:25</t>
  </si>
  <si>
    <t>12/23/2019 13:17:27</t>
  </si>
  <si>
    <t>12/23/2019 13:18:23</t>
  </si>
  <si>
    <t>NATALIA CRISTINA DOS SANTOS LIMA_1_6771040891691941814_1_32.wav</t>
  </si>
  <si>
    <t>\\acsfs\Deptos\EDUCACAO EMPRESARIAL\KÉSIA\Ligações 3º ciclo - Késia\NATALIA CRISTINA DOS SANTOS LIMA_1_6771040891691941814_1_32.wav</t>
  </si>
  <si>
    <t>12/23/2019 13:21:29</t>
  </si>
  <si>
    <t>12/23/2019 13:22:21</t>
  </si>
  <si>
    <t>12/23/2019 13:22:28</t>
  </si>
  <si>
    <t>12/23/2019 13:23:22</t>
  </si>
  <si>
    <t>433f5f63-9967-4ef2-bc74-8388bc60a4f6.tmp</t>
  </si>
  <si>
    <t>\\acsfs\profiles$\danielpdl\Downloads\433f5f63-9967-4ef2-bc74-8388bc60a4f6.tmp</t>
  </si>
  <si>
    <t>12/23/2019 13:18:41</t>
  </si>
  <si>
    <t>ebdc3a87-7064-408b-86af-e2921f090348.tmp</t>
  </si>
  <si>
    <t>\\acsfs\profiles$\websondsa\Downloads\ebdc3a87-7064-408b-86af-e2921f090348.tmp</t>
  </si>
  <si>
    <t>12/23/2019 13:18:53</t>
  </si>
  <si>
    <t>1b3ade2c-bb70-46b7-916d-b72c8480f7a5.tmp</t>
  </si>
  <si>
    <t>\\acsfs\profiles$\websondsa\Downloads\1b3ade2c-bb70-46b7-916d-b72c8480f7a5.tmp</t>
  </si>
  <si>
    <t>12/23/2019 13:19:05</t>
  </si>
  <si>
    <t>add5b3d7-a712-446d-b556-6c484a99e535.tmp</t>
  </si>
  <si>
    <t>\\acsfs\profiles$\websondsa\Downloads\add5b3d7-a712-446d-b556-6c484a99e535.tmp</t>
  </si>
  <si>
    <t>12/23/2019 13:21:37</t>
  </si>
  <si>
    <t>5969f736-c713-47ff-83ea-88979570f137.tmp</t>
  </si>
  <si>
    <t>\\acsfs\profiles$\websondsa\Downloads\5969f736-c713-47ff-83ea-88979570f137.tmp</t>
  </si>
  <si>
    <t>12/23/2019 13:21:45</t>
  </si>
  <si>
    <t>a70451aa-9238-4c61-b146-99cf68547ca1.tmp</t>
  </si>
  <si>
    <t>\\acsfs\profiles$\websondsa\Downloads\a70451aa-9238-4c61-b146-99cf68547ca1.tmp</t>
  </si>
  <si>
    <t>12/23/2019 13:22:15</t>
  </si>
  <si>
    <t>96f3d86e-c0c9-45da-a111-6881e53957e4.tmp</t>
  </si>
  <si>
    <t>\\acsfs\profiles$\websondsa\Downloads\96f3d86e-c0c9-45da-a111-6881e53957e4.tmp</t>
  </si>
  <si>
    <t>12/23/2019 13:22:22</t>
  </si>
  <si>
    <t>45491936-1410-4634-92ec-0a0bfe1ed896.tmp</t>
  </si>
  <si>
    <t>\\acsfs\profiles$\websondsa\Downloads\45491936-1410-4634-92ec-0a0bfe1ed896.tmp</t>
  </si>
  <si>
    <t>12/23/2019 13:22:29</t>
  </si>
  <si>
    <t>598c7d84-45db-43bf-abeb-ddd72f6a3e93.tmp</t>
  </si>
  <si>
    <t>\\acsfs\profiles$\websondsa\Downloads\598c7d84-45db-43bf-abeb-ddd72f6a3e93.tmp</t>
  </si>
  <si>
    <t>12/23/2019 13:22:38</t>
  </si>
  <si>
    <t>0c2f60ef-1856-4c3b-b0ef-8f82f8bf668a.tmp</t>
  </si>
  <si>
    <t>\\acsfs\profiles$\websondsa\Downloads\0c2f60ef-1856-4c3b-b0ef-8f82f8bf668a.tmp</t>
  </si>
  <si>
    <t>12/23/2019 13:22:45</t>
  </si>
  <si>
    <t>Não confirmado 486693.crdownload</t>
  </si>
  <si>
    <t>\\acsfs\profiles$\websondsa\Downloads\Não confirmado 486693.crdownload</t>
  </si>
  <si>
    <t>12/23/2019 13:23:07</t>
  </si>
  <si>
    <t>3aba2a39-e8bd-455c-afbd-c14ed964ffd9.tmp</t>
  </si>
  <si>
    <t>\\acsfs\profiles$\websondsa\Downloads\3aba2a39-e8bd-455c-afbd-c14ed964ffd9.tmp</t>
  </si>
  <si>
    <t>12/23/2019 13:19:10</t>
  </si>
  <si>
    <t>12/23/2019 13:24:21</t>
  </si>
  <si>
    <t>12/23/2019 13:20:56</t>
  </si>
  <si>
    <t>22c95c4d-4ef8-4b08-9bcc-10978c74fef8.tmp</t>
  </si>
  <si>
    <t>\\acsfs\profiles$\felipetds\Downloads\22c95c4d-4ef8-4b08-9bcc-10978c74fef8.tmp</t>
  </si>
  <si>
    <t>12/23/2019 13:20:49</t>
  </si>
  <si>
    <t>e0ddc896-fe0a-4b43-a5ce-2b3323b55631.tmp</t>
  </si>
  <si>
    <t>\\acsfs\profiles$\ayalabfi\Downloads\e0ddc896-fe0a-4b43-a5ce-2b3323b55631.tmp</t>
  </si>
  <si>
    <t>12/23/2019 13:20:05</t>
  </si>
  <si>
    <t>12/23/2019 13:25:22</t>
  </si>
  <si>
    <t>42fc5499-d51d-4f39-b2b8-b85239650d66.tmp</t>
  </si>
  <si>
    <t>\\acsfs\profiles$\quindaizaagds\Downloads\42fc5499-d51d-4f39-b2b8-b85239650d66.tmp</t>
  </si>
  <si>
    <t>12/23/2019 13:24:16</t>
  </si>
  <si>
    <t>12/23/2019 13:26:21</t>
  </si>
  <si>
    <t>12/23/2019 13:24:17</t>
  </si>
  <si>
    <t>lu1738414echj.tmp</t>
  </si>
  <si>
    <t>\\acsfs\profiles$\LUCASBS\lu1738414echj.tmp</t>
  </si>
  <si>
    <t>\\acsfs\profiles$\LUCASBS\lu1738414echj.tmp\</t>
  </si>
  <si>
    <t>\\acsfs\profiles$\LUCASBS\lu1738414echj.tmp\META-INF\</t>
  </si>
  <si>
    <t>\\acsfs\profiles$\LUCASBS\lu1738414echj.tmp\Thumbnails\</t>
  </si>
  <si>
    <t>12/23/2019 13:23:49</t>
  </si>
  <si>
    <t>\\acsfs\Deptos\EDUCACAO EMPRESARIAL\FERNANDA MONIT\Fernanda\RECLAMAÇÃO E OUVIDORIA\LAUDO PARA DEBORA.docx\</t>
  </si>
  <si>
    <t>\\acsfs\Deptos\EDUCACAO EMPRESARIAL\FERNANDA MONIT\Fernanda\RECLAMAÇÃO E OUVIDORIA\LAUDO PARA DEBORA.docx</t>
  </si>
  <si>
    <t>\\acsfs\Deptos\EDUCACAO EMPRESARIAL\FERNANDA MONIT\Fernanda\RECLAMAÇÃO E OUVIDORIA\</t>
  </si>
  <si>
    <t>LAUDO PARA DEBORA.docx</t>
  </si>
  <si>
    <t>12/23/2019 13:24:04</t>
  </si>
  <si>
    <t>12/23/2019 13:23:47</t>
  </si>
  <si>
    <t>12/23/2019 13:24:09</t>
  </si>
  <si>
    <t>12/23/2019 13:24:47</t>
  </si>
  <si>
    <t>12/23/2019 13:24:20</t>
  </si>
  <si>
    <t>12/23/2019 13:24:50</t>
  </si>
  <si>
    <t>12/23/2019 13:27:22</t>
  </si>
  <si>
    <t>ce802374-d34d-48bd-be60-b95bcad7302e.tmp</t>
  </si>
  <si>
    <t>\\acsfs\profiles$\deboraaa\Downloads\ce802374-d34d-48bd-be60-b95bcad7302e.tmp</t>
  </si>
  <si>
    <t>12/23/2019 13:26:32</t>
  </si>
  <si>
    <t>12/23/2019 13:28:22</t>
  </si>
  <si>
    <t>f5c48867-d5d5-4c67-aafe-c9ca128b7b0e.tmp</t>
  </si>
  <si>
    <t>\\acsfs\profiles$\gabrielafs\Downloads\f5c48867-d5d5-4c67-aafe-c9ca128b7b0e.tmp</t>
  </si>
  <si>
    <t>12/23/2019 13:23:25</t>
  </si>
  <si>
    <t>ddba83e8-a1f5-4710-aa10-5ebd2c3cc28a.tmp</t>
  </si>
  <si>
    <t>\\acsfs\profiles$\websondsa\Downloads\ddba83e8-a1f5-4710-aa10-5ebd2c3cc28a.tmp</t>
  </si>
  <si>
    <t>12/23/2019 13:23:57</t>
  </si>
  <si>
    <t>mail.google.com/_/upload?authuser=1&amp;dcp=asu-n&amp;upload_id=AEnB2Uqq2c1nNBtyXWVa_Zoorxd6i3rK7RYkWS57xLQEwc-f47uQitVICa2gSbaBs6zOBuWNxks_mLsa3zYYlurBK8Mm9Abd1Wne5gonQzDjfD3WwfGOC_M&amp;upload_protocol=resumable</t>
  </si>
  <si>
    <t>Demandas - Cervello.xlsx</t>
  </si>
  <si>
    <t>12/23/2019 13:24:45</t>
  </si>
  <si>
    <t>12/23/2019 13:29:22</t>
  </si>
  <si>
    <t>$I9H900U.txt</t>
  </si>
  <si>
    <t>\\acsfs\profiles$\brendavdoa\My Documents\$RECYCLE.BIN\$I9H900U.txt</t>
  </si>
  <si>
    <t>12/23/2019 13:24:55</t>
  </si>
  <si>
    <t>$IS4FVS7.txt</t>
  </si>
  <si>
    <t>\\acsfs\profiles$\brendavdoa\My Documents\$RECYCLE.BIN\$IS4FVS7.txt</t>
  </si>
  <si>
    <t>12/23/2019 13:25:09</t>
  </si>
  <si>
    <t>$IQ9TN6Q.txt</t>
  </si>
  <si>
    <t>\\acsfs\profiles$\brendavdoa\My Documents\$RECYCLE.BIN\$IQ9TN6Q.txt</t>
  </si>
  <si>
    <t>12/23/2019 13:25:17</t>
  </si>
  <si>
    <t>$I1X3JY4.txt</t>
  </si>
  <si>
    <t>\\acsfs\profiles$\brendavdoa\My Documents\$RECYCLE.BIN\$I1X3JY4.txt</t>
  </si>
  <si>
    <t>12/23/2019 13:25:24</t>
  </si>
  <si>
    <t>$I1PE4ES.txt</t>
  </si>
  <si>
    <t>\\acsfs\profiles$\brendavdoa\My Documents\$RECYCLE.BIN\$I1PE4ES.txt</t>
  </si>
  <si>
    <t>12/23/2019 13:25:29</t>
  </si>
  <si>
    <t>$I10JV7M.txt</t>
  </si>
  <si>
    <t>\\acsfs\profiles$\brendavdoa\My Documents\$RECYCLE.BIN\$I10JV7M.txt</t>
  </si>
  <si>
    <t>12/23/2019 13:25:33</t>
  </si>
  <si>
    <t>$IEBZK4E.txt</t>
  </si>
  <si>
    <t>\\acsfs\profiles$\brendavdoa\My Documents\$RECYCLE.BIN\$IEBZK4E.txt</t>
  </si>
  <si>
    <t>12/23/2019 13:25:38</t>
  </si>
  <si>
    <t>$I46UTGA.txt</t>
  </si>
  <si>
    <t>\\acsfs\profiles$\brendavdoa\My Documents\$RECYCLE.BIN\$I46UTGA.txt</t>
  </si>
  <si>
    <t>12/23/2019 13:25:45</t>
  </si>
  <si>
    <t>$I7LXNKD.txt</t>
  </si>
  <si>
    <t>\\acsfs\profiles$\brendavdoa\My Documents\$RECYCLE.BIN\$I7LXNKD.txt</t>
  </si>
  <si>
    <t>12/23/2019 13:25:50</t>
  </si>
  <si>
    <t>$I0NNF7Z.txt</t>
  </si>
  <si>
    <t>\\acsfs\profiles$\brendavdoa\My Documents\$RECYCLE.BIN\$I0NNF7Z.txt</t>
  </si>
  <si>
    <t>12/23/2019 13:26:01</t>
  </si>
  <si>
    <t>12/23/2019 13:30:22</t>
  </si>
  <si>
    <t>12/23/2019 13:29:51</t>
  </si>
  <si>
    <t>12/23/2019 13:31:22</t>
  </si>
  <si>
    <t>12/23/2019 13:29:52</t>
  </si>
  <si>
    <t>lu135922xa83.tmp</t>
  </si>
  <si>
    <t>\\acsfs\profiles$\Flaviojmm\My Documents\lu135922xa83.tmp</t>
  </si>
  <si>
    <t>\\acsfs\profiles$\Flaviojmm\My Documents\lu135922xa83.tmp\</t>
  </si>
  <si>
    <t>\\acsfs\profiles$\Flaviojmm\My Documents\lu135922xa83.tmp\META-INF\</t>
  </si>
  <si>
    <t>\\acsfs\profiles$\Flaviojmm\My Documents\lu135922xa83.tmp\Thumbnails\</t>
  </si>
  <si>
    <t>12/23/2019 13:29:47</t>
  </si>
  <si>
    <t>12/23/2019 13:30:15</t>
  </si>
  <si>
    <t>12/23/2019 13:32:22</t>
  </si>
  <si>
    <t>1cdd6ba8-80fa-4705-b2ef-176e6e4ed01f.tmp</t>
  </si>
  <si>
    <t>\\acsfs\profiles$\gabrielarb\Downloads\1cdd6ba8-80fa-4705-b2ef-176e6e4ed01f.tmp</t>
  </si>
  <si>
    <t>12/23/2019 13:32:02</t>
  </si>
  <si>
    <t>12/23/2019 13:35:22</t>
  </si>
  <si>
    <t>https://udpwfmniceap02/web/guest/home?p_auth=vkzj5txv&amp;p_p_id=58&amp;p_p_lifecycle=1&amp;p_p_state=maximized&amp;p_p_mode=view&amp;savelastpath=0&amp;_58_struts_action=/login/forgot_password</t>
  </si>
  <si>
    <t>12/23/2019 13:30:33</t>
  </si>
  <si>
    <t>12/23/2019 13:36:22</t>
  </si>
  <si>
    <t>d28b11aa-04fb-493a-8eac-34b78ee89ee3.tmp</t>
  </si>
  <si>
    <t>\\acsfs\profiles$\laianear\Downloads\d28b11aa-04fb-493a-8eac-34b78ee89ee3.tmp</t>
  </si>
  <si>
    <t>12/23/2019 13:33:04</t>
  </si>
  <si>
    <t>12/23/2019 13:33:05</t>
  </si>
  <si>
    <t>lu1738414echo.tmp</t>
  </si>
  <si>
    <t>\\acsfs\profiles$\LUCASBS\lu1738414echo.tmp</t>
  </si>
  <si>
    <t>\\acsfs\profiles$\LUCASBS\lu1738414echo.tmp\</t>
  </si>
  <si>
    <t>\\acsfs\profiles$\LUCASBS\lu1738414echo.tmp\META-INF\</t>
  </si>
  <si>
    <t>\\acsfs\profiles$\LUCASBS\lu1738414echo.tmp\Thumbnails\</t>
  </si>
  <si>
    <t>12/23/2019 13:30:47</t>
  </si>
  <si>
    <t>12/23/2019 13:35:15</t>
  </si>
  <si>
    <t>https://udpmailboxap01/h/search?si=0&amp;so=0&amp;sc=51798&amp;sfi=2&amp;st=message&amp;action=compose</t>
  </si>
  <si>
    <t>12/23/2019 13:34:16</t>
  </si>
  <si>
    <t>12/23/2019 13:38:21</t>
  </si>
  <si>
    <t>10.12.240.113</t>
  </si>
  <si>
    <t>Lista Processo Seletivo.xlsx</t>
  </si>
  <si>
    <t>12/23/2019 13:34:06</t>
  </si>
  <si>
    <t>cf664e56-d034-4ce0-9beb-5851686e48ae.tmp</t>
  </si>
  <si>
    <t>\\acsfs\profiles$\websondsa\Downloads\cf664e56-d034-4ce0-9beb-5851686e48ae.tmp</t>
  </si>
  <si>
    <t>12/23/2019 13:34:07</t>
  </si>
  <si>
    <t>1c2731c0-99ee-434a-ba88-e817bc2b2236.tmp</t>
  </si>
  <si>
    <t>\\acsfs\profiles$\websondsa\Downloads\1c2731c0-99ee-434a-ba88-e817bc2b2236.tmp</t>
  </si>
  <si>
    <t>12/23/2019 13:35:06</t>
  </si>
  <si>
    <t>12/23/2019 13:40:21</t>
  </si>
  <si>
    <t>12/23/2019 13:38:04</t>
  </si>
  <si>
    <t>12/23/2019 13:39:04</t>
  </si>
  <si>
    <t>12/23/2019 13:40:04</t>
  </si>
  <si>
    <t>12/23/2019 13:36:36</t>
  </si>
  <si>
    <t>12/23/2019 13:41:22</t>
  </si>
  <si>
    <t>0ec8ab1e-4b2d-4250-9ae8-711ece6fd1d7.tmp</t>
  </si>
  <si>
    <t>\\acsfs\profiles$\paulovadc\Downloads\0ec8ab1e-4b2d-4250-9ae8-711ece6fd1d7.tmp</t>
  </si>
  <si>
    <t>12/23/2019 13:35:47</t>
  </si>
  <si>
    <t>12/23/2019 13:36:48</t>
  </si>
  <si>
    <t>12/23/2019 13:37:23</t>
  </si>
  <si>
    <t>12/23/2019 13:37:39</t>
  </si>
  <si>
    <t>12/23/2019 13:39:50</t>
  </si>
  <si>
    <t>12/23/2019 13:40:02</t>
  </si>
  <si>
    <t>12/23/2019 13:40:09</t>
  </si>
  <si>
    <t>12/23/2019 13:40:22</t>
  </si>
  <si>
    <t>12/23/2019 13:40:23</t>
  </si>
  <si>
    <t>anacarolinesn@algartech.com;anapscl@algartech.com.br;fabio.ribeiro@algartech.com;fredericobs@algartecnologia.com.br;julianatem@algartech.com;katiargf@algartech.com;lilian.alves@temposervicos.com.br;micheless@algartech.com.br;</t>
  </si>
  <si>
    <t>anacarolinesn@algartech.com,anapscl@algartech.com.br,fabio.ribeiro@algartech.com,fredericobs@algartecnologia.com.br,julianatem@algartech.com,katiargf@algartech.com,lilian.alves@temposervicos.com.br,micheless@algartech.com.br</t>
  </si>
  <si>
    <t>12/23/2019 13:39:54</t>
  </si>
  <si>
    <t>12/23/2019 13:39:34</t>
  </si>
  <si>
    <t>PEDRO HENRIQUE ALMEIDA BATISTA_1_6770317120983081220_1_32.wav</t>
  </si>
  <si>
    <t>\\acsfs\Deptos\EDUCACAO EMPRESARIAL\KÉSIA\Ligações 3º ciclo - Késia\PEDRO HENRIQUE ALMEIDA BATISTA_1_6770317120983081220_1_32.wav</t>
  </si>
  <si>
    <t>12/23/2019 13:39:11</t>
  </si>
  <si>
    <t>12/23/2019 13:43:21</t>
  </si>
  <si>
    <t>09b7ef15-a239-4a22-9979-64802671ecb8.tmp</t>
  </si>
  <si>
    <t>\\acsfs\profiles$\brendadsl\Downloads\09b7ef15-a239-4a22-9979-64802671ecb8.tmp</t>
  </si>
  <si>
    <t>12/23/2019 13:39:13</t>
  </si>
  <si>
    <t>b6a7ddef-3e1c-4a00-8952-e570c356e239.tmp</t>
  </si>
  <si>
    <t>\\acsfs\profiles$\brendadsl\Downloads\b6a7ddef-3e1c-4a00-8952-e570c356e239.tmp</t>
  </si>
  <si>
    <t>12/23/2019 13:39:14</t>
  </si>
  <si>
    <t>ce6ebb35-8d23-4a84-924a-edb928e2eb03.tmp</t>
  </si>
  <si>
    <t>\\acsfs\profiles$\brendadsl\Downloads\ce6ebb35-8d23-4a84-924a-edb928e2eb03.tmp</t>
  </si>
  <si>
    <t>12/23/2019 13:39:17</t>
  </si>
  <si>
    <t>814395c9-3163-42a2-8faa-eb5d0e31680f.tmp</t>
  </si>
  <si>
    <t>\\acsfs\profiles$\brendadsl\Downloads\814395c9-3163-42a2-8faa-eb5d0e31680f.tmp</t>
  </si>
  <si>
    <t>12/23/2019 13:39:18</t>
  </si>
  <si>
    <t>58028397-3868-4fbb-a1a2-1f0243f7ca9f.tmp</t>
  </si>
  <si>
    <t>\\acsfs\profiles$\brendadsl\Downloads\58028397-3868-4fbb-a1a2-1f0243f7ca9f.tmp</t>
  </si>
  <si>
    <t>12/23/2019 13:41:45</t>
  </si>
  <si>
    <t>323d02ca-98df-4d2f-8f1e-d6e762ddf511.tmp</t>
  </si>
  <si>
    <t>\\acsfs\profiles$\brendadsl\Downloads\323d02ca-98df-4d2f-8f1e-d6e762ddf511.tmp</t>
  </si>
  <si>
    <t>12/23/2019 13:41:49</t>
  </si>
  <si>
    <t>7fcd10ff-efcc-4ac0-9fd5-c63916086f51.tmp</t>
  </si>
  <si>
    <t>\\acsfs\profiles$\brendadsl\Downloads\7fcd10ff-efcc-4ac0-9fd5-c63916086f51.tmp</t>
  </si>
  <si>
    <t>12/23/2019 13:42:55</t>
  </si>
  <si>
    <t>\\acsfs\Deptos\Controladoria\2 - Business Performance\2019\6 - Demandas Extras\01 - Metodologia de Comissão FV_2019\Apuração Comissão\</t>
  </si>
  <si>
    <t>Ebit 3T.xlsx</t>
  </si>
  <si>
    <t>12/23/2019 13:39:53</t>
  </si>
  <si>
    <t>12/23/2019 13:45:21</t>
  </si>
  <si>
    <t>12/23/2019 13:43:14</t>
  </si>
  <si>
    <t>12/23/2019 13:40:34</t>
  </si>
  <si>
    <t>12/23/2019 13:41:14</t>
  </si>
  <si>
    <t>12/23/2019 13:46:21</t>
  </si>
  <si>
    <t>Alice Crispina Pereira Barbosa Coelho_1_6769205501842490902_1_32.wav</t>
  </si>
  <si>
    <t>\\acsfs\Deptos\EDUCACAO EMPRESARIAL\FERNANDA MONIT\Ligação para Mutant terceiro Ciclo\Alice Crispina Pereira Barbosa Coelho_1_6769205501842490902_1_32.wav</t>
  </si>
  <si>
    <t>12/23/2019 13:40:43</t>
  </si>
  <si>
    <t>12/23/2019 13:40:52</t>
  </si>
  <si>
    <t>12/23/2019 13:41:01</t>
  </si>
  <si>
    <t>12/23/2019 13:41:25</t>
  </si>
  <si>
    <t>12/23/2019 13:41:47</t>
  </si>
  <si>
    <t>12/23/2019 13:42:47</t>
  </si>
  <si>
    <t>12/23/2019 13:40:59</t>
  </si>
  <si>
    <t>/o=exchangelabs/ou=exchange administrative group (fydibohf23spdlt)/cn=recipients/cn=f8c35298ef0b48aa998ff938051b62c8-ana carolin;ana.palazzo@bradesco.com.br;anapscl@algartech.com.br;felipe.silva@temposervicos.com.br;katiargf@algartech.com;kenia.oliveira@temposervicos.com.br;lorena.r.silva@bradesco.com.br;micheless@algartech.com;reginaldo.cardozo@bradesco.com.br;solange.contriciani@bradesco.com.br;</t>
  </si>
  <si>
    <t>/o=exchangelabs/ou=exchange administrative group (fydibohf23spdlt)/cn=recipients/cn=f8c35298ef0b48aa998ff938051b62c8-ana carolin,ana.palazzo@bradesco.com.br,anapscl@algartech.com.br,felipe.silva@temposervicos.com.br,katiargf@algartech.com,kenia.oliveira@temposervicos.com.br,lorena.r.silva@bradesco.com.br,micheless@algartech.com,reginaldo.cardozo@bradesco.com.br,solange.contriciani@bradesco.com.br</t>
  </si>
  <si>
    <t>12/23/2019 13:46:56</t>
  </si>
  <si>
    <t>12/23/2019 13:48:20</t>
  </si>
  <si>
    <t>2d5aec82-1bf4-4306-a14c-984ebcbf1a19.tmp</t>
  </si>
  <si>
    <t>\\acsfs\profiles$\geovannasm\Downloads\2d5aec82-1bf4-4306-a14c-984ebcbf1a19.tmp</t>
  </si>
  <si>
    <t>12/23/2019 13:43:10</t>
  </si>
  <si>
    <t>309c9706-e0f5-4a8a-9ff5-e07a246cfe47.tmp</t>
  </si>
  <si>
    <t>\\acsfs\profiles$\georgendsq\Downloads\309c9706-e0f5-4a8a-9ff5-e07a246cfe47.tmp</t>
  </si>
  <si>
    <t>12/23/2019 13:43:42</t>
  </si>
  <si>
    <t>b1820740-ae4a-4ea4-8139-9ef1aa24135c.tmp</t>
  </si>
  <si>
    <t>\\acsfs\profiles$\georgendsq\Downloads\b1820740-ae4a-4ea4-8139-9ef1aa24135c.tmp</t>
  </si>
  <si>
    <t>12/23/2019 13:43:58</t>
  </si>
  <si>
    <t>00b8cf0b-ff77-411e-9982-b8a511c09cee.tmp</t>
  </si>
  <si>
    <t>\\acsfs\profiles$\georgendsq\Downloads\00b8cf0b-ff77-411e-9982-b8a511c09cee.tmp</t>
  </si>
  <si>
    <t>12/23/2019 13:44:26</t>
  </si>
  <si>
    <t>3a7ba9c4-9c86-4671-b9ea-c1c1b634127b.tmp</t>
  </si>
  <si>
    <t>\\acsfs\profiles$\georgendsq\Downloads\3a7ba9c4-9c86-4671-b9ea-c1c1b634127b.tmp</t>
  </si>
  <si>
    <t>12/23/2019 13:44:40</t>
  </si>
  <si>
    <t>1609e2d7-dd91-40f4-b310-361c4ef7751a.tmp</t>
  </si>
  <si>
    <t>\\acsfs\profiles$\georgendsq\Downloads\1609e2d7-dd91-40f4-b310-361c4ef7751a.tmp</t>
  </si>
  <si>
    <t>12/23/2019 13:45:01</t>
  </si>
  <si>
    <t>48ac542b-f5fd-4048-8312-fc5e65f67ae9.tmp</t>
  </si>
  <si>
    <t>\\acsfs\profiles$\georgendsq\Downloads\48ac542b-f5fd-4048-8312-fc5e65f67ae9.tmp</t>
  </si>
  <si>
    <t>12/23/2019 13:44:21</t>
  </si>
  <si>
    <t>BERNARDO PATRICK CARNEIRO MOTA (25).contact</t>
  </si>
  <si>
    <t>\\acsfs\profiles$\bernardopcm\Contacts\BERNARDO PATRICK CARNEIRO MOTA (25).contact</t>
  </si>
  <si>
    <t>12/23/2019 13:44:37</t>
  </si>
  <si>
    <t>12/23/2019 13:44:38</t>
  </si>
  <si>
    <t>12/23/2019 13:44:39</t>
  </si>
  <si>
    <t>12/23/2019 13:48:21</t>
  </si>
  <si>
    <t>12/23/2019 13:44:41</t>
  </si>
  <si>
    <t>12/23/2019 13:44:57</t>
  </si>
  <si>
    <t>12/23/2019 13:44:58</t>
  </si>
  <si>
    <t>12/23/2019 13:44:59</t>
  </si>
  <si>
    <t>12/23/2019 13:46:54</t>
  </si>
  <si>
    <t>0337f584-bf3e-4f12-ad17-3e89b65dfc75.tmp</t>
  </si>
  <si>
    <t>\\acsfs\profiles$\bernardopcm\Downloads\0337f584-bf3e-4f12-ad17-3e89b65dfc75.tmp</t>
  </si>
  <si>
    <t>3666480b-06da-4a69-bac7-5b162894eefa.tmp</t>
  </si>
  <si>
    <t>\\acsfs\profiles$\bernardopcm\Downloads\3666480b-06da-4a69-bac7-5b162894eefa.tmp</t>
  </si>
  <si>
    <t>12/23/2019 13:47:02</t>
  </si>
  <si>
    <t>aab430f8-3c18-4d48-96fc-b7208d74a4ef.tmp</t>
  </si>
  <si>
    <t>\\acsfs\profiles$\bernardopcm\Downloads\aab430f8-3c18-4d48-96fc-b7208d74a4ef.tmp</t>
  </si>
  <si>
    <t>12/23/2019 13:47:01</t>
  </si>
  <si>
    <t>12/23/2019 13:49:21</t>
  </si>
  <si>
    <t>8f5d90e9-26af-4040-bccb-45bf98adcdcc.tmp</t>
  </si>
  <si>
    <t>\\acsfs\profiles$\KARENJSS\Downloads\8f5d90e9-26af-4040-bccb-45bf98adcdcc.tmp</t>
  </si>
  <si>
    <t>457e9b3e-5a07-44a4-ab91-b55ab952dfe4.tmp</t>
  </si>
  <si>
    <t>\\acsfs\profiles$\KARENJSS\Downloads\457e9b3e-5a07-44a4-ab91-b55ab952dfe4.tmp</t>
  </si>
  <si>
    <t>39cbef92-060b-416c-867f-e074e3ebb726.tmp</t>
  </si>
  <si>
    <t>\\acsfs\profiles$\KARENJSS\Downloads\39cbef92-060b-416c-867f-e074e3ebb726.tmp</t>
  </si>
  <si>
    <t>12/23/2019 13:47:55</t>
  </si>
  <si>
    <t>ad6632d4-7c58-4d8f-a5a9-30d2b2ab2c17.tmp</t>
  </si>
  <si>
    <t>\\acsfs\profiles$\sarahbal\Downloads\ad6632d4-7c58-4d8f-a5a9-30d2b2ab2c17.tmp</t>
  </si>
  <si>
    <t>12/23/2019 13:46:33</t>
  </si>
  <si>
    <t>cd8d117d-6321-4550-b991-96d0061d4613.tmp</t>
  </si>
  <si>
    <t>\\acsfs\profiles$\regisadsa\Downloads\cd8d117d-6321-4550-b991-96d0061d4613.tmp</t>
  </si>
  <si>
    <t>12/23/2019 13:46:36</t>
  </si>
  <si>
    <t>6db05792-163e-4df1-8ade-f7fe8eac322e.tmp</t>
  </si>
  <si>
    <t>\\acsfs\profiles$\regisadsa\Downloads\6db05792-163e-4df1-8ade-f7fe8eac322e.tmp</t>
  </si>
  <si>
    <t>12/23/2019 13:47:44</t>
  </si>
  <si>
    <t>28214983-7c8d-4e74-8cc1-eac4a339da5b.tmp</t>
  </si>
  <si>
    <t>\\acsfs\profiles$\regisadsa\Downloads\28214983-7c8d-4e74-8cc1-eac4a339da5b.tmp</t>
  </si>
  <si>
    <t>12/23/2019 13:48:30</t>
  </si>
  <si>
    <t>7e76b099-f727-45a9-a59b-2a3927a42b8a.tmp</t>
  </si>
  <si>
    <t>\\acsfs\profiles$\regisadsa\Downloads\7e76b099-f727-45a9-a59b-2a3927a42b8a.tmp</t>
  </si>
  <si>
    <t>12/23/2019 13:48:45</t>
  </si>
  <si>
    <t>afee6891-8334-419c-ab8e-6a55c1960838.tmp</t>
  </si>
  <si>
    <t>\\acsfs\profiles$\regisadsa\Downloads\afee6891-8334-419c-ab8e-6a55c1960838.tmp</t>
  </si>
  <si>
    <t>12/23/2019 13:47:54</t>
  </si>
  <si>
    <t>12/23/2019 13:51:20</t>
  </si>
  <si>
    <t>4530e2d4-852e-4a59-8bb8-0412e6b95710.tmp</t>
  </si>
  <si>
    <t>\\acsfs\profiles$\paulovadc\Downloads\4530e2d4-852e-4a59-8bb8-0412e6b95710.tmp</t>
  </si>
  <si>
    <t>12/23/2019 13:48:22</t>
  </si>
  <si>
    <t>lu1738414echx.tmp</t>
  </si>
  <si>
    <t>\\acsfs\profiles$\LUCASBS\lu1738414echx.tmp</t>
  </si>
  <si>
    <t>\\acsfs\profiles$\LUCASBS\lu1738414echx.tmp\</t>
  </si>
  <si>
    <t>\\acsfs\profiles$\LUCASBS\lu1738414echx.tmp\META-INF\</t>
  </si>
  <si>
    <t>\\acsfs\profiles$\LUCASBS\lu1738414echx.tmp\Thumbnails\</t>
  </si>
  <si>
    <t>12/23/2019 13:47:33</t>
  </si>
  <si>
    <t>12/23/2019 13:47:34</t>
  </si>
  <si>
    <t>lu135922xa8g.tmp</t>
  </si>
  <si>
    <t>\\acsfs\profiles$\Flaviojmm\My Documents\lu135922xa8g.tmp</t>
  </si>
  <si>
    <t>\\acsfs\profiles$\Flaviojmm\My Documents\lu135922xa8g.tmp\</t>
  </si>
  <si>
    <t>\\acsfs\profiles$\Flaviojmm\My Documents\lu135922xa8g.tmp\META-INF\</t>
  </si>
  <si>
    <t>\\acsfs\profiles$\Flaviojmm\My Documents\lu135922xa8g.tmp\Thumbnails\</t>
  </si>
  <si>
    <t>12/23/2019 13:47:47</t>
  </si>
  <si>
    <t>12/23/2019 13:48:47</t>
  </si>
  <si>
    <t>5d056484-35b7-4db6-bd30-5388a444fa7a.tmp</t>
  </si>
  <si>
    <t>\\acsfs\profiles$\gabrieleods\Downloads\5d056484-35b7-4db6-bd30-5388a444fa7a.tmp</t>
  </si>
  <si>
    <t>12/23/2019 13:49:31</t>
  </si>
  <si>
    <t>cfb09651-3db1-4c9a-8549-151cd293bf90.tmp</t>
  </si>
  <si>
    <t>\\acsfs\profiles$\gabrieleods\Downloads\cfb09651-3db1-4c9a-8549-151cd293bf90.tmp</t>
  </si>
  <si>
    <t>12/23/2019 13:49:52</t>
  </si>
  <si>
    <t>6a168589-7372-49c2-9bd4-268b24ff957e.tmp</t>
  </si>
  <si>
    <t>\\acsfs\profiles$\gabrieleods\Downloads\6a168589-7372-49c2-9bd4-268b24ff957e.tmp</t>
  </si>
  <si>
    <t>12/23/2019 13:48:13</t>
  </si>
  <si>
    <t>f976e0d6-96ff-4063-83be-e908f62fc236.tmp</t>
  </si>
  <si>
    <t>\\acsfs\profiles$\layonmof\Downloads\f976e0d6-96ff-4063-83be-e908f62fc236.tmp</t>
  </si>
  <si>
    <t>12/23/2019 13:47:29</t>
  </si>
  <si>
    <t>12/23/2019 13:53:20</t>
  </si>
  <si>
    <t>da69a7c9-47e7-472c-9605-c467b6595e83.tmp</t>
  </si>
  <si>
    <t>\\acsfs\profiles$\geovannasm\Downloads\da69a7c9-47e7-472c-9605-c467b6595e83.tmp</t>
  </si>
  <si>
    <t>12/23/2019 13:50:02</t>
  </si>
  <si>
    <t>12/23/2019 13:54:20</t>
  </si>
  <si>
    <t>5b399df9-ad9a-4bb0-bcfc-dce7a799f6ef.tmp</t>
  </si>
  <si>
    <t>\\acsfs\profiles$\bernardopcm\Downloads\5b399df9-ad9a-4bb0-bcfc-dce7a799f6ef.tmp</t>
  </si>
  <si>
    <t>12/23/2019 13:49:22</t>
  </si>
  <si>
    <t>b0d1a97d-be77-423d-8f6b-c7c77d4e26d4.tmp</t>
  </si>
  <si>
    <t>\\acsfs\profiles$\KARENJSS\Downloads\b0d1a97d-be77-423d-8f6b-c7c77d4e26d4.tmp</t>
  </si>
  <si>
    <t>12/23/2019 13:51:41</t>
  </si>
  <si>
    <t>10.200.67.48</t>
  </si>
  <si>
    <t>74-86-7A-FB-1A-B0</t>
  </si>
  <si>
    <t>VOTORANT-GB007</t>
  </si>
  <si>
    <t>b0d4fb8c-b482-4ffc-82c5-ff30f1d97e4e.tmp</t>
  </si>
  <si>
    <t>\\acsfs\profiles$\marcosvnds\Downloads\b0d4fb8c-b482-4ffc-82c5-ff30f1d97e4e.tmp</t>
  </si>
  <si>
    <t>12/23/2019 13:53:04</t>
  </si>
  <si>
    <t>441d9133-8c9c-4562-b62c-f2bca5941838.tmp</t>
  </si>
  <si>
    <t>\\acsfs\profiles$\marcosvnds\Downloads\441d9133-8c9c-4562-b62c-f2bca5941838.tmp</t>
  </si>
  <si>
    <t>12/23/2019 13:53:13</t>
  </si>
  <si>
    <t>fefed9af-c469-4cc4-afac-e6ff283e09af.tmp</t>
  </si>
  <si>
    <t>\\acsfs\profiles$\marcosvnds\Downloads\fefed9af-c469-4cc4-afac-e6ff283e09af.tmp</t>
  </si>
  <si>
    <t>12/23/2019 13:52:34</t>
  </si>
  <si>
    <t>12/23/2019 13:55:20</t>
  </si>
  <si>
    <t>12/23/2019 13:52:36</t>
  </si>
  <si>
    <t>lu470085e6o3l.tmp</t>
  </si>
  <si>
    <t>\\acsfs\profiles$\CLAUDIAJCA\lu470085e6o3l.tmp</t>
  </si>
  <si>
    <t>\\acsfs\profiles$\CLAUDIAJCA\lu470085e6o3l.tmp\</t>
  </si>
  <si>
    <t>\\acsfs\profiles$\CLAUDIAJCA\lu470085e6o3l.tmp\META-INF\</t>
  </si>
  <si>
    <t>\\acsfs\profiles$\CLAUDIAJCA\lu470085e6o3l.tmp\Thumbnails\</t>
  </si>
  <si>
    <t>12/23/2019 13:50:31</t>
  </si>
  <si>
    <t>9403860b-1603-483f-8c65-f2f074b7c8be.tmp</t>
  </si>
  <si>
    <t>\\acsfs\profiles$\quindaizaagds\Downloads\9403860b-1603-483f-8c65-f2f074b7c8be.tmp</t>
  </si>
  <si>
    <t>12/23/2019 13:50:48</t>
  </si>
  <si>
    <t>f6fd0516-e72e-4c60-a018-85d30555797a.tmp</t>
  </si>
  <si>
    <t>\\acsfs\profiles$\quindaizaagds\Downloads\f6fd0516-e72e-4c60-a018-85d30555797a.tmp</t>
  </si>
  <si>
    <t>12/23/2019 13:51:25</t>
  </si>
  <si>
    <t>dddfd463-7d58-4078-8815-35b96ef0f65f.tmp</t>
  </si>
  <si>
    <t>\\acsfs\profiles$\quindaizaagds\Downloads\dddfd463-7d58-4078-8815-35b96ef0f65f.tmp</t>
  </si>
  <si>
    <t>12/23/2019 13:51:56</t>
  </si>
  <si>
    <t>472deb2c-a9e3-41fc-802a-9894a8e0b156.tmp</t>
  </si>
  <si>
    <t>\\acsfs\profiles$\quindaizaagds\Downloads\472deb2c-a9e3-41fc-802a-9894a8e0b156.tmp</t>
  </si>
  <si>
    <t>12/23/2019 13:53:03</t>
  </si>
  <si>
    <t>8639b8e2-3773-43f6-9495-6fcc561f7b72.tmp</t>
  </si>
  <si>
    <t>\\acsfs\profiles$\quindaizaagds\Downloads\8639b8e2-3773-43f6-9495-6fcc561f7b72.tmp</t>
  </si>
  <si>
    <t>12/23/2019 13:53:37</t>
  </si>
  <si>
    <t>12/23/2019 13:54:07</t>
  </si>
  <si>
    <t>12/23/2019 13:54:37</t>
  </si>
  <si>
    <t>12/23/2019 13:55:08</t>
  </si>
  <si>
    <t>12/23/2019 13:52:18</t>
  </si>
  <si>
    <t>12/23/2019 13:56:20</t>
  </si>
  <si>
    <t>advertencia Thiago Abdão.pdf</t>
  </si>
  <si>
    <t>12/23/2019 13:51:06</t>
  </si>
  <si>
    <t>12/23/2019 13:52:22</t>
  </si>
  <si>
    <t>12/23/2019 13:52:06</t>
  </si>
  <si>
    <t>12/23/2019 13:52:07</t>
  </si>
  <si>
    <t>lu1738414eci2.tmp</t>
  </si>
  <si>
    <t>\\acsfs\profiles$\LUCASBS\lu1738414eci2.tmp</t>
  </si>
  <si>
    <t>\\acsfs\profiles$\LUCASBS\lu1738414eci2.tmp\</t>
  </si>
  <si>
    <t>\\acsfs\profiles$\LUCASBS\lu1738414eci2.tmp\META-INF\</t>
  </si>
  <si>
    <t>\\acsfs\profiles$\LUCASBS\lu1738414eci2.tmp\Thumbnails\</t>
  </si>
  <si>
    <t>Alyne Alves_1_6769941143840955313_1_32.wav</t>
  </si>
  <si>
    <t>\\acsfs\Deptos\EDUCACAO EMPRESARIAL\FERNANDA MONIT\Ligação para Mutant terceiro Ciclo\Alyne Alves_1_6769941143840955313_1_32.wav</t>
  </si>
  <si>
    <t>12/23/2019 13:53:54</t>
  </si>
  <si>
    <t>\\acsfs\Deptos\EDUCACAO EMPRESARIAL\10 - CQE M.I.S\</t>
  </si>
  <si>
    <t>\\acsfs\Deptos\EDUCACAO EMPRESARIAL\4 - Gestão de Educação\Thumbs.db</t>
  </si>
  <si>
    <t>12/23/2019 13:53:22</t>
  </si>
  <si>
    <t>12/23/2019 13:53:43</t>
  </si>
  <si>
    <t>12/23/2019 13:53:44</t>
  </si>
  <si>
    <t>12/23/2019 13:53:47</t>
  </si>
  <si>
    <t>12/23/2019 13:51:00</t>
  </si>
  <si>
    <t>507c36ec-1606-4260-9fe7-77a012d3c3db.tmp</t>
  </si>
  <si>
    <t>\\acsfs\profiles$\gabrieleods\Downloads\507c36ec-1606-4260-9fe7-77a012d3c3db.tmp</t>
  </si>
  <si>
    <t>12/23/2019 13:51:07</t>
  </si>
  <si>
    <t>0867fcd5-e9eb-4e16-a386-1e35cb3c0b54.tmp</t>
  </si>
  <si>
    <t>\\acsfs\profiles$\gabrieleods\Downloads\0867fcd5-e9eb-4e16-a386-1e35cb3c0b54.tmp</t>
  </si>
  <si>
    <t>12/23/2019 13:51:10</t>
  </si>
  <si>
    <t>6da38ea5-8869-4066-bac9-3464cad56c33.tmp</t>
  </si>
  <si>
    <t>\\acsfs\profiles$\gabrieleods\Downloads\6da38ea5-8869-4066-bac9-3464cad56c33.tmp</t>
  </si>
  <si>
    <t>12/23/2019 13:54:04</t>
  </si>
  <si>
    <t>76c1bde7-2750-4bcb-8240-0facd69b6170.tmp</t>
  </si>
  <si>
    <t>\\acsfs\profiles$\gabrieleods\Downloads\76c1bde7-2750-4bcb-8240-0facd69b6170.tmp</t>
  </si>
  <si>
    <t>12/23/2019 13:54:53</t>
  </si>
  <si>
    <t>abede8fb-d908-485f-9d1d-1ac857eadc0f.tmp</t>
  </si>
  <si>
    <t>\\acsfs\profiles$\gabrieleods\Downloads\abede8fb-d908-485f-9d1d-1ac857eadc0f.tmp</t>
  </si>
  <si>
    <t>12/23/2019 13:52:35</t>
  </si>
  <si>
    <t>adalbertoms@algartech.com;celmars@algartech.com;delsoer@algartech.com;ericacdosc@algartech.com;juliocedo@algartech.com;leonardoefo@algartech.com;luizcso@algartech.com;marco.goncalves@algar.com.br;rodolfogv@algartech.com;victorhsr@algartech.com;vivianebc@algartech.com;waleskamms@algartech.com;</t>
  </si>
  <si>
    <t>\\acsfs\DEPTOS\Governança da Estratégia\M&amp;A e Parcerias\Sell Side\Data Center\2019 - Nimbus\Due Dilligence\Cicerone\</t>
  </si>
  <si>
    <t>Checklist Projeto Nimbus_Consolidado_Abertura Data Room V2.xlsx</t>
  </si>
  <si>
    <t>adalbertoms@algartech.com,celmars@algartech.com,delsoer@algartech.com,ericacdosc@algartech.com,juliocedo@algartech.com,leonardoefo@algartech.com,luizcso@algartech.com,marco.goncalves@algar.com.br,rodolfogv@algartech.com,victorhsr@algartech.com,vivianebc@algartech.com,waleskamms@algartech.com</t>
  </si>
  <si>
    <t>12/23/2019 13:51:48</t>
  </si>
  <si>
    <t>93188432-3197-448b-90b8-3534a0b8e57e.tmp</t>
  </si>
  <si>
    <t>\\acsfs\profiles$\layonmof\Downloads\93188432-3197-448b-90b8-3534a0b8e57e.tmp</t>
  </si>
  <si>
    <t>12/23/2019 13:55:50</t>
  </si>
  <si>
    <t>a203c81d-c099-4c52-a11e-420cc096e169.tmp</t>
  </si>
  <si>
    <t>\\acsfs\profiles$\layonmof\Downloads\a203c81d-c099-4c52-a11e-420cc096e169.tmp</t>
  </si>
  <si>
    <t>12/23/2019 13:53:53</t>
  </si>
  <si>
    <t>12/23/2019 13:53:29</t>
  </si>
  <si>
    <t>12/23/2019 13:58:20</t>
  </si>
  <si>
    <t>a9aac031-4743-4bf0-82a9-c3564fdd2777.tmp</t>
  </si>
  <si>
    <t>\\acsfs\profiles$\gabrielafs\Downloads\a9aac031-4743-4bf0-82a9-c3564fdd2777.tmp</t>
  </si>
  <si>
    <t>12/23/2019 13:57:00</t>
  </si>
  <si>
    <t>12/23/2019 13:59:20</t>
  </si>
  <si>
    <t>mail.google.com/_/upload?authuser=0&amp;dcp=asu-n&amp;upload_id=AEnB2UqTguJU1Gp8M550gZU_ekT1MqII1gJHnfKcXmEHBz8YjtSDaA4sJfZBHC0DnSttlrgaACVYC3vHeJagptBif-omGNS7zQ&amp;upload_protocol=resumable</t>
  </si>
  <si>
    <t>12/23/2019 13:53:57</t>
  </si>
  <si>
    <t>05915036-d772-462c-aa1e-4c16418ac491.tmp</t>
  </si>
  <si>
    <t>\\acsfs\profiles$\marcosvnds\Downloads\05915036-d772-462c-aa1e-4c16418ac491.tmp</t>
  </si>
  <si>
    <t>12/23/2019 13:54:59</t>
  </si>
  <si>
    <t>b175ccf3-ec78-4c2a-a35f-156a7f45f064.tmp</t>
  </si>
  <si>
    <t>\\acsfs\profiles$\marcosvnds\Downloads\b175ccf3-ec78-4c2a-a35f-156a7f45f064.tmp</t>
  </si>
  <si>
    <t>12/23/2019 13:57:54</t>
  </si>
  <si>
    <t>12/23/2019 13:55:11</t>
  </si>
  <si>
    <t>12/23/2019 14:00:20</t>
  </si>
  <si>
    <t>12/23/2019 13:55:37</t>
  </si>
  <si>
    <t>98bb2562-3dde-455e-9dcd-b7d4429f68ba.tmp</t>
  </si>
  <si>
    <t>\\acsfs\profiles$\larissaad\Downloads\98bb2562-3dde-455e-9dcd-b7d4429f68ba.tmp</t>
  </si>
  <si>
    <t>cb1f096b-50a7-40cd-aea5-6349104c8d0a.tmp</t>
  </si>
  <si>
    <t>\\acsfs\profiles$\sarahbal\Downloads\cb1f096b-50a7-40cd-aea5-6349104c8d0a.tmp</t>
  </si>
  <si>
    <t>12/23/2019 13:56:08</t>
  </si>
  <si>
    <t>12/23/2019 13:55:38</t>
  </si>
  <si>
    <t>12/23/2019 13:58:58</t>
  </si>
  <si>
    <t>12/23/2019 14:01:19</t>
  </si>
  <si>
    <t>078556e3-112c-407c-8e33-740b196ae291.tmp</t>
  </si>
  <si>
    <t>\\acsfs\profiles$\websondsa\Downloads\078556e3-112c-407c-8e33-740b196ae291.tmp</t>
  </si>
  <si>
    <t>12/23/2019 13:59:57</t>
  </si>
  <si>
    <t>12/23/2019 13:59:58</t>
  </si>
  <si>
    <t>lu1738414eci7.tmp</t>
  </si>
  <si>
    <t>\\acsfs\profiles$\LUCASBS\lu1738414eci7.tmp</t>
  </si>
  <si>
    <t>\\acsfs\profiles$\LUCASBS\lu1738414eci7.tmp\</t>
  </si>
  <si>
    <t>\\acsfs\profiles$\LUCASBS\lu1738414eci7.tmp\META-INF\</t>
  </si>
  <si>
    <t>\\acsfs\profiles$\LUCASBS\lu1738414eci7.tmp\Thumbnails\</t>
  </si>
  <si>
    <t>12/23/2019 14:00:16</t>
  </si>
  <si>
    <t>12/23/2019 14:00:17</t>
  </si>
  <si>
    <t>lu1738414ecic.tmp</t>
  </si>
  <si>
    <t>\\acsfs\profiles$\LUCASBS\lu1738414ecic.tmp</t>
  </si>
  <si>
    <t>\\acsfs\profiles$\LUCASBS\lu1738414ecic.tmp\</t>
  </si>
  <si>
    <t>\\acsfs\profiles$\LUCASBS\lu1738414ecic.tmp\META-INF\</t>
  </si>
  <si>
    <t>\\acsfs\profiles$\LUCASBS\lu1738414ecic.tmp\Thumbnails\</t>
  </si>
  <si>
    <t>12/23/2019 13:55:56</t>
  </si>
  <si>
    <t>12/23/2019 13:55:58</t>
  </si>
  <si>
    <t>12/23/2019 13:55:59</t>
  </si>
  <si>
    <t>12/23/2019 13:56:01</t>
  </si>
  <si>
    <t>12/23/2019 13:56:02</t>
  </si>
  <si>
    <t>12/23/2019 13:56:03</t>
  </si>
  <si>
    <t>12/23/2019 13:59:47</t>
  </si>
  <si>
    <t>12/23/2019 13:56:30</t>
  </si>
  <si>
    <t>12/23/2019 13:58:02</t>
  </si>
  <si>
    <t>12/23/2019 14:02:20</t>
  </si>
  <si>
    <t>mail.google.com/_/upload?authuser=0&amp;dcp=asu-n&amp;upload_id=AEnB2UpQH1KzmTAdojttS7cGKtGVQH-zprQWx8ENQhtT7bzZcVAXQBoy2wZd4XTitYFVY1fgPmOiU_Iwg5t7NtzWJCbkWh_n8UPDWkV8Prolr9xZZAV3K34&amp;upload_protocol=resumable</t>
  </si>
  <si>
    <t>carlosfn@algartech.com;cristianefda@algartech.com;lucianasg@algartech.com;mateuslt@algartech.com;thiagopre@algartech.com;</t>
  </si>
  <si>
    <t>Priorizaçao de entregaveis CRM_v2.xlsx</t>
  </si>
  <si>
    <t>carlosfn@algartech.com,cristianefda@algartech.com,lucianasg@algartech.com,mateuslt@algartech.com,thiagopre@algartech.com</t>
  </si>
  <si>
    <t>12/23/2019 13:58:23</t>
  </si>
  <si>
    <t>12/23/2019 14:03:19</t>
  </si>
  <si>
    <t>12/23/2019 14:04:01</t>
  </si>
  <si>
    <t>12/23/2019 14:05:19</t>
  </si>
  <si>
    <t>424fa3e0-f1d1-42a9-96b6-3319b10fcfa4.tmp</t>
  </si>
  <si>
    <t>\\acsfs\profiles$\quindaizaagds\Downloads\424fa3e0-f1d1-42a9-96b6-3319b10fcfa4.tmp</t>
  </si>
  <si>
    <t>12/23/2019 14:04:36</t>
  </si>
  <si>
    <t>6ae48bd2-ffcc-422e-b166-5bfdd9e67e75.tmp</t>
  </si>
  <si>
    <t>\\acsfs\profiles$\sarahbal\Downloads\6ae48bd2-ffcc-422e-b166-5bfdd9e67e75.tmp</t>
  </si>
  <si>
    <t>12/23/2019 14:00:51</t>
  </si>
  <si>
    <t>12/23/2019 14:06:20</t>
  </si>
  <si>
    <t>12/23/2019 14:01:09</t>
  </si>
  <si>
    <t>12/23/2019 14:01:38</t>
  </si>
  <si>
    <t>12/23/2019 14:01:40</t>
  </si>
  <si>
    <t>lu79561cue7u.tmp</t>
  </si>
  <si>
    <t>\\acsfs\profiles$\LUCASBS\lu79561cue7u.tmp</t>
  </si>
  <si>
    <t>\\acsfs\profiles$\LUCASBS\lu79561cue7u.tmp\</t>
  </si>
  <si>
    <t>\\acsfs\profiles$\LUCASBS\lu79561cue7u.tmp\META-INF\</t>
  </si>
  <si>
    <t>\\acsfs\profiles$\LUCASBS\lu79561cue7u.tmp\Thumbnails\</t>
  </si>
  <si>
    <t>12/23/2019 14:01:47</t>
  </si>
  <si>
    <t>12/23/2019 14:04:17</t>
  </si>
  <si>
    <t>/o=exchangelabs/ou=exchange administrative group (fydibohf23spdlt)/cn=recipients/cn=3ff021df50654eacbb960cdf0d157500-guest_3264e;5174.jussara@temposervicos.com.br;anapscl@algartech.com;bonfim.silva@bradesco.com.br;cristiany.caixeta@bradesco.com.br;greiciele.alves@bradesco.com.br;jussaragp@algartech.com;jussaragp@algartech.com.br;leandra.cardoso@bradesco.com.br;micheless@algartech.com.br;patricia.amaral@temposervicos.com.br;patriciaa.lima@temposervicos.com.br;patriciaroa@algartech.com.br;rosemery.silva@bradesco.com.br;</t>
  </si>
  <si>
    <t>/o=exchangelabs/ou=exchange administrative group (fydibohf23spdlt)/cn=recipients/cn=3ff021df50654eacbb960cdf0d157500-guest_3264e,5174.jussara@temposervicos.com.br,anapscl@algartech.com,bonfim.silva@bradesco.com.br,cristiany.caixeta@bradesco.com.br,greiciele.alves@bradesco.com.br,jussaragp@algartech.com,jussaragp@algartech.com.br,leandra.cardoso@bradesco.com.br,micheless@algartech.com.br,patricia.amaral@temposervicos.com.br,patriciaa.lima@temposervicos.com.br,patriciaroa@algartech.com.br,rosemery.silva@bradesco.com.br</t>
  </si>
  <si>
    <t>12/23/2019 14:08:19</t>
  </si>
  <si>
    <t>mail.google.com/_/upload?authuser=0&amp;dcp=asu-n&amp;upload_id=AEnB2Uq7Mg_KCyjhqdRzUyz1HPyVHN1C34ib_zmjd5FBxO2bWUXH2XosS2ACAja1enQwWW2k-wyPmA3YZXWClqjz1I4wABOZRuUIbMCRQK6F7Mfg8m60Xkc&amp;upload_protocol=resumable</t>
  </si>
  <si>
    <t>C:\Users\lucianabo\Desktop\2019\12 - Dezembro\RECEITAMENTO\ATENCIP E RECONHECIMENTO DE RECEITA\</t>
  </si>
  <si>
    <t>FORMULÁRIO RECEITA - DEZ.19.xlsx</t>
  </si>
  <si>
    <t>12/23/2019 14:06:49</t>
  </si>
  <si>
    <t>12/23/2019 14:09:20</t>
  </si>
  <si>
    <t>12/23/2019 14:06:53</t>
  </si>
  <si>
    <t>12/23/2019 14:07:18</t>
  </si>
  <si>
    <t>12/23/2019 14:07:45</t>
  </si>
  <si>
    <t>12/23/2019 14:08:06</t>
  </si>
  <si>
    <t>12/23/2019 14:05:25</t>
  </si>
  <si>
    <t>12/23/2019 14:10:19</t>
  </si>
  <si>
    <t>a700ac5d-b8dc-4ed6-8cbd-89d81b620470.tmp</t>
  </si>
  <si>
    <t>\\acsfs\profiles$\sarahbal\Downloads\a700ac5d-b8dc-4ed6-8cbd-89d81b620470.tmp</t>
  </si>
  <si>
    <t>12/23/2019 14:05:49</t>
  </si>
  <si>
    <t>1a5a457c-cd1c-4a62-8f3e-9a280b8f2d0a.tmp</t>
  </si>
  <si>
    <t>\\acsfs\profiles$\sarahbal\Downloads\1a5a457c-cd1c-4a62-8f3e-9a280b8f2d0a.tmp</t>
  </si>
  <si>
    <t>12/23/2019 14:06:15</t>
  </si>
  <si>
    <t>03c5695d-e564-477e-b9f0-d60671a34a3a.tmp</t>
  </si>
  <si>
    <t>\\acsfs\profiles$\sarahbal\Downloads\03c5695d-e564-477e-b9f0-d60671a34a3a.tmp</t>
  </si>
  <si>
    <t>12/23/2019 14:08:30</t>
  </si>
  <si>
    <t>12/23/2019 14:11:20</t>
  </si>
  <si>
    <t>12/23/2019 14:09:45</t>
  </si>
  <si>
    <t>12/23/2019 14:08:35</t>
  </si>
  <si>
    <t>12/23/2019 14:10:21</t>
  </si>
  <si>
    <t>58e490eb-5ca3-4588-9b9f-2217f16986a3.tmp</t>
  </si>
  <si>
    <t>\\acsfs\profiles$\Flaviojmm\Downloads\58e490eb-5ca3-4588-9b9f-2217f16986a3.tmp</t>
  </si>
  <si>
    <t>12/23/2019 14:05:48</t>
  </si>
  <si>
    <t>12/23/2019 14:06:25</t>
  </si>
  <si>
    <t>12/23/2019 14:06:27</t>
  </si>
  <si>
    <t>12/23/2019 14:06:48</t>
  </si>
  <si>
    <t>12/23/2019 14:07:11</t>
  </si>
  <si>
    <t>12/23/2019 14:07:14</t>
  </si>
  <si>
    <t>12/23/2019 14:07:37</t>
  </si>
  <si>
    <t>12/23/2019 14:07:48</t>
  </si>
  <si>
    <t>12/23/2019 14:07:58</t>
  </si>
  <si>
    <t>12/23/2019 14:08:07</t>
  </si>
  <si>
    <t>12/23/2019 14:08:23</t>
  </si>
  <si>
    <t>12/23/2019 14:08:57</t>
  </si>
  <si>
    <t>12/23/2019 14:09:09</t>
  </si>
  <si>
    <t>12/23/2019 14:09:13</t>
  </si>
  <si>
    <t>12/23/2019 14:09:24</t>
  </si>
  <si>
    <t>12/23/2019 14:09:30</t>
  </si>
  <si>
    <t>12/23/2019 14:09:40</t>
  </si>
  <si>
    <t>12/23/2019 14:10:09</t>
  </si>
  <si>
    <t>12/23/2019 14:10:16</t>
  </si>
  <si>
    <t>12/23/2019 14:06:08</t>
  </si>
  <si>
    <t>PHILIPE GONCALVES SANTOS FERREIRA_1_6769611178683467834_1_32.wav</t>
  </si>
  <si>
    <t>\\acsfs\Deptos\EDUCACAO EMPRESARIAL\KÉSIA\Ligações 3º ciclo - Késia\PHILIPE GONCALVES SANTOS FERREIRA_1_6769611178683467834_1_32.wav</t>
  </si>
  <si>
    <t>12/23/2019 14:10:36</t>
  </si>
  <si>
    <t>Modelo Monitoria - 3º ciclo.txt</t>
  </si>
  <si>
    <t>\\acsfs\Deptos\EDUCACAO EMPRESARIAL\KÉSIA\Modelo Monitoria - 3º ciclo.txt</t>
  </si>
  <si>
    <t>12/23/2019 14:07:19</t>
  </si>
  <si>
    <t>b963738a-426e-4f29-a4ab-cc7c12284eb4.tmp</t>
  </si>
  <si>
    <t>\\acsfs\profiles$\layonmof\Downloads\b963738a-426e-4f29-a4ab-cc7c12284eb4.tmp</t>
  </si>
  <si>
    <t>12/23/2019 14:11:06</t>
  </si>
  <si>
    <t>12/23/2019 14:13:20</t>
  </si>
  <si>
    <t>0390d147-086f-4157-a63e-cebd21d1915f.tmp</t>
  </si>
  <si>
    <t>\\acsfs\profiles$\websondsa\Downloads\0390d147-086f-4157-a63e-cebd21d1915f.tmp</t>
  </si>
  <si>
    <t>12/23/2019 14:12:29</t>
  </si>
  <si>
    <t>cf16330e-7517-4b6d-b6a7-6a1628861d02.tmp</t>
  </si>
  <si>
    <t>\\acsfs\profiles$\websondsa\Downloads\cf16330e-7517-4b6d-b6a7-6a1628861d02.tmp</t>
  </si>
  <si>
    <t>12/23/2019 14:09:59</t>
  </si>
  <si>
    <t>12/23/2019 14:14:20</t>
  </si>
  <si>
    <t>12/23/2019 14:10:11</t>
  </si>
  <si>
    <t>12/23/2019 14:10:24</t>
  </si>
  <si>
    <t>12/23/2019 14:10:37</t>
  </si>
  <si>
    <t>12/23/2019 14:10:44</t>
  </si>
  <si>
    <t>12/23/2019 14:10:50</t>
  </si>
  <si>
    <t>12/23/2019 14:11:45</t>
  </si>
  <si>
    <t>12/23/2019 14:11:50</t>
  </si>
  <si>
    <t>12/23/2019 14:11:57</t>
  </si>
  <si>
    <t>12/23/2019 14:12:04</t>
  </si>
  <si>
    <t>12/23/2019 14:12:11</t>
  </si>
  <si>
    <t>12/23/2019 14:12:14</t>
  </si>
  <si>
    <t>12/23/2019 14:12:15</t>
  </si>
  <si>
    <t>12/23/2019 14:12:16</t>
  </si>
  <si>
    <t>12/23/2019 14:12:51</t>
  </si>
  <si>
    <t>12/23/2019 14:09:54</t>
  </si>
  <si>
    <t>e99e73b3-1a5c-4935-8119-c212759b6fc9.tmp</t>
  </si>
  <si>
    <t>\\acsfs\profiles$\philipegsf\Downloads\e99e73b3-1a5c-4935-8119-c212759b6fc9.tmp</t>
  </si>
  <si>
    <t>12/23/2019 14:12:02</t>
  </si>
  <si>
    <t>12/23/2019 14:15:20</t>
  </si>
  <si>
    <t>12/23/2019 14:11:41</t>
  </si>
  <si>
    <t>12/23/2019 14:16:20</t>
  </si>
  <si>
    <t>1c371418-f42a-4ca4-9ae4-ec9d9d415e13.tmp</t>
  </si>
  <si>
    <t>\\acsfs\profiles$\Flaviojmm\Downloads\1c371418-f42a-4ca4-9ae4-ec9d9d415e13.tmp</t>
  </si>
  <si>
    <t>12/23/2019 14:11:07</t>
  </si>
  <si>
    <t>12/23/2019 14:11:48</t>
  </si>
  <si>
    <t>12/23/2019 14:13:48</t>
  </si>
  <si>
    <t>12/23/2019 14:15:15</t>
  </si>
  <si>
    <t>12/23/2019 14:17:19</t>
  </si>
  <si>
    <t>12/23/2019 14:15:22</t>
  </si>
  <si>
    <t>12/23/2019 14:15:23</t>
  </si>
  <si>
    <t>lu13496nlexq.tmp</t>
  </si>
  <si>
    <t>\\acsfs\profiles$\luanarda\lu13496nlexq.tmp</t>
  </si>
  <si>
    <t>\\acsfs\profiles$\luanarda\lu13496nlexq.tmp\</t>
  </si>
  <si>
    <t>\\acsfs\profiles$\luanarda\lu13496nlexq.tmp\META-INF\</t>
  </si>
  <si>
    <t>12/23/2019 14:18:20</t>
  </si>
  <si>
    <t>\\acsfs\profiles$\luanarda\lu13496nlexq.tmp\Thumbnails\</t>
  </si>
  <si>
    <t>12/23/2019 14:13:54</t>
  </si>
  <si>
    <t>aecab324-029c-4691-9e2d-8d6611b287b7.tmp</t>
  </si>
  <si>
    <t>\\acsfs\profiles$\websondsa\Downloads\aecab324-029c-4691-9e2d-8d6611b287b7.tmp</t>
  </si>
  <si>
    <t>12/23/2019 14:14:50</t>
  </si>
  <si>
    <t>529f5ce0-6e89-42d4-b4dc-9f3eef456c73.tmp</t>
  </si>
  <si>
    <t>\\acsfs\profiles$\websondsa\Downloads\529f5ce0-6e89-42d4-b4dc-9f3eef456c73.tmp</t>
  </si>
  <si>
    <t>12/23/2019 14:15:14</t>
  </si>
  <si>
    <t>3bb125b1-35bf-4b2c-88f5-745248f99f8a.tmp</t>
  </si>
  <si>
    <t>\\acsfs\profiles$\websondsa\Downloads\3bb125b1-35bf-4b2c-88f5-745248f99f8a.tmp</t>
  </si>
  <si>
    <t>12/23/2019 14:16:12</t>
  </si>
  <si>
    <t>1db59151-2353-4e5b-bb06-643f880bfe92.tmp</t>
  </si>
  <si>
    <t>\\acsfs\profiles$\websondsa\Downloads\1db59151-2353-4e5b-bb06-643f880bfe92.tmp</t>
  </si>
  <si>
    <t>12/23/2019 14:16:34</t>
  </si>
  <si>
    <t>e96c2893-adea-4061-acc5-cc9924a2be98.tmp</t>
  </si>
  <si>
    <t>\\acsfs\profiles$\websondsa\Downloads\e96c2893-adea-4061-acc5-cc9924a2be98.tmp</t>
  </si>
  <si>
    <t>12/23/2019 14:17:45</t>
  </si>
  <si>
    <t>a5672e22-4bdd-4651-b86a-1a570abced24.tmp</t>
  </si>
  <si>
    <t>\\acsfs\profiles$\websondsa\Downloads\a5672e22-4bdd-4651-b86a-1a570abced24.tmp</t>
  </si>
  <si>
    <t>12/23/2019 14:16:06</t>
  </si>
  <si>
    <t>12/23/2019 14:19:20</t>
  </si>
  <si>
    <t>$IWYC9M8.txt</t>
  </si>
  <si>
    <t>\\acsfs\profiles$\regisadsa\My Documents\$RECYCLE.BIN\$IWYC9M8.txt</t>
  </si>
  <si>
    <t>$IGU2L57.txt</t>
  </si>
  <si>
    <t>\\acsfs\profiles$\regisadsa\My Documents\$RECYCLE.BIN\$IGU2L57.txt</t>
  </si>
  <si>
    <t>$IJD1LXC.txt</t>
  </si>
  <si>
    <t>\\acsfs\profiles$\regisadsa\My Documents\$RECYCLE.BIN\$IJD1LXC.txt</t>
  </si>
  <si>
    <t>$I1PXT56.png</t>
  </si>
  <si>
    <t>\\acsfs\profiles$\regisadsa\My Documents\$RECYCLE.BIN\$I1PXT56.png</t>
  </si>
  <si>
    <t>12/23/2019 14:16:07</t>
  </si>
  <si>
    <t>$I0RBETB.pdf</t>
  </si>
  <si>
    <t>\\acsfs\profiles$\regisadsa\My Documents\$RECYCLE.BIN\$I0RBETB.pdf</t>
  </si>
  <si>
    <t>$ISGJ25G.txt</t>
  </si>
  <si>
    <t>\\acsfs\profiles$\regisadsa\My Documents\$RECYCLE.BIN\$ISGJ25G.txt</t>
  </si>
  <si>
    <t>$IBLVG8M.zip</t>
  </si>
  <si>
    <t>\\acsfs\profiles$\regisadsa\My Documents\$RECYCLE.BIN\$IBLVG8M.zip</t>
  </si>
  <si>
    <t>$IO1RVRF.txt</t>
  </si>
  <si>
    <t>\\acsfs\profiles$\regisadsa\My Documents\$RECYCLE.BIN\$IO1RVRF.txt</t>
  </si>
  <si>
    <t>12/23/2019 14:16:08</t>
  </si>
  <si>
    <t>$IWBLD0C.txt</t>
  </si>
  <si>
    <t>\\acsfs\profiles$\regisadsa\My Documents\$RECYCLE.BIN\$IWBLD0C.txt</t>
  </si>
  <si>
    <t>$IX5RY2K.txt</t>
  </si>
  <si>
    <t>\\acsfs\profiles$\regisadsa\My Documents\$RECYCLE.BIN\$IX5RY2K.txt</t>
  </si>
  <si>
    <t>$I53LVA7.txt</t>
  </si>
  <si>
    <t>\\acsfs\profiles$\regisadsa\My Documents\$RECYCLE.BIN\$I53LVA7.txt</t>
  </si>
  <si>
    <t>$IR16YMB.txt</t>
  </si>
  <si>
    <t>\\acsfs\profiles$\regisadsa\My Documents\$RECYCLE.BIN\$IR16YMB.txt</t>
  </si>
  <si>
    <t>12/23/2019 14:16:09</t>
  </si>
  <si>
    <t>$IJQEUEG.txt</t>
  </si>
  <si>
    <t>\\acsfs\profiles$\regisadsa\My Documents\$RECYCLE.BIN\$IJQEUEG.txt</t>
  </si>
  <si>
    <t>12/23/2019 14:17:41</t>
  </si>
  <si>
    <t>12/23/2019 14:20:20</t>
  </si>
  <si>
    <t>https://udpmailboxap01/h/search?si=0&amp;so=0&amp;sfi=6&amp;csi=0&amp;action=compose&amp;id=2320&amp;cso=0</t>
  </si>
  <si>
    <t>12/23/2019 14:19:15</t>
  </si>
  <si>
    <t>12/23/2019 14:18:04</t>
  </si>
  <si>
    <t>12/23/2019 14:15:08</t>
  </si>
  <si>
    <t>12/23/2019 14:17:54</t>
  </si>
  <si>
    <t>12/23/2019 14:18:40</t>
  </si>
  <si>
    <t>12/23/2019 14:18:43</t>
  </si>
  <si>
    <t>12/23/2019 14:18:45</t>
  </si>
  <si>
    <t>12/23/2019 14:18:59</t>
  </si>
  <si>
    <t>12/23/2019 14:16:58</t>
  </si>
  <si>
    <t>12/23/2019 14:21:20</t>
  </si>
  <si>
    <t>12/23/2019 14:15:56</t>
  </si>
  <si>
    <t>12/23/2019 14:15:57</t>
  </si>
  <si>
    <t>lu79561cue83.tmp</t>
  </si>
  <si>
    <t>\\acsfs\profiles$\LUCASBS\lu79561cue83.tmp</t>
  </si>
  <si>
    <t>\\acsfs\profiles$\LUCASBS\lu79561cue83.tmp\</t>
  </si>
  <si>
    <t>\\acsfs\profiles$\LUCASBS\lu79561cue83.tmp\META-INF\</t>
  </si>
  <si>
    <t>\\acsfs\profiles$\LUCASBS\lu79561cue83.tmp\Thumbnails\</t>
  </si>
  <si>
    <t>12/23/2019 14:17:48</t>
  </si>
  <si>
    <t>12/23/2019 14:18:39</t>
  </si>
  <si>
    <t>12/23/2019 14:18:55</t>
  </si>
  <si>
    <t>12/23/2019 14:19:27</t>
  </si>
  <si>
    <t>12/23/2019 14:19:29</t>
  </si>
  <si>
    <t>12/23/2019 14:19:42</t>
  </si>
  <si>
    <t>12/23/2019 14:19:48</t>
  </si>
  <si>
    <t>12/23/2019 14:20:11</t>
  </si>
  <si>
    <t>12/23/2019 14:20:26</t>
  </si>
  <si>
    <t>12/23/2019 14:20:30</t>
  </si>
  <si>
    <t>12/23/2019 14:20:10</t>
  </si>
  <si>
    <t>QUINDAIZA APARECIDA GUEDES DA SILVA_1_6771368443077795608_1_32.wav</t>
  </si>
  <si>
    <t>\\acsfs\Deptos\EDUCACAO EMPRESARIAL\KÉSIA\Ligações 3º ciclo - Késia\QUINDAIZA APARECIDA GUEDES DA SILVA_1_6771368443077795608_1_32.wav</t>
  </si>
  <si>
    <t>12/23/2019 14:21:14</t>
  </si>
  <si>
    <t>12/23/2019 14:22:20</t>
  </si>
  <si>
    <t>12/23/2019 14:21:34</t>
  </si>
  <si>
    <t>815bf3cb-6365-427c-9334-1b0f52fa676b.tmp</t>
  </si>
  <si>
    <t>\\acsfs\profiles$\joycemmdl\Downloads\815bf3cb-6365-427c-9334-1b0f52fa676b.tmp</t>
  </si>
  <si>
    <t>12/23/2019 14:23:20</t>
  </si>
  <si>
    <t>https://record.foresee.com/rec/corsservice?action=data&amp;metadata=datalen:6828785,time:1577121545520&amp;encoding=utf-8&amp;session_id=af33aef00cc9b90e435749d0d4188325&amp;global_session_id=738353c5a921d51eac18ab86fd8066bc&amp;domain=www.magazineluiza.com.br&amp;site_id=magazineluizacombr&amp;version=5.0&amp;cachebust=0.0016447797588854396</t>
  </si>
  <si>
    <t>12/23/2019 14:20:43</t>
  </si>
  <si>
    <t>https://record.foresee.com/rec/corsservice?action=data&amp;metadata=datalen:7465373,time:1577121593538&amp;encoding=utf-8&amp;session_id=af33aef00cc9b90e435749d0d4188325&amp;global_session_id=738353c5a921d51eac18ab86fd8066bc&amp;domain=www.magazineluiza.com.br&amp;site_id=magazineluizacombr&amp;version=5.0&amp;cachebust=0.41613023235377167</t>
  </si>
  <si>
    <t>12/23/2019 14:18:50</t>
  </si>
  <si>
    <t>86250232-7f67-4a09-a7f7-91d252351461.tmp</t>
  </si>
  <si>
    <t>\\acsfs\profiles$\websondsa\Downloads\86250232-7f67-4a09-a7f7-91d252351461.tmp</t>
  </si>
  <si>
    <t>12/23/2019 14:19:43</t>
  </si>
  <si>
    <t>e51cee31-2cf5-4733-875c-46171d29548e.tmp</t>
  </si>
  <si>
    <t>\\acsfs\profiles$\websondsa\Downloads\e51cee31-2cf5-4733-875c-46171d29548e.tmp</t>
  </si>
  <si>
    <t>12/23/2019 14:20:14</t>
  </si>
  <si>
    <t>132fa267-c562-46da-93cf-5bab44f4df70.tmp</t>
  </si>
  <si>
    <t>\\acsfs\profiles$\websondsa\Downloads\132fa267-c562-46da-93cf-5bab44f4df70.tmp</t>
  </si>
  <si>
    <t>12/23/2019 14:22:05</t>
  </si>
  <si>
    <t>0d4c65ec-171e-4366-9e34-520b2a21474a.tmp</t>
  </si>
  <si>
    <t>\\acsfs\profiles$\websondsa\Downloads\0d4c65ec-171e-4366-9e34-520b2a21474a.tmp</t>
  </si>
  <si>
    <t>12/23/2019 14:22:35</t>
  </si>
  <si>
    <t>12/23/2019 14:22:18</t>
  </si>
  <si>
    <t>12/23/2019 14:24:20</t>
  </si>
  <si>
    <t>15d074be-c1d3-4f67-971f-49fb75cb0295.tmp</t>
  </si>
  <si>
    <t>\\acsfs\profiles$\vivianibfs\Downloads\15d074be-c1d3-4f67-971f-49fb75cb0295.tmp</t>
  </si>
  <si>
    <t>12/23/2019 14:22:22</t>
  </si>
  <si>
    <t>7c3eb437-43a1-4e73-b972-7463f373a97f.tmp</t>
  </si>
  <si>
    <t>\\acsfs\profiles$\vivianibfs\Downloads\7c3eb437-43a1-4e73-b972-7463f373a97f.tmp</t>
  </si>
  <si>
    <t>12/23/2019 14:22:45</t>
  </si>
  <si>
    <t>840bdc0b-3f5a-451a-b268-7945e4ee5bd1.tmp</t>
  </si>
  <si>
    <t>\\acsfs\profiles$\vivianibfs\Downloads\840bdc0b-3f5a-451a-b268-7945e4ee5bd1.tmp</t>
  </si>
  <si>
    <t>12/23/2019 14:21:59</t>
  </si>
  <si>
    <t>$I24W6H6.txt</t>
  </si>
  <si>
    <t>\\acsfs\profiles$\regisadsa\My Documents\$RECYCLE.BIN\$I24W6H6.txt</t>
  </si>
  <si>
    <t>12/23/2019 14:22:00</t>
  </si>
  <si>
    <t>$IXE0GMR.txt</t>
  </si>
  <si>
    <t>\\acsfs\profiles$\regisadsa\My Documents\$RECYCLE.BIN\$IXE0GMR.txt</t>
  </si>
  <si>
    <t>$IEOSG9J.txt</t>
  </si>
  <si>
    <t>\\acsfs\profiles$\regisadsa\My Documents\$RECYCLE.BIN\$IEOSG9J.txt</t>
  </si>
  <si>
    <t>$IKAVYT0.txt</t>
  </si>
  <si>
    <t>\\acsfs\profiles$\regisadsa\My Documents\$RECYCLE.BIN\$IKAVYT0.txt</t>
  </si>
  <si>
    <t>$I86YK1M.txt</t>
  </si>
  <si>
    <t>\\acsfs\profiles$\regisadsa\My Documents\$RECYCLE.BIN\$I86YK1M.txt</t>
  </si>
  <si>
    <t>$IP5OACS.png</t>
  </si>
  <si>
    <t>\\acsfs\profiles$\regisadsa\My Documents\$RECYCLE.BIN\$IP5OACS.png</t>
  </si>
  <si>
    <t>12/23/2019 14:22:01</t>
  </si>
  <si>
    <t>$IAS0E16.pdf</t>
  </si>
  <si>
    <t>\\acsfs\profiles$\regisadsa\My Documents\$RECYCLE.BIN\$IAS0E16.pdf</t>
  </si>
  <si>
    <t>$ITZLTNM.txt</t>
  </si>
  <si>
    <t>\\acsfs\profiles$\regisadsa\My Documents\$RECYCLE.BIN\$ITZLTNM.txt</t>
  </si>
  <si>
    <t>$I8SI5Y1.zip</t>
  </si>
  <si>
    <t>\\acsfs\profiles$\regisadsa\My Documents\$RECYCLE.BIN\$I8SI5Y1.zip</t>
  </si>
  <si>
    <t>$I3IFC8O.txt</t>
  </si>
  <si>
    <t>\\acsfs\profiles$\regisadsa\My Documents\$RECYCLE.BIN\$I3IFC8O.txt</t>
  </si>
  <si>
    <t>$IN4P8GN.txt</t>
  </si>
  <si>
    <t>\\acsfs\profiles$\regisadsa\My Documents\$RECYCLE.BIN\$IN4P8GN.txt</t>
  </si>
  <si>
    <t>$I0C3ZRB.txt</t>
  </si>
  <si>
    <t>\\acsfs\profiles$\regisadsa\My Documents\$RECYCLE.BIN\$I0C3ZRB.txt</t>
  </si>
  <si>
    <t>$IQBXPLM.txt</t>
  </si>
  <si>
    <t>\\acsfs\profiles$\regisadsa\My Documents\$RECYCLE.BIN\$IQBXPLM.txt</t>
  </si>
  <si>
    <t>12/23/2019 14:22:09</t>
  </si>
  <si>
    <t>$IUZBIZQ.txt</t>
  </si>
  <si>
    <t>\\acsfs\profiles$\regisadsa\My Documents\$RECYCLE.BIN\$IUZBIZQ.txt</t>
  </si>
  <si>
    <t>$I7FP0AZ.txt</t>
  </si>
  <si>
    <t>\\acsfs\profiles$\regisadsa\My Documents\$RECYCLE.BIN\$I7FP0AZ.txt</t>
  </si>
  <si>
    <t>12/23/2019 14:22:10</t>
  </si>
  <si>
    <t>$IND3S2L.txt</t>
  </si>
  <si>
    <t>\\acsfs\profiles$\regisadsa\My Documents\$RECYCLE.BIN\$IND3S2L.txt</t>
  </si>
  <si>
    <t>$I4M1JDF.txt</t>
  </si>
  <si>
    <t>\\acsfs\profiles$\regisadsa\My Documents\$RECYCLE.BIN\$I4M1JDF.txt</t>
  </si>
  <si>
    <t>$I32H1L3.txt</t>
  </si>
  <si>
    <t>\\acsfs\profiles$\regisadsa\My Documents\$RECYCLE.BIN\$I32H1L3.txt</t>
  </si>
  <si>
    <t>12/23/2019 14:22:11</t>
  </si>
  <si>
    <t>$I71LAJP.txt</t>
  </si>
  <si>
    <t>\\acsfs\profiles$\regisadsa\My Documents\$RECYCLE.BIN\$I71LAJP.txt</t>
  </si>
  <si>
    <t>$I54WVWH.lnk</t>
  </si>
  <si>
    <t>\\acsfs\profiles$\regisadsa\My Documents\$RECYCLE.BIN\$I54WVWH.lnk</t>
  </si>
  <si>
    <t>$IIUT2TT.txt</t>
  </si>
  <si>
    <t>\\acsfs\profiles$\regisadsa\My Documents\$RECYCLE.BIN\$IIUT2TT.txt</t>
  </si>
  <si>
    <t>$I7H75N8.pdf</t>
  </si>
  <si>
    <t>\\acsfs\profiles$\regisadsa\My Documents\$RECYCLE.BIN\$I7H75N8.pdf</t>
  </si>
  <si>
    <t>$IQ1WZP6.txt</t>
  </si>
  <si>
    <t>\\acsfs\profiles$\regisadsa\My Documents\$RECYCLE.BIN\$IQ1WZP6.txt</t>
  </si>
  <si>
    <t>12/23/2019 14:22:32</t>
  </si>
  <si>
    <t>$IWD126M.log</t>
  </si>
  <si>
    <t>\\acsfs\profiles$\regisadsa\My Documents\$RECYCLE.BIN\$IWD126M.log</t>
  </si>
  <si>
    <t>12/23/2019 14:22:41</t>
  </si>
  <si>
    <t>$ICUY0Y2.pdf</t>
  </si>
  <si>
    <t>\\acsfs\profiles$\regisadsa\My Documents\$RECYCLE.BIN\$ICUY0Y2.pdf</t>
  </si>
  <si>
    <t>12/23/2019 14:22:42</t>
  </si>
  <si>
    <t>$IH7Q1TD.txt</t>
  </si>
  <si>
    <t>\\acsfs\profiles$\regisadsa\My Documents\$RECYCLE.BIN\$IH7Q1TD.txt</t>
  </si>
  <si>
    <t>$IE84ZJT.txt</t>
  </si>
  <si>
    <t>\\acsfs\profiles$\regisadsa\My Documents\$RECYCLE.BIN\$IE84ZJT.txt</t>
  </si>
  <si>
    <t>$IW3R5Q6.txt</t>
  </si>
  <si>
    <t>\\acsfs\profiles$\regisadsa\My Documents\$RECYCLE.BIN\$IW3R5Q6.txt</t>
  </si>
  <si>
    <t>$IAEVAEH.txt</t>
  </si>
  <si>
    <t>\\acsfs\profiles$\regisadsa\My Documents\$RECYCLE.BIN\$IAEVAEH.txt</t>
  </si>
  <si>
    <t>12/23/2019 14:22:43</t>
  </si>
  <si>
    <t>$I3NA3V1.txt</t>
  </si>
  <si>
    <t>\\acsfs\profiles$\regisadsa\My Documents\$RECYCLE.BIN\$I3NA3V1.txt</t>
  </si>
  <si>
    <t>$IS4NRA2.txt</t>
  </si>
  <si>
    <t>\\acsfs\profiles$\regisadsa\My Documents\$RECYCLE.BIN\$IS4NRA2.txt</t>
  </si>
  <si>
    <t>$IGIXI08.txt</t>
  </si>
  <si>
    <t>\\acsfs\profiles$\regisadsa\My Documents\$RECYCLE.BIN\$IGIXI08.txt</t>
  </si>
  <si>
    <t>$IRB9U22.txt</t>
  </si>
  <si>
    <t>\\acsfs\profiles$\regisadsa\My Documents\$RECYCLE.BIN\$IRB9U22.txt</t>
  </si>
  <si>
    <t>12/23/2019 14:22:44</t>
  </si>
  <si>
    <t>$IGLHOJ7</t>
  </si>
  <si>
    <t>\\acsfs\profiles$\regisadsa\My Documents\$RECYCLE.BIN\$IGLHOJ7</t>
  </si>
  <si>
    <t>$ILC8V1X</t>
  </si>
  <si>
    <t>\\acsfs\profiles$\regisadsa\My Documents\$RECYCLE.BIN\$ILC8V1X</t>
  </si>
  <si>
    <t>$ITQAXSP.txt</t>
  </si>
  <si>
    <t>\\acsfs\profiles$\regisadsa\My Documents\$RECYCLE.BIN\$ITQAXSP.txt</t>
  </si>
  <si>
    <t>$I6Z9U65.txt</t>
  </si>
  <si>
    <t>\\acsfs\profiles$\regisadsa\My Documents\$RECYCLE.BIN\$I6Z9U65.txt</t>
  </si>
  <si>
    <t>12/23/2019 14:23:37</t>
  </si>
  <si>
    <t>\\acsfs\profiles$\regisadsa\My Documents\novos roteiros\</t>
  </si>
  <si>
    <t>novos roteiros.7z.tmp</t>
  </si>
  <si>
    <t>\\acsfs\profiles$\regisadsa\My Documents\novos roteiros\novos roteiros.7z.tmp</t>
  </si>
  <si>
    <t>\\acsfs\profiles$\regisadsa\My Documents\novos roteiros\novos roteiros.7z.tmp\</t>
  </si>
  <si>
    <t>odonto bv reformulado.txt</t>
  </si>
  <si>
    <t>odonto bv reformulado1.txt</t>
  </si>
  <si>
    <t>odonto bv reformulado10.txt</t>
  </si>
  <si>
    <t>odonto bv reformulado11.txt</t>
  </si>
  <si>
    <t>odonto bv reformulado12.txt</t>
  </si>
  <si>
    <t>odonto bv reformulado13.txt</t>
  </si>
  <si>
    <t>odonto bv reformulado14.txt</t>
  </si>
  <si>
    <t>odonto bv reformulado15.txt</t>
  </si>
  <si>
    <t>odonto bv reformulado16.txt</t>
  </si>
  <si>
    <t>odonto bv reformulado17.txt</t>
  </si>
  <si>
    <t>odonto bv reformulado18.txt</t>
  </si>
  <si>
    <t>odonto bv reformulado19.txt</t>
  </si>
  <si>
    <t>odonto bv reformulado2.txt</t>
  </si>
  <si>
    <t>odonto bv reformulado20.txt</t>
  </si>
  <si>
    <t>odonto bv reformulado21.txt</t>
  </si>
  <si>
    <t>odonto bv reformulado22.txt</t>
  </si>
  <si>
    <t>odonto bv reformulado23.txt</t>
  </si>
  <si>
    <t>odonto bv reformulado24.txt</t>
  </si>
  <si>
    <t>odonto bv reformulado25.txt</t>
  </si>
  <si>
    <t>odonto bv reformulado26.txt</t>
  </si>
  <si>
    <t>odonto bv reformulado27.txt</t>
  </si>
  <si>
    <t>odonto bv reformulado28.txt</t>
  </si>
  <si>
    <t>odonto bv reformulado29.txt</t>
  </si>
  <si>
    <t>odonto bv reformulado3.txt</t>
  </si>
  <si>
    <t>odonto bv reformulado30.txt</t>
  </si>
  <si>
    <t>odonto bv reformulado4.txt</t>
  </si>
  <si>
    <t>12/23/2019 14:23:38</t>
  </si>
  <si>
    <t>odonto bv reformulado5.txt</t>
  </si>
  <si>
    <t>odonto bv reformulado6.txt</t>
  </si>
  <si>
    <t>odonto bv reformulado7.txt</t>
  </si>
  <si>
    <t>odonto bv reformulado8.txt</t>
  </si>
  <si>
    <t>odonto bv reformulado9.txt</t>
  </si>
  <si>
    <t>script para vendas do seguro da Icatu-01.txt</t>
  </si>
  <si>
    <t>script para vendas do seguro da Icatu-02.txt</t>
  </si>
  <si>
    <t>script para vendas do seguro da Icatu-03.txt</t>
  </si>
  <si>
    <t>script para vendas do seguro da Icatu-04.txt</t>
  </si>
  <si>
    <t>script para vendas do seguro da Icatu-05.txt</t>
  </si>
  <si>
    <t>script para vendas do seguro da Icatu-06.txt</t>
  </si>
  <si>
    <t>script para vendas do seguro da Icatu-07.txt</t>
  </si>
  <si>
    <t>script para vendas do seguro da Icatu-08.txt</t>
  </si>
  <si>
    <t>script para vendas do seguro da Icatu-09.txt</t>
  </si>
  <si>
    <t>script para vendas do seguro da Icatu-10.txt</t>
  </si>
  <si>
    <t>script para vendas do seguro da Icatu-11.txt</t>
  </si>
  <si>
    <t>script para vendas do seguro da Icatu-12.txt</t>
  </si>
  <si>
    <t>script para vendas do seguro da Icatu-13.txt</t>
  </si>
  <si>
    <t>script para vendas do seguro da Icatu-14.txt</t>
  </si>
  <si>
    <t>script para vendas do seguro da Icatu-15.txt</t>
  </si>
  <si>
    <t>script para vendas do seguro da Icatu-16.txt</t>
  </si>
  <si>
    <t>script para vendas do seguro da Icatu-17.txt</t>
  </si>
  <si>
    <t>script para vendas do seguro da Icatu-18.txt</t>
  </si>
  <si>
    <t>script para vendas do seguro da Icatu-19.txt</t>
  </si>
  <si>
    <t>script para vendas do seguro da Icatu-20.txt</t>
  </si>
  <si>
    <t>script para vendas do seguro da Icatu-21.txt</t>
  </si>
  <si>
    <t>script para vendas do seguro da Icatu-22.txt</t>
  </si>
  <si>
    <t>script para vendas do seguro da Icatu-23.txt</t>
  </si>
  <si>
    <t>script para vendas do seguro da Icatu-24.txt</t>
  </si>
  <si>
    <t>script para vendas do seguro da Icatu-25.txt</t>
  </si>
  <si>
    <t>script para vendas do seguro da Icatu-26.txt</t>
  </si>
  <si>
    <t>script para vendas do seguro da Icatu-27.txt</t>
  </si>
  <si>
    <t>script para vendas do seguro da Icatu-28.txt</t>
  </si>
  <si>
    <t>script para vendas do seguro da Icatu-29.txt</t>
  </si>
  <si>
    <t>script para vendas do seguro da Icatu-30.txt</t>
  </si>
  <si>
    <t>script para vendas do seguro da Icatu-31.txt</t>
  </si>
  <si>
    <t>script para vendas do seguro da Icatu-32.txt</t>
  </si>
  <si>
    <t>script para vendas do seguro da Icatu-33.txt</t>
  </si>
  <si>
    <t>script para vendas do seguro da Icatu-34.txt</t>
  </si>
  <si>
    <t>script para vendas do seguro da Icatu-35.txt</t>
  </si>
  <si>
    <t>script para vendas do seguro da Icatu-36.txt</t>
  </si>
  <si>
    <t>script para vendas do seguro da Icatu-37.txt</t>
  </si>
  <si>
    <t>script para vendas do seguro da Icatu-38.txt</t>
  </si>
  <si>
    <t>script para vendas do seguro da Icatu-39.txt</t>
  </si>
  <si>
    <t>script para vendas do seguro da Icatu-40.txt</t>
  </si>
  <si>
    <t>script para vendas do seguro da Icatu-41.txt</t>
  </si>
  <si>
    <t>script para vendas do seguro da Icatu-42.txt</t>
  </si>
  <si>
    <t>script para vendas do seguro da Icatu-43.txt</t>
  </si>
  <si>
    <t>script para vendas do seguro da Icatu-44.txt</t>
  </si>
  <si>
    <t>script para vendas do seguro da Icatu-45.txt</t>
  </si>
  <si>
    <t>script para vendas do seguro da Icatu-46.txt</t>
  </si>
  <si>
    <t>script para vendas do seguro da Icatu-47.txt</t>
  </si>
  <si>
    <t>script para vendas do seguro da Icatu-48.txt</t>
  </si>
  <si>
    <t>script para vendas do seguro da Icatu-49.txt</t>
  </si>
  <si>
    <t>12/23/2019 14:23:35</t>
  </si>
  <si>
    <t>12/23/2019 14:25:20</t>
  </si>
  <si>
    <t>12/23/2019 14:24:26</t>
  </si>
  <si>
    <t>130ad854-d8f9-4092-8e44-aaf19b740999.tmp</t>
  </si>
  <si>
    <t>\\acsfs\profiles$\sarahbal\Downloads\130ad854-d8f9-4092-8e44-aaf19b740999.tmp</t>
  </si>
  <si>
    <t>12/23/2019 14:20:38</t>
  </si>
  <si>
    <t>12/23/2019 14:26:20</t>
  </si>
  <si>
    <t>12/23/2019 14:20:40</t>
  </si>
  <si>
    <t>lu79561cue88.tmp</t>
  </si>
  <si>
    <t>\\acsfs\profiles$\LUCASBS\lu79561cue88.tmp</t>
  </si>
  <si>
    <t>\\acsfs\profiles$\LUCASBS\lu79561cue88.tmp\</t>
  </si>
  <si>
    <t>\\acsfs\profiles$\LUCASBS\lu79561cue88.tmp\META-INF\</t>
  </si>
  <si>
    <t>\\acsfs\profiles$\LUCASBS\lu79561cue88.tmp\Thumbnails\</t>
  </si>
  <si>
    <t>12/23/2019 14:20:59</t>
  </si>
  <si>
    <t>12/23/2019 14:21:03</t>
  </si>
  <si>
    <t>12/23/2019 14:21:12</t>
  </si>
  <si>
    <t>12/23/2019 14:21:17</t>
  </si>
  <si>
    <t>12/23/2019 14:21:25</t>
  </si>
  <si>
    <t>12/23/2019 14:21:35</t>
  </si>
  <si>
    <t>12/23/2019 14:21:37</t>
  </si>
  <si>
    <t>12/23/2019 14:21:44</t>
  </si>
  <si>
    <t>12/23/2019 14:22:03</t>
  </si>
  <si>
    <t>12/23/2019 14:22:07</t>
  </si>
  <si>
    <t>12/23/2019 14:22:29</t>
  </si>
  <si>
    <t>12/23/2019 14:22:51</t>
  </si>
  <si>
    <t>12/23/2019 14:22:56</t>
  </si>
  <si>
    <t>12/23/2019 14:23:00</t>
  </si>
  <si>
    <t>12/23/2019 14:23:06</t>
  </si>
  <si>
    <t>12/23/2019 14:23:16</t>
  </si>
  <si>
    <t>12/23/2019 14:23:48</t>
  </si>
  <si>
    <t>12/23/2019 14:24:10</t>
  </si>
  <si>
    <t>12/23/2019 14:24:25</t>
  </si>
  <si>
    <t>mail.google.com/sync/u/0/i/s?hl=pt-BR&amp;c=185</t>
  </si>
  <si>
    <t>12/23/2019 14:24:31</t>
  </si>
  <si>
    <t>12/23/2019 14:25:27</t>
  </si>
  <si>
    <t>\\acsfs\profiles$\gabrielbmdl\My Documents\My Pictures\Thumbs.db</t>
  </si>
  <si>
    <t>12/23/2019 14:23:56</t>
  </si>
  <si>
    <t>db5a5645-7e58-4885-a4ec-d82ed48d4663.tmp</t>
  </si>
  <si>
    <t>\\acsfs\profiles$\layonmof\Downloads\db5a5645-7e58-4885-a4ec-d82ed48d4663.tmp</t>
  </si>
  <si>
    <t>12/23/2019 14:22:15</t>
  </si>
  <si>
    <t>12/23/2019 14:27:20</t>
  </si>
  <si>
    <t>\\acsfs\Deptos\Operacao\Banco_Votorantim\Comum\00 - COMUM - BV CARTÕES\</t>
  </si>
  <si>
    <t>fa826e44-4d76-4712-abf4-13c9c6ade783.tmp</t>
  </si>
  <si>
    <t>\\acsfs\profiles$\joycemmdl\Downloads\fa826e44-4d76-4712-abf4-13c9c6ade783.tmp</t>
  </si>
  <si>
    <t>12/23/2019 14:23:02</t>
  </si>
  <si>
    <t>d7734af4-24a0-430e-8ced-ccd4d79b82fb.tmp</t>
  </si>
  <si>
    <t>\\acsfs\profiles$\joycemmdl\Downloads\d7734af4-24a0-430e-8ced-ccd4d79b82fb.tmp</t>
  </si>
  <si>
    <t>12/23/2019 14:24:08</t>
  </si>
  <si>
    <t>12/23/2019 14:29:20</t>
  </si>
  <si>
    <t>6b558c63-17f8-49b8-b71a-f9ef683eabde.tmp</t>
  </si>
  <si>
    <t>\\acsfs\profiles$\vivianibfs\Downloads\6b558c63-17f8-49b8-b71a-f9ef683eabde.tmp</t>
  </si>
  <si>
    <t>12/23/2019 14:24:14</t>
  </si>
  <si>
    <t>937acb59-182d-4dc8-8303-2a3bbef345ae.tmp</t>
  </si>
  <si>
    <t>\\acsfs\profiles$\vivianibfs\Downloads\937acb59-182d-4dc8-8303-2a3bbef345ae.tmp</t>
  </si>
  <si>
    <t>script para vendas do seguro da Icatu-50.txt</t>
  </si>
  <si>
    <t>script para vendas do seguro da Icatu-51.txt</t>
  </si>
  <si>
    <t>script para vendas do seguro da Icatu-52.txt</t>
  </si>
  <si>
    <t>script para vendas do seguro da Icatu-53.txt</t>
  </si>
  <si>
    <t>script para vendas do seguro da Icatu-54.txt</t>
  </si>
  <si>
    <t>12/23/2019 14:27:02</t>
  </si>
  <si>
    <t>$I7IVCK0</t>
  </si>
  <si>
    <t>\\acsfs\profiles$\regisadsa\My Documents\$RECYCLE.BIN\$I7IVCK0</t>
  </si>
  <si>
    <t>12/23/2019 14:27:14</t>
  </si>
  <si>
    <t>$IJURKSH</t>
  </si>
  <si>
    <t>\\acsfs\profiles$\regisadsa\My Documents\$RECYCLE.BIN\$IJURKSH</t>
  </si>
  <si>
    <t>12/23/2019 14:27:18</t>
  </si>
  <si>
    <t>$IFG6QI4</t>
  </si>
  <si>
    <t>\\acsfs\profiles$\regisadsa\My Documents\$RECYCLE.BIN\$IFG6QI4</t>
  </si>
  <si>
    <t>12/23/2019 14:27:23</t>
  </si>
  <si>
    <t>$IA6FPJO</t>
  </si>
  <si>
    <t>\\acsfs\profiles$\regisadsa\My Documents\$RECYCLE.BIN\$IA6FPJO</t>
  </si>
  <si>
    <t>12/23/2019 14:27:32</t>
  </si>
  <si>
    <t>$IZUACEB.txt</t>
  </si>
  <si>
    <t>\\acsfs\profiles$\regisadsa\My Documents\$RECYCLE.BIN\$IZUACEB.txt</t>
  </si>
  <si>
    <t>$ITDH47P.txt</t>
  </si>
  <si>
    <t>\\acsfs\profiles$\regisadsa\My Documents\$RECYCLE.BIN\$ITDH47P.txt</t>
  </si>
  <si>
    <t>12/23/2019 14:27:33</t>
  </si>
  <si>
    <t>$IF941SX.txt</t>
  </si>
  <si>
    <t>\\acsfs\profiles$\regisadsa\My Documents\$RECYCLE.BIN\$IF941SX.txt</t>
  </si>
  <si>
    <t>$IY04ESM.txt</t>
  </si>
  <si>
    <t>\\acsfs\profiles$\regisadsa\My Documents\$RECYCLE.BIN\$IY04ESM.txt</t>
  </si>
  <si>
    <t>$IBO3MSU.txt</t>
  </si>
  <si>
    <t>\\acsfs\profiles$\regisadsa\My Documents\$RECYCLE.BIN\$IBO3MSU.txt</t>
  </si>
  <si>
    <t>$IB15VK1.txt</t>
  </si>
  <si>
    <t>\\acsfs\profiles$\regisadsa\My Documents\$RECYCLE.BIN\$IB15VK1.txt</t>
  </si>
  <si>
    <t>12/23/2019 14:27:34</t>
  </si>
  <si>
    <t>$IZB6UIP.txt</t>
  </si>
  <si>
    <t>\\acsfs\profiles$\regisadsa\My Documents\$RECYCLE.BIN\$IZB6UIP.txt</t>
  </si>
  <si>
    <t>$I2E4AQU.txt</t>
  </si>
  <si>
    <t>\\acsfs\profiles$\regisadsa\My Documents\$RECYCLE.BIN\$I2E4AQU.txt</t>
  </si>
  <si>
    <t>$I4LTYQ7.7z</t>
  </si>
  <si>
    <t>\\acsfs\profiles$\regisadsa\My Documents\$RECYCLE.BIN\$I4LTYQ7.7z</t>
  </si>
  <si>
    <t>$I77CW4R.txt</t>
  </si>
  <si>
    <t>\\acsfs\profiles$\regisadsa\My Documents\$RECYCLE.BIN\$I77CW4R.txt</t>
  </si>
  <si>
    <t>12/23/2019 14:27:35</t>
  </si>
  <si>
    <t>$I9F0XTZ.txt</t>
  </si>
  <si>
    <t>\\acsfs\profiles$\regisadsa\My Documents\$RECYCLE.BIN\$I9F0XTZ.txt</t>
  </si>
  <si>
    <t>$I0XBBVT.txt</t>
  </si>
  <si>
    <t>\\acsfs\profiles$\regisadsa\My Documents\$RECYCLE.BIN\$I0XBBVT.txt</t>
  </si>
  <si>
    <t>$IOJWS22.txt</t>
  </si>
  <si>
    <t>\\acsfs\profiles$\regisadsa\My Documents\$RECYCLE.BIN\$IOJWS22.txt</t>
  </si>
  <si>
    <t>$IS655OS.txt</t>
  </si>
  <si>
    <t>\\acsfs\profiles$\regisadsa\My Documents\$RECYCLE.BIN\$IS655OS.txt</t>
  </si>
  <si>
    <t>12/23/2019 14:27:36</t>
  </si>
  <si>
    <t>$I5CBIMZ.txt</t>
  </si>
  <si>
    <t>\\acsfs\profiles$\regisadsa\My Documents\$RECYCLE.BIN\$I5CBIMZ.txt</t>
  </si>
  <si>
    <t>$IPDN9GS.txt</t>
  </si>
  <si>
    <t>\\acsfs\profiles$\regisadsa\My Documents\$RECYCLE.BIN\$IPDN9GS.txt</t>
  </si>
  <si>
    <t>$IYN30FP.txt</t>
  </si>
  <si>
    <t>\\acsfs\profiles$\regisadsa\My Documents\$RECYCLE.BIN\$IYN30FP.txt</t>
  </si>
  <si>
    <t>12/23/2019 14:27:37</t>
  </si>
  <si>
    <t>$IRHCVYU.txt</t>
  </si>
  <si>
    <t>\\acsfs\profiles$\regisadsa\My Documents\$RECYCLE.BIN\$IRHCVYU.txt</t>
  </si>
  <si>
    <t>$I5V8W64.txt</t>
  </si>
  <si>
    <t>\\acsfs\profiles$\regisadsa\My Documents\$RECYCLE.BIN\$I5V8W64.txt</t>
  </si>
  <si>
    <t>$IBU228Q.txt</t>
  </si>
  <si>
    <t>\\acsfs\profiles$\regisadsa\My Documents\$RECYCLE.BIN\$IBU228Q.txt</t>
  </si>
  <si>
    <t>$IGN8B4K.txt</t>
  </si>
  <si>
    <t>\\acsfs\profiles$\regisadsa\My Documents\$RECYCLE.BIN\$IGN8B4K.txt</t>
  </si>
  <si>
    <t>12/23/2019 14:27:38</t>
  </si>
  <si>
    <t>$I177UJQ.txt</t>
  </si>
  <si>
    <t>\\acsfs\profiles$\regisadsa\My Documents\$RECYCLE.BIN\$I177UJQ.txt</t>
  </si>
  <si>
    <t>$IHHW430.txt</t>
  </si>
  <si>
    <t>\\acsfs\profiles$\regisadsa\My Documents\$RECYCLE.BIN\$IHHW430.txt</t>
  </si>
  <si>
    <t>12/23/2019 14:27:39</t>
  </si>
  <si>
    <t>$IIUWEHN.txt</t>
  </si>
  <si>
    <t>\\acsfs\profiles$\regisadsa\My Documents\$RECYCLE.BIN\$IIUWEHN.txt</t>
  </si>
  <si>
    <t>12/23/2019 14:27:40</t>
  </si>
  <si>
    <t>$IOBNIBP.txt</t>
  </si>
  <si>
    <t>\\acsfs\profiles$\regisadsa\My Documents\$RECYCLE.BIN\$IOBNIBP.txt</t>
  </si>
  <si>
    <t>$ITDU2GX.txt</t>
  </si>
  <si>
    <t>\\acsfs\profiles$\regisadsa\My Documents\$RECYCLE.BIN\$ITDU2GX.txt</t>
  </si>
  <si>
    <t>$IQ10DJ4.txt</t>
  </si>
  <si>
    <t>\\acsfs\profiles$\regisadsa\My Documents\$RECYCLE.BIN\$IQ10DJ4.txt</t>
  </si>
  <si>
    <t>$IFE66GQ.txt</t>
  </si>
  <si>
    <t>\\acsfs\profiles$\regisadsa\My Documents\$RECYCLE.BIN\$IFE66GQ.txt</t>
  </si>
  <si>
    <t>$IO8REJH.txt</t>
  </si>
  <si>
    <t>\\acsfs\profiles$\regisadsa\My Documents\$RECYCLE.BIN\$IO8REJH.txt</t>
  </si>
  <si>
    <t>12/23/2019 14:27:41</t>
  </si>
  <si>
    <t>$IGGNE5W.txt</t>
  </si>
  <si>
    <t>\\acsfs\profiles$\regisadsa\My Documents\$RECYCLE.BIN\$IGGNE5W.txt</t>
  </si>
  <si>
    <t>$IP6CTXM.txt</t>
  </si>
  <si>
    <t>\\acsfs\profiles$\regisadsa\My Documents\$RECYCLE.BIN\$IP6CTXM.txt</t>
  </si>
  <si>
    <t>$I2IK1WU.txt</t>
  </si>
  <si>
    <t>\\acsfs\profiles$\regisadsa\My Documents\$RECYCLE.BIN\$I2IK1WU.txt</t>
  </si>
  <si>
    <t>$IJT6596.txt</t>
  </si>
  <si>
    <t>\\acsfs\profiles$\regisadsa\My Documents\$RECYCLE.BIN\$IJT6596.txt</t>
  </si>
  <si>
    <t>12/23/2019 14:27:42</t>
  </si>
  <si>
    <t>$IQIDRLK.txt</t>
  </si>
  <si>
    <t>\\acsfs\profiles$\regisadsa\My Documents\$RECYCLE.BIN\$IQIDRLK.txt</t>
  </si>
  <si>
    <t>$IP9GPNK.txt</t>
  </si>
  <si>
    <t>\\acsfs\profiles$\regisadsa\My Documents\$RECYCLE.BIN\$IP9GPNK.txt</t>
  </si>
  <si>
    <t>$IVWYEE6.txt</t>
  </si>
  <si>
    <t>\\acsfs\profiles$\regisadsa\My Documents\$RECYCLE.BIN\$IVWYEE6.txt</t>
  </si>
  <si>
    <t>$IDRBKEM.txt</t>
  </si>
  <si>
    <t>\\acsfs\profiles$\regisadsa\My Documents\$RECYCLE.BIN\$IDRBKEM.txt</t>
  </si>
  <si>
    <t>12/23/2019 14:27:43</t>
  </si>
  <si>
    <t>$I0T4DOC.txt</t>
  </si>
  <si>
    <t>\\acsfs\profiles$\regisadsa\My Documents\$RECYCLE.BIN\$I0T4DOC.txt</t>
  </si>
  <si>
    <t>$IDT755I.txt</t>
  </si>
  <si>
    <t>\\acsfs\profiles$\regisadsa\My Documents\$RECYCLE.BIN\$IDT755I.txt</t>
  </si>
  <si>
    <t>$IYVUF0V.txt</t>
  </si>
  <si>
    <t>\\acsfs\profiles$\regisadsa\My Documents\$RECYCLE.BIN\$IYVUF0V.txt</t>
  </si>
  <si>
    <t>12/23/2019 14:27:44</t>
  </si>
  <si>
    <t>$IUAQ2DP.txt</t>
  </si>
  <si>
    <t>\\acsfs\profiles$\regisadsa\My Documents\$RECYCLE.BIN\$IUAQ2DP.txt</t>
  </si>
  <si>
    <t>$IMUB2KN.txt</t>
  </si>
  <si>
    <t>\\acsfs\profiles$\regisadsa\My Documents\$RECYCLE.BIN\$IMUB2KN.txt</t>
  </si>
  <si>
    <t>12/23/2019 14:27:45</t>
  </si>
  <si>
    <t>$ITHL4UW.txt</t>
  </si>
  <si>
    <t>\\acsfs\profiles$\regisadsa\My Documents\$RECYCLE.BIN\$ITHL4UW.txt</t>
  </si>
  <si>
    <t>$IAWUB28.txt</t>
  </si>
  <si>
    <t>\\acsfs\profiles$\regisadsa\My Documents\$RECYCLE.BIN\$IAWUB28.txt</t>
  </si>
  <si>
    <t>$IOQIFD4.txt</t>
  </si>
  <si>
    <t>\\acsfs\profiles$\regisadsa\My Documents\$RECYCLE.BIN\$IOQIFD4.txt</t>
  </si>
  <si>
    <t>$IRN59LZ.txt</t>
  </si>
  <si>
    <t>\\acsfs\profiles$\regisadsa\My Documents\$RECYCLE.BIN\$IRN59LZ.txt</t>
  </si>
  <si>
    <t>12/23/2019 14:27:46</t>
  </si>
  <si>
    <t>$I425PD2.txt</t>
  </si>
  <si>
    <t>\\acsfs\profiles$\regisadsa\My Documents\$RECYCLE.BIN\$I425PD2.txt</t>
  </si>
  <si>
    <t>$IMCMZPO.txt</t>
  </si>
  <si>
    <t>\\acsfs\profiles$\regisadsa\My Documents\$RECYCLE.BIN\$IMCMZPO.txt</t>
  </si>
  <si>
    <t>$IJTY1ZX.txt</t>
  </si>
  <si>
    <t>\\acsfs\profiles$\regisadsa\My Documents\$RECYCLE.BIN\$IJTY1ZX.txt</t>
  </si>
  <si>
    <t>$IB4R1RZ.txt</t>
  </si>
  <si>
    <t>\\acsfs\profiles$\regisadsa\My Documents\$RECYCLE.BIN\$IB4R1RZ.txt</t>
  </si>
  <si>
    <t>12/23/2019 14:27:47</t>
  </si>
  <si>
    <t>$IKPK65U.txt</t>
  </si>
  <si>
    <t>\\acsfs\profiles$\regisadsa\My Documents\$RECYCLE.BIN\$IKPK65U.txt</t>
  </si>
  <si>
    <t>$IWQQKN2.txt</t>
  </si>
  <si>
    <t>\\acsfs\profiles$\regisadsa\My Documents\$RECYCLE.BIN\$IWQQKN2.txt</t>
  </si>
  <si>
    <t>$ISRS13I.txt</t>
  </si>
  <si>
    <t>\\acsfs\profiles$\regisadsa\My Documents\$RECYCLE.BIN\$ISRS13I.txt</t>
  </si>
  <si>
    <t>$I6WRJYR.txt</t>
  </si>
  <si>
    <t>\\acsfs\profiles$\regisadsa\My Documents\$RECYCLE.BIN\$I6WRJYR.txt</t>
  </si>
  <si>
    <t>12/23/2019 14:27:48</t>
  </si>
  <si>
    <t>$IQ3ATWI.txt</t>
  </si>
  <si>
    <t>\\acsfs\profiles$\regisadsa\My Documents\$RECYCLE.BIN\$IQ3ATWI.txt</t>
  </si>
  <si>
    <t>$IJJK0BB.txt</t>
  </si>
  <si>
    <t>\\acsfs\profiles$\regisadsa\My Documents\$RECYCLE.BIN\$IJJK0BB.txt</t>
  </si>
  <si>
    <t>$I6ZPG69.txt</t>
  </si>
  <si>
    <t>\\acsfs\profiles$\regisadsa\My Documents\$RECYCLE.BIN\$I6ZPG69.txt</t>
  </si>
  <si>
    <t>$II3RW9Y.txt</t>
  </si>
  <si>
    <t>\\acsfs\profiles$\regisadsa\My Documents\$RECYCLE.BIN\$II3RW9Y.txt</t>
  </si>
  <si>
    <t>12/23/2019 14:27:49</t>
  </si>
  <si>
    <t>$IB90LQ8.txt</t>
  </si>
  <si>
    <t>\\acsfs\profiles$\regisadsa\My Documents\$RECYCLE.BIN\$IB90LQ8.txt</t>
  </si>
  <si>
    <t>$ILW0E8L.txt</t>
  </si>
  <si>
    <t>\\acsfs\profiles$\regisadsa\My Documents\$RECYCLE.BIN\$ILW0E8L.txt</t>
  </si>
  <si>
    <t>12/23/2019 14:27:50</t>
  </si>
  <si>
    <t>$IKTJDJM.txt</t>
  </si>
  <si>
    <t>\\acsfs\profiles$\regisadsa\My Documents\$RECYCLE.BIN\$IKTJDJM.txt</t>
  </si>
  <si>
    <t>$I741HEC.txt</t>
  </si>
  <si>
    <t>\\acsfs\profiles$\regisadsa\My Documents\$RECYCLE.BIN\$I741HEC.txt</t>
  </si>
  <si>
    <t>$I8TQVP6.txt</t>
  </si>
  <si>
    <t>\\acsfs\profiles$\regisadsa\My Documents\$RECYCLE.BIN\$I8TQVP6.txt</t>
  </si>
  <si>
    <t>$IN18PPN.txt</t>
  </si>
  <si>
    <t>\\acsfs\profiles$\regisadsa\My Documents\$RECYCLE.BIN\$IN18PPN.txt</t>
  </si>
  <si>
    <t>12/23/2019 14:27:51</t>
  </si>
  <si>
    <t>$ID3S7MA.txt</t>
  </si>
  <si>
    <t>\\acsfs\profiles$\regisadsa\My Documents\$RECYCLE.BIN\$ID3S7MA.txt</t>
  </si>
  <si>
    <t>$IANK2UN.txt</t>
  </si>
  <si>
    <t>\\acsfs\profiles$\regisadsa\My Documents\$RECYCLE.BIN\$IANK2UN.txt</t>
  </si>
  <si>
    <t>$I55FDA3.txt</t>
  </si>
  <si>
    <t>\\acsfs\profiles$\regisadsa\My Documents\$RECYCLE.BIN\$I55FDA3.txt</t>
  </si>
  <si>
    <t>$IPVN5W1.txt</t>
  </si>
  <si>
    <t>\\acsfs\profiles$\regisadsa\My Documents\$RECYCLE.BIN\$IPVN5W1.txt</t>
  </si>
  <si>
    <t>12/23/2019 14:27:52</t>
  </si>
  <si>
    <t>$IL3ZNT6.txt</t>
  </si>
  <si>
    <t>\\acsfs\profiles$\regisadsa\My Documents\$RECYCLE.BIN\$IL3ZNT6.txt</t>
  </si>
  <si>
    <t>$IIJ2JXQ.txt</t>
  </si>
  <si>
    <t>\\acsfs\profiles$\regisadsa\My Documents\$RECYCLE.BIN\$IIJ2JXQ.txt</t>
  </si>
  <si>
    <t>$II8LYRS.txt</t>
  </si>
  <si>
    <t>\\acsfs\profiles$\regisadsa\My Documents\$RECYCLE.BIN\$II8LYRS.txt</t>
  </si>
  <si>
    <t>$I2EN3OF.txt</t>
  </si>
  <si>
    <t>\\acsfs\profiles$\regisadsa\My Documents\$RECYCLE.BIN\$I2EN3OF.txt</t>
  </si>
  <si>
    <t>12/23/2019 14:27:53</t>
  </si>
  <si>
    <t>$II7QN4S.txt</t>
  </si>
  <si>
    <t>\\acsfs\profiles$\regisadsa\My Documents\$RECYCLE.BIN\$II7QN4S.txt</t>
  </si>
  <si>
    <t>$IN7GITR.txt</t>
  </si>
  <si>
    <t>\\acsfs\profiles$\regisadsa\My Documents\$RECYCLE.BIN\$IN7GITR.txt</t>
  </si>
  <si>
    <t>$I47IN2R.txt</t>
  </si>
  <si>
    <t>\\acsfs\profiles$\regisadsa\My Documents\$RECYCLE.BIN\$I47IN2R.txt</t>
  </si>
  <si>
    <t>$IZKQRI2.txt</t>
  </si>
  <si>
    <t>\\acsfs\profiles$\regisadsa\My Documents\$RECYCLE.BIN\$IZKQRI2.txt</t>
  </si>
  <si>
    <t>12/23/2019 14:27:54</t>
  </si>
  <si>
    <t>$I7T61WZ.txt</t>
  </si>
  <si>
    <t>\\acsfs\profiles$\regisadsa\My Documents\$RECYCLE.BIN\$I7T61WZ.txt</t>
  </si>
  <si>
    <t>$IN54OGE.txt</t>
  </si>
  <si>
    <t>\\acsfs\profiles$\regisadsa\My Documents\$RECYCLE.BIN\$IN54OGE.txt</t>
  </si>
  <si>
    <t>$I3UDY1U.txt</t>
  </si>
  <si>
    <t>\\acsfs\profiles$\regisadsa\My Documents\$RECYCLE.BIN\$I3UDY1U.txt</t>
  </si>
  <si>
    <t>12/23/2019 14:27:55</t>
  </si>
  <si>
    <t>$IOI03SW.txt</t>
  </si>
  <si>
    <t>\\acsfs\profiles$\regisadsa\My Documents\$RECYCLE.BIN\$IOI03SW.txt</t>
  </si>
  <si>
    <t>$IUDVU30.txt</t>
  </si>
  <si>
    <t>\\acsfs\profiles$\regisadsa\My Documents\$RECYCLE.BIN\$IUDVU30.txt</t>
  </si>
  <si>
    <t>$IIHIFNU.txt</t>
  </si>
  <si>
    <t>\\acsfs\profiles$\regisadsa\My Documents\$RECYCLE.BIN\$IIHIFNU.txt</t>
  </si>
  <si>
    <t>$ICK2GAS.txt</t>
  </si>
  <si>
    <t>\\acsfs\profiles$\regisadsa\My Documents\$RECYCLE.BIN\$ICK2GAS.txt</t>
  </si>
  <si>
    <t>12/23/2019 14:27:56</t>
  </si>
  <si>
    <t>$IUWZ0QG.txt</t>
  </si>
  <si>
    <t>\\acsfs\profiles$\regisadsa\My Documents\$RECYCLE.BIN\$IUWZ0QG.txt</t>
  </si>
  <si>
    <t>$IYG9ZVD.txt</t>
  </si>
  <si>
    <t>\\acsfs\profiles$\regisadsa\My Documents\$RECYCLE.BIN\$IYG9ZVD.txt</t>
  </si>
  <si>
    <t>$I9C6FHV.txt</t>
  </si>
  <si>
    <t>\\acsfs\profiles$\regisadsa\My Documents\$RECYCLE.BIN\$I9C6FHV.txt</t>
  </si>
  <si>
    <t>12/23/2019 14:28:05</t>
  </si>
  <si>
    <t>$IS65C2G</t>
  </si>
  <si>
    <t>\\acsfs\profiles$\regisadsa\My Documents\$RECYCLE.BIN\$IS65C2G</t>
  </si>
  <si>
    <t>12/23/2019 14:28:12</t>
  </si>
  <si>
    <t>$IUTSW0R</t>
  </si>
  <si>
    <t>\\acsfs\profiles$\regisadsa\My Documents\$RECYCLE.BIN\$IUTSW0R</t>
  </si>
  <si>
    <t>12/23/2019 14:28:33</t>
  </si>
  <si>
    <t>\\acsfs\profiles$\regisadsa\Downloads\$RECYCLE.BIN\</t>
  </si>
  <si>
    <t>$I9X8GC8.partial</t>
  </si>
  <si>
    <t>\\acsfs\profiles$\regisadsa\Downloads\$RECYCLE.BIN\$I9X8GC8.partial</t>
  </si>
  <si>
    <t>$I5SF7LF.pdf</t>
  </si>
  <si>
    <t>\\acsfs\profiles$\regisadsa\Downloads\$RECYCLE.BIN\$I5SF7LF.pdf</t>
  </si>
  <si>
    <t>12/23/2019 14:28:34</t>
  </si>
  <si>
    <t>$ILS4XSQ.crdownload</t>
  </si>
  <si>
    <t>\\acsfs\profiles$\regisadsa\Downloads\$RECYCLE.BIN\$ILS4XSQ.crdownload</t>
  </si>
  <si>
    <t>$ISOLYQ2.crdownload</t>
  </si>
  <si>
    <t>\\acsfs\profiles$\regisadsa\Downloads\$RECYCLE.BIN\$ISOLYQ2.crdownload</t>
  </si>
  <si>
    <t>$I5EIXNH.tmp</t>
  </si>
  <si>
    <t>\\acsfs\profiles$\regisadsa\Downloads\$RECYCLE.BIN\$I5EIXNH.tmp</t>
  </si>
  <si>
    <t>$I3ZAQJ7.tmp</t>
  </si>
  <si>
    <t>\\acsfs\profiles$\regisadsa\Downloads\$RECYCLE.BIN\$I3ZAQJ7.tmp</t>
  </si>
  <si>
    <t>12/23/2019 14:29:05</t>
  </si>
  <si>
    <t>12/23/2019 14:30:20</t>
  </si>
  <si>
    <t>12/23/2019 14:27:28</t>
  </si>
  <si>
    <t>12/23/2019 14:30:16</t>
  </si>
  <si>
    <t>12/23/2019 14:31:21</t>
  </si>
  <si>
    <t>691c4218-7d5e-4e78-86ef-308352d1080d.tmp</t>
  </si>
  <si>
    <t>\\acsfs\profiles$\fabianafv\Downloads\691c4218-7d5e-4e78-86ef-308352d1080d.tmp</t>
  </si>
  <si>
    <t>12/23/2019 14:27:29</t>
  </si>
  <si>
    <t>12/23/2019 14:27:30</t>
  </si>
  <si>
    <t>lu79561cue8d.tmp</t>
  </si>
  <si>
    <t>\\acsfs\profiles$\LUCASBS\lu79561cue8d.tmp</t>
  </si>
  <si>
    <t>\\acsfs\profiles$\LUCASBS\lu79561cue8d.tmp\</t>
  </si>
  <si>
    <t>\\acsfs\profiles$\LUCASBS\lu79561cue8d.tmp\META-INF\</t>
  </si>
  <si>
    <t>\\acsfs\profiles$\LUCASBS\lu79561cue8d.tmp\Thumbnails\</t>
  </si>
  <si>
    <t>12/23/2019 14:25:48</t>
  </si>
  <si>
    <t>12/23/2019 14:28:13</t>
  </si>
  <si>
    <t>12/23/2019 14:28:35</t>
  </si>
  <si>
    <t>12/23/2019 14:28:43</t>
  </si>
  <si>
    <t>12/23/2019 14:28:45</t>
  </si>
  <si>
    <t>12/23/2019 14:28:52</t>
  </si>
  <si>
    <t>12/23/2019 14:29:14</t>
  </si>
  <si>
    <t>12/23/2019 14:29:17</t>
  </si>
  <si>
    <t>12/23/2019 14:29:23</t>
  </si>
  <si>
    <t>12/23/2019 14:29:48</t>
  </si>
  <si>
    <t>12/23/2019 14:30:15</t>
  </si>
  <si>
    <t>12/23/2019 14:30:25</t>
  </si>
  <si>
    <t>12/23/2019 14:30:27</t>
  </si>
  <si>
    <t>12/23/2019 14:30:35</t>
  </si>
  <si>
    <t>12/23/2019 14:30:39</t>
  </si>
  <si>
    <t>12/23/2019 14:30:45</t>
  </si>
  <si>
    <t>12/23/2019 14:32:20</t>
  </si>
  <si>
    <t>\\acsfs\Deptos\Operacao\Banco_Votorantim\Comum\COMUNICADOS\</t>
  </si>
  <si>
    <t>\\acsfs\Deptos\Operacao\Banco_Votorantim\Comum\COMUNICADOS\Thumbs.db</t>
  </si>
  <si>
    <t>12/23/2019 14:29:35</t>
  </si>
  <si>
    <t>12/23/2019 14:35:20</t>
  </si>
  <si>
    <t>12/23/2019 14:31:22</t>
  </si>
  <si>
    <t>12/23/2019 14:31:29</t>
  </si>
  <si>
    <t>12/23/2019 14:31:36</t>
  </si>
  <si>
    <t>12/23/2019 14:36:20</t>
  </si>
  <si>
    <t>mail.google.com/_/upload?authuser=1&amp;dcp=asu-n&amp;upload_id=AEnB2UrHpoPvt9WlIAjh4mAy1dMyu09MwQmpPMbUuMDybj1xx5f68PJDNEDN2zl0UvZwG-BGR-ibO_yeR-pPWQLXDqRe9i6kYngvsXzKkUNGepzWRtjmUzI&amp;upload_protocol=resumable</t>
  </si>
  <si>
    <t>MovimentaçõesIPO_v2.xlsx</t>
  </si>
  <si>
    <t>12/23/2019 14:30:48</t>
  </si>
  <si>
    <t>12/23/2019 14:30:53</t>
  </si>
  <si>
    <t>12/23/2019 14:31:10</t>
  </si>
  <si>
    <t>12/23/2019 14:31:32</t>
  </si>
  <si>
    <t>12/23/2019 14:30:51</t>
  </si>
  <si>
    <t>12/23/2019 14:31:09</t>
  </si>
  <si>
    <t>12/23/2019 14:33:28</t>
  </si>
  <si>
    <t>12/23/2019 14:33:17</t>
  </si>
  <si>
    <t>12/23/2019 14:37:21</t>
  </si>
  <si>
    <t>10.200.67.4</t>
  </si>
  <si>
    <t>64-1C-67-9D-1B-E2</t>
  </si>
  <si>
    <t>VOTORANT-FB007</t>
  </si>
  <si>
    <t>\\acsfs\profiles$\Angelicacldr\Contacts\</t>
  </si>
  <si>
    <t>ANGELICA CRISTINA LIMA DOS REIS (29).contact</t>
  </si>
  <si>
    <t>\\acsfs\profiles$\Angelicacldr\Contacts\ANGELICA CRISTINA LIMA DOS REIS (29).contact</t>
  </si>
  <si>
    <t>12/23/2019 14:33:44</t>
  </si>
  <si>
    <t>\\acsfs\profiles$\Angelicacldr\My Documents\My Videos\</t>
  </si>
  <si>
    <t>\\acsfs\profiles$\Angelicacldr\My Documents\My Videos\desktop.ini</t>
  </si>
  <si>
    <t>12/23/2019 14:33:45</t>
  </si>
  <si>
    <t>\\acsfs\profiles$\Angelicacldr\My Documents\My Pictures\</t>
  </si>
  <si>
    <t>\\acsfs\profiles$\Angelicacldr\My Documents\My Pictures\desktop.ini</t>
  </si>
  <si>
    <t>12/23/2019 14:33:46</t>
  </si>
  <si>
    <t>\\acsfs\profiles$\Angelicacldr\Contacts\desktop.ini</t>
  </si>
  <si>
    <t>\\acsfs\profiles$\Angelicacldr\Favorites\</t>
  </si>
  <si>
    <t>\\acsfs\profiles$\Angelicacldr\Favorites\desktop.ini</t>
  </si>
  <si>
    <t>12/23/2019 14:33:47</t>
  </si>
  <si>
    <t>\\acsfs\profiles$\Angelicacldr\My Documents\My Music\</t>
  </si>
  <si>
    <t>\\acsfs\profiles$\Angelicacldr\My Documents\My Music\desktop.ini</t>
  </si>
  <si>
    <t>12/23/2019 14:33:48</t>
  </si>
  <si>
    <t>\\acsfs\profiles$\Angelicacldr\Searches\</t>
  </si>
  <si>
    <t>\\acsfs\profiles$\Angelicacldr\Searches\desktop.ini</t>
  </si>
  <si>
    <t>\\acsfs\profiles$\Angelicacldr\Downloads\</t>
  </si>
  <si>
    <t>\\acsfs\profiles$\Angelicacldr\Downloads\desktop.ini</t>
  </si>
  <si>
    <t>12/23/2019 14:33:49</t>
  </si>
  <si>
    <t>\\acsfs\profiles$\Angelicacldr\My Documents\</t>
  </si>
  <si>
    <t>\\acsfs\profiles$\Angelicacldr\My Documents\desktop.ini</t>
  </si>
  <si>
    <t>\\acsfs\profiles$\Angelicacldr\Saved Games\</t>
  </si>
  <si>
    <t>\\acsfs\profiles$\Angelicacldr\Saved Games\desktop.ini</t>
  </si>
  <si>
    <t>12/23/2019 14:33:50</t>
  </si>
  <si>
    <t>12/23/2019 14:34:14</t>
  </si>
  <si>
    <t>\\acsfs\profiles$\angelicacldr\Favorites\Links for Brasil\</t>
  </si>
  <si>
    <t>\\acsfs\profiles$\angelicacldr\Favorites\Links for Brasil\desktop.ini</t>
  </si>
  <si>
    <t>\\acsfs\profiles$\angelicacldr\Favorites\Links for Brasil\Microsoft Brasil.url</t>
  </si>
  <si>
    <t>\\acsfs\profiles$\angelicacldr\Favorites\Links for Brasil\Windows Brasil.url</t>
  </si>
  <si>
    <t>12/23/2019 14:34:15</t>
  </si>
  <si>
    <t>\\acsfs\profiles$\angelicacldr\Favorites\Links for Brasil\MSN Brasil.url</t>
  </si>
  <si>
    <t>12/23/2019 14:36:48</t>
  </si>
  <si>
    <t>12/23/2019 14:38:20</t>
  </si>
  <si>
    <t>22829993-42cc-40c4-834d-0200ead68ae4.tmp</t>
  </si>
  <si>
    <t>\\acsfs\profiles$\rosileiam\Downloads\22829993-42cc-40c4-834d-0200ead68ae4.tmp</t>
  </si>
  <si>
    <t>fd035207-c902-428b-b10a-1e666b854b5a.tmp</t>
  </si>
  <si>
    <t>\\acsfs\profiles$\brendadsl\Downloads\fd035207-c902-428b-b10a-1e666b854b5a.tmp</t>
  </si>
  <si>
    <t>12/23/2019 14:37:38</t>
  </si>
  <si>
    <t>88d96b3f-437c-4ea4-ab86-9041d1f1f5c4.tmp</t>
  </si>
  <si>
    <t>\\acsfs\profiles$\websondsa\Downloads\88d96b3f-437c-4ea4-ab86-9041d1f1f5c4.tmp</t>
  </si>
  <si>
    <t>12/23/2019 14:38:15</t>
  </si>
  <si>
    <t>mail.google.com/_/upload?authuser=0&amp;dcp=asu-n&amp;upload_id=AEnB2UqqPF48ZV3F20TFJn6wj-iXjfnFP6J9L3AehbPN_r4xk1S-MkxxfE0GjS2Gphf15CRtVgF8PNFpPKzp1aHOnIuc4jCSy4a_3xK9_s-rXmdvuxZiMeo&amp;upload_protocol=resumable</t>
  </si>
  <si>
    <t>12/23/2019 14:36:23</t>
  </si>
  <si>
    <t>12/23/2019 14:39:21</t>
  </si>
  <si>
    <t>33f4ae39-62f7-45b9-a0ef-df0e08d0e96c.tmp</t>
  </si>
  <si>
    <t>\\acsfs\profiles$\geovannasm\Downloads\33f4ae39-62f7-45b9-a0ef-df0e08d0e96c.tmp</t>
  </si>
  <si>
    <t>12/23/2019 14:36:29</t>
  </si>
  <si>
    <t>c2bee272-951e-432a-9783-5fd4a734d550.tmp</t>
  </si>
  <si>
    <t>\\acsfs\profiles$\geovannasm\Downloads\c2bee272-951e-432a-9783-5fd4a734d550.tmp</t>
  </si>
  <si>
    <t>12/23/2019 14:34:46</t>
  </si>
  <si>
    <t>50f0779a-36cd-47e9-9672-b4bd00fbe052.tmp</t>
  </si>
  <si>
    <t>\\acsfs\profiles$\alinepp\Downloads\50f0779a-36cd-47e9-9672-b4bd00fbe052.tmp</t>
  </si>
  <si>
    <t>12/23/2019 14:34:51</t>
  </si>
  <si>
    <t>3285f7de-2259-4792-9b9c-fd1235d2a01d.tmp</t>
  </si>
  <si>
    <t>\\acsfs\profiles$\alinepp\Downloads\3285f7de-2259-4792-9b9c-fd1235d2a01d.tmp</t>
  </si>
  <si>
    <t>12/23/2019 14:35:58</t>
  </si>
  <si>
    <t>12/23/2019 14:40:20</t>
  </si>
  <si>
    <t>12/23/2019 14:39:10</t>
  </si>
  <si>
    <t>2f66a708-25a0-4c98-9e6c-7f85e3ce231c.tmp</t>
  </si>
  <si>
    <t>\\acsfs\profiles$\henriqueco\Downloads\2f66a708-25a0-4c98-9e6c-7f85e3ce231c.tmp</t>
  </si>
  <si>
    <t>12/23/2019 14:39:22</t>
  </si>
  <si>
    <t>533d75b6-43fc-4478-b144-ff79ece8ab8a.tmp</t>
  </si>
  <si>
    <t>\\acsfs\profiles$\henriqueco\Downloads\533d75b6-43fc-4478-b144-ff79ece8ab8a.tmp</t>
  </si>
  <si>
    <t>12/23/2019 14:39:30</t>
  </si>
  <si>
    <t>f2ccce59-6a31-47f0-ba06-ec6eb62f1d0f.tmp</t>
  </si>
  <si>
    <t>\\acsfs\profiles$\henriqueco\Downloads\f2ccce59-6a31-47f0-ba06-ec6eb62f1d0f.tmp</t>
  </si>
  <si>
    <t>12/23/2019 14:37:49</t>
  </si>
  <si>
    <t>12/23/2019 14:38:06</t>
  </si>
  <si>
    <t>12/23/2019 14:41:21</t>
  </si>
  <si>
    <t>e42a094b-fe70-4e47-8b8b-fdc463a19e81.tmp</t>
  </si>
  <si>
    <t>\\acsfs\profiles$\fabianafv\Downloads\e42a094b-fe70-4e47-8b8b-fdc463a19e81.tmp</t>
  </si>
  <si>
    <t>12/23/2019 14:35:40</t>
  </si>
  <si>
    <t>Welido Cristina de Jesus_1_6771513471238473529_1_32.wav</t>
  </si>
  <si>
    <t>\\acsfs\Deptos\EDUCACAO EMPRESARIAL\FERNANDA MONIT\Ligação para Mutant terceiro Ciclo\Welido Cristina de Jesus_1_6771513471238473529_1_32.wav</t>
  </si>
  <si>
    <t>12/23/2019 14:38:18</t>
  </si>
  <si>
    <t>RAFAELA MARQUES SOUZA VALIM_1_6769199939859852122_1_32.wav</t>
  </si>
  <si>
    <t>\\acsfs\Deptos\EDUCACAO EMPRESARIAL\KÉSIA\Ligações 3º ciclo - Késia\RAFAELA MARQUES SOUZA VALIM_1_6769199939859852122_1_32.wav</t>
  </si>
  <si>
    <t>12/23/2019 14:39:58</t>
  </si>
  <si>
    <t>12/23/2019 14:43:20</t>
  </si>
  <si>
    <t>2e516b9b-212f-4b5c-bb60-efb7238711c7.tmp</t>
  </si>
  <si>
    <t>\\acsfs\profiles$\rosileiam\Downloads\2e516b9b-212f-4b5c-bb60-efb7238711c7.tmp</t>
  </si>
  <si>
    <t>12/23/2019 14:41:27</t>
  </si>
  <si>
    <t>12/23/2019 14:38:05</t>
  </si>
  <si>
    <t>e01966c7-a2ef-4610-9d76-f146ff62af09.tmp</t>
  </si>
  <si>
    <t>\\acsfs\profiles$\websondsa\Downloads\e01966c7-a2ef-4610-9d76-f146ff62af09.tmp</t>
  </si>
  <si>
    <t>12/23/2019 14:39:32</t>
  </si>
  <si>
    <t>766448e6-f250-434c-8297-9ce18512a386.tmp</t>
  </si>
  <si>
    <t>\\acsfs\profiles$\websondsa\Downloads\766448e6-f250-434c-8297-9ce18512a386.tmp</t>
  </si>
  <si>
    <t>12/23/2019 14:41:11</t>
  </si>
  <si>
    <t>82bd9516-ae64-4e40-841a-eb0148c79215.tmp</t>
  </si>
  <si>
    <t>\\acsfs\profiles$\bernardopcm\Downloads\82bd9516-ae64-4e40-841a-eb0148c79215.tmp</t>
  </si>
  <si>
    <t>12/23/2019 14:42:15</t>
  </si>
  <si>
    <t>60da2e33-580b-4b83-a3b8-3544a51bbee5.tmp</t>
  </si>
  <si>
    <t>\\acsfs\profiles$\bernardopcm\Downloads\60da2e33-580b-4b83-a3b8-3544a51bbee5.tmp</t>
  </si>
  <si>
    <t>12/23/2019 14:42:56</t>
  </si>
  <si>
    <t>12/23/2019 14:44:20</t>
  </si>
  <si>
    <t>12/23/2019 14:42:24</t>
  </si>
  <si>
    <t>12/23/2019 14:40:43</t>
  </si>
  <si>
    <t>12/23/2019 14:45:20</t>
  </si>
  <si>
    <t>12/23/2019 14:40:44</t>
  </si>
  <si>
    <t>lu470085e6o3y.tmp</t>
  </si>
  <si>
    <t>\\acsfs\profiles$\CLAUDIAJCA\lu470085e6o3y.tmp</t>
  </si>
  <si>
    <t>\\acsfs\profiles$\CLAUDIAJCA\lu470085e6o3y.tmp\</t>
  </si>
  <si>
    <t>12/23/2019 14:40:45</t>
  </si>
  <si>
    <t>\\acsfs\profiles$\CLAUDIAJCA\lu470085e6o3y.tmp\META-INF\</t>
  </si>
  <si>
    <t>\\acsfs\profiles$\CLAUDIAJCA\lu470085e6o3y.tmp\Thumbnails\</t>
  </si>
  <si>
    <t>12/23/2019 14:43:01</t>
  </si>
  <si>
    <t>81a11e61-a0db-4b37-92a6-24eb5dad62aa.tmp</t>
  </si>
  <si>
    <t>\\acsfs\profiles$\quindaizaagds\Downloads\81a11e61-a0db-4b37-92a6-24eb5dad62aa.tmp</t>
  </si>
  <si>
    <t>7a66a04b-1f03-4f98-b87a-ec7f5c915dca.tmp</t>
  </si>
  <si>
    <t>\\acsfs\profiles$\henriqueco\Downloads\7a66a04b-1f03-4f98-b87a-ec7f5c915dca.tmp</t>
  </si>
  <si>
    <t>12/23/2019 14:41:50</t>
  </si>
  <si>
    <t>12/23/2019 14:42:21</t>
  </si>
  <si>
    <t>12/23/2019 14:46:20</t>
  </si>
  <si>
    <t>12/23/2019 14:42:25</t>
  </si>
  <si>
    <t>lu135922xa8p.tmp</t>
  </si>
  <si>
    <t>\\acsfs\profiles$\Flaviojmm\My Documents\lu135922xa8p.tmp</t>
  </si>
  <si>
    <t>\\acsfs\profiles$\Flaviojmm\My Documents\lu135922xa8p.tmp\</t>
  </si>
  <si>
    <t>\\acsfs\profiles$\Flaviojmm\My Documents\lu135922xa8p.tmp\META-INF\</t>
  </si>
  <si>
    <t>\\acsfs\profiles$\Flaviojmm\My Documents\lu135922xa8p.tmp\Thumbnails\</t>
  </si>
  <si>
    <t>12/23/2019 14:41:26</t>
  </si>
  <si>
    <t>12/23/2019 14:44:27</t>
  </si>
  <si>
    <t>12/23/2019 14:41:34</t>
  </si>
  <si>
    <t>12/23/2019 14:47:20</t>
  </si>
  <si>
    <t>59d52108-f196-413c-8c1a-ab92596ccb45.tmp</t>
  </si>
  <si>
    <t>\\acsfs\profiles$\KARENDSR\Downloads\59d52108-f196-413c-8c1a-ab92596ccb45.tmp</t>
  </si>
  <si>
    <t>12/23/2019 14:42:01</t>
  </si>
  <si>
    <t>3cd2c368-5b8d-4eec-a3b5-a37620623a00.tmp</t>
  </si>
  <si>
    <t>\\acsfs\profiles$\KARENDSR\Downloads\3cd2c368-5b8d-4eec-a3b5-a37620623a00.tmp</t>
  </si>
  <si>
    <t>52a8fe76-4ab3-458e-a65e-81d782d1a0ed.tmp</t>
  </si>
  <si>
    <t>\\acsfs\profiles$\JOAOVAL\Downloads\52a8fe76-4ab3-458e-a65e-81d782d1a0ed.tmp</t>
  </si>
  <si>
    <t>12/23/2019 14:45:05</t>
  </si>
  <si>
    <t>348ab774-b1e7-4e68-b5f7-23d36c69dc3d.tmp</t>
  </si>
  <si>
    <t>\\acsfs\profiles$\JOAOVAL\Downloads\348ab774-b1e7-4e68-b5f7-23d36c69dc3d.tmp</t>
  </si>
  <si>
    <t>12/23/2019 14:46:18</t>
  </si>
  <si>
    <t>10.200.99.108</t>
  </si>
  <si>
    <t>fernandaap@algartech.com</t>
  </si>
  <si>
    <t>mail.google.com/_/upload?authuser=0&amp;dcp=asu-n&amp;upload_id=AEnB2Uq47GIA8npdGkjq6AHhtwWv7gktOXu4MsxY7A4nnMNOhpEQwTTCmoVRc5WD2hZPvR2BCn5b1KVC1uKjHVoEI67UKktw9g&amp;upload_protocol=resumable</t>
  </si>
  <si>
    <t>avon-supervisao@algartech.com;claidsones@algartech.com;senildapdo@algartech.com;senildapdo@algartecnologia.com.br;victorgar@algartech.com;</t>
  </si>
  <si>
    <t>\\acsfs\DEPTOS\EDUCACAO EMPRESARIAL\2 - Operações\2.5 - AVON\03 - Treinadores\Fernanda\Formações FV\Front 1\Formação Janeiro-20\</t>
  </si>
  <si>
    <t>Lista NR17 - Jan2020.xls</t>
  </si>
  <si>
    <t>avon-supervisao@algartech.com,claidsones@algartech.com,senildapdo@algartech.com,senildapdo@algartecnologia.com.br,victorgar@algartech.com</t>
  </si>
  <si>
    <t>12/23/2019 14:43:45</t>
  </si>
  <si>
    <t>cd06501d-b048-4e12-a1c3-c02ab2f2a681.tmp</t>
  </si>
  <si>
    <t>\\acsfs\profiles$\bernardopcm\Downloads\cd06501d-b048-4e12-a1c3-c02ab2f2a681.tmp</t>
  </si>
  <si>
    <t>12/23/2019 14:42:32</t>
  </si>
  <si>
    <t>12/23/2019 14:48:20</t>
  </si>
  <si>
    <t>12/23/2019 14:45:19</t>
  </si>
  <si>
    <t>12/23/2019 14:49:21</t>
  </si>
  <si>
    <t>f60d3d62-c75f-4675-ac8d-c1b0c29bc3e7.tmp</t>
  </si>
  <si>
    <t>\\acsfs\profiles$\marcosvnds\Downloads\f60d3d62-c75f-4675-ac8d-c1b0c29bc3e7.tmp</t>
  </si>
  <si>
    <t>12/23/2019 14:46:23</t>
  </si>
  <si>
    <t>12/23/2019 14:50:20</t>
  </si>
  <si>
    <t>12/23/2019 14:48:32</t>
  </si>
  <si>
    <t>12/23/2019 14:51:20</t>
  </si>
  <si>
    <t>e473af2a-d19b-4019-a9c0-5b845e0a0a7a.tmp</t>
  </si>
  <si>
    <t>\\acsfs\profiles$\fabianafv\Downloads\e473af2a-d19b-4019-a9c0-5b845e0a0a7a.tmp</t>
  </si>
  <si>
    <t>12/23/2019 14:46:09</t>
  </si>
  <si>
    <t>12/23/2019 14:50:07</t>
  </si>
  <si>
    <t>24925f42-3f2a-473e-b02b-c5bc1e198deb.tmp</t>
  </si>
  <si>
    <t>\\acsfs\profiles$\deborahsi\Downloads\24925f42-3f2a-473e-b02b-c5bc1e198deb.tmp</t>
  </si>
  <si>
    <t>12/23/2019 14:48:45</t>
  </si>
  <si>
    <t>12/23/2019 14:48:53</t>
  </si>
  <si>
    <t>12/23/2019 14:47:07</t>
  </si>
  <si>
    <t>12/23/2019 14:52:20</t>
  </si>
  <si>
    <t>12/23/2019 14:50:09</t>
  </si>
  <si>
    <t>f329cf76-589e-4b10-91e2-ab050363dcf4.tmp</t>
  </si>
  <si>
    <t>\\acsfs\profiles$\bernardopcm\Downloads\f329cf76-589e-4b10-91e2-ab050363dcf4.tmp</t>
  </si>
  <si>
    <t>95908224-1183-4dab-bd10-733477afb806.tmp</t>
  </si>
  <si>
    <t>\\acsfs\profiles$\bernardopcm\Downloads\95908224-1183-4dab-bd10-733477afb806.tmp</t>
  </si>
  <si>
    <t>12/23/2019 14:51:15</t>
  </si>
  <si>
    <t>12/23/2019 14:53:21</t>
  </si>
  <si>
    <t>ab96143c-fb38-4d00-90eb-ea771862d6d3.tmp</t>
  </si>
  <si>
    <t>\\acsfs\profiles$\JOAOVAL\Downloads\ab96143c-fb38-4d00-90eb-ea771862d6d3.tmp</t>
  </si>
  <si>
    <t>12/23/2019 14:52:24</t>
  </si>
  <si>
    <t>06e25c78-729b-4dc8-9eef-c688121a79e1.tmp</t>
  </si>
  <si>
    <t>\\acsfs\profiles$\JOAOVAL\Downloads\06e25c78-729b-4dc8-9eef-c688121a79e1.tmp</t>
  </si>
  <si>
    <t>12/23/2019 14:52:38</t>
  </si>
  <si>
    <t>afd4b467-1d6f-4648-9c6f-ed2c73669634.tmp</t>
  </si>
  <si>
    <t>\\acsfs\profiles$\JOAOVAL\Downloads\afd4b467-1d6f-4648-9c6f-ed2c73669634.tmp</t>
  </si>
  <si>
    <t>12/23/2019 14:50:51</t>
  </si>
  <si>
    <t>12/23/2019 14:54:20</t>
  </si>
  <si>
    <t>712279c1-9a79-4948-86d0-0713b3522bf9.tmp</t>
  </si>
  <si>
    <t>\\acsfs\profiles$\geovannasm\Downloads\712279c1-9a79-4948-86d0-0713b3522bf9.tmp</t>
  </si>
  <si>
    <t>12/23/2019 14:52:37</t>
  </si>
  <si>
    <t>1a15ccb2-3ed8-47d2-8e5c-df3b17ba4dc0.tmp</t>
  </si>
  <si>
    <t>\\acsfs\profiles$\geovannasm\Downloads\1a15ccb2-3ed8-47d2-8e5c-df3b17ba4dc0.tmp</t>
  </si>
  <si>
    <t>12/23/2019 14:53:07</t>
  </si>
  <si>
    <t>12/23/2019 14:51:16</t>
  </si>
  <si>
    <t>bdbe39d1-44b6-4fef-8e74-4e711d28d9bc.tmp</t>
  </si>
  <si>
    <t>\\acsfs\profiles$\regisadsa\Downloads\bdbe39d1-44b6-4fef-8e74-4e711d28d9bc.tmp</t>
  </si>
  <si>
    <t>12/23/2019 14:52:34</t>
  </si>
  <si>
    <t>12/23/2019 14:55:20</t>
  </si>
  <si>
    <t>lu470085e6o47.tmp</t>
  </si>
  <si>
    <t>\\acsfs\profiles$\CLAUDIAJCA\lu470085e6o47.tmp</t>
  </si>
  <si>
    <t>\\acsfs\profiles$\CLAUDIAJCA\lu470085e6o47.tmp\</t>
  </si>
  <si>
    <t>\\acsfs\profiles$\CLAUDIAJCA\lu470085e6o47.tmp\META-INF\</t>
  </si>
  <si>
    <t>\\acsfs\profiles$\CLAUDIAJCA\lu470085e6o47.tmp\Thumbnails\</t>
  </si>
  <si>
    <t>12/23/2019 14:52:52</t>
  </si>
  <si>
    <t>12/23/2019 14:52:57</t>
  </si>
  <si>
    <t>12/23/2019 14:51:08</t>
  </si>
  <si>
    <t>d2edc0dd-2351-46d6-b665-3465b721aecf.tmp</t>
  </si>
  <si>
    <t>\\acsfs\profiles$\henriqueco\Downloads\d2edc0dd-2351-46d6-b665-3465b721aecf.tmp</t>
  </si>
  <si>
    <t>12/23/2019 14:52:19</t>
  </si>
  <si>
    <t>Checklist Projeto Nimbus_Consolidado_Financeiro.xlsx</t>
  </si>
  <si>
    <t>12/23/2019 14:50:27</t>
  </si>
  <si>
    <t>12/23/2019 14:56:20</t>
  </si>
  <si>
    <t>75b3e6fe-e0bc-43d3-8201-a8cd9a86c051.tmp</t>
  </si>
  <si>
    <t>\\acsfs\profiles$\websondsa\Downloads\75b3e6fe-e0bc-43d3-8201-a8cd9a86c051.tmp</t>
  </si>
  <si>
    <t>570a4c72-7bf1-4a6d-ab44-c984ed750384.tmp</t>
  </si>
  <si>
    <t>\\acsfs\profiles$\websondsa\Downloads\570a4c72-7bf1-4a6d-ab44-c984ed750384.tmp</t>
  </si>
  <si>
    <t>12/23/2019 14:51:10</t>
  </si>
  <si>
    <t>62c765fd-377c-497e-8b42-e21dfcaa7a95.tmp</t>
  </si>
  <si>
    <t>\\acsfs\profiles$\websondsa\Downloads\62c765fd-377c-497e-8b42-e21dfcaa7a95.tmp</t>
  </si>
  <si>
    <t>12/23/2019 14:51:46</t>
  </si>
  <si>
    <t>385df45b-4589-4e46-bf24-d8e2b30da576.tmp</t>
  </si>
  <si>
    <t>\\acsfs\profiles$\websondsa\Downloads\385df45b-4589-4e46-bf24-d8e2b30da576.tmp</t>
  </si>
  <si>
    <t>12/23/2019 14:53:00</t>
  </si>
  <si>
    <t>669fbdbc-ed0a-4fb5-84d3-928f6a943406.tmp</t>
  </si>
  <si>
    <t>\\acsfs\profiles$\websondsa\Downloads\669fbdbc-ed0a-4fb5-84d3-928f6a943406.tmp</t>
  </si>
  <si>
    <t>12/23/2019 14:53:25</t>
  </si>
  <si>
    <t>255d401c-472b-4ca2-a50f-165a1e425110.tmp</t>
  </si>
  <si>
    <t>\\acsfs\profiles$\websondsa\Downloads\255d401c-472b-4ca2-a50f-165a1e425110.tmp</t>
  </si>
  <si>
    <t>12/23/2019 14:53:53</t>
  </si>
  <si>
    <t>e6af3477-ab64-4d95-8607-46868f697c27.tmp</t>
  </si>
  <si>
    <t>\\acsfs\profiles$\websondsa\Downloads\e6af3477-ab64-4d95-8607-46868f697c27.tmp</t>
  </si>
  <si>
    <t>12/23/2019 14:54:07</t>
  </si>
  <si>
    <t>76f5b972-2858-4858-8041-815fa4de8b45.tmp</t>
  </si>
  <si>
    <t>\\acsfs\profiles$\websondsa\Downloads\76f5b972-2858-4858-8041-815fa4de8b45.tmp</t>
  </si>
  <si>
    <t>12/23/2019 14:55:26</t>
  </si>
  <si>
    <t>ef552180-b645-49b0-8fd7-d8f2e0c5e07e.tmp</t>
  </si>
  <si>
    <t>\\acsfs\profiles$\gabrieleods\Downloads\ef552180-b645-49b0-8fd7-d8f2e0c5e07e.tmp</t>
  </si>
  <si>
    <t>12/23/2019 14:56:22</t>
  </si>
  <si>
    <t>12/23/2019 14:57:20</t>
  </si>
  <si>
    <t>12/23/2019 14:56:23</t>
  </si>
  <si>
    <t>12/23/2019 14:56:24</t>
  </si>
  <si>
    <t>12/23/2019 14:56:25</t>
  </si>
  <si>
    <t>12/23/2019 14:56:26</t>
  </si>
  <si>
    <t>12/23/2019 14:56:27</t>
  </si>
  <si>
    <t>12/23/2019 14:56:28</t>
  </si>
  <si>
    <t>12/23/2019 14:56:29</t>
  </si>
  <si>
    <t>12/23/2019 14:56:30</t>
  </si>
  <si>
    <t>12/23/2019 14:56:31</t>
  </si>
  <si>
    <t>12/23/2019 14:56:32</t>
  </si>
  <si>
    <t>12/23/2019 14:56:33</t>
  </si>
  <si>
    <t>12/23/2019 14:56:34</t>
  </si>
  <si>
    <t>12/23/2019 14:56:35</t>
  </si>
  <si>
    <t>12/23/2019 14:56:36</t>
  </si>
  <si>
    <t>12/23/2019 14:56:37</t>
  </si>
  <si>
    <t>12/23/2019 14:56:38</t>
  </si>
  <si>
    <t>12/23/2019 14:56:39</t>
  </si>
  <si>
    <t>12/23/2019 14:56:40</t>
  </si>
  <si>
    <t>12/23/2019 14:56:41</t>
  </si>
  <si>
    <t>12/23/2019 14:56:42</t>
  </si>
  <si>
    <t>12/23/2019 14:56:43</t>
  </si>
  <si>
    <t>12/23/2019 14:55:27</t>
  </si>
  <si>
    <t>12/23/2019 14:59:20</t>
  </si>
  <si>
    <t>4a53f87d-5623-4bae-a63b-e1d9b8ecbead.tmp</t>
  </si>
  <si>
    <t>\\acsfs\profiles$\geovannasm\Downloads\4a53f87d-5623-4bae-a63b-e1d9b8ecbead.tmp</t>
  </si>
  <si>
    <t>12/23/2019 14:55:52</t>
  </si>
  <si>
    <t>f51d2264-45a7-44bf-95a9-63ab556e6e75.tmp</t>
  </si>
  <si>
    <t>\\acsfs\profiles$\geovannasm\Downloads\f51d2264-45a7-44bf-95a9-63ab556e6e75.tmp</t>
  </si>
  <si>
    <t>12/23/2019 14:58:07</t>
  </si>
  <si>
    <t>e6c06597-2a90-4d05-b084-bc7d80c89d95.tmp</t>
  </si>
  <si>
    <t>\\acsfs\profiles$\KARENJSS\Downloads\e6c06597-2a90-4d05-b084-bc7d80c89d95.tmp</t>
  </si>
  <si>
    <t>12/23/2019 14:56:15</t>
  </si>
  <si>
    <t>12/23/2019 14:56:14</t>
  </si>
  <si>
    <t>12/23/2019 15:00:20</t>
  </si>
  <si>
    <t>12/23/2019 14:55:25</t>
  </si>
  <si>
    <t>12/23/2019 15:00:02</t>
  </si>
  <si>
    <t>12/23/2019 15:01:20</t>
  </si>
  <si>
    <t>12/23/2019 15:00:03</t>
  </si>
  <si>
    <t>lu79561cue8i.tmp</t>
  </si>
  <si>
    <t>\\acsfs\profiles$\LUCASBS\lu79561cue8i.tmp</t>
  </si>
  <si>
    <t>\\acsfs\profiles$\LUCASBS\lu79561cue8i.tmp\</t>
  </si>
  <si>
    <t>\\acsfs\profiles$\LUCASBS\lu79561cue8i.tmp\META-INF\</t>
  </si>
  <si>
    <t>\\acsfs\profiles$\LUCASBS\lu79561cue8i.tmp\Thumbnails\</t>
  </si>
  <si>
    <t>12/23/2019 15:00:11</t>
  </si>
  <si>
    <t>f7f234df-dca0-4c32-87f8-03dc86366e5b.tmp</t>
  </si>
  <si>
    <t>\\acsfs\profiles$\gabrieleods\Downloads\f7f234df-dca0-4c32-87f8-03dc86366e5b.tmp</t>
  </si>
  <si>
    <t>12/23/2019 14:57:06</t>
  </si>
  <si>
    <t>12/23/2019 14:58:37</t>
  </si>
  <si>
    <t>12/23/2019 15:00:12</t>
  </si>
  <si>
    <t>fernandaab@algartech.com;</t>
  </si>
  <si>
    <t>12/23/2019 15:00:14</t>
  </si>
  <si>
    <t>12/23/2019 15:00:19</t>
  </si>
  <si>
    <t>fernandaab@algartech.com;thiagord@algartech.com;</t>
  </si>
  <si>
    <t>fernandaab@algartech.com,thiagord@algartech.com</t>
  </si>
  <si>
    <t>12/23/2019 15:00:26</t>
  </si>
  <si>
    <t>12/23/2019 15:00:33</t>
  </si>
  <si>
    <t>12/23/2019 15:00:46</t>
  </si>
  <si>
    <t>bvs-centralcartoes@bv.com.br;cintia.souza-domingues@dxc.com;eduardo.santana@bv.com.br;fernandaab@algartech.com;fernandorsju@algartech.com;larisacc@algartech.com;marianeps@algartech.com;marianerdo@algartech.com;mirianppb@algartech.com;severinojfds@algartech.com;talmaiardo@algartech.com;thiagord@algartech.com;thiagordu@algartech.com;</t>
  </si>
  <si>
    <t>bvs-centralcartoes@bv.com.br,cintia.souza-domingues@dxc.com,eduardo.santana@bv.com.br,fernandaab@algartech.com,fernandorsju@algartech.com,larisacc@algartech.com,marianeps@algartech.com,marianerdo@algartech.com,mirianppb@algartech.com,severinojfds@algartech.com,talmaiardo@algartech.com,thiagord@algartech.com,thiagordu@algartech.com</t>
  </si>
  <si>
    <t>12/23/2019 14:56:44</t>
  </si>
  <si>
    <t>12/23/2019 15:02:20</t>
  </si>
  <si>
    <t>12/23/2019 14:56:45</t>
  </si>
  <si>
    <t>12/23/2019 14:56:46</t>
  </si>
  <si>
    <t>12/23/2019 15:00:01</t>
  </si>
  <si>
    <t>c3485772-8f58-4a1a-841e-ec2b14bb1098.tmp</t>
  </si>
  <si>
    <t>\\acsfs\profiles$\bernardopcm\Downloads\c3485772-8f58-4a1a-841e-ec2b14bb1098.tmp</t>
  </si>
  <si>
    <t>12/23/2019 15:01:13</t>
  </si>
  <si>
    <t>c4d0e6e6-fead-4189-bd5d-080916fa3ca1.tmp</t>
  </si>
  <si>
    <t>\\acsfs\profiles$\bernardopcm\Downloads\c4d0e6e6-fead-4189-bd5d-080916fa3ca1.tmp</t>
  </si>
  <si>
    <t>12/23/2019 15:00:35</t>
  </si>
  <si>
    <t>12/23/2019 15:03:20</t>
  </si>
  <si>
    <t>ENC: Inclusão Empresas na UNE Amex - 19/12</t>
  </si>
  <si>
    <t>14- CONSOLIDADO INCLUSÃO ALGAR -19.12.19.xlsx</t>
  </si>
  <si>
    <t>12/23/2019 15:01:18</t>
  </si>
  <si>
    <t>113992b4-3369-4544-8edb-088a6e529093.tmp</t>
  </si>
  <si>
    <t>\\acsfs\profiles$\JOAOVAL\Downloads\113992b4-3369-4544-8edb-088a6e529093.tmp</t>
  </si>
  <si>
    <t>12/23/2019 15:02:56</t>
  </si>
  <si>
    <t>aad98f28-0d27-4b36-b879-de6bee54b32c.tmp</t>
  </si>
  <si>
    <t>\\acsfs\profiles$\JOAOVAL\Downloads\aad98f28-0d27-4b36-b879-de6bee54b32c.tmp</t>
  </si>
  <si>
    <t>12/23/2019 15:03:03</t>
  </si>
  <si>
    <t>12/23/2019 15:04:20</t>
  </si>
  <si>
    <t>b0c321dd-79b1-4a65-984e-604000bfedcd.tmp</t>
  </si>
  <si>
    <t>\\acsfs\profiles$\geovannasm\Downloads\b0c321dd-79b1-4a65-984e-604000bfedcd.tmp</t>
  </si>
  <si>
    <t>12/23/2019 14:58:41</t>
  </si>
  <si>
    <t>12/23/2019 15:00:32</t>
  </si>
  <si>
    <t>baab37e6-3d49-41a7-99e1-df6717929b69.tmp</t>
  </si>
  <si>
    <t>\\acsfs\profiles$\leticiala\Downloads\baab37e6-3d49-41a7-99e1-df6717929b69.tmp</t>
  </si>
  <si>
    <t>12/23/2019 15:01:05</t>
  </si>
  <si>
    <t>8fadb9dd-9032-48a9-b2f3-5acc3352f8c8.tmp</t>
  </si>
  <si>
    <t>\\acsfs\profiles$\leticiala\Downloads\8fadb9dd-9032-48a9-b2f3-5acc3352f8c8.tmp</t>
  </si>
  <si>
    <t>12/23/2019 15:03:32</t>
  </si>
  <si>
    <t>12/23/2019 15:05:20</t>
  </si>
  <si>
    <t>12/23/2019 15:02:59</t>
  </si>
  <si>
    <t>12/23/2019 15:06:20</t>
  </si>
  <si>
    <t>0f7c9b0e-3cf8-4c2f-99da-a464b511d1b2.tmp</t>
  </si>
  <si>
    <t>\\acsfs\profiles$\gabrielhca\Downloads\0f7c9b0e-3cf8-4c2f-99da-a464b511d1b2.tmp</t>
  </si>
  <si>
    <t>12/23/2019 15:04:41</t>
  </si>
  <si>
    <t>3a5ab126-0d87-4c95-9416-9ca05467e530.tmp</t>
  </si>
  <si>
    <t>\\acsfs\profiles$\gabrielhca\Downloads\3a5ab126-0d87-4c95-9416-9ca05467e530.tmp</t>
  </si>
  <si>
    <t>12/23/2019 15:05:04</t>
  </si>
  <si>
    <t>12/23/2019 15:05:08</t>
  </si>
  <si>
    <t>12/23/2019 15:05:19</t>
  </si>
  <si>
    <t>12/23/2019 15:02:26</t>
  </si>
  <si>
    <t>12/23/2019 15:02:27</t>
  </si>
  <si>
    <t>lu135922xa8y.tmp</t>
  </si>
  <si>
    <t>\\acsfs\profiles$\Flaviojmm\My Documents\lu135922xa8y.tmp</t>
  </si>
  <si>
    <t>\\acsfs\profiles$\Flaviojmm\My Documents\lu135922xa8y.tmp\</t>
  </si>
  <si>
    <t>\\acsfs\profiles$\Flaviojmm\My Documents\lu135922xa8y.tmp\META-INF\</t>
  </si>
  <si>
    <t>\\acsfs\profiles$\Flaviojmm\My Documents\lu135922xa8y.tmp\Thumbnails\</t>
  </si>
  <si>
    <t>12/23/2019 15:03:13</t>
  </si>
  <si>
    <t>12/23/2019 15:03:14</t>
  </si>
  <si>
    <t>lu79561cue8p.tmp</t>
  </si>
  <si>
    <t>\\acsfs\profiles$\LUCASBS\lu79561cue8p.tmp</t>
  </si>
  <si>
    <t>\\acsfs\profiles$\LUCASBS\lu79561cue8p.tmp\</t>
  </si>
  <si>
    <t>\\acsfs\profiles$\LUCASBS\lu79561cue8p.tmp\META-INF\</t>
  </si>
  <si>
    <t>\\acsfs\profiles$\LUCASBS\lu79561cue8p.tmp\Thumbnails\</t>
  </si>
  <si>
    <t>12/23/2019 15:04:33</t>
  </si>
  <si>
    <t>12/23/2019 15:04:34</t>
  </si>
  <si>
    <t>12/23/2019 15:04:42</t>
  </si>
  <si>
    <t>12/23/2019 15:04:44</t>
  </si>
  <si>
    <t>12/23/2019 15:04:46</t>
  </si>
  <si>
    <t>12/23/2019 15:04:55</t>
  </si>
  <si>
    <t>12/23/2019 15:05:34</t>
  </si>
  <si>
    <t>12/23/2019 15:07:20</t>
  </si>
  <si>
    <t>12/23/2019 15:03:43</t>
  </si>
  <si>
    <t>12/23/2019 15:08:20</t>
  </si>
  <si>
    <t>df4662dd-a517-4539-9d12-9b24777a316d.tmp</t>
  </si>
  <si>
    <t>\\acsfs\profiles$\JOAOVAL\Downloads\df4662dd-a517-4539-9d12-9b24777a316d.tmp</t>
  </si>
  <si>
    <t>12/23/2019 15:07:03</t>
  </si>
  <si>
    <t>https://udpwfmniceap02/web/guest/home?p_auth=dvgki4ze&amp;p_p_id=58&amp;p_p_lifecycle=1&amp;p_p_state=maximized&amp;p_p_mode=view&amp;savelastpath=0&amp;_58_struts_action=/login/forgot_password</t>
  </si>
  <si>
    <t>12/23/2019 15:06:23</t>
  </si>
  <si>
    <t>12/23/2019 15:09:21</t>
  </si>
  <si>
    <t>12/23/2019 15:04:59</t>
  </si>
  <si>
    <t>22007 - UDI - WHIRLPOOL - CHAT COMPRA CERTA.xlsx</t>
  </si>
  <si>
    <t>12/23/2019 15:05:39</t>
  </si>
  <si>
    <t>12/23/2019 15:06:42</t>
  </si>
  <si>
    <t>12/23/2019 15:07:01</t>
  </si>
  <si>
    <t>12/23/2019 15:08:43</t>
  </si>
  <si>
    <t>12/23/2019 15:07:18</t>
  </si>
  <si>
    <t>12/23/2019 15:05:27</t>
  </si>
  <si>
    <t>12/23/2019 15:10:20</t>
  </si>
  <si>
    <t>12/23/2019 15:06:53</t>
  </si>
  <si>
    <t>12/23/2019 15:11:21</t>
  </si>
  <si>
    <t>ba3d82e5-ec0d-4916-9968-7fecd75b0ace.tmp</t>
  </si>
  <si>
    <t>\\acsfs\profiles$\gabrielhca\Downloads\ba3d82e5-ec0d-4916-9968-7fecd75b0ace.tmp</t>
  </si>
  <si>
    <t>12/23/2019 15:08:11</t>
  </si>
  <si>
    <t>12/23/2019 15:06:21</t>
  </si>
  <si>
    <t>12/23/2019 15:06:22</t>
  </si>
  <si>
    <t>lu135922xa97.tmp</t>
  </si>
  <si>
    <t>\\acsfs\profiles$\Flaviojmm\My Documents\lu135922xa97.tmp</t>
  </si>
  <si>
    <t>\\acsfs\profiles$\Flaviojmm\My Documents\lu135922xa97.tmp\</t>
  </si>
  <si>
    <t>\\acsfs\profiles$\Flaviojmm\My Documents\lu135922xa97.tmp\META-INF\</t>
  </si>
  <si>
    <t>12/23/2019 15:10:21</t>
  </si>
  <si>
    <t>Andressa Gomes Rodrigues_1_6771041359843361284_1_32.wav</t>
  </si>
  <si>
    <t>\\acsfs\Deptos\EDUCACAO EMPRESARIAL\FERNANDA MONIT\Ligação para Mutant terceiro Ciclo\Andressa Gomes Rodrigues_1_6771041359843361284_1_32.wav</t>
  </si>
  <si>
    <t>\\acsfs\profiles$\Flaviojmm\My Documents\lu135922xa97.tmp\Thumbnails\</t>
  </si>
  <si>
    <t>12/23/2019 15:07:38</t>
  </si>
  <si>
    <t>12/23/2019 15:07:39</t>
  </si>
  <si>
    <t>lu79561cue8u.tmp</t>
  </si>
  <si>
    <t>\\acsfs\profiles$\LUCASBS\lu79561cue8u.tmp</t>
  </si>
  <si>
    <t>\\acsfs\profiles$\LUCASBS\lu79561cue8u.tmp\</t>
  </si>
  <si>
    <t>\\acsfs\profiles$\LUCASBS\lu79561cue8u.tmp\META-INF\</t>
  </si>
  <si>
    <t>\\acsfs\profiles$\LUCASBS\lu79561cue8u.tmp\Thumbnails\</t>
  </si>
  <si>
    <t>12/23/2019 15:10:19</t>
  </si>
  <si>
    <t>12/23/2019 15:07:12</t>
  </si>
  <si>
    <t>12/23/2019 15:07:13</t>
  </si>
  <si>
    <t>12/23/2019 15:07:17</t>
  </si>
  <si>
    <t>12/23/2019 15:07:19</t>
  </si>
  <si>
    <t>12/23/2019 15:10:29</t>
  </si>
  <si>
    <t>12/23/2019 15:13:21</t>
  </si>
  <si>
    <t>12/23/2019 15:11:48</t>
  </si>
  <si>
    <t>12/23/2019 15:14:20</t>
  </si>
  <si>
    <t>XLOG_vanessacgs_23122019_083740.log</t>
  </si>
  <si>
    <t>\\acsfs\profiles$\vanessacgs\My Documents\xworkcenter\logs\XLOG_vanessacgs_23122019_083740.log</t>
  </si>
  <si>
    <t>12/23/2019 15:10:53</t>
  </si>
  <si>
    <t>12/23/2019 15:11:22</t>
  </si>
  <si>
    <t>Relatorio de Vendas - Auditoria BV Cartoes (Dezembro)1.xlsx</t>
  </si>
  <si>
    <t>\\acsfs\DEPTOS\Operacao\Banco_Votorantim\Qualidade\Anderson\Jose\Atualizado\Relatorio de Vendas - Auditoria BV Cartoes (Dezembro)1.xlsx</t>
  </si>
  <si>
    <t>12/23/2019 15:11:54</t>
  </si>
  <si>
    <t>Relatorio de Vendas - Auditoria BV Cartoes (Dezembro)SUPERVISOR.xlsx</t>
  </si>
  <si>
    <t>\\acsfs\DEPTOS\Operacao\Banco_Votorantim\Qualidade\Anderson\Jose\Atualizado\Relatorio de Vendas - Auditoria BV Cartoes (Dezembro)SUPERVISOR.xlsx</t>
  </si>
  <si>
    <t>12/23/2019 15:08:56</t>
  </si>
  <si>
    <t>12/23/2019 15:09:43</t>
  </si>
  <si>
    <t>12/23/2019 15:09:54</t>
  </si>
  <si>
    <t>12/23/2019 15:12:24</t>
  </si>
  <si>
    <t>12/23/2019 15:15:21</t>
  </si>
  <si>
    <t>12/23/2019 15:12:25</t>
  </si>
  <si>
    <t>lu470085e6o4c.tmp</t>
  </si>
  <si>
    <t>\\acsfs\profiles$\CLAUDIAJCA\lu470085e6o4c.tmp</t>
  </si>
  <si>
    <t>\\acsfs\profiles$\CLAUDIAJCA\lu470085e6o4c.tmp\</t>
  </si>
  <si>
    <t>\\acsfs\profiles$\CLAUDIAJCA\lu470085e6o4c.tmp\META-INF\</t>
  </si>
  <si>
    <t>\\acsfs\profiles$\CLAUDIAJCA\lu470085e6o4c.tmp\Thumbnails\</t>
  </si>
  <si>
    <t>12/23/2019 15:14:15</t>
  </si>
  <si>
    <t>12/23/2019 15:14:16</t>
  </si>
  <si>
    <t>lu470085e6o4h.tmp</t>
  </si>
  <si>
    <t>\\acsfs\profiles$\CLAUDIAJCA\lu470085e6o4h.tmp</t>
  </si>
  <si>
    <t>\\acsfs\profiles$\CLAUDIAJCA\lu470085e6o4h.tmp\</t>
  </si>
  <si>
    <t>\\acsfs\profiles$\CLAUDIAJCA\lu470085e6o4h.tmp\META-INF\</t>
  </si>
  <si>
    <t>12/23/2019 15:11:53</t>
  </si>
  <si>
    <t>\\acsfs\profiles$\CLAUDIAJCA\lu470085e6o4h.tmp\Thumbnails\</t>
  </si>
  <si>
    <t>12/23/2019 15:10:30</t>
  </si>
  <si>
    <t>12/23/2019 15:11:30</t>
  </si>
  <si>
    <t>12/23/2019 15:12:00</t>
  </si>
  <si>
    <t>12/23/2019 15:12:31</t>
  </si>
  <si>
    <t>12/23/2019 15:12:43</t>
  </si>
  <si>
    <t>12/23/2019 15:16:20</t>
  </si>
  <si>
    <t>20dac88e-d91a-48c5-8ba9-d6705369f726.tmp</t>
  </si>
  <si>
    <t>\\acsfs\profiles$\websondsa\Downloads\20dac88e-d91a-48c5-8ba9-d6705369f726.tmp</t>
  </si>
  <si>
    <t>12/23/2019 15:13:43</t>
  </si>
  <si>
    <t>afe16b93-9f54-4b93-ab05-cabfe1bacf6e.tmp</t>
  </si>
  <si>
    <t>\\acsfs\profiles$\websondsa\Downloads\afe16b93-9f54-4b93-ab05-cabfe1bacf6e.tmp</t>
  </si>
  <si>
    <t>12/23/2019 15:14:01</t>
  </si>
  <si>
    <t>d477fd93-7504-4a2d-bfcb-71228cd011e6.tmp</t>
  </si>
  <si>
    <t>\\acsfs\profiles$\websondsa\Downloads\d477fd93-7504-4a2d-bfcb-71228cd011e6.tmp</t>
  </si>
  <si>
    <t>12/23/2019 15:12:30</t>
  </si>
  <si>
    <t>lu79561cue8z.tmp</t>
  </si>
  <si>
    <t>\\acsfs\profiles$\LUCASBS\lu79561cue8z.tmp</t>
  </si>
  <si>
    <t>\\acsfs\profiles$\LUCASBS\lu79561cue8z.tmp\</t>
  </si>
  <si>
    <t>\\acsfs\profiles$\LUCASBS\lu79561cue8z.tmp\META-INF\</t>
  </si>
  <si>
    <t>\\acsfs\profiles$\LUCASBS\lu79561cue8z.tmp\Thumbnails\</t>
  </si>
  <si>
    <t>12/23/2019 15:15:07</t>
  </si>
  <si>
    <t>12/23/2019 15:15:08</t>
  </si>
  <si>
    <t>12/23/2019 15:15:42</t>
  </si>
  <si>
    <t>12/23/2019 15:15:36</t>
  </si>
  <si>
    <t>12/23/2019 15:17:21</t>
  </si>
  <si>
    <t>.~lock.isabelle 23.12.ods#</t>
  </si>
  <si>
    <t>\\acsfs\profiles$\ISABELLEGTDS\Nova pasta\.~lock.isabelle 23.12.ods#</t>
  </si>
  <si>
    <t>12/23/2019 15:15:37</t>
  </si>
  <si>
    <t>lu330363z7m99.tmp</t>
  </si>
  <si>
    <t>\\acsfs\profiles$\ISABELLEGTDS\Nova pasta\lu330363z7m99.tmp</t>
  </si>
  <si>
    <t>\\acsfs\profiles$\ISABELLEGTDS\Nova pasta\lu330363z7m99.tmp\</t>
  </si>
  <si>
    <t>\\acsfs\profiles$\ISABELLEGTDS\Nova pasta\lu330363z7m99.tmp\META-INF\</t>
  </si>
  <si>
    <t>\\acsfs\profiles$\ISABELLEGTDS\Nova pasta\lu330363z7m99.tmp\Thumbnails\</t>
  </si>
  <si>
    <t>12/23/2019 15:15:27</t>
  </si>
  <si>
    <t>12/23/2019 15:18:20</t>
  </si>
  <si>
    <t>12/23/2019 15:15:28</t>
  </si>
  <si>
    <t>lu208202laf01.tmp</t>
  </si>
  <si>
    <t>\\acsfs\profiles$\geovanaasa\My Documents\lu208202laf01.tmp</t>
  </si>
  <si>
    <t>\\acsfs\profiles$\geovanaasa\My Documents\lu208202laf01.tmp\</t>
  </si>
  <si>
    <t>\\acsfs\profiles$\geovanaasa\My Documents\lu208202laf01.tmp\META-INF\</t>
  </si>
  <si>
    <t>\\acsfs\profiles$\geovanaasa\My Documents\lu208202laf01.tmp\Thumbnails\</t>
  </si>
  <si>
    <t>12/23/2019 15:19:21</t>
  </si>
  <si>
    <t>12/23/2019 15:15:41</t>
  </si>
  <si>
    <t>\\acsfs\DEPTOS\Operacao\PCP\5 - Comum\PLANEJAMENTO WHIRLPOOL\17 - PLANEJAMENTO REVISADO\ticket_526283\17 - PLANEJAMENTO REVISADO\TOTALVIEW\ADERÊNCIA TTV\2020\01- JANEIRO\OPERAÇÕES ROSI\RECEBIDOS\</t>
  </si>
  <si>
    <t>12/23/2019 15:15:46</t>
  </si>
  <si>
    <t>12/23/2019 15:18:35</t>
  </si>
  <si>
    <t>12/23/2019 15:21:21</t>
  </si>
  <si>
    <t>34270bce-54bf-4210-853e-83c0da258659.tmp</t>
  </si>
  <si>
    <t>\\acsfs\profiles$\gabrieleods\Downloads\34270bce-54bf-4210-853e-83c0da258659.tmp</t>
  </si>
  <si>
    <t>12/23/2019 15:19:25</t>
  </si>
  <si>
    <t>72562aec-b4c2-460d-bf79-174af7864afc.tmp</t>
  </si>
  <si>
    <t>\\acsfs\profiles$\gabrieleods\Downloads\72562aec-b4c2-460d-bf79-174af7864afc.tmp</t>
  </si>
  <si>
    <t>12/23/2019 15:18:22</t>
  </si>
  <si>
    <t>12/23/2019 15:18:23</t>
  </si>
  <si>
    <t>lu211162zdjel.tmp</t>
  </si>
  <si>
    <t>\\acsfs\profiles$\kellzylenneasr\My Documents\lu211162zdjel.tmp</t>
  </si>
  <si>
    <t>\\acsfs\profiles$\kellzylenneasr\My Documents\lu211162zdjel.tmp\</t>
  </si>
  <si>
    <t>\\acsfs\profiles$\kellzylenneasr\My Documents\lu211162zdjel.tmp\META-INF\</t>
  </si>
  <si>
    <t>\\acsfs\profiles$\kellzylenneasr\My Documents\lu211162zdjel.tmp\Thumbnails\</t>
  </si>
  <si>
    <t>12/23/2019 15:18:32</t>
  </si>
  <si>
    <t>\\acsfs\profiles$\KELLZYLENNEASR\My Documents\</t>
  </si>
  <si>
    <t>\\acsfs\profiles$\KELLZYLENNEASR\My Documents\.~lock.Sem título 1.ods#</t>
  </si>
  <si>
    <t>12/23/2019 15:18:33</t>
  </si>
  <si>
    <t>lu211162zdjep.tmp</t>
  </si>
  <si>
    <t>\\acsfs\profiles$\KELLZYLENNEASR\My Documents\lu211162zdjep.tmp</t>
  </si>
  <si>
    <t>\\acsfs\profiles$\KELLZYLENNEASR\My Documents\lu211162zdjep.tmp\</t>
  </si>
  <si>
    <t>\\acsfs\profiles$\KELLZYLENNEASR\My Documents\lu211162zdjep.tmp\META-INF\</t>
  </si>
  <si>
    <t>\\acsfs\profiles$\KELLZYLENNEASR\My Documents\lu211162zdjep.tmp\Thumbnails\</t>
  </si>
  <si>
    <t>12/23/2019 15:17:00</t>
  </si>
  <si>
    <t>12/23/2019 15:17:12</t>
  </si>
  <si>
    <t>12/23/2019 15:17:27</t>
  </si>
  <si>
    <t>12/23/2019 15:18:48</t>
  </si>
  <si>
    <t>TI -Relatorio_de_Faturam_231219.xls</t>
  </si>
  <si>
    <t>12/23/2019 15:20:35</t>
  </si>
  <si>
    <t>12/23/2019 15:22:21</t>
  </si>
  <si>
    <t>mail.google.com/_/upload?authuser=0&amp;dcp=asu-n&amp;upload_id=AEnB2Ur5r1w-_ikrYIqQVY816fJ-RfWERbPDOk9c38yXmDOOX9FeKowf-P6CsoE1lvGLgxZatpitKqlMejUUbAHsSRPRcGT-BQzNtMwqfUDokcrTJppvzoU&amp;upload_protocol=resumable</t>
  </si>
  <si>
    <t>Lista de Treinamento Avon.xlsx</t>
  </si>
  <si>
    <t>12/23/2019 15:17:04</t>
  </si>
  <si>
    <t>\\acsfs\profiles$\FLAVIOJMM\My Documents\</t>
  </si>
  <si>
    <t>\\acsfs\profiles$\FLAVIOJMM\My Documents\.~lock.Reneg Vcto 26.ods#</t>
  </si>
  <si>
    <t>12/23/2019 15:18:53</t>
  </si>
  <si>
    <t>12/23/2019 15:23:20</t>
  </si>
  <si>
    <t>mail.google.com/_/upload?authuser=1&amp;dcp=asu-n&amp;upload_id=AEnB2Uo-5Z1L82cB8GTTxeV26W1yT6ZYRX7U05dv-pV5t5XKQkum_NtZjdBgSp_rXdH6UCWessLz7zkmonZN9qMuI5Y4C8i_R7a_BjZxD3k4dldxM95nGfk&amp;upload_protocol=resumable</t>
  </si>
  <si>
    <t>RESULTADO 2019-2020_v20191114.xlsb</t>
  </si>
  <si>
    <t>12/23/2019 15:19:34</t>
  </si>
  <si>
    <t>ENC: Inclusão Empresas na UNE Amex e CRC Visa - 20/12</t>
  </si>
  <si>
    <t>15- CONSOLIDADO INCLUSÃO ALGAR -20.12.19.xlsx</t>
  </si>
  <si>
    <t>12/23/2019 15:21:06</t>
  </si>
  <si>
    <t>12/23/2019 15:25:20</t>
  </si>
  <si>
    <t>diegorbo@algartech.com;giseleclss@algartech.com;thiagocso@algartech.com;</t>
  </si>
  <si>
    <t>C:\Users\claidsones\Desktop\</t>
  </si>
  <si>
    <t>Diretor.xlsx</t>
  </si>
  <si>
    <t>diegorbo@algartech.com,giseleclss@algartech.com,thiagocso@algartech.com</t>
  </si>
  <si>
    <t>12/23/2019 15:23:06</t>
  </si>
  <si>
    <t>9e648718-5dd1-442a-b3be-c6c69c94b553.tmp</t>
  </si>
  <si>
    <t>\\acsfs\profiles$\wenderbnm\Downloads\9e648718-5dd1-442a-b3be-c6c69c94b553.tmp</t>
  </si>
  <si>
    <t>12/23/2019 15:24:35</t>
  </si>
  <si>
    <t>12/23/2019 15:25:05</t>
  </si>
  <si>
    <t>12/23/2019 15:26:21</t>
  </si>
  <si>
    <t>c198d01f-7c5f-4e25-ab17-45064ef9e29c.tmp</t>
  </si>
  <si>
    <t>\\acsfs\profiles$\websondsa\Downloads\c198d01f-7c5f-4e25-ab17-45064ef9e29c.tmp</t>
  </si>
  <si>
    <t>12/23/2019 15:22:18</t>
  </si>
  <si>
    <t>12/23/2019 15:22:59</t>
  </si>
  <si>
    <t>12/23/2019 15:23:13</t>
  </si>
  <si>
    <t>mirianppb@algartech.com;thiagordu@algartech.com;</t>
  </si>
  <si>
    <t>mirianppb@algartech.com,thiagordu@algartech.com</t>
  </si>
  <si>
    <t>12/23/2019 15:23:17</t>
  </si>
  <si>
    <t>larisacc@algartech.com;mirianppb@algartech.com;thiagordu@algartech.com;</t>
  </si>
  <si>
    <t>larisacc@algartech.com,mirianppb@algartech.com,thiagordu@algartech.com</t>
  </si>
  <si>
    <t>12/23/2019 15:23:45</t>
  </si>
  <si>
    <t>larisacc@algartech.com;marianerdo@algartech.com;mirianppb@algartech.com;thiagordu@algartech.com;</t>
  </si>
  <si>
    <t>larisacc@algartech.com,marianerdo@algartech.com,mirianppb@algartech.com,thiagordu@algartech.com</t>
  </si>
  <si>
    <t>12/23/2019 15:22:26</t>
  </si>
  <si>
    <t>12/23/2019 15:24:21</t>
  </si>
  <si>
    <t>12/23/2019 15:24:28</t>
  </si>
  <si>
    <t>12/23/2019 15:24:33</t>
  </si>
  <si>
    <t>thiagord@algartech.com;</t>
  </si>
  <si>
    <t>thiagord@algartech.com</t>
  </si>
  <si>
    <t>12/23/2019 15:24:39</t>
  </si>
  <si>
    <t>12/23/2019 15:24:53</t>
  </si>
  <si>
    <t>12/23/2019 15:24:57</t>
  </si>
  <si>
    <t>TEC-Relatorio_de_Faturam_231219 (1).xls</t>
  </si>
  <si>
    <t>12/23/2019 15:23:22</t>
  </si>
  <si>
    <t>12/23/2019 15:27:21</t>
  </si>
  <si>
    <t>12/23/2019 15:23:31</t>
  </si>
  <si>
    <t>12/23/2019 15:23:36</t>
  </si>
  <si>
    <t>12/23/2019 15:26:48</t>
  </si>
  <si>
    <t>12/23/2019 15:23:18</t>
  </si>
  <si>
    <t>12/23/2019 15:28:21</t>
  </si>
  <si>
    <t>12/23/2019 15:24:34</t>
  </si>
  <si>
    <t>12/23/2019 15:30:20</t>
  </si>
  <si>
    <t>antoniojr@algartech.com;celmars@algartech.com;diegorg@algartech.com;dolvaner@algartech.com;felipemda@algartech.com;jecienegs@algartech.com;lucasfbr@algartech.com;lucasm@algartech.com;patriciaars@algartech.com;suelenmm@algartech.com;thiagopre@algartech.com;victorhsr@algartech.com;</t>
  </si>
  <si>
    <t>Usuarios Excel.xlsx</t>
  </si>
  <si>
    <t>antoniojr@algartech.com,celmars@algartech.com,diegorg@algartech.com,dolvaner@algartech.com,felipemda@algartech.com,jecienegs@algartech.com,lucasfbr@algartech.com,lucasm@algartech.com,patriciaars@algartech.com,suelenmm@algartech.com,thiagopre@algartech.com,victorhsr@algartech.com</t>
  </si>
  <si>
    <t>12/23/2019 15:28:09</t>
  </si>
  <si>
    <t>c7da34bd-3a7a-4466-bd6a-04f4985b0e0e.tmp</t>
  </si>
  <si>
    <t>\\acsfs\profiles$\sarahbal\Downloads\c7da34bd-3a7a-4466-bd6a-04f4985b0e0e.tmp</t>
  </si>
  <si>
    <t>12/23/2019 15:28:33</t>
  </si>
  <si>
    <t>a4c2d9e7-1355-426c-90dc-c00e40860acf.tmp</t>
  </si>
  <si>
    <t>\\acsfs\profiles$\sarahbal\Downloads\a4c2d9e7-1355-426c-90dc-c00e40860acf.tmp</t>
  </si>
  <si>
    <t>12/23/2019 15:28:50</t>
  </si>
  <si>
    <t>12/23/2019 15:31:21</t>
  </si>
  <si>
    <t>99d4af98-aff2-416f-84e8-7f5f33e8af89.tmp</t>
  </si>
  <si>
    <t>\\acsfs\profiles$\fabianafv\Downloads\99d4af98-aff2-416f-84e8-7f5f33e8af89.tmp</t>
  </si>
  <si>
    <t>12/23/2019 15:25:50</t>
  </si>
  <si>
    <t>c0bf0352-8e60-4883-aa75-5e7d0964432e.tmp</t>
  </si>
  <si>
    <t>\\acsfs\profiles$\gabrieleods\Downloads\c0bf0352-8e60-4883-aa75-5e7d0964432e.tmp</t>
  </si>
  <si>
    <t>12/23/2019 15:26:50</t>
  </si>
  <si>
    <t>538a88f7-bb1f-4369-8881-8ade2eb226c7.tmp</t>
  </si>
  <si>
    <t>\\acsfs\profiles$\gabrieleods\Downloads\538a88f7-bb1f-4369-8881-8ade2eb226c7.tmp</t>
  </si>
  <si>
    <t>12/23/2019 15:26:56</t>
  </si>
  <si>
    <t>990b8b01-71be-47c0-b744-77ae5598ff8f.tmp</t>
  </si>
  <si>
    <t>\\acsfs\profiles$\gabrieleods\Downloads\990b8b01-71be-47c0-b744-77ae5598ff8f.tmp</t>
  </si>
  <si>
    <t>12/23/2019 15:28:10</t>
  </si>
  <si>
    <t>00673536-3daf-471d-ab9b-9e9692edec24.tmp</t>
  </si>
  <si>
    <t>\\acsfs\profiles$\gabrieleods\Downloads\00673536-3daf-471d-ab9b-9e9692edec24.tmp</t>
  </si>
  <si>
    <t>12/23/2019 15:28:13</t>
  </si>
  <si>
    <t>12/23/2019 15:27:01</t>
  </si>
  <si>
    <t>12/23/2019 15:29:10</t>
  </si>
  <si>
    <t>12/23/2019 15:29:11</t>
  </si>
  <si>
    <t>12/23/2019 15:29:44</t>
  </si>
  <si>
    <t>12/23/2019 15:30:04</t>
  </si>
  <si>
    <t>12/23/2019 15:30:07</t>
  </si>
  <si>
    <t>12/23/2019 15:28:03</t>
  </si>
  <si>
    <t>12/23/2019 15:32:21</t>
  </si>
  <si>
    <t>10.200.67.81</t>
  </si>
  <si>
    <t>74-86-7A-FC-CF-F2</t>
  </si>
  <si>
    <t>VOTORANT-GB011</t>
  </si>
  <si>
    <t>backofficebv@dxc.com;bvs-centralcartoes@bvfinanceira.com.br;fabianacscg@algartech.com;fernandorsju@algartech.com;jean.loiola@bv.com.br;larissa.alcantara@bv.com.br;marianeps@algartech.com;talmaiardo@algartech.com;thiagordu@algartech.com;</t>
  </si>
  <si>
    <t>backofficebv@dxc.com,bvs-centralcartoes@bvfinanceira.com.br,fabianacscg@algartech.com,fernandorsju@algartech.com,jean.loiola@bv.com.br,larissa.alcantara@bv.com.br,marianeps@algartech.com,talmaiardo@algartech.com,thiagordu@algartech.com</t>
  </si>
  <si>
    <t>12/23/2019 15:28:08</t>
  </si>
  <si>
    <t>12/23/2019 15:28:17</t>
  </si>
  <si>
    <t>12/23/2019 15:31:22</t>
  </si>
  <si>
    <t>12/23/2019 15:27:42</t>
  </si>
  <si>
    <t>10.200.67.165</t>
  </si>
  <si>
    <t>74-86-7A-FB-17-2D</t>
  </si>
  <si>
    <t>VOTORANT-LB007</t>
  </si>
  <si>
    <t>lorenacagf</t>
  </si>
  <si>
    <t>lorenacagf@bv.algartech.com</t>
  </si>
  <si>
    <t>https://udpmailboxap01.acs.com.br:8443/h/search?si=14&amp;so=0&amp;sc=52034&amp;sfi=6&amp;st=conversation&amp;action=compose&amp;paction=rowview2</t>
  </si>
  <si>
    <t>gabrielbmdl@bv.algartech.com;</t>
  </si>
  <si>
    <t>https://gabrielbmdl@bv.algartech.com</t>
  </si>
  <si>
    <t>12/23/2019 15:30:12</t>
  </si>
  <si>
    <t>12/23/2019 15:35:21</t>
  </si>
  <si>
    <t>12/23/2019 15:30:27</t>
  </si>
  <si>
    <t>12/23/2019 15:30:31</t>
  </si>
  <si>
    <t>12/23/2019 15:30:32</t>
  </si>
  <si>
    <t>12/23/2019 15:30:33</t>
  </si>
  <si>
    <t>12/23/2019 15:30:34</t>
  </si>
  <si>
    <t>12/23/2019 15:30:35</t>
  </si>
  <si>
    <t>12/23/2019 15:30:36</t>
  </si>
  <si>
    <t>12/23/2019 15:30:37</t>
  </si>
  <si>
    <t>12/23/2019 15:30:38</t>
  </si>
  <si>
    <t>12/23/2019 15:30:39</t>
  </si>
  <si>
    <t>12/23/2019 15:30:40</t>
  </si>
  <si>
    <t>12/23/2019 15:30:41</t>
  </si>
  <si>
    <t>12/23/2019 15:30:42</t>
  </si>
  <si>
    <t>12/23/2019 15:30:43</t>
  </si>
  <si>
    <t>12/23/2019 15:30:44</t>
  </si>
  <si>
    <t>12/23/2019 15:30:46</t>
  </si>
  <si>
    <t>12/23/2019 15:30:47</t>
  </si>
  <si>
    <t>12/23/2019 15:30:48</t>
  </si>
  <si>
    <t>12/23/2019 15:30:49</t>
  </si>
  <si>
    <t>12/23/2019 15:30:51</t>
  </si>
  <si>
    <t>12/23/2019 15:30:52</t>
  </si>
  <si>
    <t>12/23/2019 15:30:53</t>
  </si>
  <si>
    <t>12/23/2019 15:30:54</t>
  </si>
  <si>
    <t>12/23/2019 15:30:56</t>
  </si>
  <si>
    <t>12/23/2019 15:30:58</t>
  </si>
  <si>
    <t>12/23/2019 15:30:59</t>
  </si>
  <si>
    <t>12/23/2019 15:31:00</t>
  </si>
  <si>
    <t>12/23/2019 15:31:02</t>
  </si>
  <si>
    <t>12/23/2019 15:31:03</t>
  </si>
  <si>
    <t>12/23/2019 15:31:04</t>
  </si>
  <si>
    <t>12/23/2019 15:31:07</t>
  </si>
  <si>
    <t>12/23/2019 15:31:08</t>
  </si>
  <si>
    <t>12/23/2019 15:31:09</t>
  </si>
  <si>
    <t>12/23/2019 15:31:11</t>
  </si>
  <si>
    <t>12/23/2019 15:31:12</t>
  </si>
  <si>
    <t>12/23/2019 15:31:14</t>
  </si>
  <si>
    <t>12/23/2019 15:31:29</t>
  </si>
  <si>
    <t>12/23/2019 15:33:38</t>
  </si>
  <si>
    <t>12/23/2019 15:34:08</t>
  </si>
  <si>
    <t>12/23/2019 15:34:38</t>
  </si>
  <si>
    <t>12/23/2019 15:35:08</t>
  </si>
  <si>
    <t>12/23/2019 15:33:30</t>
  </si>
  <si>
    <t>12/23/2019 15:36:20</t>
  </si>
  <si>
    <t>12/23/2019 15:34:14</t>
  </si>
  <si>
    <t>12/23/2019 15:34:29</t>
  </si>
  <si>
    <t>12/23/2019 15:35:00</t>
  </si>
  <si>
    <t>12/23/2019 15:35:11</t>
  </si>
  <si>
    <t>12/23/2019 15:32:26</t>
  </si>
  <si>
    <t>12/23/2019 15:32:29</t>
  </si>
  <si>
    <t>12/23/2019 15:35:12</t>
  </si>
  <si>
    <t>12/23/2019 15:35:06</t>
  </si>
  <si>
    <t>12/23/2019 15:35:23</t>
  </si>
  <si>
    <t>12/23/2019 15:32:27</t>
  </si>
  <si>
    <t>ROSILEIA MARIA DA CRUZ_1_6770051387061516885_1_32.wav</t>
  </si>
  <si>
    <t>\\acsfs\Deptos\EDUCACAO EMPRESARIAL\KÉSIA\Ligações 3º ciclo - Késia\ROSILEIA MARIA DA CRUZ_1_6770051387061516885_1_32.wav</t>
  </si>
  <si>
    <t>12/23/2019 15:36:15</t>
  </si>
  <si>
    <t>12/23/2019 15:37:20</t>
  </si>
  <si>
    <t>mail.google.com/_/upload?authuser=1&amp;dcp=asu-n&amp;upload_id=AEnB2UqE7Vxrn7o4qaFRyz0ib3WF5Qn8RQWwM3MPKVJqIcBSr26jyXPfis6M65SxDgK8AdermhHBi_n5IsQ_YvyuR3ERzu2FI8zedh8m0ODJOawBTZwakLk&amp;upload_protocol=resumable</t>
  </si>
  <si>
    <t>12/23/2019 15:37:00</t>
  </si>
  <si>
    <t>12/23/2019 15:38:20</t>
  </si>
  <si>
    <t>b15a14d3-6152-4ce9-b8b3-b13312b8bc63.tmp</t>
  </si>
  <si>
    <t>\\acsfs\profiles$\brendadsl\Downloads\b15a14d3-6152-4ce9-b8b3-b13312b8bc63.tmp</t>
  </si>
  <si>
    <t>12/23/2019 15:37:28</t>
  </si>
  <si>
    <t>5f938c21-0a3b-4b25-8b46-b05b4979e172.tmp</t>
  </si>
  <si>
    <t>\\acsfs\profiles$\brendadsl\Downloads\5f938c21-0a3b-4b25-8b46-b05b4979e172.tmp</t>
  </si>
  <si>
    <t>12/23/2019 15:35:35</t>
  </si>
  <si>
    <t>12/23/2019 15:35:24</t>
  </si>
  <si>
    <t>12/23/2019 15:39:20</t>
  </si>
  <si>
    <t>13fec250-8fa0-4a42-9990-1e8ef54cb716.tmp</t>
  </si>
  <si>
    <t>\\acsfs\profiles$\wedersonbadr\My Documents\My Music\13fec250-8fa0-4a42-9990-1e8ef54cb716.tmp</t>
  </si>
  <si>
    <t>12/23/2019 15:37:45</t>
  </si>
  <si>
    <t>12/23/2019 15:40:20</t>
  </si>
  <si>
    <t>2778d4e8-dd35-461a-b918-346afb3540f5.tmp</t>
  </si>
  <si>
    <t>\\acsfs\profiles$\valeriasda\Downloads\2778d4e8-dd35-461a-b918-346afb3540f5.tmp</t>
  </si>
  <si>
    <t>12/23/2019 15:35:39</t>
  </si>
  <si>
    <t>12/23/2019 15:37:39</t>
  </si>
  <si>
    <t>12/23/2019 15:36:26</t>
  </si>
  <si>
    <t>12/23/2019 15:41:20</t>
  </si>
  <si>
    <t>12/23/2019 15:36:30</t>
  </si>
  <si>
    <t>12/23/2019 15:36:40</t>
  </si>
  <si>
    <t>12/23/2019 15:37:05</t>
  </si>
  <si>
    <t>12/23/2019 15:37:13</t>
  </si>
  <si>
    <t>12/23/2019 15:37:41</t>
  </si>
  <si>
    <t>12/23/2019 15:37:55</t>
  </si>
  <si>
    <t>12/23/2019 15:38:18</t>
  </si>
  <si>
    <t>12/23/2019 15:38:21</t>
  </si>
  <si>
    <t>12/23/2019 15:39:13</t>
  </si>
  <si>
    <t>12/23/2019 15:39:36</t>
  </si>
  <si>
    <t>12/23/2019 15:39:49</t>
  </si>
  <si>
    <t>12/23/2019 15:39:04</t>
  </si>
  <si>
    <t>Andressa Macedo Ferreira_1_6769297495747003587_1_32.wav</t>
  </si>
  <si>
    <t>\\acsfs\Deptos\EDUCACAO EMPRESARIAL\FERNANDA MONIT\Ligação para Mutant terceiro Ciclo\Andressa Macedo Ferreira_1_6769297495747003587_1_32.wav</t>
  </si>
  <si>
    <t>12/23/2019 15:36:07</t>
  </si>
  <si>
    <t>12/23/2019 15:40:32</t>
  </si>
  <si>
    <t>12/23/2019 15:44:21</t>
  </si>
  <si>
    <t>12/23/2019 15:44:22</t>
  </si>
  <si>
    <t>12/23/2019 15:46:21</t>
  </si>
  <si>
    <t>3edcdc46-70b7-4a04-9c11-4d36abc3275b.tmp</t>
  </si>
  <si>
    <t>\\acsfs\profiles$\paulohaf\Downloads\3edcdc46-70b7-4a04-9c11-4d36abc3275b.tmp</t>
  </si>
  <si>
    <t>12/23/2019 15:45:08</t>
  </si>
  <si>
    <t>88749697-c4ab-4def-8cbd-531125ef6bdd.tmp</t>
  </si>
  <si>
    <t>\\acsfs\profiles$\paulohaf\Downloads\88749697-c4ab-4def-8cbd-531125ef6bdd.tmp</t>
  </si>
  <si>
    <t>12/23/2019 15:43:33</t>
  </si>
  <si>
    <t>12/23/2019 15:41:14</t>
  </si>
  <si>
    <t>ROZENCA MAIOLINO_1_6769494067810209046_1_32.wav</t>
  </si>
  <si>
    <t>\\acsfs\Deptos\EDUCACAO EMPRESARIAL\KÉSIA\Ligações 3º ciclo - Késia\ROZENCA MAIOLINO_1_6769494067810209046_1_32.wav</t>
  </si>
  <si>
    <t>12/23/2019 15:45:34</t>
  </si>
  <si>
    <t>12/23/2019 15:47:20</t>
  </si>
  <si>
    <t>12/23/2019 15:45:16</t>
  </si>
  <si>
    <t>12/23/2019 15:48:21</t>
  </si>
  <si>
    <t>\\acsfs\ACS\001 - Qualidade Lilian\PAULO\MONITORIAS\DEZEMBRO\</t>
  </si>
  <si>
    <t>CRBV_3º_CICLO.txt</t>
  </si>
  <si>
    <t>\\acsfs\ACS\001 - Qualidade Lilian\PAULO\MONITORIAS\DEZEMBRO\CRBV_3º_CICLO.txt</t>
  </si>
  <si>
    <t>12/23/2019 15:44:37</t>
  </si>
  <si>
    <t>12/23/2019 15:45:59</t>
  </si>
  <si>
    <t>bc11fc7f-dd31-4698-b8b0-b99417aa173a.tmp</t>
  </si>
  <si>
    <t>\\acsfs\profiles$\brendadsl\Downloads\bc11fc7f-dd31-4698-b8b0-b99417aa173a.tmp</t>
  </si>
  <si>
    <t>12/23/2019 15:44:29</t>
  </si>
  <si>
    <t>12/23/2019 15:49:20</t>
  </si>
  <si>
    <t>b2038c8b-8c49-4328-aebd-7384f8d50127.tmp</t>
  </si>
  <si>
    <t>\\acsfs\profiles$\leticiala\Downloads\b2038c8b-8c49-4328-aebd-7384f8d50127.tmp</t>
  </si>
  <si>
    <t>12/23/2019 15:44:36</t>
  </si>
  <si>
    <t>Não confirmado 674668.crdownload</t>
  </si>
  <si>
    <t>\\acsfs\profiles$\leticiala\Downloads\Não confirmado 674668.crdownload</t>
  </si>
  <si>
    <t>9c66e685-39b5-4350-ac3d-d8959b98670a.tmp</t>
  </si>
  <si>
    <t>\\acsfs\profiles$\leticiala\Downloads\9c66e685-39b5-4350-ac3d-d8959b98670a.tmp</t>
  </si>
  <si>
    <t>12/23/2019 15:44:47</t>
  </si>
  <si>
    <t>Não confirmado 237944.crdownload</t>
  </si>
  <si>
    <t>\\acsfs\profiles$\leticiala\Downloads\Não confirmado 237944.crdownload</t>
  </si>
  <si>
    <t>12/23/2019 15:49:28</t>
  </si>
  <si>
    <t>12/23/2019 15:50:20</t>
  </si>
  <si>
    <t>12/23/2019 15:46:12</t>
  </si>
  <si>
    <t>12/23/2019 15:51:20</t>
  </si>
  <si>
    <t>a5d6aeb4-f915-4ec5-ae04-ace23c931734.tmp</t>
  </si>
  <si>
    <t>\\acsfs\profiles$\paulohaf\Downloads\a5d6aeb4-f915-4ec5-ae04-ace23c931734.tmp</t>
  </si>
  <si>
    <t>12/23/2019 15:47:29</t>
  </si>
  <si>
    <t>21350b04-addc-42d9-ad6a-f59d10aba271.tmp</t>
  </si>
  <si>
    <t>\\acsfs\profiles$\paulohaf\Downloads\21350b04-addc-42d9-ad6a-f59d10aba271.tmp</t>
  </si>
  <si>
    <t>12/23/2019 15:47:43</t>
  </si>
  <si>
    <t>3475f2bc-17c2-48f6-a94f-48fbdb2337aa.tmp</t>
  </si>
  <si>
    <t>\\acsfs\profiles$\paulohaf\Downloads\3475f2bc-17c2-48f6-a94f-48fbdb2337aa.tmp</t>
  </si>
  <si>
    <t>12/23/2019 15:47:52</t>
  </si>
  <si>
    <t>2ec19e24-68fa-4666-a053-26d4d1c4fb9c.tmp</t>
  </si>
  <si>
    <t>\\acsfs\profiles$\paulohaf\Downloads\2ec19e24-68fa-4666-a053-26d4d1c4fb9c.tmp</t>
  </si>
  <si>
    <t>12/23/2019 15:48:04</t>
  </si>
  <si>
    <t>a58c52a1-6609-4fff-84d0-f56e8eb17dfe.tmp</t>
  </si>
  <si>
    <t>\\acsfs\profiles$\paulohaf\Downloads\a58c52a1-6609-4fff-84d0-f56e8eb17dfe.tmp</t>
  </si>
  <si>
    <t>12/23/2019 15:48:11</t>
  </si>
  <si>
    <t>10d9bea1-abdb-4e3d-a798-726766b820cc.tmp</t>
  </si>
  <si>
    <t>\\acsfs\profiles$\paulohaf\Downloads\10d9bea1-abdb-4e3d-a798-726766b820cc.tmp</t>
  </si>
  <si>
    <t>12/23/2019 15:48:16</t>
  </si>
  <si>
    <t>741ae6ef-9a75-48f3-a9da-de38d72f385b.tmp</t>
  </si>
  <si>
    <t>\\acsfs\profiles$\paulohaf\Downloads\741ae6ef-9a75-48f3-a9da-de38d72f385b.tmp</t>
  </si>
  <si>
    <t>12/23/2019 15:48:27</t>
  </si>
  <si>
    <t>0c92c8fa-3576-4220-877a-590f28e6286a.tmp</t>
  </si>
  <si>
    <t>\\acsfs\profiles$\paulohaf\Downloads\0c92c8fa-3576-4220-877a-590f28e6286a.tmp</t>
  </si>
  <si>
    <t>12/23/2019 15:47:44</t>
  </si>
  <si>
    <t>Mateus DE jESUS mORAIS_1_6771411916736762304_1_32.wav</t>
  </si>
  <si>
    <t>\\acsfs\Deptos\EDUCACAO EMPRESARIAL\FERNANDA MONIT\Ligação para Mutant terceiro Ciclo\Mateus DE jESUS mORAIS_1_6771411916736762304_1_32.wav</t>
  </si>
  <si>
    <t>12/23/2019 15:48:00</t>
  </si>
  <si>
    <t>12/23/2019 15:49:19</t>
  </si>
  <si>
    <t>https://udpmailboxap01/h/search?si=0&amp;so=0&amp;sc=52122&amp;sfi=2&amp;st=message&amp;action=compose</t>
  </si>
  <si>
    <t>12/23/2019 15:50:00</t>
  </si>
  <si>
    <t>12/23/2019 15:49:31</t>
  </si>
  <si>
    <t>12/23/2019 15:54:20</t>
  </si>
  <si>
    <t>9df0db68-ee15-4636-8c6c-66ce4ad9f319.tmp</t>
  </si>
  <si>
    <t>\\acsfs\profiles$\vivianibfs\Downloads\9df0db68-ee15-4636-8c6c-66ce4ad9f319.tmp</t>
  </si>
  <si>
    <t>12/23/2019 15:49:22</t>
  </si>
  <si>
    <t>613e2cf5-e77f-4d46-aca5-0b30bd16cf8c.tmp</t>
  </si>
  <si>
    <t>\\acsfs\profiles$\leticiala\Downloads\613e2cf5-e77f-4d46-aca5-0b30bd16cf8c.tmp</t>
  </si>
  <si>
    <t>12/23/2019 15:50:31</t>
  </si>
  <si>
    <t>cd9e2bcc-2e3f-451f-ab9c-25ec3d2e07f8.tmp</t>
  </si>
  <si>
    <t>\\acsfs\profiles$\leticiala\Downloads\cd9e2bcc-2e3f-451f-ab9c-25ec3d2e07f8.tmp</t>
  </si>
  <si>
    <t>12/23/2019 15:53:23</t>
  </si>
  <si>
    <t>12/23/2019 15:52:12</t>
  </si>
  <si>
    <t>12/23/2019 15:55:20</t>
  </si>
  <si>
    <t>12/23/2019 15:50:25</t>
  </si>
  <si>
    <t>12/23/2019 15:56:21</t>
  </si>
  <si>
    <t>12/23/2019 15:54:45</t>
  </si>
  <si>
    <t>12/23/2019 15:55:00</t>
  </si>
  <si>
    <t>\\acsfs\DEPTOS\Operacao\PCP\5 - Comum\PLANEJAMENTO BV\14 - ACOMPANHAMENTO\1 - REPORT ACOMPANHAMENTO\12 - Dezembro\CARTÕES\</t>
  </si>
  <si>
    <t>Acompanhamento improdutividade BV Cartões.xlsx</t>
  </si>
  <si>
    <t>\\acsfs\DEPTOS\Operacao\PCP\5 - Comum\PLANEJAMENTO BV\14 - ACOMPANHAMENTO\1 - REPORT ACOMPANHAMENTO\12 - Dezembro\CARTÕES\Acompanhamento improdutividade BV Cartões.xlsx</t>
  </si>
  <si>
    <t>12/23/2019 15:55:18</t>
  </si>
  <si>
    <t>12/23/2019 15:51:17</t>
  </si>
  <si>
    <t>THYAGO SANTANA PASETTO_1_6769186655526003490_1_32.wav</t>
  </si>
  <si>
    <t>\\acsfs\Deptos\EDUCACAO EMPRESARIAL\KÉSIA\Ligações 3º ciclo - Késia\THYAGO SANTANA PASETTO_1_6769186655526003490_1_32.wav</t>
  </si>
  <si>
    <t>12/23/2019 15:55:36</t>
  </si>
  <si>
    <t>12/23/2019 15:58:21</t>
  </si>
  <si>
    <t>2f8837c4-abe2-4342-87f2-677bc6039a77.tmp</t>
  </si>
  <si>
    <t>\\acsfs\profiles$\brendadsl\Downloads\2f8837c4-abe2-4342-87f2-677bc6039a77.tmp</t>
  </si>
  <si>
    <t>12/23/2019 15:56:53</t>
  </si>
  <si>
    <t>12/23/2019 15:59:20</t>
  </si>
  <si>
    <t>12/23/2019 15:57:05</t>
  </si>
  <si>
    <t>12/23/2019 15:56:00</t>
  </si>
  <si>
    <t>12/23/2019 16:01:20</t>
  </si>
  <si>
    <t>12/23/2019 15:56:05</t>
  </si>
  <si>
    <t>12/23/2019 15:56:11</t>
  </si>
  <si>
    <t>12/23/2019 15:56:17</t>
  </si>
  <si>
    <t>12/23/2019 15:56:24</t>
  </si>
  <si>
    <t>12/23/2019 15:56:38</t>
  </si>
  <si>
    <t>12/23/2019 15:58:23</t>
  </si>
  <si>
    <t>12/23/2019 16:03:20</t>
  </si>
  <si>
    <t>12/23/2019 16:00:45</t>
  </si>
  <si>
    <t>12/23/2019 16:04:21</t>
  </si>
  <si>
    <t>12/23/2019 16:01:55</t>
  </si>
  <si>
    <t>12/23/2019 16:06:21</t>
  </si>
  <si>
    <t>a2c494a2-1e1f-4424-bf8a-f04917150f04.tmp</t>
  </si>
  <si>
    <t>\\acsfs\profiles$\deborahsi\Downloads\a2c494a2-1e1f-4424-bf8a-f04917150f04.tmp</t>
  </si>
  <si>
    <t>12/23/2019 16:01:59</t>
  </si>
  <si>
    <t>3d70c813-c20c-4f1b-bd19-ab0d9f659906.tmp</t>
  </si>
  <si>
    <t>\\acsfs\profiles$\deborahsi\Downloads\3d70c813-c20c-4f1b-bd19-ab0d9f659906.tmp</t>
  </si>
  <si>
    <t>12/23/2019 16:01:13</t>
  </si>
  <si>
    <t>12/23/2019 16:02:05</t>
  </si>
  <si>
    <t>VALERIA SENA DE ARAUJO_1_6769155736056439919_1_32.wav</t>
  </si>
  <si>
    <t>\\acsfs\Deptos\EDUCACAO EMPRESARIAL\KÉSIA\Ligações 3º ciclo - Késia\VALERIA SENA DE ARAUJO_1_6769155736056439919_1_32.wav</t>
  </si>
  <si>
    <t>12/23/2019 16:02:32</t>
  </si>
  <si>
    <t>12/23/2019 16:07:20</t>
  </si>
  <si>
    <t>12/23/2019 16:04:37</t>
  </si>
  <si>
    <t>XLOG_tiagosno_23122019_083838.log</t>
  </si>
  <si>
    <t>\\acsfs\profiles$\tiagosno\My Documents\xworkcenter\logs\XLOG_tiagosno_23122019_083838.log</t>
  </si>
  <si>
    <t>12/23/2019 16:06:28</t>
  </si>
  <si>
    <t>12/23/2019 16:08:21</t>
  </si>
  <si>
    <t>mail.google.com/_/upload?authuser=0&amp;dcp=asu-n&amp;upload_id=AEnB2UqjAVNZtJBY3HbJE9VI-5SfTYr3ITceEq-jSjXTWrnhoTkMEGcJhX5gJ0Prqb0-eGcOcGi7C89_z-ygfokjp0PMIIizjzGLmnOYgJzockzRkv7gMyU&amp;upload_protocol=resumable</t>
  </si>
  <si>
    <t>camilassouza@algartech.com;cpc-controldeskavon@algartech.com;senildapdo@algartech.com;victorgar@algartech.com;viniciussg@algartech.com;</t>
  </si>
  <si>
    <t>NEM MODEL.xlsx</t>
  </si>
  <si>
    <t>camilassouza@algartech.com,cpc-controldeskavon@algartech.com,senildapdo@algartech.com,victorgar@algartech.com,viniciussg@algartech.com</t>
  </si>
  <si>
    <t>12/23/2019 16:07:02</t>
  </si>
  <si>
    <t>12/23/2019 16:11:21</t>
  </si>
  <si>
    <t>12/23/2019 16:11:05</t>
  </si>
  <si>
    <t>12/23/2019 16:13:21</t>
  </si>
  <si>
    <t>\\acsfs\profiles$\larissapdr\Contacts\</t>
  </si>
  <si>
    <t>LARISSA PEREIRA DA ROCHA (12561).contact</t>
  </si>
  <si>
    <t>\\acsfs\profiles$\larissapdr\Contacts\LARISSA PEREIRA DA ROCHA (12561).contact</t>
  </si>
  <si>
    <t>12/23/2019 16:11:19</t>
  </si>
  <si>
    <t>\\acsfs\profiles$\larissapdr\My Documents\My Videos\</t>
  </si>
  <si>
    <t>\\acsfs\profiles$\larissapdr\My Documents\My Videos\desktop.ini</t>
  </si>
  <si>
    <t>12/23/2019 16:11:20</t>
  </si>
  <si>
    <t>\\acsfs\profiles$\larissapdr\My Documents\My Pictures\</t>
  </si>
  <si>
    <t>\\acsfs\profiles$\larissapdr\My Documents\My Pictures\desktop.ini</t>
  </si>
  <si>
    <t>12/23/2019 16:11:22</t>
  </si>
  <si>
    <t>12/23/2019 16:11:23</t>
  </si>
  <si>
    <t>\\acsfs\profiles$\larissapdr\Contacts\desktop.ini</t>
  </si>
  <si>
    <t>12/23/2019 16:11:24</t>
  </si>
  <si>
    <t>\\acsfs\profiles$\larissapdr\Favorites\</t>
  </si>
  <si>
    <t>\\acsfs\profiles$\larissapdr\Favorites\desktop.ini</t>
  </si>
  <si>
    <t>12/23/2019 16:11:25</t>
  </si>
  <si>
    <t>\\acsfs\profiles$\larissapdr\My Documents\My Music\</t>
  </si>
  <si>
    <t>\\acsfs\profiles$\larissapdr\My Documents\My Music\desktop.ini</t>
  </si>
  <si>
    <t>12/23/2019 16:11:26</t>
  </si>
  <si>
    <t>12/23/2019 16:11:27</t>
  </si>
  <si>
    <t>12/23/2019 16:11:28</t>
  </si>
  <si>
    <t>\\acsfs\profiles$\larissapdr\Searches\</t>
  </si>
  <si>
    <t>\\acsfs\profiles$\larissapdr\Searches\desktop.ini</t>
  </si>
  <si>
    <t>\\acsfs\profiles$\larissapdr\Downloads\desktop.ini</t>
  </si>
  <si>
    <t>12/23/2019 16:11:29</t>
  </si>
  <si>
    <t>12/23/2019 16:11:30</t>
  </si>
  <si>
    <t>\\acsfs\profiles$\larissapdr\My Documents\</t>
  </si>
  <si>
    <t>\\acsfs\profiles$\larissapdr\My Documents\desktop.ini</t>
  </si>
  <si>
    <t>12/23/2019 16:11:31</t>
  </si>
  <si>
    <t>12/23/2019 16:11:32</t>
  </si>
  <si>
    <t>\\acsfs\profiles$\larissapdr\Saved Games\</t>
  </si>
  <si>
    <t>\\acsfs\profiles$\larissapdr\Saved Games\desktop.ini</t>
  </si>
  <si>
    <t>12/23/2019 16:11:45</t>
  </si>
  <si>
    <t>\\acsfs\profiles$\larissapdr\Favorites\Links for Brasil\</t>
  </si>
  <si>
    <t>\\acsfs\profiles$\larissapdr\Favorites\Links for Brasil\desktop.ini</t>
  </si>
  <si>
    <t>\\acsfs\profiles$\larissapdr\Favorites\Links for Brasil\Microsoft Brasil.url</t>
  </si>
  <si>
    <t>12/23/2019 16:11:46</t>
  </si>
  <si>
    <t>\\acsfs\profiles$\larissapdr\Favorites\Links for Brasil\Windows Brasil.url</t>
  </si>
  <si>
    <t>12/23/2019 16:11:47</t>
  </si>
  <si>
    <t>\\acsfs\profiles$\larissapdr\Favorites\Links for Brasil\MSN Brasil.url</t>
  </si>
  <si>
    <t>12/23/2019 16:09:58</t>
  </si>
  <si>
    <t>12/23/2019 16:14:21</t>
  </si>
  <si>
    <t>2397b845-012d-4a53-acc3-f572c17b37fa.tmp</t>
  </si>
  <si>
    <t>\\acsfs\profiles$\leticiala\Downloads\2397b845-012d-4a53-acc3-f572c17b37fa.tmp</t>
  </si>
  <si>
    <t>12/23/2019 16:15:08</t>
  </si>
  <si>
    <t>12/23/2019 16:16:21</t>
  </si>
  <si>
    <t>29e1e65a-913a-4c0d-ba56-12c13104fe6a.tmp</t>
  </si>
  <si>
    <t>\\acsfs\profiles$\deborahsi\Downloads\29e1e65a-913a-4c0d-ba56-12c13104fe6a.tmp</t>
  </si>
  <si>
    <t>12/23/2019 16:12:47</t>
  </si>
  <si>
    <t>12/23/2019 16:12:54</t>
  </si>
  <si>
    <t>12/23/2019 16:15:22</t>
  </si>
  <si>
    <t>12/23/2019 16:15:50</t>
  </si>
  <si>
    <t>12/23/2019 16:12:17</t>
  </si>
  <si>
    <t>7287e52d-1201-48c8-b9dc-4a8573cbef66.tmp</t>
  </si>
  <si>
    <t>\\acsfs\profiles$\layonmof\Downloads\7287e52d-1201-48c8-b9dc-4a8573cbef66.tmp</t>
  </si>
  <si>
    <t>12/23/2019 16:13:43</t>
  </si>
  <si>
    <t>12/23/2019 16:18:21</t>
  </si>
  <si>
    <t>lu113329gu7z.tmp</t>
  </si>
  <si>
    <t>\\acsfs\profiles$\jonatanls\My Documents\lu113329gu7z.tmp</t>
  </si>
  <si>
    <t>12/23/2019 16:17:38</t>
  </si>
  <si>
    <t>12/23/2019 16:15:45</t>
  </si>
  <si>
    <t>12/23/2019 16:19:21</t>
  </si>
  <si>
    <t>12/23/2019 16:16:49</t>
  </si>
  <si>
    <t>12/23/2019 16:17:21</t>
  </si>
  <si>
    <t>12/23/2019 16:17:49</t>
  </si>
  <si>
    <t>12/23/2019 16:18:29</t>
  </si>
  <si>
    <t>12/23/2019 16:18:36</t>
  </si>
  <si>
    <t>12/23/2019 16:18:23</t>
  </si>
  <si>
    <t>12/23/2019 16:20:21</t>
  </si>
  <si>
    <t>12/23/2019 16:18:24</t>
  </si>
  <si>
    <t>12/23/2019 16:18:25</t>
  </si>
  <si>
    <t>12/23/2019 16:18:26</t>
  </si>
  <si>
    <t>12/23/2019 16:18:27</t>
  </si>
  <si>
    <t>12/23/2019 16:18:28</t>
  </si>
  <si>
    <t>12/23/2019 16:18:30</t>
  </si>
  <si>
    <t>12/23/2019 16:18:31</t>
  </si>
  <si>
    <t>12/23/2019 16:18:32</t>
  </si>
  <si>
    <t>12/23/2019 16:18:33</t>
  </si>
  <si>
    <t>12/23/2019 16:18:35</t>
  </si>
  <si>
    <t>12/23/2019 16:18:41</t>
  </si>
  <si>
    <t>12/23/2019 16:18:42</t>
  </si>
  <si>
    <t>12/23/2019 16:18:49</t>
  </si>
  <si>
    <t>12/23/2019 16:18:59</t>
  </si>
  <si>
    <t>12/23/2019 16:19:00</t>
  </si>
  <si>
    <t>12/23/2019 16:19:01</t>
  </si>
  <si>
    <t>12/23/2019 16:19:06</t>
  </si>
  <si>
    <t>12/23/2019 16:19:07</t>
  </si>
  <si>
    <t>12/23/2019 16:19:11</t>
  </si>
  <si>
    <t>12/23/2019 16:19:30</t>
  </si>
  <si>
    <t>12/23/2019 16:15:51</t>
  </si>
  <si>
    <t>12/23/2019 16:21:21</t>
  </si>
  <si>
    <t>3bcd6e29-04e2-4c0a-9a05-67418116d308.tmp</t>
  </si>
  <si>
    <t>\\acsfs\profiles$\deborahsi\Downloads\3bcd6e29-04e2-4c0a-9a05-67418116d308.tmp</t>
  </si>
  <si>
    <t>12/23/2019 16:17:14</t>
  </si>
  <si>
    <t>12/23/2019 16:17:30</t>
  </si>
  <si>
    <t>12/23/2019 16:17:39</t>
  </si>
  <si>
    <t>12/23/2019 16:17:04</t>
  </si>
  <si>
    <t>12/23/2019 16:22:21</t>
  </si>
  <si>
    <t>12/23/2019 16:18:04</t>
  </si>
  <si>
    <t>12/23/2019 16:23:20</t>
  </si>
  <si>
    <t>49f2b1fa-b073-4c98-9847-f292aeb3331e.tmp</t>
  </si>
  <si>
    <t>\\acsfs\profiles$\rosileiam\Downloads\49f2b1fa-b073-4c98-9847-f292aeb3331e.tmp</t>
  </si>
  <si>
    <t>12/23/2019 16:21:57</t>
  </si>
  <si>
    <t>12/23/2019 16:19:43</t>
  </si>
  <si>
    <t>12/23/2019 16:24:21</t>
  </si>
  <si>
    <t>12/23/2019 16:19:50</t>
  </si>
  <si>
    <t>12/23/2019 16:20:41</t>
  </si>
  <si>
    <t>12/23/2019 16:21:29</t>
  </si>
  <si>
    <t>12/23/2019 16:22:54</t>
  </si>
  <si>
    <t>12/23/2019 16:23:23</t>
  </si>
  <si>
    <t>12/23/2019 16:20:02</t>
  </si>
  <si>
    <t>12/23/2019 16:25:20</t>
  </si>
  <si>
    <t>b7a16c9e-88c5-4217-90b1-b62fdeabd3eb.tmp</t>
  </si>
  <si>
    <t>\\acsfs\profiles$\gabrielamdp\Downloads\b7a16c9e-88c5-4217-90b1-b62fdeabd3eb.tmp</t>
  </si>
  <si>
    <t>12/23/2019 16:20:03</t>
  </si>
  <si>
    <t>b2f3575c-5c7d-4fae-ad44-d625ed4f7537.tmp</t>
  </si>
  <si>
    <t>\\acsfs\profiles$\gabrielamdp\Downloads\b2f3575c-5c7d-4fae-ad44-d625ed4f7537.tmp</t>
  </si>
  <si>
    <t>12/23/2019 16:20:04</t>
  </si>
  <si>
    <t>db8f19b7-a6f0-4f5c-9232-fa2d82e720a5.tmp</t>
  </si>
  <si>
    <t>\\acsfs\profiles$\gabrielamdp\Downloads\db8f19b7-a6f0-4f5c-9232-fa2d82e720a5.tmp</t>
  </si>
  <si>
    <t>d1da2306-c0f3-46d4-a9d2-51c1674ffb82.tmp</t>
  </si>
  <si>
    <t>\\acsfs\profiles$\gabrielamdp\Downloads\d1da2306-c0f3-46d4-a9d2-51c1674ffb82.tmp</t>
  </si>
  <si>
    <t>12/23/2019 16:20:05</t>
  </si>
  <si>
    <t>2da07ff2-dddf-4da2-b18f-ee19c428727b.tmp</t>
  </si>
  <si>
    <t>\\acsfs\profiles$\gabrielamdp\Downloads\2da07ff2-dddf-4da2-b18f-ee19c428727b.tmp</t>
  </si>
  <si>
    <t>12/23/2019 16:19:59</t>
  </si>
  <si>
    <t>\\acsfs\DEPTOS\Operacao\PCP\5 - Comum\ALESSANDRA GOMES DOS SANTOS BARROS\</t>
  </si>
  <si>
    <t>\\acsfs\DEPTOS\Operacao\PCP\5 - Comum\ALESSANDRA GOMES DOS SANTOS BARROS\Thumbs.db</t>
  </si>
  <si>
    <t>12/23/2019 16:23:37</t>
  </si>
  <si>
    <t>12/23/2019 16:24:37</t>
  </si>
  <si>
    <t>12/23/2019 16:26:50</t>
  </si>
  <si>
    <t>12/23/2019 16:30:21</t>
  </si>
  <si>
    <t>a929d09f-fcc1-4632-833e-841716bc9137.tmp</t>
  </si>
  <si>
    <t>\\acsfs\profiles$\gabrielamdp\Downloads\a929d09f-fcc1-4632-833e-841716bc9137.tmp</t>
  </si>
  <si>
    <t>12/23/2019 16:29:37</t>
  </si>
  <si>
    <t>12/23/2019 16:29:57</t>
  </si>
  <si>
    <t>12/23/2019 16:31:20</t>
  </si>
  <si>
    <t>12/23/2019 16:27:03</t>
  </si>
  <si>
    <t>12/23/2019 16:28:28</t>
  </si>
  <si>
    <t>12/23/2019 16:30:34</t>
  </si>
  <si>
    <t>12/23/2019 16:32:20</t>
  </si>
  <si>
    <t>12/23/2019 16:29:38</t>
  </si>
  <si>
    <t>12/23/2019 16:33:20</t>
  </si>
  <si>
    <t>mail.google.com/_/upload?authuser=0&amp;dcp=asu-n&amp;upload_id=AEnB2Uozh_E_xcNMogtNpNQjoAcUU2EfF7E-iaVz_zMcyOLrJ1w_V5Ui_HJeH5ny8RGW0wYPjSNhA0VS7aIjNchlvEu7OFAH5A&amp;upload_protocol=resumable</t>
  </si>
  <si>
    <t>Relatorio Gestão Documental - GRC.xlsx</t>
  </si>
  <si>
    <t>12/23/2019 16:28:30</t>
  </si>
  <si>
    <t>12/23/2019 16:33:50</t>
  </si>
  <si>
    <t>12/23/2019 16:34:20</t>
  </si>
  <si>
    <t>12/23/2019 16:30:23</t>
  </si>
  <si>
    <t>12/23/2019 16:35:19</t>
  </si>
  <si>
    <t>12/23/2019 16:30:37</t>
  </si>
  <si>
    <t>12/23/2019 16:32:51</t>
  </si>
  <si>
    <t>12/23/2019 16:36:20</t>
  </si>
  <si>
    <t>12/23/2019 16:32:58</t>
  </si>
  <si>
    <t>eduardo.santana@bv.com.br;fabio.ernest@bv.com.br;lilianls@algartech.com;marianerdo@algartech.com;mirianppb@algartech.com;thiagord@algartech.com;thiagordu@algartech.com;</t>
  </si>
  <si>
    <t>eduardo.santana@bv.com.br,fabio.ernest@bv.com.br,lilianls@algartech.com,marianerdo@algartech.com,mirianppb@algartech.com,thiagord@algartech.com,thiagordu@algartech.com</t>
  </si>
  <si>
    <t>12/23/2019 16:33:00</t>
  </si>
  <si>
    <t>eduardo.santana@bv.com.br;fabio.ernest@bv.com.br;larisacc@algartech.com;lilianls@algartech.com;marianerdo@algartech.com;mirianppb@algartech.com;thiagord@algartech.com;thiagordu@algartech.com;</t>
  </si>
  <si>
    <t>eduardo.santana@bv.com.br,fabio.ernest@bv.com.br,larisacc@algartech.com,lilianls@algartech.com,marianerdo@algartech.com,mirianppb@algartech.com,thiagord@algartech.com,thiagordu@algartech.com</t>
  </si>
  <si>
    <t>12/23/2019 16:33:07</t>
  </si>
  <si>
    <t>eduardo.santana@bv.com.br;fabio.ernest@bv.com.br;kesiadof@algartech.com;larisacc@algartech.com;lilianls@algartech.com;marianerdo@algartech.com;mirianppb@algartech.com;thiagord@algartech.com;thiagordu@algartech.com;</t>
  </si>
  <si>
    <t>eduardo.santana@bv.com.br,fabio.ernest@bv.com.br,kesiadof@algartech.com,larisacc@algartech.com,lilianls@algartech.com,marianerdo@algartech.com,mirianppb@algartech.com,thiagord@algartech.com,thiagordu@algartech.com</t>
  </si>
  <si>
    <t>12/23/2019 16:33:48</t>
  </si>
  <si>
    <t>kesiadof@algartech.com;larisacc@algartech.com;marianerdo@algartech.com;mirianppb@algartech.com;thiagordu@algartech.com;</t>
  </si>
  <si>
    <t>kesiadof@algartech.com,larisacc@algartech.com,marianerdo@algartech.com,mirianppb@algartech.com,thiagordu@algartech.com</t>
  </si>
  <si>
    <t>12/23/2019 16:34:53</t>
  </si>
  <si>
    <t>Mateus DE jESUS mORAIS_1_6771411916736762304_1_32_1_6771411916736762304_1_32.wav</t>
  </si>
  <si>
    <t>\\acsfs\Deptos\EDUCACAO EMPRESARIAL\FERNANDA MONIT\Ligação para Mutant terceiro Ciclo\Mateus DE jESUS mORAIS_1_6771411916736762304_1_32_1_6771411916736762304_1_32.wav</t>
  </si>
  <si>
    <t>12/23/2019 16:35:36</t>
  </si>
  <si>
    <t>Mateus de Jesus Morais_1_6771411916736762304_1_32.wav</t>
  </si>
  <si>
    <t>\\acsfs\Deptos\EDUCACAO EMPRESARIAL\FERNANDA MONIT\Ligação para Mutant terceiro Ciclo\Mateus de Jesus Morais_1_6771411916736762304_1_32.wav</t>
  </si>
  <si>
    <t>12/23/2019 16:33:21</t>
  </si>
  <si>
    <t>12/23/2019 16:33:26</t>
  </si>
  <si>
    <t>12/23/2019 16:34:03</t>
  </si>
  <si>
    <t>12/23/2019 16:34:27</t>
  </si>
  <si>
    <t>\\acsfs\Deptos\EDUCACAO EMPRESARIAL\KÉSIA\LIGAÇÕES 1220\</t>
  </si>
  <si>
    <t>CPF 39354016120 - OPERADORA NATALIA CRISTINA DOS SANTOS LIMA_1_6761037191305037546_1_32.wav</t>
  </si>
  <si>
    <t>\\acsfs\Deptos\EDUCACAO EMPRESARIAL\KÉSIA\LIGAÇÕES 1220\CPF 39354016120 - OPERADORA NATALIA CRISTINA DOS SANTOS LIMA_1_6761037191305037546_1_32.wav</t>
  </si>
  <si>
    <t>12/23/2019 16:33:33</t>
  </si>
  <si>
    <t>12/23/2019 16:38:20</t>
  </si>
  <si>
    <t>XLOG_ellencds_23122019_082910.log</t>
  </si>
  <si>
    <t>\\acsfs\profiles$\ellencds\My Documents\xworkcenter\logs\XLOG_ellencds_23122019_082910.log</t>
  </si>
  <si>
    <t>12/23/2019 16:33:45</t>
  </si>
  <si>
    <t>\\acsfs\profiles$\ellencds\Favorites\</t>
  </si>
  <si>
    <t>\\acsfs\profiles$\ellencds\Favorites\desktop.ini</t>
  </si>
  <si>
    <t>12/23/2019 16:33:46</t>
  </si>
  <si>
    <t>12/23/2019 16:34:17</t>
  </si>
  <si>
    <t>12/23/2019 16:39:19</t>
  </si>
  <si>
    <t>12/23/2019 16:35:01</t>
  </si>
  <si>
    <t>12/23/2019 16:38:13</t>
  </si>
  <si>
    <t>12/23/2019 16:40:20</t>
  </si>
  <si>
    <t>XLOG_anacdos_23122019_082047.log</t>
  </si>
  <si>
    <t>\\acsfs\profiles$\anacdos\My Documents\xworkcenter\logs\XLOG_anacdos_23122019_082047.log</t>
  </si>
  <si>
    <t>12/23/2019 16:35:37</t>
  </si>
  <si>
    <t>12/23/2019 16:36:37</t>
  </si>
  <si>
    <t>12/23/2019 16:37:52</t>
  </si>
  <si>
    <t>7691b8dd-c15c-40f1-b959-9b7fcf2e7b62.tmp</t>
  </si>
  <si>
    <t>\\acsfs\profiles$\henriqueco\Downloads\7691b8dd-c15c-40f1-b959-9b7fcf2e7b62.tmp</t>
  </si>
  <si>
    <t>12/23/2019 16:39:38</t>
  </si>
  <si>
    <t>12/23/2019 16:36:57</t>
  </si>
  <si>
    <t>12/23/2019 16:41:20</t>
  </si>
  <si>
    <t>2f31f72e-953c-44fc-b771-5988e3d6b74b.tmp</t>
  </si>
  <si>
    <t>\\acsfs\profiles$\gabrielhca\Downloads\2f31f72e-953c-44fc-b771-5988e3d6b74b.tmp</t>
  </si>
  <si>
    <t>12/23/2019 16:36:12</t>
  </si>
  <si>
    <t>12/23/2019 16:36:28</t>
  </si>
  <si>
    <t>12/23/2019 16:38:50</t>
  </si>
  <si>
    <t>12/23/2019 16:39:21</t>
  </si>
  <si>
    <t>12/23/2019 16:39:29</t>
  </si>
  <si>
    <t>12/23/2019 16:36:48</t>
  </si>
  <si>
    <t>12/23/2019 16:42:20</t>
  </si>
  <si>
    <t>12/23/2019 16:39:57</t>
  </si>
  <si>
    <t>12/23/2019 16:43:20</t>
  </si>
  <si>
    <t>31d9ae20-b6bb-4475-b4ba-8c309ec5f04e.tmp</t>
  </si>
  <si>
    <t>\\acsfs\profiles$\brendadsl\Downloads\31d9ae20-b6bb-4475-b4ba-8c309ec5f04e.tmp</t>
  </si>
  <si>
    <t>12/23/2019 16:43:22</t>
  </si>
  <si>
    <t>12/23/2019 16:44:20</t>
  </si>
  <si>
    <t>068d9a79-bc9e-42b5-8576-82dc048e6093.tmp</t>
  </si>
  <si>
    <t>\\acsfs\profiles$\leonardobb\Downloads\068d9a79-bc9e-42b5-8576-82dc048e6093.tmp</t>
  </si>
  <si>
    <t>12/23/2019 16:41:33</t>
  </si>
  <si>
    <t>12/23/2019 16:45:20</t>
  </si>
  <si>
    <t>12/23/2019 16:41:37</t>
  </si>
  <si>
    <t>12/23/2019 16:42:37</t>
  </si>
  <si>
    <t>12/23/2019 16:41:10</t>
  </si>
  <si>
    <t>12/23/2019 16:46:20</t>
  </si>
  <si>
    <t>12/23/2019 16:43:35</t>
  </si>
  <si>
    <t>12/23/2019 16:42:54</t>
  </si>
  <si>
    <t>12/23/2019 16:47:20</t>
  </si>
  <si>
    <t>6f763792-df78-4793-90ab-d6d28e4a0a4d.tmp</t>
  </si>
  <si>
    <t>\\acsfs\profiles$\joycemmdl\Downloads\6f763792-df78-4793-90ab-d6d28e4a0a4d.tmp</t>
  </si>
  <si>
    <t>12/23/2019 16:47:03</t>
  </si>
  <si>
    <t>12/23/2019 16:48:20</t>
  </si>
  <si>
    <t>12/23/2019 16:46:09</t>
  </si>
  <si>
    <t>12/23/2019 16:49:21</t>
  </si>
  <si>
    <t>Escala TTV 24-12.xlsx</t>
  </si>
  <si>
    <t>\\acsfs\DEPTOS\Operacao\Banco_Votorantim\Supervisao\SUPERS BV CARTÕES\ADILSON\Escalas Feriados\Escala TTV 24-12.xlsx</t>
  </si>
  <si>
    <t>12/23/2019 16:48:52</t>
  </si>
  <si>
    <t>12/23/2019 16:48:58</t>
  </si>
  <si>
    <t>leonardoao@algartech.com;rafaelggs@algartech.com;thiagordu@algartech.com;</t>
  </si>
  <si>
    <t>leonardoao@algartech.com,rafaelggs@algartech.com,thiagordu@algartech.com</t>
  </si>
  <si>
    <t>12/23/2019 16:49:16</t>
  </si>
  <si>
    <t>12/23/2019 16:44:56</t>
  </si>
  <si>
    <t>12/23/2019 16:50:20</t>
  </si>
  <si>
    <t>12/23/2019 16:49:26</t>
  </si>
  <si>
    <t>12/23/2019 16:47:37</t>
  </si>
  <si>
    <t>12/23/2019 16:48:37</t>
  </si>
  <si>
    <t>12/23/2019 16:47:12</t>
  </si>
  <si>
    <t>LIGAR AMANHA.txt</t>
  </si>
  <si>
    <t>\\acsfs\profiles$\valeriasda\My Documents\LIGAR AMANHA.txt</t>
  </si>
  <si>
    <t>12/23/2019 16:49:00</t>
  </si>
  <si>
    <t>12/23/2019 16:53:20</t>
  </si>
  <si>
    <t>12/23/2019 16:49:30</t>
  </si>
  <si>
    <t>12/23/2019 16:54:21</t>
  </si>
  <si>
    <t>12/23/2019 16:49:49</t>
  </si>
  <si>
    <t>12/23/2019 16:53:37</t>
  </si>
  <si>
    <t>12/23/2019 16:55:20</t>
  </si>
  <si>
    <t>12/23/2019 16:54:37</t>
  </si>
  <si>
    <t>12/23/2019 16:54:36</t>
  </si>
  <si>
    <t>12/23/2019 16:59:20</t>
  </si>
  <si>
    <t>/o=exchangelabs/ou=exchange administrative group (fydibohf23spdlt)/cn=recipients/cn=9bb376e8b4c74d45963b1165e99fb0ea-fernando ro;fernandorsju@algartech.com.br;marcotvo@algartech.com;samanthadmr@algartech.com.br;</t>
  </si>
  <si>
    <t>RES: Lista Treinando Next</t>
  </si>
  <si>
    <t>Lista de Treinamento Next 10-12.xlsx</t>
  </si>
  <si>
    <t>/o=exchangelabs/ou=exchange administrative group (fydibohf23spdlt)/cn=recipients/cn=9bb376e8b4c74d45963b1165e99fb0ea-fernando ro,fernandorsju@algartech.com.br,marcotvo@algartech.com,samanthadmr@algartech.com.br</t>
  </si>
  <si>
    <t>12/23/2019 16:54:12</t>
  </si>
  <si>
    <t>angelinegn@algartech.com;caique.silva@cscalgar.com.br;henriqueac@algartech.com;lucasm@algartech.com;renato.mariano@cscalgar.com.br;robertacmf@algartech.com;</t>
  </si>
  <si>
    <t>D:\AlgarTech\Planejamento_Engenharia\TCO\BPO\ITSM\</t>
  </si>
  <si>
    <t>TCO_ ITSM_2019.xlsx</t>
  </si>
  <si>
    <t>angelinegn@algartech.com,caique.silva@cscalgar.com.br,henriqueac@algartech.com,lucasm@algartech.com,renato.mariano@cscalgar.com.br,robertacmf@algartech.com</t>
  </si>
  <si>
    <t>12/23/2019 16:54:28</t>
  </si>
  <si>
    <t>12/23/2019 16:54:48</t>
  </si>
  <si>
    <t>mail.google.com/sync/u/0/i/s?hl=pt-BR&amp;c=437</t>
  </si>
  <si>
    <t>12/23/2019 16:55:03</t>
  </si>
  <si>
    <t>mail.google.com/sync/u/0/i/s?hl=pt-BR&amp;c=439</t>
  </si>
  <si>
    <t>12/23/2019 16:55:13</t>
  </si>
  <si>
    <t>12/23/2019 16:55:29</t>
  </si>
  <si>
    <t>12/23/2019 16:55:43</t>
  </si>
  <si>
    <t>12/23/2019 16:56:06</t>
  </si>
  <si>
    <t>12/23/2019 16:56:13</t>
  </si>
  <si>
    <t>12/23/2019 16:56:16</t>
  </si>
  <si>
    <t>mail.google.com/sync/u/0/i/s?hl=pt-BR&amp;c=459</t>
  </si>
  <si>
    <t>12/23/2019 16:56:17</t>
  </si>
  <si>
    <t>12/23/2019 16:56:26</t>
  </si>
  <si>
    <t>mail.google.com/sync/u/0/i/s?hl=pt-BR&amp;c=461</t>
  </si>
  <si>
    <t>12/23/2019 16:57:48</t>
  </si>
  <si>
    <t>12/23/2019 16:57:55</t>
  </si>
  <si>
    <t>12/23/2019 16:58:09</t>
  </si>
  <si>
    <t>mail.google.com/sync/u/0/i/s?hl=pt-BR&amp;c=473</t>
  </si>
  <si>
    <t>12/23/2019 16:58:16</t>
  </si>
  <si>
    <t>12/23/2019 16:58:46</t>
  </si>
  <si>
    <t>12/23/2019 16:59:37</t>
  </si>
  <si>
    <t>12/23/2019 17:00:20</t>
  </si>
  <si>
    <t>12/23/2019 16:58:42</t>
  </si>
  <si>
    <t>12/23/2019 17:02:20</t>
  </si>
  <si>
    <t>c5bc306a-7168-4253-97e9-0937ea91411e.tmp</t>
  </si>
  <si>
    <t>\\acsfs\profiles$\KARENDSR\Downloads\c5bc306a-7168-4253-97e9-0937ea91411e.tmp</t>
  </si>
  <si>
    <t>12/23/2019 17:00:41</t>
  </si>
  <si>
    <t>12/23/2019 17:04:20</t>
  </si>
  <si>
    <t>223fad95-cac4-4ffe-9f75-7b230890db14.tmp</t>
  </si>
  <si>
    <t>\\acsfs\profiles$\leticiala\Downloads\223fad95-cac4-4ffe-9f75-7b230890db14.tmp</t>
  </si>
  <si>
    <t>12/23/2019 17:03:01</t>
  </si>
  <si>
    <t>12/23/2019 17:03:35</t>
  </si>
  <si>
    <t>12/23/2019 17:00:05</t>
  </si>
  <si>
    <t>12/23/2019 17:05:20</t>
  </si>
  <si>
    <t>12/23/2019 17:00:37</t>
  </si>
  <si>
    <t>12/23/2019 17:02:26</t>
  </si>
  <si>
    <t>12/23/2019 17:00:30</t>
  </si>
  <si>
    <t>12/23/2019 17:02:14</t>
  </si>
  <si>
    <t>12/23/2019 17:06:20</t>
  </si>
  <si>
    <t>527108c8-cd3a-436d-891c-9a3b3cc5d7e6.tmp</t>
  </si>
  <si>
    <t>\\acsfs\profiles$\layonmof\Downloads\527108c8-cd3a-436d-891c-9a3b3cc5d7e6.tmp</t>
  </si>
  <si>
    <t>12/23/2019 17:01:46</t>
  </si>
  <si>
    <t>12/23/2019 17:02:30</t>
  </si>
  <si>
    <t>12/23/2019 17:02:44</t>
  </si>
  <si>
    <t>12/23/2019 17:02:46</t>
  </si>
  <si>
    <t>12/23/2019 17:02:54</t>
  </si>
  <si>
    <t>12/23/2019 17:04:34</t>
  </si>
  <si>
    <t>12/23/2019 17:05:17</t>
  </si>
  <si>
    <t>cdb4f2ee-a704-4cfc-ab44-ab4982f05593.tmp</t>
  </si>
  <si>
    <t>\\acsfs\profiles$\alessandraan\Downloads\cdb4f2ee-a704-4cfc-ab44-ab4982f05593.tmp</t>
  </si>
  <si>
    <t>12/23/2019 17:05:37</t>
  </si>
  <si>
    <t>12/23/2019 17:10:21</t>
  </si>
  <si>
    <t>12/23/2019 17:06:37</t>
  </si>
  <si>
    <t>12/23/2019 17:08:29</t>
  </si>
  <si>
    <t>12/23/2019 17:11:20</t>
  </si>
  <si>
    <t>12/23/2019 17:06:02</t>
  </si>
  <si>
    <t>12/23/2019 17:09:41</t>
  </si>
  <si>
    <t>12/23/2019 17:14:21</t>
  </si>
  <si>
    <t>12/23/2019 17:09:55</t>
  </si>
  <si>
    <t>12/23/2019 17:10:31</t>
  </si>
  <si>
    <t>12/23/2019 17:10:36</t>
  </si>
  <si>
    <t>mail.google.com/sync/u/0/i/s?hl=pt-BR&amp;c=498</t>
  </si>
  <si>
    <t>12/23/2019 17:10:42</t>
  </si>
  <si>
    <t>12/23/2019 17:11:10</t>
  </si>
  <si>
    <t>12/23/2019 17:11:18</t>
  </si>
  <si>
    <t>12/23/2019 17:11:21</t>
  </si>
  <si>
    <t>12/23/2019 17:11:24</t>
  </si>
  <si>
    <t>12/23/2019 17:11:44</t>
  </si>
  <si>
    <t>12/23/2019 17:11:58</t>
  </si>
  <si>
    <t>mail.google.com/sync/u/0/i/s?hl=pt-BR&amp;c=513</t>
  </si>
  <si>
    <t>12/23/2019 17:12:14</t>
  </si>
  <si>
    <t>12/23/2019 17:12:39</t>
  </si>
  <si>
    <t>12/23/2019 17:13:00</t>
  </si>
  <si>
    <t>12/23/2019 17:13:14</t>
  </si>
  <si>
    <t>mail.google.com/sync/u/0/i/s?hl=pt-BR&amp;c=522</t>
  </si>
  <si>
    <t>12/23/2019 17:13:15</t>
  </si>
  <si>
    <t>12/23/2019 17:13:19</t>
  </si>
  <si>
    <t>12/23/2019 17:13:30</t>
  </si>
  <si>
    <t>12/23/2019 17:13:45</t>
  </si>
  <si>
    <t>12/23/2019 17:13:50</t>
  </si>
  <si>
    <t>12/23/2019 17:13:53</t>
  </si>
  <si>
    <t>12/23/2019 17:13:58</t>
  </si>
  <si>
    <t>mail.google.com/sync/u/0/i/s?hl=pt-BR&amp;c=536</t>
  </si>
  <si>
    <t>12/23/2019 17:14:06</t>
  </si>
  <si>
    <t>mail.google.com/sync/u/0/i/s?hl=pt-BR&amp;c=538</t>
  </si>
  <si>
    <t>12/23/2019 17:11:37</t>
  </si>
  <si>
    <t>12/23/2019 17:15:20</t>
  </si>
  <si>
    <t>12/23/2019 17:12:37</t>
  </si>
  <si>
    <t>12/23/2019 17:14:18</t>
  </si>
  <si>
    <t>12/23/2019 17:14:56</t>
  </si>
  <si>
    <t>12/23/2019 17:16:21</t>
  </si>
  <si>
    <t>12/23/2019 17:12:16</t>
  </si>
  <si>
    <t>12/23/2019 17:12:26</t>
  </si>
  <si>
    <t>12/23/2019 17:12:43</t>
  </si>
  <si>
    <t>12/23/2019 17:17:04</t>
  </si>
  <si>
    <t>12/23/2019 17:19:20</t>
  </si>
  <si>
    <t>211502e4-a57f-419e-9465-9e5f20ef1c67.tmp</t>
  </si>
  <si>
    <t>\\acsfs\profiles$\leonardobb\Downloads\211502e4-a57f-419e-9465-9e5f20ef1c67.tmp</t>
  </si>
  <si>
    <t>12/23/2019 17:15:23</t>
  </si>
  <si>
    <t>f08eb31e-80a1-4d0d-b072-56e858a79fe9.tmp</t>
  </si>
  <si>
    <t>\\acsfs\profiles$\leticiala\Downloads\f08eb31e-80a1-4d0d-b072-56e858a79fe9.tmp</t>
  </si>
  <si>
    <t>12/23/2019 17:15:34</t>
  </si>
  <si>
    <t>12/23/2019 17:15:42</t>
  </si>
  <si>
    <t>12/23/2019 17:16:17</t>
  </si>
  <si>
    <t>mail.google.com/_/upload?authuser=0&amp;dcp=asu-n&amp;upload_id=AEnB2UqBleTTio64ZZSJ_38mNWcGySlRfghyR26e40vZPvPd3htFCJGkZPsu8HvmYUU0TQW4dOt0fMWFeP-YPy8HUAzo6ft5QRD89WKDiABn8ckzdGMZHJY&amp;upload_protocol=resumable</t>
  </si>
  <si>
    <t>12/23/2019 17:16:19</t>
  </si>
  <si>
    <t>12/23/2019 17:16:32</t>
  </si>
  <si>
    <t>12/23/2019 17:16:38</t>
  </si>
  <si>
    <t>12/23/2019 17:16:39</t>
  </si>
  <si>
    <t>mail.google.com/sync/u/0/i/s?hl=pt-BR&amp;c=556</t>
  </si>
  <si>
    <t>12/23/2019 17:17:37</t>
  </si>
  <si>
    <t>12/23/2019 17:20:20</t>
  </si>
  <si>
    <t>12/23/2019 17:18:38</t>
  </si>
  <si>
    <t>12/23/2019 17:17:30</t>
  </si>
  <si>
    <t>7638e32c-3b18-41af-8c35-82d5dd950507.tmp</t>
  </si>
  <si>
    <t>\\acsfs\profiles$\valeriasda\Downloads\7638e32c-3b18-41af-8c35-82d5dd950507.tmp</t>
  </si>
  <si>
    <t>12/23/2019 17:20:10</t>
  </si>
  <si>
    <t>12/23/2019 17:21:20</t>
  </si>
  <si>
    <t>12/23/2019 17:18:00</t>
  </si>
  <si>
    <t>12/23/2019 17:18:18</t>
  </si>
  <si>
    <t>12/23/2019 17:18:26</t>
  </si>
  <si>
    <t>12/23/2019 17:18:43</t>
  </si>
  <si>
    <t>12/23/2019 17:19:09</t>
  </si>
  <si>
    <t>12/23/2019 17:22:20</t>
  </si>
  <si>
    <t>12/23/2019 17:24:20</t>
  </si>
  <si>
    <t>\\acsfs\profiles$\leonardobb\Contacts\</t>
  </si>
  <si>
    <t>LEONARDO BORGES BARCELOS (28).contact</t>
  </si>
  <si>
    <t>\\acsfs\profiles$\leonardobb\Contacts\LEONARDO BORGES BARCELOS (28).contact</t>
  </si>
  <si>
    <t>12/23/2019 17:19:58</t>
  </si>
  <si>
    <t>616ea266-d57c-43b5-89f4-30ff47413f44.tmp</t>
  </si>
  <si>
    <t>\\acsfs\profiles$\leticiala\Downloads\616ea266-d57c-43b5-89f4-30ff47413f44.tmp</t>
  </si>
  <si>
    <t>12/23/2019 17:23:37</t>
  </si>
  <si>
    <t>12/23/2019 17:25:20</t>
  </si>
  <si>
    <t>12/23/2019 17:24:37</t>
  </si>
  <si>
    <t>12/23/2019 17:23:56</t>
  </si>
  <si>
    <t>12/23/2019 17:26:21</t>
  </si>
  <si>
    <t>12/23/2019 17:24:05</t>
  </si>
  <si>
    <t>12/23/2019 17:24:17</t>
  </si>
  <si>
    <t>12/23/2019 17:25:56</t>
  </si>
  <si>
    <t>12/23/2019 17:23:16</t>
  </si>
  <si>
    <t>CPF 39354016120 DILMA LOPES SANTANA.pdf</t>
  </si>
  <si>
    <t>\\acsfs\Deptos\EDUCACAO EMPRESARIAL\KÉSIA\LIGAÇÕES 1220\CPF 39354016120 DILMA LOPES SANTANA.pdf</t>
  </si>
  <si>
    <t>\\acsfs\Deptos\EDUCACAO EMPRESARIAL\KÉSIA\LIGAÇÕES 1220\CPF 39354016120 DILMA LOPES SANTANA.pdf\</t>
  </si>
  <si>
    <t>\\acsfs\Deptos\EDUCACAO EMPRESARIAL\KÉSIA\LIGAÇÕES 1220\CPF 39354016120 DILMA LOPES SANTANA.pdf\:Zone.Identifier:$DATA</t>
  </si>
  <si>
    <t>12/23/2019 17:27:16</t>
  </si>
  <si>
    <t>12/23/2019 17:28:21</t>
  </si>
  <si>
    <t>34682a29-c82a-4d05-9b9f-b2fbe526e460.tmp</t>
  </si>
  <si>
    <t>\\acsfs\profiles$\georgendsq\Downloads\34682a29-c82a-4d05-9b9f-b2fbe526e460.tmp</t>
  </si>
  <si>
    <t>12/23/2019 17:27:19</t>
  </si>
  <si>
    <t>\\acsfs\profiles$\gisellyador\My Documents\Clientes\</t>
  </si>
  <si>
    <t>23-12-19.txt</t>
  </si>
  <si>
    <t>\\acsfs\profiles$\gisellyador\My Documents\Clientes\23-12-19.txt</t>
  </si>
  <si>
    <t>12/23/2019 17:25:55</t>
  </si>
  <si>
    <t>12/23/2019 17:29:20</t>
  </si>
  <si>
    <t>d064d7f4-9b6f-45fb-91e1-5a168496f31e.tmp</t>
  </si>
  <si>
    <t>\\acsfs\profiles$\leonardobb\Downloads\d064d7f4-9b6f-45fb-91e1-5a168496f31e.tmp</t>
  </si>
  <si>
    <t>12/23/2019 17:28:18</t>
  </si>
  <si>
    <t>e4b05fb9-5b86-4b78-b09e-2001b1b17c6f.tmp</t>
  </si>
  <si>
    <t>\\acsfs\profiles$\leonardobb\Downloads\e4b05fb9-5b86-4b78-b09e-2001b1b17c6f.tmp</t>
  </si>
  <si>
    <t>12/23/2019 17:27:56</t>
  </si>
  <si>
    <t>12/23/2019 17:28:48</t>
  </si>
  <si>
    <t>12/23/2019 17:29:37</t>
  </si>
  <si>
    <t>12/23/2019 17:30:21</t>
  </si>
  <si>
    <t>12/23/2019 17:26:30</t>
  </si>
  <si>
    <t>12/23/2019 17:31:20</t>
  </si>
  <si>
    <t>12/23/2019 17:27:08</t>
  </si>
  <si>
    <t>12/23/2019 17:29:02</t>
  </si>
  <si>
    <t>12/23/2019 17:29:13</t>
  </si>
  <si>
    <t>12/23/2019 17:29:15</t>
  </si>
  <si>
    <t>12/23/2019 17:26:19</t>
  </si>
  <si>
    <t>backofficebv@dxc.com;bvs-centralcartoes@bvfinanceira.com.br;fabianacscg@algartech.com;fernandorsju@algartech.com;jean.loiola@bv.com.br;kesiadof@algartech.com;larissa.alcantara@bv.com.br;marianeps@algartech.com;talmaiardo@algartech.com;thiagordu@algartech.com;</t>
  </si>
  <si>
    <t>backofficebv@dxc.com,bvs-centralcartoes@bvfinanceira.com.br,fabianacscg@algartech.com,fernandorsju@algartech.com,jean.loiola@bv.com.br,kesiadof@algartech.com,larissa.alcantara@bv.com.br,marianeps@algartech.com,talmaiardo@algartech.com,thiagordu@algartech.com</t>
  </si>
  <si>
    <t>12/23/2019 17:28:07</t>
  </si>
  <si>
    <t>mail.google.com/_/upload?authuser=0&amp;dcp=asu-n&amp;upload_id=AEnB2UpdXxNQ13AZQPe5bVB1g3p0CbJCh6AZ7xal_OQBTgG8IDpEZsEn5q1_SJ_CAdlYuqECMPZtuihgCGG4X3WHso6MJtYqMAS_q7TIS-aXel12cptRqqg&amp;upload_protocol=resumable</t>
  </si>
  <si>
    <t>12/23/2019 17:27:30</t>
  </si>
  <si>
    <t>12/23/2019 17:32:20</t>
  </si>
  <si>
    <t>12/23/2019 17:30:37</t>
  </si>
  <si>
    <t>12/23/2019 17:34:20</t>
  </si>
  <si>
    <t>12/23/2019 17:31:01</t>
  </si>
  <si>
    <t>12/23/2019 17:32:37</t>
  </si>
  <si>
    <t>mail.google.com/sync/u/0/i/s?hl=pt-BR&amp;c=608</t>
  </si>
  <si>
    <t>12/23/2019 17:32:45</t>
  </si>
  <si>
    <t>mail.google.com/sync/u/0/i/s?hl=pt-BR&amp;c=610</t>
  </si>
  <si>
    <t>12/23/2019 17:32:59</t>
  </si>
  <si>
    <t>mail.google.com/sync/u/0/i/s?hl=pt-BR&amp;c=612</t>
  </si>
  <si>
    <t>12/23/2019 17:33:02</t>
  </si>
  <si>
    <t>mail.google.com/sync/u/0/i/s?hl=pt-BR&amp;c=614</t>
  </si>
  <si>
    <t>12/23/2019 17:33:12</t>
  </si>
  <si>
    <t>12/23/2019 17:33:18</t>
  </si>
  <si>
    <t>12/23/2019 17:35:20</t>
  </si>
  <si>
    <t>12/23/2019 17:31:17</t>
  </si>
  <si>
    <t>12/23/2019 17:36:20</t>
  </si>
  <si>
    <t>\\acsfs\Deptos\EDUCACAO EMPRESARIAL\FERNANDA MONIT\Fernanda\RECLAMAÇÃO E OUVIDORIA\MODELO DE LAUDO EM BRANCO(3) - Cópia - Cópia - Cópia.docx\</t>
  </si>
  <si>
    <t>12/23/2019 17:36:17</t>
  </si>
  <si>
    <t>12/23/2019 17:39:21</t>
  </si>
  <si>
    <t>12/23/2019 17:35:37</t>
  </si>
  <si>
    <t>12/23/2019 17:40:20</t>
  </si>
  <si>
    <t>12/23/2019 17:36:37</t>
  </si>
  <si>
    <t>12/23/2019 17:41:20</t>
  </si>
  <si>
    <t>12/23/2019 17:38:54</t>
  </si>
  <si>
    <t>12/23/2019 17:43:20</t>
  </si>
  <si>
    <t>12/23/2019 17:41:37</t>
  </si>
  <si>
    <t>12/23/2019 17:45:21</t>
  </si>
  <si>
    <t>12/23/2019 17:42:37</t>
  </si>
  <si>
    <t>12/23/2019 17:45:17</t>
  </si>
  <si>
    <t>12/23/2019 17:46:20</t>
  </si>
  <si>
    <t>CPF 30879843888 - OPERADOR FERNANDO FREITAS SILVA_1_6762236479318067645_1_32.wav</t>
  </si>
  <si>
    <t>\\acsfs\Deptos\EDUCACAO EMPRESARIAL\KÉSIA\LIGAÇÕES 1220\CPF 30879843888 - OPERADOR FERNANDO FREITAS SILVA_1_6762236479318067645_1_32.wav</t>
  </si>
  <si>
    <t>12/23/2019 17:45:40</t>
  </si>
  <si>
    <t>12/23/2019 17:47:21</t>
  </si>
  <si>
    <t>XLOG_Angelicacldr_23122019_145326.log</t>
  </si>
  <si>
    <t>\\acsfs\profiles$\Angelicacldr\My Documents\xworkcenter\logs\XLOG_Angelicacldr_23122019_145326.log</t>
  </si>
  <si>
    <t>12/23/2019 17:45:46</t>
  </si>
  <si>
    <t>12/23/2019 17:47:37</t>
  </si>
  <si>
    <t>12/23/2019 17:50:21</t>
  </si>
  <si>
    <t>12/23/2019 17:48:38</t>
  </si>
  <si>
    <t>12/23/2019 17:49:11</t>
  </si>
  <si>
    <t>12/23/2019 17:51:20</t>
  </si>
  <si>
    <t>CPF 52747760510 Amilton Moura Ferreira.pdf</t>
  </si>
  <si>
    <t>\\acsfs\Deptos\EDUCACAO EMPRESARIAL\FERNANDA MONIT\Fernanda\RECLAMAÇÃO E OUVIDORIA\CPF 52747760510 Amilton Moura Ferreira.pdf</t>
  </si>
  <si>
    <t>12/23/2019 17:49:03</t>
  </si>
  <si>
    <t>12/23/2019 17:52:02</t>
  </si>
  <si>
    <t>12/23/2019 17:55:20</t>
  </si>
  <si>
    <t>12/23/2019 17:52:28</t>
  </si>
  <si>
    <t>mail.google.com/sync/u/0/i/s?hl=pt-BR&amp;c=643</t>
  </si>
  <si>
    <t>12/23/2019 17:52:32</t>
  </si>
  <si>
    <t>mail.google.com/sync/u/0/i/s?hl=pt-BR&amp;c=646</t>
  </si>
  <si>
    <t>12/23/2019 17:52:51</t>
  </si>
  <si>
    <t>mail.google.com/sync/u/0/i/s?hl=pt-BR&amp;c=648</t>
  </si>
  <si>
    <t>12/23/2019 17:53:02</t>
  </si>
  <si>
    <t>12/23/2019 17:53:16</t>
  </si>
  <si>
    <t>mail.google.com/sync/u/0/i/s?hl=pt-BR&amp;c=653</t>
  </si>
  <si>
    <t>12/23/2019 17:52:47</t>
  </si>
  <si>
    <t>12/23/2019 17:50:47</t>
  </si>
  <si>
    <t>12/23/2019 17:51:05</t>
  </si>
  <si>
    <t>12/23/2019 17:51:31</t>
  </si>
  <si>
    <t>12/23/2019 17:53:59</t>
  </si>
  <si>
    <t>12/23/2019 17:53:37</t>
  </si>
  <si>
    <t>12/23/2019 17:54:37</t>
  </si>
  <si>
    <t>12/23/2019 17:51:30</t>
  </si>
  <si>
    <t>12/23/2019 17:56:20</t>
  </si>
  <si>
    <t>backofficebv@dxc.com;bvs-centralcartoes@bvfinanceira.com.br;eduardo.santana@bv.com.br;fabianacscg@algartech.com;fabio.ernest@bv.com.br;fernandorsju@algartech.com;jean.loiola@bv.com.br;kesiadof@algartech.com;larisacc@algartech.com;larissa.alcantara@bv.com.br;lilianls@algartech.com;marianeps@algartech.com;marianerdo@algartech.com;mirianppb@algartech.com;talmaiardo@algartech.com;thiagord@algartech.com;thiagordu@algartech.com;</t>
  </si>
  <si>
    <t>backofficebv@dxc.com,bvs-centralcartoes@bvfinanceira.com.br,eduardo.santana@bv.com.br,fabianacscg@algartech.com,fabio.ernest@bv.com.br,fernandorsju@algartech.com,jean.loiola@bv.com.br,kesiadof@algartech.com,larisacc@algartech.com,larissa.alcantara@bv.com.br,lilianls@algartech.com,marianeps@algartech.com,marianerdo@algartech.com,mirianppb@algartech.com,talmaiardo@algartech.com,thiagord@algartech.com,thiagordu@algartech.com</t>
  </si>
  <si>
    <t>12/23/2019 17:51:43</t>
  </si>
  <si>
    <t>mail.google.com/_/upload?authuser=0&amp;dcp=asu-n&amp;upload_id=AEnB2Up6e-ezMFpIjUOjqRI84wvg2TqrXOplPKqmLrT4bnMpk6WwyknrX2fI0RNYhNcPkr0lTqHEClV28x6onxjjHb3z7jTT8mmp-5RtCDg7pX0b1gS4gk4&amp;upload_protocol=resumable</t>
  </si>
  <si>
    <t>CPF 52747760510Laura Nicolau de Oliveira Santos_1_6771124768108255343_1_32.wav</t>
  </si>
  <si>
    <t>12/23/2019 17:53:42</t>
  </si>
  <si>
    <t>12/23/2019 17:57:20</t>
  </si>
  <si>
    <t>18dc3f0e-f065-49ca-8b49-85eaf718633d.tmp</t>
  </si>
  <si>
    <t>\\acsfs\profiles$\bernardopcm\Downloads\18dc3f0e-f065-49ca-8b49-85eaf718633d.tmp</t>
  </si>
  <si>
    <t>12/23/2019 17:54:38</t>
  </si>
  <si>
    <t>12/23/2019 17:59:21</t>
  </si>
  <si>
    <t>49602024-c2a9-4844-b34e-4b8d3d0176df.tmp</t>
  </si>
  <si>
    <t>\\acsfs\profiles$\leonardobb\Downloads\49602024-c2a9-4844-b34e-4b8d3d0176df.tmp</t>
  </si>
  <si>
    <t>12/23/2019 17:59:37</t>
  </si>
  <si>
    <t>12/23/2019 18:00:20</t>
  </si>
  <si>
    <t>12/23/2019 17:57:18</t>
  </si>
  <si>
    <t>12/23/2019 18:01:21</t>
  </si>
  <si>
    <t>\\acsfs\Deptos\EDUCACAO EMPRESARIAL\FERNANDA MONIT\Ligaçoes operadores Ativos 23-12\</t>
  </si>
  <si>
    <t>Geovana Aline Santos E Silva_1_6773695533668186809_1_32.wav</t>
  </si>
  <si>
    <t>\\acsfs\Deptos\EDUCACAO EMPRESARIAL\FERNANDA MONIT\Ligaçoes operadores Ativos 23-12\Geovana Aline Santos E Silva_1_6773695533668186809_1_32.wav</t>
  </si>
  <si>
    <t>12/23/2019 17:57:35</t>
  </si>
  <si>
    <t>Geovana Aline Santos E Silva_2 1_6773695533668186809_1_32_1_6773692222248397456_1_32.wav</t>
  </si>
  <si>
    <t>\\acsfs\Deptos\EDUCACAO EMPRESARIAL\FERNANDA MONIT\Ligaçoes operadores Ativos 23-12\Geovana Aline Santos E Silva_2 1_6773695533668186809_1_32_1_6773692222248397456_1_32.wav</t>
  </si>
  <si>
    <t>12/23/2019 17:57:50</t>
  </si>
  <si>
    <t>Geovana Aline Santos E Silva_3 1_6773695533668186809_1_32_1_6773687149892014035_1_32.wav</t>
  </si>
  <si>
    <t>\\acsfs\Deptos\EDUCACAO EMPRESARIAL\FERNANDA MONIT\Ligaçoes operadores Ativos 23-12\Geovana Aline Santos E Silva_3 1_6773695533668186809_1_32_1_6773687149892014035_1_32.wav</t>
  </si>
  <si>
    <t>12/23/2019 17:58:10</t>
  </si>
  <si>
    <t>Geovana Aline Santos E Silva_14_6773695533668186809_1_32_1_6773670090281923650_1_32.wav</t>
  </si>
  <si>
    <t>\\acsfs\Deptos\EDUCACAO EMPRESARIAL\FERNANDA MONIT\Ligaçoes operadores Ativos 23-12\Geovana Aline Santos E Silva_14_6773695533668186809_1_32_1_6773670090281923650_1_32.wav</t>
  </si>
  <si>
    <t>12/23/2019 17:58:22</t>
  </si>
  <si>
    <t>Geovana Aline Santos E Silva_15 _6773695533668186809_1_32_1_6773665464602139726_1_32.wav</t>
  </si>
  <si>
    <t>\\acsfs\Deptos\EDUCACAO EMPRESARIAL\FERNANDA MONIT\Ligaçoes operadores Ativos 23-12\Geovana Aline Santos E Silva_15 _6773695533668186809_1_32_1_6773665464602139726_1_32.wav</t>
  </si>
  <si>
    <t>12/23/2019 17:58:47</t>
  </si>
  <si>
    <t>Geovana Aline Santos E Silva_16_6773695533668186809_1_32_1_6773639806467515800_1_32.wav</t>
  </si>
  <si>
    <t>\\acsfs\Deptos\EDUCACAO EMPRESARIAL\FERNANDA MONIT\Ligaçoes operadores Ativos 23-12\Geovana Aline Santos E Silva_16_6773695533668186809_1_32_1_6773639806467515800_1_32.wav</t>
  </si>
  <si>
    <t>12/23/2019 17:58:55</t>
  </si>
  <si>
    <t>Geovana Aline Santos E Silva_17_6773695533668186809_1_32_1_6773627879343336206_1_32.wav</t>
  </si>
  <si>
    <t>\\acsfs\Deptos\EDUCACAO EMPRESARIAL\FERNANDA MONIT\Ligaçoes operadores Ativos 23-12\Geovana Aline Santos E Silva_17_6773695533668186809_1_32_1_6773627879343336206_1_32.wav</t>
  </si>
  <si>
    <t>12/23/2019 17:59:34</t>
  </si>
  <si>
    <t>Geovana Aline Santos E Silva_1_7 6773695533668186809_1_32_1_6772575062600001836_1_32.wav</t>
  </si>
  <si>
    <t>\\acsfs\Deptos\EDUCACAO EMPRESARIAL\FERNANDA MONIT\Ligaçoes operadores Ativos 23-12\Geovana Aline Santos E Silva_1_7 6773695533668186809_1_32_1_6772575062600001836_1_32.wav</t>
  </si>
  <si>
    <t>12/23/2019 17:59:54</t>
  </si>
  <si>
    <t>Geovana Aline Santos E Silva 8_1_6773695533668186809_1_32_1_6772547506089832522_1_32.wav</t>
  </si>
  <si>
    <t>\\acsfs\Deptos\EDUCACAO EMPRESARIAL\FERNANDA MONIT\Ligaçoes operadores Ativos 23-12\Geovana Aline Santos E Silva 8_1_6773695533668186809_1_32_1_6772547506089832522_1_32.wav</t>
  </si>
  <si>
    <t>Geovana Aline Santos E Silva_1 8_7 6773695533668186809_1_32_1_6772575062600001836_1_32_1_6772533332697755140_1_32.wav</t>
  </si>
  <si>
    <t>\\acsfs\Deptos\EDUCACAO EMPRESARIAL\FERNANDA MONIT\Ligaçoes operadores Ativos 23-12\Geovana Aline Santos E Silva_1 8_7 6773695533668186809_1_32_1_6772575062600001836_1_32_1_6772533332697755140_1_32.wav</t>
  </si>
  <si>
    <t>12/23/2019 18:00:36</t>
  </si>
  <si>
    <t>Geovana Aline Santos E Silva_1 9 8_7 6773695533668186809_1_32_1_6772575062600001836_1_32_1_6772533332697755140_1_32_1_6772527998348367389_1_32.wav</t>
  </si>
  <si>
    <t>\\acsfs\Deptos\EDUCACAO EMPRESARIAL\FERNANDA MONIT\Ligaçoes operadores Ativos 23-12\Geovana Aline Santos E Silva_1 9 8_7 6773695533668186809_1_32_1_6772575062600001836_1_32_1_6772533332697755140_1_32_1_6772527998348367389_1_32.wav</t>
  </si>
  <si>
    <t>12/23/2019 18:01:34</t>
  </si>
  <si>
    <t>12/23/2019 18:02:21</t>
  </si>
  <si>
    <t>4ef00551-d042-4b47-91fd-d05b993f5f22.tmp</t>
  </si>
  <si>
    <t>\\acsfs\profiles$\rosileiam\Downloads\4ef00551-d042-4b47-91fd-d05b993f5f22.tmp</t>
  </si>
  <si>
    <t>12/23/2019 18:00:37</t>
  </si>
  <si>
    <t>12/23/2019 18:05:21</t>
  </si>
  <si>
    <t>12/23/2019 18:01:10</t>
  </si>
  <si>
    <t>12/23/2019 18:06:21</t>
  </si>
  <si>
    <t>Geovana Aline Santos E Silva_1 11 8_7 6773695533668186809_1_32_1_6772575062600001836_1_32_1_6772533332697755140_1_32_1_6772180436709874892_1_32.wav</t>
  </si>
  <si>
    <t>\\acsfs\Deptos\EDUCACAO EMPRESARIAL\FERNANDA MONIT\Ligaçoes operadores Ativos 23-12\Geovana Aline Santos E Silva_1 11 8_7 6773695533668186809_1_32_1_6772575062600001836_1_32_1_6772533332697755140_1_32_1_6772180436709874892_1_32.wav</t>
  </si>
  <si>
    <t>12/23/2019 18:02:07</t>
  </si>
  <si>
    <t>Flavio Junio Mendes Moreira_1_6773688687490308232_1_32.wav</t>
  </si>
  <si>
    <t>\\acsfs\Deptos\EDUCACAO EMPRESARIAL\FERNANDA MONIT\Ligaçoes operadores Ativos 23-12\Flavio Junio Mendes Moreira_1_6773688687490308232_1_32.wav</t>
  </si>
  <si>
    <t>12/23/2019 18:02:24</t>
  </si>
  <si>
    <t>Flavio Junio Mendes Moreira_12_6773688687490308232_1_32_1_6773667045150106680_1_32.wav</t>
  </si>
  <si>
    <t>\\acsfs\Deptos\EDUCACAO EMPRESARIAL\FERNANDA MONIT\Ligaçoes operadores Ativos 23-12\Flavio Junio Mendes Moreira_12_6773688687490308232_1_32_1_6773667045150106680_1_32.wav</t>
  </si>
  <si>
    <t>12/23/2019 18:02:42</t>
  </si>
  <si>
    <t>Flavio Junio Mendes Moreira_312_6773688687490308232_1_32_1_6773667045150106680_1_32_1_6773645016262851727_1_32.wav</t>
  </si>
  <si>
    <t>\\acsfs\Deptos\EDUCACAO EMPRESARIAL\FERNANDA MONIT\Ligaçoes operadores Ativos 23-12\Flavio Junio Mendes Moreira_312_6773688687490308232_1_32_1_6773667045150106680_1_32_1_6773645016262851727_1_32.wav</t>
  </si>
  <si>
    <t>12/23/2019 18:03:02</t>
  </si>
  <si>
    <t>Flavio Junio Mendes Moreira_1_36773688687490308232_1_32_1_6773634519362768318_1_32.wav</t>
  </si>
  <si>
    <t>\\acsfs\Deptos\EDUCACAO EMPRESARIAL\FERNANDA MONIT\Ligaçoes operadores Ativos 23-12\Flavio Junio Mendes Moreira_1_36773688687490308232_1_32_1_6773634519362768318_1_32.wav</t>
  </si>
  <si>
    <t>12/23/2019 18:03:24</t>
  </si>
  <si>
    <t>Flavio Junio Mendes Moreira_1_436773688687490308232_1_32_1_6773634519362768318_1_32_1_6772575127024511318_1_32.wav</t>
  </si>
  <si>
    <t>\\acsfs\Deptos\EDUCACAO EMPRESARIAL\FERNANDA MONIT\Ligaçoes operadores Ativos 23-12\Flavio Junio Mendes Moreira_1_436773688687490308232_1_32_1_6773634519362768318_1_32_1_6772575127024511318_1_32.wav</t>
  </si>
  <si>
    <t>12/23/2019 18:03:39</t>
  </si>
  <si>
    <t>Flavio Junio Mendes Moreira_1_5436773688687490308232_1_32_1_6773634519362768318_1_32_1_6772575127024511318_1_32_1_6772559570652964588_1_32.wav</t>
  </si>
  <si>
    <t>\\acsfs\Deptos\EDUCACAO EMPRESARIAL\FERNANDA MONIT\Ligaçoes operadores Ativos 23-12\Flavio Junio Mendes Moreira_1_5436773688687490308232_1_32_1_6773634519362768318_1_32_1_6772575127024511318_1_32_1_6772559570652964588_1_32.wav</t>
  </si>
  <si>
    <t>12/23/2019 18:04:14</t>
  </si>
  <si>
    <t>Flavio Junio Mendes Moreira_1_9436773688687490308232_1_32_1_6773634519362768318_1_32_1_6772575127024511318_1_32_1_6772520920242271687_1_32.wav</t>
  </si>
  <si>
    <t>\\acsfs\Deptos\EDUCACAO EMPRESARIAL\FERNANDA MONIT\Ligaçoes operadores Ativos 23-12\Flavio Junio Mendes Moreira_1_9436773688687490308232_1_32_1_6773634519362768318_1_32_1_6772575127024511318_1_32_1_6772520920242271687_1_32.wav</t>
  </si>
  <si>
    <t>12/23/2019 18:05:07</t>
  </si>
  <si>
    <t>Lucas Barbosa Da Silva_1_6773689731167362545_1_32.wav</t>
  </si>
  <si>
    <t>\\acsfs\Deptos\EDUCACAO EMPRESARIAL\FERNANDA MONIT\Ligaçoes operadores Ativos 23-12\Lucas Barbosa Da Silva_1_6773689731167362545_1_32.wav</t>
  </si>
  <si>
    <t>12/23/2019 18:05:36</t>
  </si>
  <si>
    <t>Lucas Barbosa Da Silva_2 1_6773689731167362545_1_32_1_6772565025261421298_1_32.wav</t>
  </si>
  <si>
    <t>\\acsfs\Deptos\EDUCACAO EMPRESARIAL\FERNANDA MONIT\Ligaçoes operadores Ativos 23-12\Lucas Barbosa Da Silva_2 1_6773689731167362545_1_32_1_6772565025261421298_1_32.wav</t>
  </si>
  <si>
    <t>12/23/2019 18:01:19</t>
  </si>
  <si>
    <t>https://udpmailboxap01/h/search?si=0&amp;so=0&amp;sc=52318&amp;sfi=2&amp;st=message&amp;action=compose</t>
  </si>
  <si>
    <t>12/23/2019 18:01:49</t>
  </si>
  <si>
    <t>12/23/2019 18:04:33</t>
  </si>
  <si>
    <t>12/23/2019 18:04:35</t>
  </si>
  <si>
    <t>12/23/2019 18:04:36</t>
  </si>
  <si>
    <t>12/23/2019 18:04:49</t>
  </si>
  <si>
    <t>12/23/2019 18:05:08</t>
  </si>
  <si>
    <t>12/23/2019 18:01:54</t>
  </si>
  <si>
    <t>12/23/2019 18:01:58</t>
  </si>
  <si>
    <t>mail.google.com/_/upload?authuser=0&amp;dcp=asu-n&amp;upload_id=AEnB2Uo_2fOjama4XHfXD0Q6R6EOf_TyqIow8v7z5DjoZU-hUVB1yQA4YzvCXq_ZltD5UKhTcJQkwQvayDHDNF1J4FzySRq3FA&amp;upload_protocol=resumable</t>
  </si>
  <si>
    <t>12/23/2019 18:02:53</t>
  </si>
  <si>
    <t>12/23/2019 18:07:21</t>
  </si>
  <si>
    <t>0bc2b21a-49ae-4093-9788-eef6ddd2e41e.tmp</t>
  </si>
  <si>
    <t>\\acsfs\profiles$\rosileiam\Downloads\0bc2b21a-49ae-4093-9788-eef6ddd2e41e.tmp</t>
  </si>
  <si>
    <t>12/23/2019 18:05:37</t>
  </si>
  <si>
    <t>12/23/2019 18:10:20</t>
  </si>
  <si>
    <t>12/23/2019 18:06:37</t>
  </si>
  <si>
    <t>12/23/2019 18:10:12</t>
  </si>
  <si>
    <t>12/23/2019 18:11:21</t>
  </si>
  <si>
    <t>12/23/2019 18:05:50</t>
  </si>
  <si>
    <t>Lucas Barbosa Da Silva_12 1_6773689731167362545_1_32_1_6772565025261421298_1_32_1_6772545319951476401_1_32.wav</t>
  </si>
  <si>
    <t>\\acsfs\Deptos\EDUCACAO EMPRESARIAL\FERNANDA MONIT\Ligaçoes operadores Ativos 23-12\Lucas Barbosa Da Silva_12 1_6773689731167362545_1_32_1_6772565025261421298_1_32_1_6772545319951476401_1_32.wav</t>
  </si>
  <si>
    <t>12/23/2019 18:06:06</t>
  </si>
  <si>
    <t>Lucas Barbosa Da Silva_12 1_96773689731167362545_1_32_1_6772565025261421298_1_32_1_6772545319951476401_1_32_1_6772532825891613666_1_32.wav</t>
  </si>
  <si>
    <t>\\acsfs\Deptos\EDUCACAO EMPRESARIAL\FERNANDA MONIT\Ligaçoes operadores Ativos 23-12\Lucas Barbosa Da Silva_12 1_96773689731167362545_1_32_1_6772565025261421298_1_32_1_6772545319951476401_1_32_1_6772532825891613666_1_32.wav</t>
  </si>
  <si>
    <t>12/23/2019 18:06:28</t>
  </si>
  <si>
    <t>Lucas Barbosa Da Silva_12 4 1_6773689731167362545_1_32_1_6772565025261421298_1_32_1_6772545319951476401_1_32_1_6772202877913993066_1_32.wav</t>
  </si>
  <si>
    <t>\\acsfs\Deptos\EDUCACAO EMPRESARIAL\FERNANDA MONIT\Ligaçoes operadores Ativos 23-12\Lucas Barbosa Da Silva_12 4 1_6773689731167362545_1_32_1_6772565025261421298_1_32_1_6772545319951476401_1_32_1_6772202877913993066_1_32.wav</t>
  </si>
  <si>
    <t>12/23/2019 18:07:33</t>
  </si>
  <si>
    <t>Claudio Janaina Celeste de Andrade_1_6773694558710609529_1_32.wav</t>
  </si>
  <si>
    <t>\\acsfs\Deptos\EDUCACAO EMPRESARIAL\FERNANDA MONIT\Ligaçoes operadores Ativos 23-12\Claudio Janaina Celeste de Andrade_1_6773694558710609529_1_32.wav</t>
  </si>
  <si>
    <t>12/23/2019 18:07:49</t>
  </si>
  <si>
    <t>Claudio Janaina Celeste de Andrade 2_1_6773694558710609529_1_32_1_6773681837017478050_1_32.wav</t>
  </si>
  <si>
    <t>\\acsfs\Deptos\EDUCACAO EMPRESARIAL\FERNANDA MONIT\Ligaçoes operadores Ativos 23-12\Claudio Janaina Celeste de Andrade 2_1_6773694558710609529_1_32_1_6773681837017478050_1_32.wav</t>
  </si>
  <si>
    <t>12/23/2019 18:08:05</t>
  </si>
  <si>
    <t>Claudio Janaina Celeste de Andrade 3 2_1_6773694558710609529_1_32_1_6773681837017478050_1_32_1_6773669686554997256_1_32.wav</t>
  </si>
  <si>
    <t>\\acsfs\Deptos\EDUCACAO EMPRESARIAL\FERNANDA MONIT\Ligaçoes operadores Ativos 23-12\Claudio Janaina Celeste de Andrade 3 2_1_6773694558710609529_1_32_1_6773681837017478050_1_32_1_6773669686554997256_1_32.wav</t>
  </si>
  <si>
    <t>12/23/2019 18:08:25</t>
  </si>
  <si>
    <t>Claudio Janaina Celeste de Andrade 4_1_6773694558710609529_1_32_1_6772523535877341926_1_32.wav</t>
  </si>
  <si>
    <t>\\acsfs\Deptos\EDUCACAO EMPRESARIAL\FERNANDA MONIT\Ligaçoes operadores Ativos 23-12\Claudio Janaina Celeste de Andrade 4_1_6773694558710609529_1_32_1_6772523535877341926_1_32.wav</t>
  </si>
  <si>
    <t>12/23/2019 18:09:30</t>
  </si>
  <si>
    <t>ISABELLE GOMES TEIXEIRA DOS SANTOS_1_6773643577448805988_1_32.wav</t>
  </si>
  <si>
    <t>\\acsfs\Deptos\EDUCACAO EMPRESARIAL\FERNANDA MONIT\Ligaçoes operadores Ativos 23-12\ISABELLE GOMES TEIXEIRA DOS SANTOS_1_6773643577448805988_1_32.wav</t>
  </si>
  <si>
    <t>12/23/2019 18:09:48</t>
  </si>
  <si>
    <t>ISABELLE GOMES TEIXEIRA DOS SANTOS 2_1_6773631547245411872_1_32.wav</t>
  </si>
  <si>
    <t>\\acsfs\Deptos\EDUCACAO EMPRESARIAL\FERNANDA MONIT\Ligaçoes operadores Ativos 23-12\ISABELLE GOMES TEIXEIRA DOS SANTOS 2_1_6773631547245411872_1_32.wav</t>
  </si>
  <si>
    <t>12/23/2019 18:10:04</t>
  </si>
  <si>
    <t>ISABELLE GOMES TEIXEIRA DOS SANTOS 4_1_6773623266548453761_1_32.wav</t>
  </si>
  <si>
    <t>\\acsfs\Deptos\EDUCACAO EMPRESARIAL\FERNANDA MONIT\Ligaçoes operadores Ativos 23-12\ISABELLE GOMES TEIXEIRA DOS SANTOS 4_1_6773623266548453761_1_32.wav</t>
  </si>
  <si>
    <t>12/23/2019 18:07:25</t>
  </si>
  <si>
    <t>0da88397-99f0-41f9-a9f6-a4b27f4d873e.tmp</t>
  </si>
  <si>
    <t>\\acsfs\profiles$\alessandraan\Downloads\0da88397-99f0-41f9-a9f6-a4b27f4d873e.tmp</t>
  </si>
  <si>
    <t>12/23/2019 18:07:37</t>
  </si>
  <si>
    <t>3a9b59a6-e996-4fd4-b86a-0d342fac5477.tmp</t>
  </si>
  <si>
    <t>\\acsfs\profiles$\alessandraan\Downloads\3a9b59a6-e996-4fd4-b86a-0d342fac5477.tmp</t>
  </si>
  <si>
    <t>12/23/2019 18:12:52</t>
  </si>
  <si>
    <t>12/23/2019 18:13:21</t>
  </si>
  <si>
    <t>12/23/2019 18:14:00</t>
  </si>
  <si>
    <t>12/23/2019 18:15:21</t>
  </si>
  <si>
    <t>12/23/2019 18:11:38</t>
  </si>
  <si>
    <t>12/23/2019 18:12:38</t>
  </si>
  <si>
    <t>12/23/2019 18:10:47</t>
  </si>
  <si>
    <t>12/23/2019 18:16:21</t>
  </si>
  <si>
    <t>ISABELLE GOMES TEIXEIRA DOS SANTOS 5_1_6772562495525697253_1_32.wav</t>
  </si>
  <si>
    <t>\\acsfs\Deptos\EDUCACAO EMPRESARIAL\FERNANDA MONIT\Ligaçoes operadores Ativos 23-12\ISABELLE GOMES TEIXEIRA DOS SANTOS 5_1_6772562495525697253_1_32.wav</t>
  </si>
  <si>
    <t>12/23/2019 18:10:58</t>
  </si>
  <si>
    <t>ISABELLE GOMES TEIXEIRA DOS SANTOS 8_1_6772549099522700918_1_32.wav</t>
  </si>
  <si>
    <t>\\acsfs\Deptos\EDUCACAO EMPRESARIAL\FERNANDA MONIT\Ligaçoes operadores Ativos 23-12\ISABELLE GOMES TEIXEIRA DOS SANTOS 8_1_6772549099522700918_1_32.wav</t>
  </si>
  <si>
    <t>12/23/2019 18:11:10</t>
  </si>
  <si>
    <t>ISABELLE GOMES TEIXEIRA DOS SANTOS 10_1_6772524863022237906_1_32.wav</t>
  </si>
  <si>
    <t>\\acsfs\Deptos\EDUCACAO EMPRESARIAL\FERNANDA MONIT\Ligaçoes operadores Ativos 23-12\ISABELLE GOMES TEIXEIRA DOS SANTOS 10_1_6772524863022237906_1_32.wav</t>
  </si>
  <si>
    <t>12/23/2019 18:16:49</t>
  </si>
  <si>
    <t>12/23/2019 18:17:21</t>
  </si>
  <si>
    <t>12/23/2019 18:17:38</t>
  </si>
  <si>
    <t>12/23/2019 18:20:21</t>
  </si>
  <si>
    <t>12/23/2019 18:18:39</t>
  </si>
  <si>
    <t>12/23/2019 18:18:49</t>
  </si>
  <si>
    <t>12/23/2019 18:19:09</t>
  </si>
  <si>
    <t>12/23/2019 18:19:30</t>
  </si>
  <si>
    <t>12/23/2019 18:20:24</t>
  </si>
  <si>
    <t>12/23/2019 18:23:21</t>
  </si>
  <si>
    <t>12/23/2019 18:18:56</t>
  </si>
  <si>
    <t>12/23/2019 18:24:21</t>
  </si>
  <si>
    <t>90477b32-87ce-43ef-886d-96bdec925c94.tmp</t>
  </si>
  <si>
    <t>\\acsfs\profiles$\vivianibfs\Downloads\90477b32-87ce-43ef-886d-96bdec925c94.tmp</t>
  </si>
  <si>
    <t>12/23/2019 18:23:38</t>
  </si>
  <si>
    <t>12/23/2019 18:25:20</t>
  </si>
  <si>
    <t>12/23/2019 18:24:38</t>
  </si>
  <si>
    <t>12/23/2019 18:21:09</t>
  </si>
  <si>
    <t>12/23/2019 18:26:21</t>
  </si>
  <si>
    <t>610cb949-e111-4497-bd12-47a8b2827bd7.tmp</t>
  </si>
  <si>
    <t>\\acsfs\profiles$\fabianafv\Downloads\610cb949-e111-4497-bd12-47a8b2827bd7.tmp</t>
  </si>
  <si>
    <t>12/23/2019 18:22:48</t>
  </si>
  <si>
    <t>\\acsfs\Deptos\EDUCACAO EMPRESARIAL\00\</t>
  </si>
  <si>
    <t>\\acsfs\Deptos\EDUCACAO EMPRESARIAL\00\Thumbs.db</t>
  </si>
  <si>
    <t>12/23/2019 18:22:53</t>
  </si>
  <si>
    <t>12/23/2019 18:23:01</t>
  </si>
  <si>
    <t>CPF 30879843888 VALERIA APARECIDA RIBEIRO SANTOS.pdf</t>
  </si>
  <si>
    <t>\\acsfs\Deptos\EDUCACAO EMPRESARIAL\KÉSIA\LIGAÇÕES 1220\CPF 30879843888 VALERIA APARECIDA RIBEIRO SANTOS.pdf</t>
  </si>
  <si>
    <t>\\acsfs\Deptos\EDUCACAO EMPRESARIAL\KÉSIA\LIGAÇÕES 1220\CPF 30879843888 VALERIA APARECIDA RIBEIRO SANTOS.pdf\</t>
  </si>
  <si>
    <t>\\acsfs\Deptos\EDUCACAO EMPRESARIAL\KÉSIA\LIGAÇÕES 1220\CPF 30879843888 VALERIA APARECIDA RIBEIRO SANTOS.pdf\:Zone.Identifier:$DATA</t>
  </si>
  <si>
    <t>12/23/2019 18:29:38</t>
  </si>
  <si>
    <t>12/23/2019 18:30:21</t>
  </si>
  <si>
    <t>12/23/2019 18:29:55</t>
  </si>
  <si>
    <t>12/23/2019 18:34:20</t>
  </si>
  <si>
    <t>12/23/2019 18:29:56</t>
  </si>
  <si>
    <t>12/23/2019 18:29:57</t>
  </si>
  <si>
    <t>12/23/2019 18:29:58</t>
  </si>
  <si>
    <t>12/23/2019 18:29:59</t>
  </si>
  <si>
    <t>12/23/2019 18:30:00</t>
  </si>
  <si>
    <t>12/23/2019 18:30:01</t>
  </si>
  <si>
    <t>12/23/2019 18:30:02</t>
  </si>
  <si>
    <t>12/23/2019 18:30:03</t>
  </si>
  <si>
    <t>12/23/2019 18:30:04</t>
  </si>
  <si>
    <t>12/23/2019 18:30:05</t>
  </si>
  <si>
    <t>12/23/2019 18:30:06</t>
  </si>
  <si>
    <t>12/23/2019 18:30:07</t>
  </si>
  <si>
    <t>12/23/2019 18:30:08</t>
  </si>
  <si>
    <t>12/23/2019 18:30:09</t>
  </si>
  <si>
    <t>12/23/2019 18:30:10</t>
  </si>
  <si>
    <t>12/23/2019 18:30:11</t>
  </si>
  <si>
    <t>12/23/2019 18:30:12</t>
  </si>
  <si>
    <t>12/23/2019 18:30:13</t>
  </si>
  <si>
    <t>12/23/2019 18:30:14</t>
  </si>
  <si>
    <t>12/23/2019 18:30:15</t>
  </si>
  <si>
    <t>12/23/2019 18:30:16</t>
  </si>
  <si>
    <t>12/23/2019 18:30:17</t>
  </si>
  <si>
    <t>12/23/2019 18:30:18</t>
  </si>
  <si>
    <t>12/23/2019 18:30:38</t>
  </si>
  <si>
    <t>12/23/2019 18:35:20</t>
  </si>
  <si>
    <t>12/23/2019 18:35:00</t>
  </si>
  <si>
    <t>12/23/2019 18:36:20</t>
  </si>
  <si>
    <t>CPF 23643632843 - OPERADOR FABIANO BRUNO MENDES FILHO_1_6771845790038037579_1_32.wav</t>
  </si>
  <si>
    <t>\\acsfs\Deptos\EDUCACAO EMPRESARIAL\KÉSIA\LIGAÇÕES 1220\CPF 23643632843 - OPERADOR FABIANO BRUNO MENDES FILHO_1_6771845790038037579_1_32.wav</t>
  </si>
  <si>
    <t>12/23/2019 18:32:52</t>
  </si>
  <si>
    <t>12/23/2019 18:37:21</t>
  </si>
  <si>
    <t>12/23/2019 18:35:38</t>
  </si>
  <si>
    <t>12/23/2019 18:40:20</t>
  </si>
  <si>
    <t>12/23/2019 18:36:38</t>
  </si>
  <si>
    <t>12/23/2019 18:36:58</t>
  </si>
  <si>
    <t>12/23/2019 18:41:30</t>
  </si>
  <si>
    <t>12/23/2019 18:42:21</t>
  </si>
  <si>
    <t>5811536a-97f5-4eb1-8a4f-f2d99332560e.tmp</t>
  </si>
  <si>
    <t>\\acsfs\profiles$\joycemmdl\Downloads\5811536a-97f5-4eb1-8a4f-f2d99332560e.tmp</t>
  </si>
  <si>
    <t>12/23/2019 18:41:38</t>
  </si>
  <si>
    <t>12/23/2019 18:45:21</t>
  </si>
  <si>
    <t>12/23/2019 18:42:30</t>
  </si>
  <si>
    <t>12/23/2019 18:42:38</t>
  </si>
  <si>
    <t>12/23/2019 18:43:25</t>
  </si>
  <si>
    <t>12/23/2019 18:44:22</t>
  </si>
  <si>
    <t>12/23/2019 18:44:26</t>
  </si>
  <si>
    <t>12/23/2019 18:44:46</t>
  </si>
  <si>
    <t>12/23/2019 18:44:55</t>
  </si>
  <si>
    <t>12/23/2019 18:45:53</t>
  </si>
  <si>
    <t>12/23/2019 18:46:21</t>
  </si>
  <si>
    <t>backofficebv@dxc.com;jean.loiola@bv.com.br;kesiadof@algartech.com;larissa.alcantara@bv.com.br;marianeps@algartech.com;talmaiardo@algartech.com;thiagordu@algartech.com;</t>
  </si>
  <si>
    <t>backofficebv@dxc.com,jean.loiola@bv.com.br,kesiadof@algartech.com,larissa.alcantara@bv.com.br,marianeps@algartech.com,talmaiardo@algartech.com,thiagordu@algartech.com</t>
  </si>
  <si>
    <t>12/23/2019 18:45:56</t>
  </si>
  <si>
    <t>12/23/2019 18:46:14</t>
  </si>
  <si>
    <t>12/23/2019 18:50:21</t>
  </si>
  <si>
    <t>12/23/2019 18:47:38</t>
  </si>
  <si>
    <t>12/23/2019 18:48:38</t>
  </si>
  <si>
    <t>12/23/2019 18:49:13</t>
  </si>
  <si>
    <t>12/23/2019 18:49:36</t>
  </si>
  <si>
    <t>12/23/2019 18:49:53</t>
  </si>
  <si>
    <t>12/23/2019 18:45:17</t>
  </si>
  <si>
    <t>12/23/2019 18:46:16</t>
  </si>
  <si>
    <t>12/23/2019 18:46:41</t>
  </si>
  <si>
    <t>12/23/2019 18:46:45</t>
  </si>
  <si>
    <t>12/23/2019 18:46:56</t>
  </si>
  <si>
    <t>12/23/2019 18:46:33</t>
  </si>
  <si>
    <t>12/23/2019 18:51:21</t>
  </si>
  <si>
    <t>mail.google.com/_/upload?authuser=0&amp;dcp=asu-n&amp;upload_id=AEnB2UqDE342EXeVDIM4OsFIRWFv3oMKkm43Zn_CxKWHXX3iHZIiMSXP-qGnwgu-hSARv3wvc172Np41Q9ddlb8uXDDefLYrWoMsPUktJ6t8RI3pyWE_KLQ&amp;upload_protocol=resumable</t>
  </si>
  <si>
    <t>CPF 23643632843 WILLIAM CAHUANA RAMOS.pdf</t>
  </si>
  <si>
    <t>12/23/2019 18:46:58</t>
  </si>
  <si>
    <t>\\acsfs\Deptos\EDUCACAO EMPRESARIAL\KÉSIA\LIGAÇÕES 1220\CPF 23643632843 WILLIAM CAHUANA RAMOS.pdf</t>
  </si>
  <si>
    <t>\\acsfs\Deptos\EDUCACAO EMPRESARIAL\KÉSIA\LIGAÇÕES 1220\CPF 23643632843 WILLIAM CAHUANA RAMOS.pdf\</t>
  </si>
  <si>
    <t>\\acsfs\Deptos\EDUCACAO EMPRESARIAL\KÉSIA\LIGAÇÕES 1220\CPF 23643632843 WILLIAM CAHUANA RAMOS.pdf\:Zone.Identifier:$DATA</t>
  </si>
  <si>
    <t>12/23/2019 18:53:38</t>
  </si>
  <si>
    <t>12/23/2019 18:55:22</t>
  </si>
  <si>
    <t>12/23/2019 18:54:38</t>
  </si>
  <si>
    <t>12/23/2019 18:52:14</t>
  </si>
  <si>
    <t>12/23/2019 18:56:22</t>
  </si>
  <si>
    <t>12/23/2019 18:59:38</t>
  </si>
  <si>
    <t>12/23/2019 19:00:23</t>
  </si>
  <si>
    <t>12/23/2019 19:00:12</t>
  </si>
  <si>
    <t>12/23/2019 19:01:22</t>
  </si>
  <si>
    <t>12/23/2019 19:00:13</t>
  </si>
  <si>
    <t>12/23/2019 18:58:45</t>
  </si>
  <si>
    <t>12/23/2019 19:04:22</t>
  </si>
  <si>
    <t>66437eee-34d4-4228-961b-92bbca1933d6.tmp</t>
  </si>
  <si>
    <t>\\acsfs\profiles$\KARENJSS\Downloads\66437eee-34d4-4228-961b-92bbca1933d6.tmp</t>
  </si>
  <si>
    <t>12/23/2019 19:00:38</t>
  </si>
  <si>
    <t>12/23/2019 19:05:22</t>
  </si>
  <si>
    <t>12/23/2019 19:05:38</t>
  </si>
  <si>
    <t>12/23/2019 19:10:22</t>
  </si>
  <si>
    <t>12/23/2019 19:06:38</t>
  </si>
  <si>
    <t>12/23/2019 19:09:51</t>
  </si>
  <si>
    <t>12/23/2019 19:13:22</t>
  </si>
  <si>
    <t>12/23/2019 19:11:27</t>
  </si>
  <si>
    <t>12/23/2019 19:15:21</t>
  </si>
  <si>
    <t>12/23/2019 19:11:32</t>
  </si>
  <si>
    <t>12/23/2019 19:11:38</t>
  </si>
  <si>
    <t>12/23/2019 19:12:38</t>
  </si>
  <si>
    <t>12/23/2019 19:14:55</t>
  </si>
  <si>
    <t>12/23/2019 19:20:22</t>
  </si>
  <si>
    <t>12/23/2019 19:17:38</t>
  </si>
  <si>
    <t>12/23/2019 19:18:39</t>
  </si>
  <si>
    <t>12/23/2019 19:16:20</t>
  </si>
  <si>
    <t>image2019-12-23-185507.pdf</t>
  </si>
  <si>
    <t>12/23/2019 19:16:41</t>
  </si>
  <si>
    <t>12/23/2019 19:23:38</t>
  </si>
  <si>
    <t>12/23/2019 19:25:23</t>
  </si>
  <si>
    <t>12/23/2019 19:24:38</t>
  </si>
  <si>
    <t>12/23/2019 19:25:10</t>
  </si>
  <si>
    <t>12/23/2019 19:26:22</t>
  </si>
  <si>
    <t>12/23/2019 19:27:30</t>
  </si>
  <si>
    <t>12/23/2019 19:28:23</t>
  </si>
  <si>
    <t>12/23/2019 19:29:27</t>
  </si>
  <si>
    <t>12/23/2019 19:30:24</t>
  </si>
  <si>
    <t>12/23/2019 19:29:38</t>
  </si>
  <si>
    <t>12/23/2019 19:26:21</t>
  </si>
  <si>
    <t>12/23/2019 19:30:38</t>
  </si>
  <si>
    <t>12/23/2019 19:35:24</t>
  </si>
  <si>
    <t>12/23/2019 19:35:13</t>
  </si>
  <si>
    <t>12/23/2019 19:38:25</t>
  </si>
  <si>
    <t>12/23/2019 19:39:27</t>
  </si>
  <si>
    <t>12/23/2019 19:40:24</t>
  </si>
  <si>
    <t>12/23/2019 19:38:46</t>
  </si>
  <si>
    <t>12/23/2019 19:35:38</t>
  </si>
  <si>
    <t>12/23/2019 19:36:38</t>
  </si>
  <si>
    <t>12/23/2019 19:41:38</t>
  </si>
  <si>
    <t>12/23/2019 19:45:24</t>
  </si>
  <si>
    <t>12/23/2019 19:42:38</t>
  </si>
  <si>
    <t>12/23/2019 19:44:10</t>
  </si>
  <si>
    <t>c391a74c-fb0e-4c9e-97f4-a7bc41499666.tmp</t>
  </si>
  <si>
    <t>\\acsfs\profiles$\henriqueco\Downloads\c391a74c-fb0e-4c9e-97f4-a7bc41499666.tmp</t>
  </si>
  <si>
    <t>12/23/2019 19:43:03</t>
  </si>
  <si>
    <t>12/23/2019 19:47:25</t>
  </si>
  <si>
    <t>12/23/2019 19:43:21</t>
  </si>
  <si>
    <t>12/23/2019 19:44:17</t>
  </si>
  <si>
    <t>12/23/2019 19:47:38</t>
  </si>
  <si>
    <t>12/23/2019 19:50:24</t>
  </si>
  <si>
    <t>12/23/2019 19:48:38</t>
  </si>
  <si>
    <t>12/23/2019 19:46:55</t>
  </si>
  <si>
    <t>12/23/2019 19:52:24</t>
  </si>
  <si>
    <t>12/23/2019 19:48:36</t>
  </si>
  <si>
    <t>12/23/2019 19:49:15</t>
  </si>
  <si>
    <t>12/23/2019 19:50:40</t>
  </si>
  <si>
    <t>12/23/2019 19:53:38</t>
  </si>
  <si>
    <t>12/23/2019 19:55:24</t>
  </si>
  <si>
    <t>12/23/2019 19:54:38</t>
  </si>
  <si>
    <t>12/23/2019 19:55:08</t>
  </si>
  <si>
    <t>matheusts</t>
  </si>
  <si>
    <t>12/23/2019 19:55:52</t>
  </si>
  <si>
    <t>12/23/2019 19:57:24</t>
  </si>
  <si>
    <t>12/23/2019 19:56:45</t>
  </si>
  <si>
    <t>12/23/2019 19:58:37</t>
  </si>
  <si>
    <t>12/23/2019 20:00:24</t>
  </si>
  <si>
    <t>12/23/2019 19:59:38</t>
  </si>
  <si>
    <t>12/23/2019 19:58:40</t>
  </si>
  <si>
    <t>12/23/2019 20:01:24</t>
  </si>
  <si>
    <t>1ead20f3-ddc0-4a41-9d50-889aa064ca5e.tmp</t>
  </si>
  <si>
    <t>\\acsfs\profiles$\fabianafv\Downloads\1ead20f3-ddc0-4a41-9d50-889aa064ca5e.tmp</t>
  </si>
  <si>
    <t>12/23/2019 19:56:57</t>
  </si>
  <si>
    <t>12/23/2019 20:02:24</t>
  </si>
  <si>
    <t>12/23/2019 19:56:58</t>
  </si>
  <si>
    <t>12/23/2019 19:56:59</t>
  </si>
  <si>
    <t>12/23/2019 19:57:00</t>
  </si>
  <si>
    <t>12/23/2019 19:59:47</t>
  </si>
  <si>
    <t>12/23/2019 19:57:48</t>
  </si>
  <si>
    <t>12/23/2019 20:01:55</t>
  </si>
  <si>
    <t>12/23/2019 19:58:24</t>
  </si>
  <si>
    <t>12/23/2019 20:03:24</t>
  </si>
  <si>
    <t>cfbbef9c-15b6-4b20-9f21-3e403501077f.tmp</t>
  </si>
  <si>
    <t>\\acsfs\profiles$\brendadsl\Downloads\cfbbef9c-15b6-4b20-9f21-3e403501077f.tmp</t>
  </si>
  <si>
    <t>12/23/2019 20:04:24</t>
  </si>
  <si>
    <t>12/23/2019 19:59:44</t>
  </si>
  <si>
    <t>12/23/2019 20:01:11</t>
  </si>
  <si>
    <t>mail.google.com/sync/u/0/i/s?hl=pt-BR&amp;c=731</t>
  </si>
  <si>
    <t>12/23/2019 20:01:23</t>
  </si>
  <si>
    <t>mail.google.com/sync/u/0/i/s?hl=pt-BR&amp;c=734</t>
  </si>
  <si>
    <t>12/23/2019 20:01:29</t>
  </si>
  <si>
    <t>mail.google.com/sync/u/0/i/s?hl=pt-BR&amp;c=736</t>
  </si>
  <si>
    <t>12/23/2019 20:01:42</t>
  </si>
  <si>
    <t>mail.google.com/sync/u/0/i/s?hl=pt-BR&amp;c=738</t>
  </si>
  <si>
    <t>12/23/2019 20:02:00</t>
  </si>
  <si>
    <t>mail.google.com/sync/u/0/i/s?hl=pt-BR&amp;c=740</t>
  </si>
  <si>
    <t>12/23/2019 20:02:07</t>
  </si>
  <si>
    <t>mail.google.com/sync/u/0/i/s?hl=pt-BR&amp;c=742</t>
  </si>
  <si>
    <t>12/23/2019 20:02:11</t>
  </si>
  <si>
    <t>mail.google.com/sync/u/0/i/s?hl=pt-BR&amp;c=744</t>
  </si>
  <si>
    <t>12/23/2019 20:02:27</t>
  </si>
  <si>
    <t>12/23/2019 20:02:49</t>
  </si>
  <si>
    <t>mail.google.com/sync/u/0/i/s?hl=pt-BR&amp;c=750</t>
  </si>
  <si>
    <t>12/23/2019 20:03:09</t>
  </si>
  <si>
    <t>12/23/2019 20:03:18</t>
  </si>
  <si>
    <t>mail.google.com/sync/u/0/i/s?hl=pt-BR&amp;c=754</t>
  </si>
  <si>
    <t>12/23/2019 20:03:39</t>
  </si>
  <si>
    <t>mail.google.com/sync/u/0/i/s?hl=pt-BR&amp;c=757</t>
  </si>
  <si>
    <t>12/23/2019 20:04:12</t>
  </si>
  <si>
    <t>mail.google.com/sync/u/0/i/s?hl=pt-BR&amp;c=762</t>
  </si>
  <si>
    <t>12/23/2019 20:04:16</t>
  </si>
  <si>
    <t>mail.google.com/sync/u/0/i/s?hl=pt-BR&amp;c=764</t>
  </si>
  <si>
    <t>12/23/2019 20:04:18</t>
  </si>
  <si>
    <t>12/23/2019 20:00:38</t>
  </si>
  <si>
    <t>12/23/2019 20:05:24</t>
  </si>
  <si>
    <t>12/23/2019 20:02:19</t>
  </si>
  <si>
    <t>12/23/2019 20:04:26</t>
  </si>
  <si>
    <t>12/23/2019 20:03:33</t>
  </si>
  <si>
    <t>12/23/2019 20:07:24</t>
  </si>
  <si>
    <t>12/23/2019 20:09:24</t>
  </si>
  <si>
    <t>12/23/2019 20:04:41</t>
  </si>
  <si>
    <t>mail.google.com/sync/u/0/i/s?hl=pt-BR&amp;c=770</t>
  </si>
  <si>
    <t>12/23/2019 20:09:09</t>
  </si>
  <si>
    <t>12/23/2019 20:09:33</t>
  </si>
  <si>
    <t>12/23/2019 20:10:23</t>
  </si>
  <si>
    <t>12/23/2019 20:05:38</t>
  </si>
  <si>
    <t>12/23/2019 20:06:38</t>
  </si>
  <si>
    <t>12/23/2019 20:08:59</t>
  </si>
  <si>
    <t>12/23/2019 20:11:24</t>
  </si>
  <si>
    <t>12/23/2019 20:09:29</t>
  </si>
  <si>
    <t>12/23/2019 20:14:23</t>
  </si>
  <si>
    <t>12/23/2019 20:11:38</t>
  </si>
  <si>
    <t>12/23/2019 20:15:23</t>
  </si>
  <si>
    <t>12/23/2019 20:12:38</t>
  </si>
  <si>
    <t>12/23/2019 20:12:14</t>
  </si>
  <si>
    <t>12/23/2019 20:16:24</t>
  </si>
  <si>
    <t>12/23/2019 20:18:05</t>
  </si>
  <si>
    <t>12/23/2019 20:19:23</t>
  </si>
  <si>
    <t>mail.google.com/_/upload?authuser=0&amp;dcp=asu-n&amp;upload_id=AEnB2UrRdjC37WDjKIgLS6oh2--5uWokVtZB9mbTauZak-obMIujBsOq8QDFPu0UdOpAM9IO0newlmyggwIvNCpDgMOtthtW4eikr_s0lO8OcU5msbAb1hY&amp;upload_protocol=resumable</t>
  </si>
  <si>
    <t>Plano2020.xlsx</t>
  </si>
  <si>
    <t>12/23/2019 20:17:38</t>
  </si>
  <si>
    <t>12/23/2019 20:20:23</t>
  </si>
  <si>
    <t>12/23/2019 20:18:40</t>
  </si>
  <si>
    <t>12/23/2019 20:19:16</t>
  </si>
  <si>
    <t>12/23/2019 20:19:31</t>
  </si>
  <si>
    <t>12/23/2019 20:20:05</t>
  </si>
  <si>
    <t>ca19eb85-968f-4dc1-8ef3-d4fb0814a75a.tmp</t>
  </si>
  <si>
    <t>\\acsfs\profiles$\layonmof\Downloads\ca19eb85-968f-4dc1-8ef3-d4fb0814a75a.tmp</t>
  </si>
  <si>
    <t>12/23/2019 20:16:19</t>
  </si>
  <si>
    <t>12/23/2019 20:21:24</t>
  </si>
  <si>
    <t>12/23/2019 20:20:03</t>
  </si>
  <si>
    <t>12/23/2019 20:15:28</t>
  </si>
  <si>
    <t>12/23/2019 20:16:59</t>
  </si>
  <si>
    <t>12/23/2019 20:22:23</t>
  </si>
  <si>
    <t>12/23/2019 20:20:43</t>
  </si>
  <si>
    <t>12/23/2019 20:17:22</t>
  </si>
  <si>
    <t>ba948279-7586-45a9-aed4-0c1f807fa3df.tmp</t>
  </si>
  <si>
    <t>\\acsfs\profiles$\rosileiam\Downloads\ba948279-7586-45a9-aed4-0c1f807fa3df.tmp</t>
  </si>
  <si>
    <t>12/23/2019 20:20:12</t>
  </si>
  <si>
    <t>12/23/2019 20:25:23</t>
  </si>
  <si>
    <t>12/23/2019 20:23:39</t>
  </si>
  <si>
    <t>12/23/2019 20:24:39</t>
  </si>
  <si>
    <t>12/23/2019 20:24:13</t>
  </si>
  <si>
    <t>9bf31092-b34e-4c8a-9d40-3216cc44b046.tmp</t>
  </si>
  <si>
    <t>\\acsfs\profiles$\henriqueco\Downloads\9bf31092-b34e-4c8a-9d40-3216cc44b046.tmp</t>
  </si>
  <si>
    <t>12/23/2019 20:20:47</t>
  </si>
  <si>
    <t>12/23/2019 20:26:23</t>
  </si>
  <si>
    <t>12/23/2019 20:21:58</t>
  </si>
  <si>
    <t>12/23/2019 20:24:53</t>
  </si>
  <si>
    <t>12/23/2019 20:27:23</t>
  </si>
  <si>
    <t>12/23/2019 20:29:39</t>
  </si>
  <si>
    <t>12/23/2019 20:30:23</t>
  </si>
  <si>
    <t>12/23/2019 20:27:52</t>
  </si>
  <si>
    <t>12/23/2019 20:32:24</t>
  </si>
  <si>
    <t>12/23/2019 20:28:21</t>
  </si>
  <si>
    <t>12/23/2019 20:33:23</t>
  </si>
  <si>
    <t>nicolasbsc</t>
  </si>
  <si>
    <t>12/23/2019 20:29:06</t>
  </si>
  <si>
    <t>12/23/2019 20:32:50</t>
  </si>
  <si>
    <t>12/23/2019 20:35:23</t>
  </si>
  <si>
    <t>12/23/2019 20:30:39</t>
  </si>
  <si>
    <t>12/23/2019 20:33:26</t>
  </si>
  <si>
    <t>12/23/2019 20:36:22</t>
  </si>
  <si>
    <t>12/23/2019 20:34:45</t>
  </si>
  <si>
    <t>12/23/2019 20:35:39</t>
  </si>
  <si>
    <t>12/23/2019 20:40:22</t>
  </si>
  <si>
    <t>12/23/2019 20:36:39</t>
  </si>
  <si>
    <t>12/23/2019 20:35:33</t>
  </si>
  <si>
    <t>12/23/2019 20:41:23</t>
  </si>
  <si>
    <t>12/23/2019 20:37:28</t>
  </si>
  <si>
    <t>12/23/2019 20:40:10</t>
  </si>
  <si>
    <t>12/23/2019 20:40:28</t>
  </si>
  <si>
    <t>12/23/2019 20:39:44</t>
  </si>
  <si>
    <t>12/23/2019 20:42:22</t>
  </si>
  <si>
    <t>12/23/2019 20:41:06</t>
  </si>
  <si>
    <t>12/23/2019 20:38:24</t>
  </si>
  <si>
    <t>12/23/2019 20:43:23</t>
  </si>
  <si>
    <t>12/23/2019 20:43:44</t>
  </si>
  <si>
    <t>12/23/2019 20:45:23</t>
  </si>
  <si>
    <t>12/23/2019 20:41:39</t>
  </si>
  <si>
    <t>12/23/2019 20:42:39</t>
  </si>
  <si>
    <t>12/23/2019 20:41:56</t>
  </si>
  <si>
    <t>12/23/2019 20:46:22</t>
  </si>
  <si>
    <t>12/23/2019 20:44:55</t>
  </si>
  <si>
    <t>12/23/2019 20:47:23</t>
  </si>
  <si>
    <t>12/23/2019 20:44:11</t>
  </si>
  <si>
    <t>12/23/2019 20:44:36</t>
  </si>
  <si>
    <t>12/23/2019 20:44:47</t>
  </si>
  <si>
    <t>12/23/2019 20:45:18</t>
  </si>
  <si>
    <t>12/23/2019 20:50:23</t>
  </si>
  <si>
    <t>12/23/2019 20:46:37</t>
  </si>
  <si>
    <t>12/23/2019 20:46:54</t>
  </si>
  <si>
    <t>12/23/2019 20:46:56</t>
  </si>
  <si>
    <t>12/23/2019 20:47:31</t>
  </si>
  <si>
    <t>Escala TTV 31-12.xlsx</t>
  </si>
  <si>
    <t>\\acsfs\DEPTOS\Operacao\Banco_Votorantim\Supervisao\SUPERS BV CARTÕES\ADILSON\Escalas Feriados\Escala TTV 31-12.xlsx</t>
  </si>
  <si>
    <t>12/23/2019 20:45:05</t>
  </si>
  <si>
    <t>12/23/2019 20:47:39</t>
  </si>
  <si>
    <t>12/23/2019 20:48:39</t>
  </si>
  <si>
    <t>12/23/2019 20:46:38</t>
  </si>
  <si>
    <t>12/23/2019 20:51:23</t>
  </si>
  <si>
    <t>12/23/2019 20:47:46</t>
  </si>
  <si>
    <t>12/23/2019 20:49:09</t>
  </si>
  <si>
    <t>12/23/2019 20:53:23</t>
  </si>
  <si>
    <t>12/23/2019 20:53:17</t>
  </si>
  <si>
    <t>12/23/2019 20:55:23</t>
  </si>
  <si>
    <t>12/23/2019 20:53:21</t>
  </si>
  <si>
    <t>12/23/2019 20:53:38</t>
  </si>
  <si>
    <t>12/23/2019 20:53:39</t>
  </si>
  <si>
    <t>12/23/2019 20:53:42</t>
  </si>
  <si>
    <t>12/23/2019 20:53:48</t>
  </si>
  <si>
    <t>12/23/2019 20:54:39</t>
  </si>
  <si>
    <t>12/23/2019 20:55:35</t>
  </si>
  <si>
    <t>12/23/2019 20:57:23</t>
  </si>
  <si>
    <t>XLOG_anakcs_23122019_124531.log</t>
  </si>
  <si>
    <t>\\acsfs\profiles$\anakcs\My Documents\xworkcenter\logs\XLOG_anakcs_23122019_124531.log</t>
  </si>
  <si>
    <t>12/23/2019 20:55:37</t>
  </si>
  <si>
    <t>12/23/2019 20:55:58</t>
  </si>
  <si>
    <t>12/23/2019 21:00:24</t>
  </si>
  <si>
    <t>12/23/2019 20:56:01</t>
  </si>
  <si>
    <t>12/23/2019 20:56:06</t>
  </si>
  <si>
    <t>12/23/2019 20:56:20</t>
  </si>
  <si>
    <t>12/23/2019 20:55:39</t>
  </si>
  <si>
    <t>12/23/2019 20:55:45</t>
  </si>
  <si>
    <t>12/23/2019 20:55:53</t>
  </si>
  <si>
    <t>12/23/2019 20:55:59</t>
  </si>
  <si>
    <t>12/23/2019 20:56:11</t>
  </si>
  <si>
    <t>12/23/2019 20:56:22</t>
  </si>
  <si>
    <t>12/23/2019 20:58:23</t>
  </si>
  <si>
    <t>12/23/2019 21:01:23</t>
  </si>
  <si>
    <t>12/23/2019 21:03:32</t>
  </si>
  <si>
    <t>12/23/2019 21:05:24</t>
  </si>
  <si>
    <t>12/23/2019 21:01:22</t>
  </si>
  <si>
    <t>12/23/2019 21:06:23</t>
  </si>
  <si>
    <t>12/23/2019 21:04:27</t>
  </si>
  <si>
    <t>12/23/2019 21:01:55</t>
  </si>
  <si>
    <t>12/23/2019 21:07:24</t>
  </si>
  <si>
    <t>12/23/2019 21:05:17</t>
  </si>
  <si>
    <t>12/23/2019 21:10:24</t>
  </si>
  <si>
    <t>12/23/2019 21:07:56</t>
  </si>
  <si>
    <t>12/23/2019 21:11:24</t>
  </si>
  <si>
    <t>12/23/2019 21:09:39</t>
  </si>
  <si>
    <t>12/23/2019 21:11:20</t>
  </si>
  <si>
    <t>12/23/2019 21:13:24</t>
  </si>
  <si>
    <t>12/23/2019 21:11:46</t>
  </si>
  <si>
    <t>12/23/2019 21:15:24</t>
  </si>
  <si>
    <t>12/23/2019 21:10:47</t>
  </si>
  <si>
    <t>43da63e3-cb8d-4212-bebe-fe171d42e27e.tmp</t>
  </si>
  <si>
    <t>\\acsfs\profiles$\gabrielamdp\Downloads\43da63e3-cb8d-4212-bebe-fe171d42e27e.tmp</t>
  </si>
  <si>
    <t>12/23/2019 21:11:54</t>
  </si>
  <si>
    <t>33d516ac-446f-4a69-827d-068e0833ee8f.tmp</t>
  </si>
  <si>
    <t>\\acsfs\profiles$\gabrielamdp\Downloads\33d516ac-446f-4a69-827d-068e0833ee8f.tmp</t>
  </si>
  <si>
    <t>12/23/2019 21:15:11</t>
  </si>
  <si>
    <t>12/23/2019 21:16:24</t>
  </si>
  <si>
    <t>12/23/2019 21:16:00</t>
  </si>
  <si>
    <t>12/23/2019 21:21:24</t>
  </si>
  <si>
    <t>12/23/2019 21:16:27</t>
  </si>
  <si>
    <t>12/23/2019 21:20:16</t>
  </si>
  <si>
    <t>12/23/2019 21:25:24</t>
  </si>
  <si>
    <t>12/23/2019 21:23:36</t>
  </si>
  <si>
    <t>mail.google.com/sync/u/0/i/s?hl=pt-BR&amp;c=821</t>
  </si>
  <si>
    <t>12/23/2019 21:23:49</t>
  </si>
  <si>
    <t>12/23/2019 21:23:57</t>
  </si>
  <si>
    <t>mail.google.com/sync/u/0/i/s?hl=pt-BR&amp;c=827</t>
  </si>
  <si>
    <t>12/23/2019 21:24:08</t>
  </si>
  <si>
    <t>mail.google.com/sync/u/0/i/s?hl=pt-BR&amp;c=829</t>
  </si>
  <si>
    <t>12/23/2019 21:24:17</t>
  </si>
  <si>
    <t>mail.google.com/sync/u/0/i/s?hl=pt-BR&amp;c=831</t>
  </si>
  <si>
    <t>12/23/2019 21:21:23</t>
  </si>
  <si>
    <t>12/23/2019 21:26:24</t>
  </si>
  <si>
    <t>12/23/2019 21:25:09</t>
  </si>
  <si>
    <t>12/23/2019 21:25:17</t>
  </si>
  <si>
    <t>12/23/2019 21:24:32</t>
  </si>
  <si>
    <t>12/23/2019 21:30:24</t>
  </si>
  <si>
    <t>mail.google.com/sync/u/0/i/s?hl=pt-BR&amp;c=833</t>
  </si>
  <si>
    <t>mail.google.com/sync/u/0/i/s?hl=pt-BR&amp;c=837</t>
  </si>
  <si>
    <t>12/23/2019 21:25:59</t>
  </si>
  <si>
    <t>12/23/2019 21:31:24</t>
  </si>
  <si>
    <t>12/23/2019 21:27:17</t>
  </si>
  <si>
    <t>12/23/2019 21:27:34</t>
  </si>
  <si>
    <t>12/23/2019 21:27:38</t>
  </si>
  <si>
    <t>12/23/2019 21:32:24</t>
  </si>
  <si>
    <t>12/23/2019 21:32:32</t>
  </si>
  <si>
    <t>12/23/2019 21:34:24</t>
  </si>
  <si>
    <t>3803adb8-7112-41d0-bc1e-7fcd733ba9e6.tmp</t>
  </si>
  <si>
    <t>\\acsfs\profiles$\marcosvnds\Downloads\3803adb8-7112-41d0-bc1e-7fcd733ba9e6.tmp</t>
  </si>
  <si>
    <t>12/23/2019 21:31:36</t>
  </si>
  <si>
    <t>12/23/2019 21:31:37</t>
  </si>
  <si>
    <t>12/23/2019 21:31:38</t>
  </si>
  <si>
    <t>12/23/2019 21:31:39</t>
  </si>
  <si>
    <t>12/23/2019 21:31:40</t>
  </si>
  <si>
    <t>12/23/2019 21:31:41</t>
  </si>
  <si>
    <t>12/23/2019 21:31:42</t>
  </si>
  <si>
    <t>12/23/2019 21:31:43</t>
  </si>
  <si>
    <t>12/23/2019 21:31:44</t>
  </si>
  <si>
    <t>12/23/2019 21:31:45</t>
  </si>
  <si>
    <t>12/23/2019 21:31:46</t>
  </si>
  <si>
    <t>12/23/2019 21:31:48</t>
  </si>
  <si>
    <t>12/23/2019 21:31:49</t>
  </si>
  <si>
    <t>12/23/2019 21:32:23</t>
  </si>
  <si>
    <t>12/23/2019 21:32:25</t>
  </si>
  <si>
    <t>12/23/2019 21:32:37</t>
  </si>
  <si>
    <t>12/23/2019 21:34:09</t>
  </si>
  <si>
    <t>12/23/2019 21:35:23</t>
  </si>
  <si>
    <t>12/23/2019 21:30:54</t>
  </si>
  <si>
    <t>12/23/2019 21:36:24</t>
  </si>
  <si>
    <t>12/23/2019 21:37:39</t>
  </si>
  <si>
    <t>12/23/2019 21:39:24</t>
  </si>
  <si>
    <t>12/23/2019 21:34:37</t>
  </si>
  <si>
    <t>12/23/2019 21:40:24</t>
  </si>
  <si>
    <t>mail.google.com/sync/u/0/i/s?hl=pt-BR&amp;c=845</t>
  </si>
  <si>
    <t>12/23/2019 21:34:48</t>
  </si>
  <si>
    <t>mail.google.com/sync/u/0/i/s?hl=pt-BR&amp;c=848</t>
  </si>
  <si>
    <t>12/23/2019 21:34:50</t>
  </si>
  <si>
    <t>12/23/2019 21:36:32</t>
  </si>
  <si>
    <t>mail.google.com/sync/u/0/i/s?hl=pt-BR&amp;c=851</t>
  </si>
  <si>
    <t>12/23/2019 21:36:40</t>
  </si>
  <si>
    <t>mail.google.com/sync/u/0/i/s?hl=pt-BR&amp;c=854</t>
  </si>
  <si>
    <t>12/23/2019 21:36:53</t>
  </si>
  <si>
    <t>12/23/2019 21:37:00</t>
  </si>
  <si>
    <t>mail.google.com/sync/u/0/i/s?hl=pt-BR&amp;c=859</t>
  </si>
  <si>
    <t>12/23/2019 21:37:19</t>
  </si>
  <si>
    <t>12/23/2019 21:37:26</t>
  </si>
  <si>
    <t>mail.google.com/sync/u/0/i/s?hl=pt-BR&amp;c=863</t>
  </si>
  <si>
    <t>12/23/2019 21:37:37</t>
  </si>
  <si>
    <t>mail.google.com/sync/u/0/i/s?hl=pt-BR&amp;c=865</t>
  </si>
  <si>
    <t>12/23/2019 21:43:39</t>
  </si>
  <si>
    <t>12/23/2019 21:44:23</t>
  </si>
  <si>
    <t>12/23/2019 21:43:40</t>
  </si>
  <si>
    <t>12/23/2019 21:41:55</t>
  </si>
  <si>
    <t>12/23/2019 21:45:24</t>
  </si>
  <si>
    <t>12/23/2019 21:43:25</t>
  </si>
  <si>
    <t>12/23/2019 21:44:01</t>
  </si>
  <si>
    <t>12/23/2019 21:41:30</t>
  </si>
  <si>
    <t>12/23/2019 21:46:23</t>
  </si>
  <si>
    <t>12/23/2019 21:42:39</t>
  </si>
  <si>
    <t>12/23/2019 21:44:09</t>
  </si>
  <si>
    <t>12/23/2019 21:44:34</t>
  </si>
  <si>
    <t>12/23/2019 21:44:40</t>
  </si>
  <si>
    <t>12/23/2019 21:50:23</t>
  </si>
  <si>
    <t>mail.google.com/_/upload?authuser=0&amp;dcp=asu-n&amp;upload_id=AEnB2UqPSNExlJgMBa3TUhYC6Nq7tc4p9Za1BbNbnbjuhR7c-Gb2XpzgPB015CL01IA7kKSSYJ79rPXu9Ksm0a5TJEgS5BWcyIJvH3yV1KVWQdhGHFBPGIs&amp;upload_protocol=resumable</t>
  </si>
  <si>
    <t>12/23/2019 21:48:27</t>
  </si>
  <si>
    <t>12/23/2019 21:46:14</t>
  </si>
  <si>
    <t>12/23/2019 21:45:27</t>
  </si>
  <si>
    <t>c:\users\marianacgs\appdata\local\google\chrome\user data\default\databases\https_mail.google.com_0\</t>
  </si>
  <si>
    <t>12/23/2019 21:46:02</t>
  </si>
  <si>
    <t>12/23/2019 21:51:24</t>
  </si>
  <si>
    <t>12/23/2019 21:48:37</t>
  </si>
  <si>
    <t>12/23/2019 21:47:53</t>
  </si>
  <si>
    <t>12/23/2019 21:49:39</t>
  </si>
  <si>
    <t>12/23/2019 21:54:24</t>
  </si>
  <si>
    <t>12/23/2019 21:50:53</t>
  </si>
  <si>
    <t>12/23/2019 21:55:24</t>
  </si>
  <si>
    <t>12/23/2019 21:50:55</t>
  </si>
  <si>
    <t>12/23/2019 21:51:07</t>
  </si>
  <si>
    <t>mail.google.com/sync/u/0/i/s?hl=pt-BR&amp;c=900</t>
  </si>
  <si>
    <t>12/23/2019 21:51:38</t>
  </si>
  <si>
    <t>Folga TTV 31-12.xlsx</t>
  </si>
  <si>
    <t>\\acsfs\DEPTOS\Operacao\Banco_Votorantim\Supervisao\SUPERS BV CARTÕES\ADILSON\Escalas Feriados\Folga TTV 31-12.xlsx</t>
  </si>
  <si>
    <t>12/23/2019 21:53:39</t>
  </si>
  <si>
    <t>12/23/2019 21:51:13</t>
  </si>
  <si>
    <t>12/23/2019 21:51:10</t>
  </si>
  <si>
    <t>12/23/2019 21:56:24</t>
  </si>
  <si>
    <t>12/23/2019 21:52:57</t>
  </si>
  <si>
    <t>12/23/2019 21:54:23</t>
  </si>
  <si>
    <t>12/23/2019 21:57:24</t>
  </si>
  <si>
    <t>12/23/2019 21:54:30</t>
  </si>
  <si>
    <t>12/23/2019 21:55:39</t>
  </si>
  <si>
    <t>12/23/2019 21:59:24</t>
  </si>
  <si>
    <t>12/23/2019 21:58:28</t>
  </si>
  <si>
    <t>12/23/2019 22:00:25</t>
  </si>
  <si>
    <t>12/23/2019 21:56:54</t>
  </si>
  <si>
    <t>12/23/2019 21:56:58</t>
  </si>
  <si>
    <t>12/23/2019 21:57:16</t>
  </si>
  <si>
    <t>mail.google.com/sync/u/0/i/s?hl=pt-BR&amp;c=912</t>
  </si>
  <si>
    <t>12/23/2019 21:57:58</t>
  </si>
  <si>
    <t>mail.google.com/sync/u/0/i/s?hl=pt-BR&amp;c=916</t>
  </si>
  <si>
    <t>12/23/2019 21:58:44</t>
  </si>
  <si>
    <t>mail.google.com/sync/u/0/i/s?hl=pt-BR&amp;c=918</t>
  </si>
  <si>
    <t>12/23/2019 21:58:59</t>
  </si>
  <si>
    <t>12/23/2019 21:59:09</t>
  </si>
  <si>
    <t>mail.google.com/sync/u/0/i/s?hl=pt-BR&amp;c=923</t>
  </si>
  <si>
    <t>12/23/2019 21:56:09</t>
  </si>
  <si>
    <t>12/23/2019 22:00:39</t>
  </si>
  <si>
    <t>12/23/2019 22:05:24</t>
  </si>
  <si>
    <t>12/23/2019 22:07:08</t>
  </si>
  <si>
    <t>12/23/2019 22:10:24</t>
  </si>
  <si>
    <t>12/23/2019 22:33:28</t>
  </si>
  <si>
    <t>12/23/2019 22:37:25</t>
  </si>
  <si>
    <t>12/23/2019 22:41:44</t>
  </si>
  <si>
    <t>12/23/2019 22:45:25</t>
  </si>
  <si>
    <t>12/23/2019 22:50:14</t>
  </si>
  <si>
    <t>12/23/2019 22:53:25</t>
  </si>
  <si>
    <t>12/23/2019 22:53:45</t>
  </si>
  <si>
    <t>12/23/2019 22:56:26</t>
  </si>
  <si>
    <t>12/23/2019 22:58:43</t>
  </si>
  <si>
    <t>12/23/2019 23:00:26</t>
  </si>
  <si>
    <t>12/23/2019 23:06:22</t>
  </si>
  <si>
    <t>12/23/2019 23:08:26</t>
  </si>
  <si>
    <t>12/23/2019 23:07:36</t>
  </si>
  <si>
    <t>12/23/2019 23:10:26</t>
  </si>
  <si>
    <t>12/23/2019 23:06:07</t>
  </si>
  <si>
    <t>12/23/2019 23:06:52</t>
  </si>
  <si>
    <t>12/23/2019 23:11:26</t>
  </si>
  <si>
    <t>12/23/2019 23:12:05</t>
  </si>
  <si>
    <t>12/23/2019 23:15:26</t>
  </si>
  <si>
    <t>12/23/2019 23:14:49</t>
  </si>
  <si>
    <t>12/23/2019 23:20:26</t>
  </si>
  <si>
    <t>mail.google.com/sync/u/0/i/s?hl=pt-BR&amp;c=1171</t>
  </si>
  <si>
    <t>12/23/2019 23:14:55</t>
  </si>
  <si>
    <t>mail.google.com/sync/u/0/i/s?hl=pt-BR&amp;c=1173</t>
  </si>
  <si>
    <t>12/23/2019 23:18:52</t>
  </si>
  <si>
    <t>mail.google.com/sync/u/0/i/s?hl=pt-BR&amp;c=1212</t>
  </si>
  <si>
    <t>12/23/2019 23:18:56</t>
  </si>
  <si>
    <t>mail.google.com/sync/u/0/i/s?hl=pt-BR&amp;c=1214</t>
  </si>
  <si>
    <t>12/23/2019 23:15:28</t>
  </si>
  <si>
    <t>12/23/2019 23:24:33</t>
  </si>
  <si>
    <t>12/23/2019 23:27:28</t>
  </si>
  <si>
    <t>12/23/2019 23:24:53</t>
  </si>
  <si>
    <t>12/23/2019 23:30:27</t>
  </si>
  <si>
    <t>mail.google.com/sync/u/0/i/s?hl=pt-BR&amp;c=1221</t>
  </si>
  <si>
    <t>12/23/2019 23:24:57</t>
  </si>
  <si>
    <t>mail.google.com/sync/u/0/i/s?hl=pt-BR&amp;c=1223</t>
  </si>
  <si>
    <t>12/23/2019 23:25:09</t>
  </si>
  <si>
    <t>mail.google.com/sync/u/0/i/s?hl=pt-BR&amp;c=1225</t>
  </si>
  <si>
    <t>12/23/2019 23:25:28</t>
  </si>
  <si>
    <t>mail.google.com/sync/u/0/i/s?hl=pt-BR&amp;c=1228</t>
  </si>
  <si>
    <t>12/23/2019 23:25:31</t>
  </si>
  <si>
    <t>mail.google.com/sync/u/0/i/s?hl=pt-BR&amp;c=1230</t>
  </si>
  <si>
    <t>12/23/2019 23:26:16</t>
  </si>
  <si>
    <t>12/23/2019 23:28:29</t>
  </si>
  <si>
    <t>mail.google.com/sync/u/0/i/s?hl=pt-BR&amp;c=1237</t>
  </si>
  <si>
    <t>12/23/2019 23:27:00</t>
  </si>
  <si>
    <t>12/23/2019 23:32:35</t>
  </si>
  <si>
    <t>12/23/2019 23:35:27</t>
  </si>
  <si>
    <t>12/23/2019 23:36:49</t>
  </si>
  <si>
    <t>12/23/2019 23:40:26</t>
  </si>
  <si>
    <t>12/23/2019 23:37:05</t>
  </si>
  <si>
    <t>12/23/2019 23:37:10</t>
  </si>
  <si>
    <t>12/23/2019 23:37:15</t>
  </si>
  <si>
    <t>12/23/2019 23:37:18</t>
  </si>
  <si>
    <t>12/23/2019 23:37:23</t>
  </si>
  <si>
    <t>12/23/2019 23:37:57</t>
  </si>
  <si>
    <t>12/23/2019 23:38:02</t>
  </si>
  <si>
    <t>12/23/2019 23:38:15</t>
  </si>
  <si>
    <t>12/23/2019 23:38:19</t>
  </si>
  <si>
    <t>12/23/2019 23:38:26</t>
  </si>
  <si>
    <t>12/23/2019 23:38:44</t>
  </si>
  <si>
    <t>12/23/2019 23:39:09</t>
  </si>
  <si>
    <t>12/23/2019 23:39:12</t>
  </si>
  <si>
    <t>12/23/2019 23:48:51</t>
  </si>
  <si>
    <t>12/23/2019 23:50:26</t>
  </si>
  <si>
    <t>12/23/2019 23:47:12</t>
  </si>
  <si>
    <t>12/23/2019 23:51:26</t>
  </si>
  <si>
    <t>12/23/2019 23:51:28</t>
  </si>
  <si>
    <t>12/23/2019 23:52:27</t>
  </si>
  <si>
    <t>12/23/2019 23:51:08</t>
  </si>
  <si>
    <t>12/23/2019 23:55:27</t>
  </si>
  <si>
    <t>mail.google.com/sync/u/0/i/s?hl=pt-BR&amp;c=364</t>
  </si>
  <si>
    <t>12/23/2019 23:53:12</t>
  </si>
  <si>
    <t>12/23/2019 23:53:16</t>
  </si>
  <si>
    <t>12/23/2019 23:54:15</t>
  </si>
  <si>
    <t>12/23/2019 23:54:21</t>
  </si>
  <si>
    <t>12/23/2019 23:59:02</t>
  </si>
  <si>
    <t>12/24/2019 00:00:27</t>
  </si>
  <si>
    <t>12/23/2019 23:59:20</t>
  </si>
  <si>
    <t>12/23/2019 23:59:40</t>
  </si>
  <si>
    <t>12/24/2019 00:05:27</t>
  </si>
  <si>
    <t>12/23/2019 23:59:44</t>
  </si>
  <si>
    <t>12/23/2019 23:59:50</t>
  </si>
  <si>
    <t>12/24/2019 00:00:28</t>
  </si>
  <si>
    <t>Links.txt</t>
  </si>
  <si>
    <t>\\acsfs\DEPTOS\Operacao\Banco_Votorantim\Supervisao\SUPERS BV CARTÕES\ADILSON\Links.txt</t>
  </si>
  <si>
    <t>12/24/2019 00:03:20</t>
  </si>
  <si>
    <t>12/24/2019 00:03:35</t>
  </si>
  <si>
    <t>12/24/2019 00:06:28</t>
  </si>
  <si>
    <t>12/24/2019 00:04:59</t>
  </si>
  <si>
    <t>12/24/2019 00:05:53</t>
  </si>
  <si>
    <t>12/24/2019 00:08:28</t>
  </si>
  <si>
    <t>12/24/2019 00:07:28</t>
  </si>
  <si>
    <t>12/24/2019 00:10:27</t>
  </si>
  <si>
    <t>12/24/2019 00:08:57</t>
  </si>
  <si>
    <t>12/24/2019 00:11:27</t>
  </si>
  <si>
    <t>12/24/2019 00:09:26</t>
  </si>
  <si>
    <t>12/24/2019 00:10:29</t>
  </si>
  <si>
    <t>12/24/2019 00:12:27</t>
  </si>
  <si>
    <t>12/24/2019 00:12:30</t>
  </si>
  <si>
    <t>12/24/2019 00:13:28</t>
  </si>
  <si>
    <t>12/24/2019 00:14:36</t>
  </si>
  <si>
    <t>12/24/2019 00:15:28</t>
  </si>
  <si>
    <t>12/24/2019 00:13:11</t>
  </si>
  <si>
    <t>12/24/2019 00:13:12</t>
  </si>
  <si>
    <t>12/24/2019 00:31:52</t>
  </si>
  <si>
    <t>12/24/2019 00:33:26</t>
  </si>
  <si>
    <t>12/24/2019 00:49:15</t>
  </si>
  <si>
    <t>12/24/2019 00:50:25</t>
  </si>
  <si>
    <t>12/24/2019 00:50:38</t>
  </si>
  <si>
    <t>12/24/2019 00:55:26</t>
  </si>
  <si>
    <t>12/24/2019 00:53:33</t>
  </si>
  <si>
    <t>12/24/2019 00:58:26</t>
  </si>
  <si>
    <t>12/24/2019 00:56:19</t>
  </si>
  <si>
    <t>12/24/2019 01:01:27</t>
  </si>
  <si>
    <t>12/24/2019 01:04:48</t>
  </si>
  <si>
    <t>12/24/2019 01:16:26</t>
  </si>
  <si>
    <t>12/24/2019 01:10:35</t>
  </si>
  <si>
    <t>12/24/2019 01:07:00</t>
  </si>
  <si>
    <t>12/24/2019 01:17:27</t>
  </si>
  <si>
    <t>12/24/2019 01:21:26</t>
  </si>
  <si>
    <t>12/24/2019 01:22:43</t>
  </si>
  <si>
    <t>12/24/2019 01:26:26</t>
  </si>
  <si>
    <t>12/24/2019 01:32:24</t>
  </si>
  <si>
    <t>12/24/2019 01:37:27</t>
  </si>
  <si>
    <t>12/24/2019 01:33:00</t>
  </si>
  <si>
    <t>12/24/2019 01:41:05</t>
  </si>
  <si>
    <t>12/24/2019 01:42:27</t>
  </si>
  <si>
    <t>12/24/2019 01:48:45</t>
  </si>
  <si>
    <t>12/24/2019 01:50:27</t>
  </si>
  <si>
    <t>12/24/2019 01:48:53</t>
  </si>
  <si>
    <t>12/24/2019 01:58:38</t>
  </si>
  <si>
    <t>12/24/2019 02:00:27</t>
  </si>
  <si>
    <t>12/24/2019 01:59:07</t>
  </si>
  <si>
    <t>12/24/2019 02:03:27</t>
  </si>
  <si>
    <t>12/24/2019 02:26:58</t>
  </si>
  <si>
    <t>12/24/2019 02:31:26</t>
  </si>
  <si>
    <t>12/24/2019 02:31:51</t>
  </si>
  <si>
    <t>12/24/2019 02:35:26</t>
  </si>
  <si>
    <t>12/24/2019 02:53:01</t>
  </si>
  <si>
    <t>12/24/2019 02:56:26</t>
  </si>
  <si>
    <t>12/24/2019 03:01:13</t>
  </si>
  <si>
    <t>12/24/2019 03:03:27</t>
  </si>
  <si>
    <t>12/24/2019 03:11:22</t>
  </si>
  <si>
    <t>12/24/2019 03:13:27</t>
  </si>
  <si>
    <t>12/24/2019 03:08:17</t>
  </si>
  <si>
    <t>12/24/2019 03:14:42</t>
  </si>
  <si>
    <t>12/24/2019 03:17:27</t>
  </si>
  <si>
    <t>12/24/2019 03:20:04</t>
  </si>
  <si>
    <t>12/24/2019 03:25:27</t>
  </si>
  <si>
    <t>12/24/2019 03:25:43</t>
  </si>
  <si>
    <t>12/24/2019 03:26:26</t>
  </si>
  <si>
    <t>12/24/2019 03:23:55</t>
  </si>
  <si>
    <t>12/24/2019 03:25:21</t>
  </si>
  <si>
    <t>12/24/2019 03:29:07</t>
  </si>
  <si>
    <t>12/24/2019 03:30:26</t>
  </si>
  <si>
    <t>12/24/2019 03:32:53</t>
  </si>
  <si>
    <t>12/24/2019 03:37:27</t>
  </si>
  <si>
    <t>12/24/2019 03:41:56</t>
  </si>
  <si>
    <t>12/24/2019 03:42:26</t>
  </si>
  <si>
    <t>12/24/2019 03:42:23</t>
  </si>
  <si>
    <t>12/24/2019 03:47:27</t>
  </si>
  <si>
    <t>12/24/2019 03:47:50</t>
  </si>
  <si>
    <t>12/24/2019 03:50:26</t>
  </si>
  <si>
    <t>12/24/2019 03:50:51</t>
  </si>
  <si>
    <t>12/24/2019 03:52:27</t>
  </si>
  <si>
    <t>12/24/2019 03:51:14</t>
  </si>
  <si>
    <t>12/24/2019 03:56:27</t>
  </si>
  <si>
    <t>12/24/2019 04:04:04</t>
  </si>
  <si>
    <t>12/24/2019 04:08:26</t>
  </si>
  <si>
    <t>12/24/2019 04:06:10</t>
  </si>
  <si>
    <t>12/24/2019 04:10:27</t>
  </si>
  <si>
    <t>12/24/2019 04:06:16</t>
  </si>
  <si>
    <t>12/24/2019 04:11:27</t>
  </si>
  <si>
    <t>12/24/2019 04:11:33</t>
  </si>
  <si>
    <t>12/24/2019 04:16:26</t>
  </si>
  <si>
    <t>12/24/2019 04:15:10</t>
  </si>
  <si>
    <t>12/24/2019 04:12:04</t>
  </si>
  <si>
    <t>12/24/2019 04:17:26</t>
  </si>
  <si>
    <t>12/24/2019 04:15:25</t>
  </si>
  <si>
    <t>12/24/2019 04:17:54</t>
  </si>
  <si>
    <t>12/24/2019 04:22:27</t>
  </si>
  <si>
    <t>12/24/2019 04:23:10</t>
  </si>
  <si>
    <t>12/24/2019 04:27:26</t>
  </si>
  <si>
    <t>12/24/2019 04:25:02</t>
  </si>
  <si>
    <t>12/24/2019 04:27:49</t>
  </si>
  <si>
    <t>12/24/2019 04:30:27</t>
  </si>
  <si>
    <t>12/24/2019 04:34:03</t>
  </si>
  <si>
    <t>12/24/2019 04:37:27</t>
  </si>
  <si>
    <t>12/24/2019 04:56:39</t>
  </si>
  <si>
    <t>12/24/2019 05:00:26</t>
  </si>
  <si>
    <t>12/24/2019 05:07:04</t>
  </si>
  <si>
    <t>12/24/2019 05:08:27</t>
  </si>
  <si>
    <t>12/24/2019 05:06:06</t>
  </si>
  <si>
    <t>12/24/2019 05:10:27</t>
  </si>
  <si>
    <t>12/24/2019 05:12:05</t>
  </si>
  <si>
    <t>12/24/2019 05:15:28</t>
  </si>
  <si>
    <t>12/24/2019 05:20:18</t>
  </si>
  <si>
    <t>12/24/2019 05:20:28</t>
  </si>
  <si>
    <t>12/24/2019 05:20:15</t>
  </si>
  <si>
    <t>12/24/2019 05:23:28</t>
  </si>
  <si>
    <t>12/24/2019 05:51:30</t>
  </si>
  <si>
    <t>12/24/2019 05:52:27</t>
  </si>
  <si>
    <t>12/24/2019 05:59:10</t>
  </si>
  <si>
    <t>12/24/2019 06:00:28</t>
  </si>
  <si>
    <t>12/24/2019 05:55:38</t>
  </si>
  <si>
    <t>12/24/2019 06:00:29</t>
  </si>
  <si>
    <t>12/24/2019 06:01:27</t>
  </si>
  <si>
    <t>12/24/2019 05:58:20</t>
  </si>
  <si>
    <t>12/24/2019 06:02:27</t>
  </si>
  <si>
    <t>12/24/2019 05:59:39</t>
  </si>
  <si>
    <t>12/24/2019 06:08:24</t>
  </si>
  <si>
    <t>12/24/2019 06:11:26</t>
  </si>
  <si>
    <t>12/24/2019 06:31:10</t>
  </si>
  <si>
    <t>12/24/2019 06:35:27</t>
  </si>
  <si>
    <t>12/24/2019 06:32:38</t>
  </si>
  <si>
    <t>12/24/2019 06:35:23</t>
  </si>
  <si>
    <t>12/24/2019 06:36:27</t>
  </si>
  <si>
    <t>12/24/2019 06:45:55</t>
  </si>
  <si>
    <t>12/24/2019 06:48:26</t>
  </si>
  <si>
    <t>12/24/2019 06:49:54</t>
  </si>
  <si>
    <t>12/24/2019 06:50:27</t>
  </si>
  <si>
    <t>c4fdf9bf-da8d-44c3-935e-9cb83f283d38.tmp</t>
  </si>
  <si>
    <t>\\acsfs\profiles$\vivianealda\Downloads\c4fdf9bf-da8d-44c3-935e-9cb83f283d38.tmp</t>
  </si>
  <si>
    <t>12/24/2019 06:52:32</t>
  </si>
  <si>
    <t>12/24/2019 06:55:27</t>
  </si>
  <si>
    <t>a34f1ea1-91ee-4f7a-b91b-91e2a4d84935.tmp</t>
  </si>
  <si>
    <t>\\acsfs\profiles$\vivianealda\Downloads\a34f1ea1-91ee-4f7a-b91b-91e2a4d84935.tmp</t>
  </si>
  <si>
    <t>12/24/2019 06:51:16</t>
  </si>
  <si>
    <t>12/24/2019 06:56:27</t>
  </si>
  <si>
    <t>840fc867-d94b-4093-9cb1-c86aa99c184e.tmp</t>
  </si>
  <si>
    <t>\\acsfs\profiles$\nathaliadf\Downloads\840fc867-d94b-4093-9cb1-c86aa99c184e.tmp</t>
  </si>
  <si>
    <t>12/24/2019 06:51:51</t>
  </si>
  <si>
    <t>147588a7-1c3e-4c00-a126-3233772c9810.tmp</t>
  </si>
  <si>
    <t>\\acsfs\profiles$\nathaliadf\Downloads\147588a7-1c3e-4c00-a126-3233772c9810.tmp</t>
  </si>
  <si>
    <t>12/24/2019 06:52:52</t>
  </si>
  <si>
    <t>4424fd57-5e17-49e6-a743-4e8827f2674c.tmp</t>
  </si>
  <si>
    <t>\\acsfs\profiles$\nathaliadf\Downloads\4424fd57-5e17-49e6-a743-4e8827f2674c.tmp</t>
  </si>
  <si>
    <t>12/24/2019 06:53:49</t>
  </si>
  <si>
    <t>eb704f16-1f41-48b5-96cf-fdef01929e32.tmp</t>
  </si>
  <si>
    <t>\\acsfs\profiles$\nathaliadf\Downloads\eb704f16-1f41-48b5-96cf-fdef01929e32.tmp</t>
  </si>
  <si>
    <t>12/24/2019 06:53:39</t>
  </si>
  <si>
    <t>12/24/2019 06:53:44</t>
  </si>
  <si>
    <t>12/24/2019 06:57:27</t>
  </si>
  <si>
    <t>12/24/2019 06:55:14</t>
  </si>
  <si>
    <t>12/24/2019 06:58:27</t>
  </si>
  <si>
    <t>12/24/2019 06:55:15</t>
  </si>
  <si>
    <t>12/24/2019 06:54:12</t>
  </si>
  <si>
    <t>12/24/2019 06:59:27</t>
  </si>
  <si>
    <t>12/24/2019 06:54:19</t>
  </si>
  <si>
    <t>12/24/2019 06:54:51</t>
  </si>
  <si>
    <t>12/24/2019 06:54:52</t>
  </si>
  <si>
    <t>12/24/2019 06:54:53</t>
  </si>
  <si>
    <t>12/24/2019 06:54:56</t>
  </si>
  <si>
    <t>12/24/2019 06:55:19</t>
  </si>
  <si>
    <t>12/24/2019 06:55:23</t>
  </si>
  <si>
    <t>12/24/2019 06:55:44</t>
  </si>
  <si>
    <t>12/24/2019 06:56:07</t>
  </si>
  <si>
    <t>12/24/2019 06:56:13</t>
  </si>
  <si>
    <t>12/24/2019 06:56:19</t>
  </si>
  <si>
    <t>12/24/2019 06:56:24</t>
  </si>
  <si>
    <t>12/24/2019 06:56:28</t>
  </si>
  <si>
    <t>12/24/2019 06:56:33</t>
  </si>
  <si>
    <t>12/24/2019 07:02:22</t>
  </si>
  <si>
    <t>12/24/2019 07:03:27</t>
  </si>
  <si>
    <t>12/24/2019 07:00:44</t>
  </si>
  <si>
    <t>12/24/2019 07:04:27</t>
  </si>
  <si>
    <t>12/24/2019 07:01:59</t>
  </si>
  <si>
    <t>12/24/2019 07:05:27</t>
  </si>
  <si>
    <t>12/24/2019 07:06:19</t>
  </si>
  <si>
    <t>12/24/2019 07:09:27</t>
  </si>
  <si>
    <t>12/24/2019 07:06:21</t>
  </si>
  <si>
    <t>12/24/2019 07:06:22</t>
  </si>
  <si>
    <t>12/24/2019 07:07:22</t>
  </si>
  <si>
    <t>12/24/2019 07:07:23</t>
  </si>
  <si>
    <t>12/24/2019 07:08:22</t>
  </si>
  <si>
    <t>12/24/2019 07:07:09</t>
  </si>
  <si>
    <t>12/24/2019 07:12:28</t>
  </si>
  <si>
    <t>12/24/2019 07:11:40</t>
  </si>
  <si>
    <t>12/24/2019 07:13:28</t>
  </si>
  <si>
    <t>12/24/2019 07:12:22</t>
  </si>
  <si>
    <t>12/24/2019 07:14:28</t>
  </si>
  <si>
    <t>12/24/2019 07:12:44</t>
  </si>
  <si>
    <t>12/24/2019 07:13:44</t>
  </si>
  <si>
    <t>12/24/2019 07:13:56</t>
  </si>
  <si>
    <t>12/24/2019 07:14:01</t>
  </si>
  <si>
    <t>12/24/2019 07:14:08</t>
  </si>
  <si>
    <t>12/24/2019 07:14:14</t>
  </si>
  <si>
    <t>12/24/2019 07:14:17</t>
  </si>
  <si>
    <t>12/24/2019 07:15:04</t>
  </si>
  <si>
    <t>12/24/2019 07:16:27</t>
  </si>
  <si>
    <t>52f38b7b-773b-43fd-8483-862f2b86c87b.tmp</t>
  </si>
  <si>
    <t>\\acsfs\profiles$\nathaliadf\Downloads\52f38b7b-773b-43fd-8483-862f2b86c87b.tmp</t>
  </si>
  <si>
    <t>12/24/2019 07:12:09</t>
  </si>
  <si>
    <t>12/24/2019 07:17:28</t>
  </si>
  <si>
    <t>12/24/2019 07:12:27</t>
  </si>
  <si>
    <t>12/24/2019 07:13:18</t>
  </si>
  <si>
    <t>dcd435f5-3a2b-4ce0-a951-c1180b5dbc6e.tmp</t>
  </si>
  <si>
    <t>\\acsfs\profiles$\deboraaa\Downloads\dcd435f5-3a2b-4ce0-a951-c1180b5dbc6e.tmp</t>
  </si>
  <si>
    <t>12/24/2019 07:15:15</t>
  </si>
  <si>
    <t>9fce86fa-2457-4dfc-b7bc-55909d860081.tmp</t>
  </si>
  <si>
    <t>\\acsfs\profiles$\deboraaa\Downloads\9fce86fa-2457-4dfc-b7bc-55909d860081.tmp</t>
  </si>
  <si>
    <t>12/24/2019 07:16:32</t>
  </si>
  <si>
    <t>84b04e64-8587-45b5-a5ef-643a0fb0d32c.tmp</t>
  </si>
  <si>
    <t>\\acsfs\profiles$\deboraaa\Downloads\84b04e64-8587-45b5-a5ef-643a0fb0d32c.tmp</t>
  </si>
  <si>
    <t>12/24/2019 07:18:44</t>
  </si>
  <si>
    <t>12/24/2019 07:19:28</t>
  </si>
  <si>
    <t>12/24/2019 07:17:22</t>
  </si>
  <si>
    <t>12/24/2019 07:20:27</t>
  </si>
  <si>
    <t>12/24/2019 07:21:24</t>
  </si>
  <si>
    <t>12/24/2019 07:23:28</t>
  </si>
  <si>
    <t>12/24/2019 07:20:02</t>
  </si>
  <si>
    <t>12/24/2019 07:24:27</t>
  </si>
  <si>
    <t>12/24/2019 07:19:44</t>
  </si>
  <si>
    <t>12/24/2019 07:22:34</t>
  </si>
  <si>
    <t>12/24/2019 07:23:41</t>
  </si>
  <si>
    <t>12/24/2019 07:22:39</t>
  </si>
  <si>
    <t>12/24/2019 07:25:27</t>
  </si>
  <si>
    <t>929b7511-5da6-499f-9d35-98a3e65d4e26.tmp</t>
  </si>
  <si>
    <t>\\acsfs\profiles$\sarahbal\Downloads\929b7511-5da6-499f-9d35-98a3e65d4e26.tmp</t>
  </si>
  <si>
    <t>12/24/2019 07:23:47</t>
  </si>
  <si>
    <t>f592c16d-3875-4ed7-8c1e-d140305161b2.tmp</t>
  </si>
  <si>
    <t>\\acsfs\profiles$\sarahbal\Downloads\f592c16d-3875-4ed7-8c1e-d140305161b2.tmp</t>
  </si>
  <si>
    <t>12/24/2019 07:24:26</t>
  </si>
  <si>
    <t>89bdf246-0fe3-474c-9217-a2d3cda583e2.tmp</t>
  </si>
  <si>
    <t>\\acsfs\profiles$\sarahbal\Downloads\89bdf246-0fe3-474c-9217-a2d3cda583e2.tmp</t>
  </si>
  <si>
    <t>12/24/2019 07:25:17</t>
  </si>
  <si>
    <t>12/24/2019 07:27:27</t>
  </si>
  <si>
    <t>f269dfea-b48f-4bcc-ac77-d5e06e2ea975.tmp</t>
  </si>
  <si>
    <t>\\acsfs\profiles$\deboraaa\Downloads\f269dfea-b48f-4bcc-ac77-d5e06e2ea975.tmp</t>
  </si>
  <si>
    <t>12/24/2019 07:26:37</t>
  </si>
  <si>
    <t>75ebf3af-52f7-41ec-8f33-8302558ce7a1.tmp</t>
  </si>
  <si>
    <t>\\acsfs\profiles$\deboraaa\Downloads\75ebf3af-52f7-41ec-8f33-8302558ce7a1.tmp</t>
  </si>
  <si>
    <t>12/24/2019 07:25:31</t>
  </si>
  <si>
    <t>12/24/2019 07:30:28</t>
  </si>
  <si>
    <t>88997674-7ddb-498c-ad37-40d7973aa3ef.tmp</t>
  </si>
  <si>
    <t>\\acsfs\profiles$\sarahbal\Downloads\88997674-7ddb-498c-ad37-40d7973aa3ef.tmp</t>
  </si>
  <si>
    <t>12/24/2019 07:24:44</t>
  </si>
  <si>
    <t>12/24/2019 07:25:44</t>
  </si>
  <si>
    <t>12/24/2019 07:29:22</t>
  </si>
  <si>
    <t>12/24/2019 07:33:28</t>
  </si>
  <si>
    <t>12/24/2019 07:31:36</t>
  </si>
  <si>
    <t>430bbfb9-1183-47b1-a43a-69335da61b7f.tmp</t>
  </si>
  <si>
    <t>\\acsfs\profiles$\paulovadc\Downloads\430bbfb9-1183-47b1-a43a-69335da61b7f.tmp</t>
  </si>
  <si>
    <t>12/24/2019 07:30:35</t>
  </si>
  <si>
    <t>12/24/2019 07:34:27</t>
  </si>
  <si>
    <t>1397293c-d77d-44d5-a899-40af8c0949db.tmp</t>
  </si>
  <si>
    <t>\\acsfs\profiles$\websondsa\Downloads\1397293c-d77d-44d5-a899-40af8c0949db.tmp</t>
  </si>
  <si>
    <t>12/24/2019 07:30:41</t>
  </si>
  <si>
    <t>58551292-be68-4819-9037-070d722246af.tmp</t>
  </si>
  <si>
    <t>\\acsfs\profiles$\websondsa\Downloads\58551292-be68-4819-9037-070d722246af.tmp</t>
  </si>
  <si>
    <t>12/24/2019 07:32:13</t>
  </si>
  <si>
    <t>8a743ea1-28ab-4108-9731-d646f58659a2.tmp</t>
  </si>
  <si>
    <t>\\acsfs\profiles$\websondsa\Downloads\8a743ea1-28ab-4108-9731-d646f58659a2.tmp</t>
  </si>
  <si>
    <t>12/24/2019 07:32:16</t>
  </si>
  <si>
    <t>930bc1b5-0ea3-483d-8898-14f28e119bb5.tmp</t>
  </si>
  <si>
    <t>\\acsfs\profiles$\websondsa\Downloads\930bc1b5-0ea3-483d-8898-14f28e119bb5.tmp</t>
  </si>
  <si>
    <t>12/24/2019 07:32:29</t>
  </si>
  <si>
    <t>0cf51314-02e6-483d-ba2a-4c7b9ce283a2.tmp</t>
  </si>
  <si>
    <t>\\acsfs\profiles$\websondsa\Downloads\0cf51314-02e6-483d-ba2a-4c7b9ce283a2.tmp</t>
  </si>
  <si>
    <t>12/24/2019 07:33:00</t>
  </si>
  <si>
    <t>96c0dcda-3f43-4594-9eba-9e5926f641de.tmp</t>
  </si>
  <si>
    <t>\\acsfs\profiles$\websondsa\Downloads\96c0dcda-3f43-4594-9eba-9e5926f641de.tmp</t>
  </si>
  <si>
    <t>12/24/2019 07:33:20</t>
  </si>
  <si>
    <t>9d07c1b1-dafc-4b8b-acfd-77dc4e114a6e.tmp</t>
  </si>
  <si>
    <t>\\acsfs\profiles$\websondsa\Downloads\9d07c1b1-dafc-4b8b-acfd-77dc4e114a6e.tmp</t>
  </si>
  <si>
    <t>12/24/2019 07:31:31</t>
  </si>
  <si>
    <t>12/24/2019 07:35:27</t>
  </si>
  <si>
    <t>12/24/2019 07:34:17</t>
  </si>
  <si>
    <t>12/24/2019 07:36:27</t>
  </si>
  <si>
    <t>12/24/2019 07:35:02</t>
  </si>
  <si>
    <t>VIVIANA LEONEL DA SILVA_1_6770299296868807608_1_32.wav</t>
  </si>
  <si>
    <t>\\acsfs\Deptos\EDUCACAO EMPRESARIAL\KÉSIA\Ligações 3º ciclo - Késia\VIVIANA LEONEL DA SILVA_1_6770299296868807608_1_32.wav</t>
  </si>
  <si>
    <t>12/24/2019 07:33:31</t>
  </si>
  <si>
    <t>12/24/2019 07:37:27</t>
  </si>
  <si>
    <t>12/24/2019 07:32:50</t>
  </si>
  <si>
    <t>12/24/2019 07:38:27</t>
  </si>
  <si>
    <t>93c35c5b-d7e7-4359-af74-0d769af4c6a3.tmp</t>
  </si>
  <si>
    <t>\\acsfs\profiles$\paulovadc\Downloads\93c35c5b-d7e7-4359-af74-0d769af4c6a3.tmp</t>
  </si>
  <si>
    <t>12/24/2019 07:36:06</t>
  </si>
  <si>
    <t>12/24/2019 07:40:27</t>
  </si>
  <si>
    <t>12/24/2019 07:37:06</t>
  </si>
  <si>
    <t>https://outlook.office365.com/mapi/nspi/?mailboxid=62fbec23-6abc-4188-9ff8-31c473fb057b@algartech.com</t>
  </si>
  <si>
    <t>12/24/2019 07:37:07</t>
  </si>
  <si>
    <t>12/24/2019 07:37:16</t>
  </si>
  <si>
    <t>12/24/2019 07:37:17</t>
  </si>
  <si>
    <t>12/24/2019 07:37:18</t>
  </si>
  <si>
    <t>12/24/2019 07:37:19</t>
  </si>
  <si>
    <t>12/24/2019 07:36:52</t>
  </si>
  <si>
    <t>12/24/2019 07:37:20</t>
  </si>
  <si>
    <t>12/24/2019 07:41:27</t>
  </si>
  <si>
    <t>12/24/2019 07:37:21</t>
  </si>
  <si>
    <t>12/24/2019 07:37:51</t>
  </si>
  <si>
    <t>12/24/2019 07:37:52</t>
  </si>
  <si>
    <t>12/24/2019 07:37:54</t>
  </si>
  <si>
    <t>12/24/2019 07:36:41</t>
  </si>
  <si>
    <t>4d6f6c13-7c40-4e13-945b-9551c63629dc.tmp</t>
  </si>
  <si>
    <t>\\acsfs\profiles$\luanarda\Downloads\4d6f6c13-7c40-4e13-945b-9551c63629dc.tmp</t>
  </si>
  <si>
    <t>12/24/2019 07:38:22</t>
  </si>
  <si>
    <t>0f1e2409-599c-4c30-83bc-2f48ff612834.tmp</t>
  </si>
  <si>
    <t>\\acsfs\profiles$\luanarda\Downloads\0f1e2409-599c-4c30-83bc-2f48ff612834.tmp</t>
  </si>
  <si>
    <t>12/24/2019 07:40:01</t>
  </si>
  <si>
    <t>12/24/2019 07:43:27</t>
  </si>
  <si>
    <t>db14c38d-3607-411c-b17b-ec862d94648b.tmp</t>
  </si>
  <si>
    <t>\\acsfs\profiles$\paulovadc\Downloads\db14c38d-3607-411c-b17b-ec862d94648b.tmp</t>
  </si>
  <si>
    <t>12/24/2019 07:43:40</t>
  </si>
  <si>
    <t>12/24/2019 07:45:27</t>
  </si>
  <si>
    <t>13192375-9747-4371-9fd3-e6d1714aa03e.tmp</t>
  </si>
  <si>
    <t>\\acsfs\profiles$\vivianealda\Downloads\13192375-9747-4371-9fd3-e6d1714aa03e.tmp</t>
  </si>
  <si>
    <t>12/24/2019 07:42:44</t>
  </si>
  <si>
    <t>12/24/2019 07:46:28</t>
  </si>
  <si>
    <t>12/24/2019 07:43:44</t>
  </si>
  <si>
    <t>12/24/2019 07:45:04</t>
  </si>
  <si>
    <t>12/24/2019 07:44:02</t>
  </si>
  <si>
    <t>12/24/2019 07:47:27</t>
  </si>
  <si>
    <t>1a76d8f7-7ea7-4f67-aa00-c86ffd78c41e.tmp</t>
  </si>
  <si>
    <t>\\acsfs\profiles$\deboraaa\Downloads\1a76d8f7-7ea7-4f67-aa00-c86ffd78c41e.tmp</t>
  </si>
  <si>
    <t>12/24/2019 07:47:12</t>
  </si>
  <si>
    <t>12/24/2019 07:48:27</t>
  </si>
  <si>
    <t>0530da75-466d-4c7a-9423-e37549def16e.tmp</t>
  </si>
  <si>
    <t>\\acsfs\profiles$\geovannasm\Downloads\0530da75-466d-4c7a-9423-e37549def16e.tmp</t>
  </si>
  <si>
    <t>12/24/2019 07:47:49</t>
  </si>
  <si>
    <t>45547103-d26b-4506-aab1-9c3c9e662006.tmp</t>
  </si>
  <si>
    <t>\\acsfs\profiles$\ayalabfi\Downloads\45547103-d26b-4506-aab1-9c3c9e662006.tmp</t>
  </si>
  <si>
    <t>12/24/2019 07:47:50</t>
  </si>
  <si>
    <t>ed051c0b-1bdc-47d8-b228-305fccfe7d24.tmp</t>
  </si>
  <si>
    <t>\\acsfs\profiles$\ayalabfi\Downloads\ed051c0b-1bdc-47d8-b228-305fccfe7d24.tmp</t>
  </si>
  <si>
    <t>12/24/2019 07:47:52</t>
  </si>
  <si>
    <t>2bc421ca-8fc5-4be0-b0f5-3abcb8e28935.tmp</t>
  </si>
  <si>
    <t>\\acsfs\profiles$\ayalabfi\Downloads\2bc421ca-8fc5-4be0-b0f5-3abcb8e28935.tmp</t>
  </si>
  <si>
    <t>12/24/2019 07:47:40</t>
  </si>
  <si>
    <t>12/24/2019 07:51:27</t>
  </si>
  <si>
    <t>12/24/2019 07:48:04</t>
  </si>
  <si>
    <t>12/24/2019 07:48:44</t>
  </si>
  <si>
    <t>12/24/2019 07:49:15</t>
  </si>
  <si>
    <t>12/24/2019 07:49:21</t>
  </si>
  <si>
    <t>12/24/2019 07:49:44</t>
  </si>
  <si>
    <t>12/24/2019 07:46:32</t>
  </si>
  <si>
    <t>WENDER BRUNO NUNES MENESES_1_6769938605515279593_1_32.wav</t>
  </si>
  <si>
    <t>\\acsfs\Deptos\EDUCACAO EMPRESARIAL\KÉSIA\Ligações 3º ciclo - Késia\WENDER BRUNO NUNES MENESES_1_6769938605515279593_1_32.wav</t>
  </si>
  <si>
    <t>12/24/2019 07:49:19</t>
  </si>
  <si>
    <t>12/24/2019 07:52:28</t>
  </si>
  <si>
    <t>12/24/2019 07:49:53</t>
  </si>
  <si>
    <t>12/24/2019 07:48:02</t>
  </si>
  <si>
    <t>12/24/2019 07:53:27</t>
  </si>
  <si>
    <t>12/24/2019 07:52:27</t>
  </si>
  <si>
    <t>12/24/2019 07:52:29</t>
  </si>
  <si>
    <t>12/24/2019 07:52:30</t>
  </si>
  <si>
    <t>12/24/2019 07:52:31</t>
  </si>
  <si>
    <t>12/24/2019 07:52:32</t>
  </si>
  <si>
    <t>12/24/2019 07:52:33</t>
  </si>
  <si>
    <t>12/24/2019 07:52:34</t>
  </si>
  <si>
    <t>12/24/2019 07:52:35</t>
  </si>
  <si>
    <t>12/24/2019 07:52:36</t>
  </si>
  <si>
    <t>12/24/2019 07:52:37</t>
  </si>
  <si>
    <t>12/24/2019 07:48:26</t>
  </si>
  <si>
    <t>6a315893-fb93-4190-b69b-f5e5861b8945.tmp</t>
  </si>
  <si>
    <t>\\acsfs\profiles$\geovannasm\Downloads\6a315893-fb93-4190-b69b-f5e5861b8945.tmp</t>
  </si>
  <si>
    <t>12/24/2019 07:52:38</t>
  </si>
  <si>
    <t>12/24/2019 07:49:09</t>
  </si>
  <si>
    <t>37250c60-3460-46f6-9344-111f5d72899c.tmp</t>
  </si>
  <si>
    <t>\\acsfs\profiles$\geovannasm\Downloads\37250c60-3460-46f6-9344-111f5d72899c.tmp</t>
  </si>
  <si>
    <t>12/24/2019 07:52:39</t>
  </si>
  <si>
    <t>12/24/2019 07:53:23</t>
  </si>
  <si>
    <t>91dd2de9-a064-4d9d-8074-1a2bfb7a6b66.tmp</t>
  </si>
  <si>
    <t>\\acsfs\profiles$\geovannasm\Downloads\91dd2de9-a064-4d9d-8074-1a2bfb7a6b66.tmp</t>
  </si>
  <si>
    <t>12/24/2019 07:54:27</t>
  </si>
  <si>
    <t>12/24/2019 07:52:40</t>
  </si>
  <si>
    <t>12/24/2019 07:52:41</t>
  </si>
  <si>
    <t>12/24/2019 07:49:10</t>
  </si>
  <si>
    <t>60ebe302-5238-4a5c-a9ff-380747263832.tmp</t>
  </si>
  <si>
    <t>\\acsfs\profiles$\websondsa\Downloads\60ebe302-5238-4a5c-a9ff-380747263832.tmp</t>
  </si>
  <si>
    <t>12/24/2019 07:52:51</t>
  </si>
  <si>
    <t>12/24/2019 07:55:27</t>
  </si>
  <si>
    <t>fb38ced9-531c-4f40-9ed0-183ebacecd9c.tmp</t>
  </si>
  <si>
    <t>\\acsfs\profiles$\wenderbnm\Downloads\fb38ced9-531c-4f40-9ed0-183ebacecd9c.tmp</t>
  </si>
  <si>
    <t>12/24/2019 07:54:46</t>
  </si>
  <si>
    <t>3801cb89-53bb-41ae-bfa6-83ce5b3da060.tmp</t>
  </si>
  <si>
    <t>\\acsfs\profiles$\valeriasda\Downloads\3801cb89-53bb-41ae-bfa6-83ce5b3da060.tmp</t>
  </si>
  <si>
    <t>12/24/2019 07:52:59</t>
  </si>
  <si>
    <t>12/24/2019 07:56:27</t>
  </si>
  <si>
    <t>12/24/2019 07:54:45</t>
  </si>
  <si>
    <t>12/24/2019 07:51:25</t>
  </si>
  <si>
    <t>b75f28db-45c9-4d68-b692-a723df39ec1a.tmp</t>
  </si>
  <si>
    <t>\\acsfs\profiles$\deborahsi\Downloads\b75f28db-45c9-4d68-b692-a723df39ec1a.tmp</t>
  </si>
  <si>
    <t>12/24/2019 07:53:42</t>
  </si>
  <si>
    <t>4d73ce0c-b287-4114-8fd8-5884d75618f6.tmp</t>
  </si>
  <si>
    <t>\\acsfs\profiles$\deborahsi\Downloads\4d73ce0c-b287-4114-8fd8-5884d75618f6.tmp</t>
  </si>
  <si>
    <t>12/24/2019 07:55:35</t>
  </si>
  <si>
    <t>12/24/2019 07:52:13</t>
  </si>
  <si>
    <t>ddc4c786-cc95-42f6-a6c3-ccd99f5a8af1.tmp</t>
  </si>
  <si>
    <t>\\acsfs\profiles$\gabrielarb\Downloads\ddc4c786-cc95-42f6-a6c3-ccd99f5a8af1.tmp</t>
  </si>
  <si>
    <t>12/24/2019 07:53:20</t>
  </si>
  <si>
    <t>567537ec-f418-4e4c-8697-637b976512cb.tmp</t>
  </si>
  <si>
    <t>\\acsfs\profiles$\gabrielarb\Downloads\567537ec-f418-4e4c-8697-637b976512cb.tmp</t>
  </si>
  <si>
    <t>12/24/2019 07:53:44</t>
  </si>
  <si>
    <t>2a9ce739-0456-479a-922b-d29d6fb2391d.tmp</t>
  </si>
  <si>
    <t>\\acsfs\profiles$\gabrielarb\Downloads\2a9ce739-0456-479a-922b-d29d6fb2391d.tmp</t>
  </si>
  <si>
    <t>12/24/2019 07:54:20</t>
  </si>
  <si>
    <t>1a12ac31-61a2-4501-a33a-584ec4a4e279.tmp</t>
  </si>
  <si>
    <t>\\acsfs\profiles$\gabrielarb\Downloads\1a12ac31-61a2-4501-a33a-584ec4a4e279.tmp</t>
  </si>
  <si>
    <t>12/24/2019 07:54:32</t>
  </si>
  <si>
    <t>487f815f-f59a-477e-9c65-94703b7114c1.tmp</t>
  </si>
  <si>
    <t>\\acsfs\profiles$\gabrielarb\Downloads\487f815f-f59a-477e-9c65-94703b7114c1.tmp</t>
  </si>
  <si>
    <t>12/24/2019 07:57:27</t>
  </si>
  <si>
    <t>12/24/2019 07:56:28</t>
  </si>
  <si>
    <t>12/24/2019 07:56:29</t>
  </si>
  <si>
    <t>12/24/2019 07:56:30</t>
  </si>
  <si>
    <t>12/24/2019 07:56:31</t>
  </si>
  <si>
    <t>12/24/2019 07:56:32</t>
  </si>
  <si>
    <t>12/24/2019 07:56:33</t>
  </si>
  <si>
    <t>12/23/2019 21:04:50</t>
  </si>
  <si>
    <t>12/24/2019 07:58:28</t>
  </si>
  <si>
    <t>12/24/2019 07:54:47</t>
  </si>
  <si>
    <t>12/24/2019 08:00:28</t>
  </si>
  <si>
    <t>6c562afd-221d-42f4-80f9-670749ef86c8.tmp</t>
  </si>
  <si>
    <t>\\acsfs\profiles$\wenderbnm\Downloads\6c562afd-221d-42f4-80f9-670749ef86c8.tmp</t>
  </si>
  <si>
    <t>12/24/2019 07:56:03</t>
  </si>
  <si>
    <t>05c4a27e-a11e-40ad-a19b-698c9d96a75e.tmp</t>
  </si>
  <si>
    <t>\\acsfs\profiles$\wenderbnm\Downloads\05c4a27e-a11e-40ad-a19b-698c9d96a75e.tmp</t>
  </si>
  <si>
    <t>12/24/2019 07:58:39</t>
  </si>
  <si>
    <t>12/24/2019 07:56:06</t>
  </si>
  <si>
    <t>10.200.98.9</t>
  </si>
  <si>
    <t>C:\Users\hugonmo\OneDrive\Documents\ALGAR\</t>
  </si>
  <si>
    <t>Cálculo Férias.xlsx</t>
  </si>
  <si>
    <t>12/24/2019 07:58:04</t>
  </si>
  <si>
    <t>12/24/2019 07:56:38</t>
  </si>
  <si>
    <t>5d52b21a-835d-41d1-8b4c-088d69a16d2e.tmp</t>
  </si>
  <si>
    <t>\\acsfs\profiles$\valeriasda\Downloads\5d52b21a-835d-41d1-8b4c-088d69a16d2e.tmp</t>
  </si>
  <si>
    <t>12/24/2019 07:55:38</t>
  </si>
  <si>
    <t>8fbb4e8e-f278-4826-bb34-77690b97d759.tmp</t>
  </si>
  <si>
    <t>\\acsfs\profiles$\vivianealda\Downloads\8fbb4e8e-f278-4826-bb34-77690b97d759.tmp</t>
  </si>
  <si>
    <t>12/24/2019 07:55:44</t>
  </si>
  <si>
    <t>12/24/2019 08:01:27</t>
  </si>
  <si>
    <t>12/24/2019 07:57:37</t>
  </si>
  <si>
    <t>d805501e-45fa-4c5f-b3cc-40d3b230b959.tmp</t>
  </si>
  <si>
    <t>\\acsfs\profiles$\gabriellalpr\Downloads\d805501e-45fa-4c5f-b3cc-40d3b230b959.tmp</t>
  </si>
  <si>
    <t>12/24/2019 07:58:15</t>
  </si>
  <si>
    <t>5baef488-c13d-435e-8fbe-c3e761b607c7.tmp</t>
  </si>
  <si>
    <t>\\acsfs\profiles$\gabriellalpr\Downloads\5baef488-c13d-435e-8fbe-c3e761b607c7.tmp</t>
  </si>
  <si>
    <t>12/24/2019 07:58:54</t>
  </si>
  <si>
    <t>0466f62d-2a90-4f5b-95f4-cb94282991cb.tmp</t>
  </si>
  <si>
    <t>\\acsfs\profiles$\gabriellalpr\Downloads\0466f62d-2a90-4f5b-95f4-cb94282991cb.tmp</t>
  </si>
  <si>
    <t>12/24/2019 07:57:33</t>
  </si>
  <si>
    <t>Controle de Laudos (conforme Cronograma PPRAs).xlsx</t>
  </si>
  <si>
    <t>12/24/2019 07:58:59</t>
  </si>
  <si>
    <t>12/24/2019 08:00:51</t>
  </si>
  <si>
    <t>f921c79b-f729-421a-a3e8-2371738db5d1.tmp</t>
  </si>
  <si>
    <t>\\acsfs\profiles$\gabrielarb\Downloads\f921c79b-f729-421a-a3e8-2371738db5d1.tmp</t>
  </si>
  <si>
    <t>12/24/2019 08:02:28</t>
  </si>
  <si>
    <t>12/24/2019 07:56:34</t>
  </si>
  <si>
    <t>12/24/2019 07:56:35</t>
  </si>
  <si>
    <t>12/24/2019 07:56:36</t>
  </si>
  <si>
    <t>12/24/2019 07:56:37</t>
  </si>
  <si>
    <t>12/24/2019 07:56:39</t>
  </si>
  <si>
    <t>12/24/2019 07:56:40</t>
  </si>
  <si>
    <t>12/24/2019 07:56:41</t>
  </si>
  <si>
    <t>12/24/2019 07:56:42</t>
  </si>
  <si>
    <t>12/24/2019 07:56:43</t>
  </si>
  <si>
    <t>12/24/2019 07:56:44</t>
  </si>
  <si>
    <t>12/24/2019 07:56:45</t>
  </si>
  <si>
    <t>12/24/2019 07:56:46</t>
  </si>
  <si>
    <t>12/24/2019 07:56:47</t>
  </si>
  <si>
    <t>12/24/2019 07:56:48</t>
  </si>
  <si>
    <t>12/24/2019 07:56:49</t>
  </si>
  <si>
    <t>12/24/2019 07:56:50</t>
  </si>
  <si>
    <t>12/24/2019 07:56:51</t>
  </si>
  <si>
    <t>12/24/2019 07:58:01</t>
  </si>
  <si>
    <t>12/24/2019 08:03:27</t>
  </si>
  <si>
    <t>12/24/2019 07:58:23</t>
  </si>
  <si>
    <t>7f37e8d7-e335-4d2d-8320-856be5ad70c2.tmp</t>
  </si>
  <si>
    <t>\\acsfs\profiles$\marcellewdl\Downloads\7f37e8d7-e335-4d2d-8320-856be5ad70c2.tmp</t>
  </si>
  <si>
    <t>12/24/2019 07:59:30</t>
  </si>
  <si>
    <t>03c640fc-e25f-452e-9507-2d0d3bef6e0f.tmp</t>
  </si>
  <si>
    <t>\\acsfs\profiles$\marcellewdl\Downloads\03c640fc-e25f-452e-9507-2d0d3bef6e0f.tmp</t>
  </si>
  <si>
    <t>12/24/2019 08:00:50</t>
  </si>
  <si>
    <t>12/24/2019 07:58:00</t>
  </si>
  <si>
    <t>a1c6a05b-cd73-4f38-832b-c6c3a0762264.tmp</t>
  </si>
  <si>
    <t>\\acsfs\profiles$\jonatanls\Downloads\a1c6a05b-cd73-4f38-832b-c6c3a0762264.tmp</t>
  </si>
  <si>
    <t>12/24/2019 07:58:19</t>
  </si>
  <si>
    <t>eca985fa-d602-4559-bac2-1e5c256da34a.tmp</t>
  </si>
  <si>
    <t>\\acsfs\profiles$\jonatanls\Downloads\eca985fa-d602-4559-bac2-1e5c256da34a.tmp</t>
  </si>
  <si>
    <t>12/24/2019 08:01:02</t>
  </si>
  <si>
    <t>12/24/2019 07:59:57</t>
  </si>
  <si>
    <t>12/24/2019 08:05:28</t>
  </si>
  <si>
    <t>69dc45cf-ec9c-492f-b3cf-62c09edc43d3.tmp</t>
  </si>
  <si>
    <t>\\acsfs\profiles$\nataliacsl\Downloads\69dc45cf-ec9c-492f-b3cf-62c09edc43d3.tmp</t>
  </si>
  <si>
    <t>12/24/2019 08:01:11</t>
  </si>
  <si>
    <t>79d3c5a6-c046-4354-ad90-e865f29ec9f2.tmp</t>
  </si>
  <si>
    <t>\\acsfs\profiles$\nataliacsl\Downloads\79d3c5a6-c046-4354-ad90-e865f29ec9f2.tmp</t>
  </si>
  <si>
    <t>12/24/2019 08:00:44</t>
  </si>
  <si>
    <t>12/24/2019 08:06:27</t>
  </si>
  <si>
    <t>12/24/2019 08:01:44</t>
  </si>
  <si>
    <t>12/24/2019 08:01:46</t>
  </si>
  <si>
    <t>12/24/2019 08:01:48</t>
  </si>
  <si>
    <t>0cc575bb-314e-4dae-b307-7ce9cfc415ca.tmp</t>
  </si>
  <si>
    <t>\\acsfs\profiles$\quindaizaagds\Downloads\0cc575bb-314e-4dae-b307-7ce9cfc415ca.tmp</t>
  </si>
  <si>
    <t>12/24/2019 08:04:45</t>
  </si>
  <si>
    <t>47c7038e-70c6-4428-b23e-38600977e894.tmp</t>
  </si>
  <si>
    <t>\\acsfs\profiles$\quindaizaagds\Downloads\47c7038e-70c6-4428-b23e-38600977e894.tmp</t>
  </si>
  <si>
    <t>12/24/2019 08:02:57</t>
  </si>
  <si>
    <t>5a345c88-a4b3-45f9-8cde-a4e8f2d4873a.tmp</t>
  </si>
  <si>
    <t>\\acsfs\profiles$\deborahsi\Downloads\5a345c88-a4b3-45f9-8cde-a4e8f2d4873a.tmp</t>
  </si>
  <si>
    <t>12/24/2019 08:05:30</t>
  </si>
  <si>
    <t>12/24/2019 08:05:34</t>
  </si>
  <si>
    <t>mail.google.com/_/upload?authuser=0&amp;dcp=asu-n&amp;upload_id=AEnB2UrC1F3utqk_S4IKUblJznnUse1xWnWadfhhQl6JG1Jncv7Y5rgnBpfl2i6cIC-Ykc4MUgwAYSZY6Psjn7WVF7ulp00BAHYLvknTUDNB9wHcmuTl3AE&amp;upload_protocol=resumable</t>
  </si>
  <si>
    <t>12/24/2019 08:05:47</t>
  </si>
  <si>
    <t>12/24/2019 08:05:56</t>
  </si>
  <si>
    <t>12/24/2019 08:06:02</t>
  </si>
  <si>
    <t>12/24/2019 08:06:34</t>
  </si>
  <si>
    <t>12/24/2019 08:08:28</t>
  </si>
  <si>
    <t>12/24/2019 08:06:52</t>
  </si>
  <si>
    <t>7079793a-2fcc-46eb-9c9a-d984365c2c58.tmp</t>
  </si>
  <si>
    <t>\\acsfs\profiles$\geovannasm\Downloads\7079793a-2fcc-46eb-9c9a-d984365c2c58.tmp</t>
  </si>
  <si>
    <t>12/24/2019 08:04:59</t>
  </si>
  <si>
    <t>12/24/2019 08:06:51</t>
  </si>
  <si>
    <t>12/24/2019 08:09:28</t>
  </si>
  <si>
    <t>347a145e-ee5d-4746-bdd4-3d7523bf3f2c.tmp</t>
  </si>
  <si>
    <t>\\acsfs\profiles$\websondsa\Downloads\347a145e-ee5d-4746-bdd4-3d7523bf3f2c.tmp</t>
  </si>
  <si>
    <t>12/24/2019 08:09:39</t>
  </si>
  <si>
    <t>12/24/2019 08:10:29</t>
  </si>
  <si>
    <t>12/24/2019 08:08:34</t>
  </si>
  <si>
    <t>52d0449f-fbfd-46e1-b27d-7d7bca405b4d.tmp</t>
  </si>
  <si>
    <t>\\acsfs\profiles$\vivianealda\Downloads\52d0449f-fbfd-46e1-b27d-7d7bca405b4d.tmp</t>
  </si>
  <si>
    <t>12/24/2019 08:06:31</t>
  </si>
  <si>
    <t>12/24/2019 08:11:28</t>
  </si>
  <si>
    <t>100014251170101;</t>
  </si>
  <si>
    <t>https://100014251170101</t>
  </si>
  <si>
    <t>12/24/2019 08:06:44</t>
  </si>
  <si>
    <t>12/24/2019 08:07:23</t>
  </si>
  <si>
    <t>12/24/2019 08:07:44</t>
  </si>
  <si>
    <t>12/24/2019 08:07:45</t>
  </si>
  <si>
    <t>12/24/2019 08:07:53</t>
  </si>
  <si>
    <t>12/24/2019 08:08:11</t>
  </si>
  <si>
    <t>12/24/2019 08:08:16</t>
  </si>
  <si>
    <t>12/24/2019 08:09:30</t>
  </si>
  <si>
    <t>12/24/2019 08:09:54</t>
  </si>
  <si>
    <t>12/24/2019 08:10:23</t>
  </si>
  <si>
    <t>12/24/2019 08:06:13</t>
  </si>
  <si>
    <t>12/24/2019 08:06:22</t>
  </si>
  <si>
    <t>12/24/2019 08:06:40</t>
  </si>
  <si>
    <t>12/24/2019 08:09:57</t>
  </si>
  <si>
    <t>YASMIN SOARES COSTA_1_6771041480102445691_1_32.wav</t>
  </si>
  <si>
    <t>\\acsfs\Deptos\EDUCACAO EMPRESARIAL\KÉSIA\Ligações 3º ciclo - Késia\YASMIN SOARES COSTA_1_6771041480102445691_1_32.wav</t>
  </si>
  <si>
    <t>12/24/2019 08:08:59</t>
  </si>
  <si>
    <t>12/24/2019 08:12:28</t>
  </si>
  <si>
    <t>12/24/2019 08:10:44</t>
  </si>
  <si>
    <t>12/24/2019 08:13:28</t>
  </si>
  <si>
    <t>12/24/2019 08:11:16</t>
  </si>
  <si>
    <t>cc9d0757-fddd-476e-9b45-a1874c2abacd.tmp</t>
  </si>
  <si>
    <t>\\acsfs\profiles$\jonatanls\Downloads\cc9d0757-fddd-476e-9b45-a1874c2abacd.tmp</t>
  </si>
  <si>
    <t>12/24/2019 08:10:33</t>
  </si>
  <si>
    <t>12/24/2019 08:15:28</t>
  </si>
  <si>
    <t>d5e7f8e2-d19e-471e-93b4-dde1fdb71c8f.tmp</t>
  </si>
  <si>
    <t>\\acsfs\profiles$\vivianealda\Downloads\d5e7f8e2-d19e-471e-93b4-dde1fdb71c8f.tmp</t>
  </si>
  <si>
    <t>12/24/2019 08:11:27</t>
  </si>
  <si>
    <t>12/24/2019 08:16:27</t>
  </si>
  <si>
    <t>12/24/2019 08:12:21</t>
  </si>
  <si>
    <t>12/24/2019 08:12:45</t>
  </si>
  <si>
    <t>12/24/2019 08:13:06</t>
  </si>
  <si>
    <t>12/24/2019 08:13:44</t>
  </si>
  <si>
    <t>12/24/2019 08:14:36</t>
  </si>
  <si>
    <t>9839a22b-5f1d-4243-a4cb-aa821b8cf620.tmp</t>
  </si>
  <si>
    <t>\\acsfs\profiles$\quindaizaagds\Downloads\9839a22b-5f1d-4243-a4cb-aa821b8cf620.tmp</t>
  </si>
  <si>
    <t>12/24/2019 08:11:52</t>
  </si>
  <si>
    <t>12/24/2019 08:12:16</t>
  </si>
  <si>
    <t>c1f87b12-5c27-4521-8134-9ba9d56b5736.tmp</t>
  </si>
  <si>
    <t>\\acsfs\profiles$\gabrielarb\Downloads\c1f87b12-5c27-4521-8134-9ba9d56b5736.tmp</t>
  </si>
  <si>
    <t>12/24/2019 08:14:53</t>
  </si>
  <si>
    <t>12/24/2019 08:18:27</t>
  </si>
  <si>
    <t>12/24/2019 08:19:14</t>
  </si>
  <si>
    <t>12/24/2019 08:20:27</t>
  </si>
  <si>
    <t>12/24/2019 08:19:15</t>
  </si>
  <si>
    <t>12/24/2019 08:19:16</t>
  </si>
  <si>
    <t>12/24/2019 08:19:17</t>
  </si>
  <si>
    <t>12/24/2019 08:19:18</t>
  </si>
  <si>
    <t>12/24/2019 08:19:19</t>
  </si>
  <si>
    <t>12/24/2019 08:19:20</t>
  </si>
  <si>
    <t>12/24/2019 08:19:21</t>
  </si>
  <si>
    <t>12/24/2019 08:19:22</t>
  </si>
  <si>
    <t>12/24/2019 08:19:23</t>
  </si>
  <si>
    <t>12/24/2019 08:19:24</t>
  </si>
  <si>
    <t>12/24/2019 08:19:25</t>
  </si>
  <si>
    <t>12/24/2019 08:19:26</t>
  </si>
  <si>
    <t>12/24/2019 08:19:27</t>
  </si>
  <si>
    <t>12/24/2019 08:19:28</t>
  </si>
  <si>
    <t>12/24/2019 08:19:29</t>
  </si>
  <si>
    <t>12/24/2019 08:19:30</t>
  </si>
  <si>
    <t>12/24/2019 08:19:31</t>
  </si>
  <si>
    <t>12/24/2019 08:19:32</t>
  </si>
  <si>
    <t>12/24/2019 08:18:44</t>
  </si>
  <si>
    <t>12/24/2019 08:21:28</t>
  </si>
  <si>
    <t>12/24/2019 08:19:44</t>
  </si>
  <si>
    <t>6012f9e2-36cf-487e-842d-f39a056ac6e0.tmp</t>
  </si>
  <si>
    <t>\\acsfs\profiles$\deborahsi\Downloads\6012f9e2-36cf-487e-842d-f39a056ac6e0.tmp</t>
  </si>
  <si>
    <t>12/24/2019 08:17:54</t>
  </si>
  <si>
    <t>12/24/2019 08:23:28</t>
  </si>
  <si>
    <t>12/24/2019 08:17:55</t>
  </si>
  <si>
    <t>12/24/2019 08:17:56</t>
  </si>
  <si>
    <t>12/24/2019 08:17:57</t>
  </si>
  <si>
    <t>12/24/2019 08:17:58</t>
  </si>
  <si>
    <t>12/24/2019 08:17:59</t>
  </si>
  <si>
    <t>12/24/2019 08:18:00</t>
  </si>
  <si>
    <t>12/24/2019 08:18:01</t>
  </si>
  <si>
    <t>12/24/2019 08:18:02</t>
  </si>
  <si>
    <t>12/24/2019 08:18:03</t>
  </si>
  <si>
    <t>12/24/2019 08:18:04</t>
  </si>
  <si>
    <t>12/24/2019 08:18:05</t>
  </si>
  <si>
    <t>12/24/2019 08:18:06</t>
  </si>
  <si>
    <t>12/24/2019 08:18:07</t>
  </si>
  <si>
    <t>12/24/2019 08:18:08</t>
  </si>
  <si>
    <t>12/24/2019 08:18:09</t>
  </si>
  <si>
    <t>12/24/2019 08:18:10</t>
  </si>
  <si>
    <t>12/24/2019 08:18:11</t>
  </si>
  <si>
    <t>12/24/2019 08:18:12</t>
  </si>
  <si>
    <t>12/24/2019 08:18:13</t>
  </si>
  <si>
    <t>12/24/2019 08:18:14</t>
  </si>
  <si>
    <t>12/24/2019 08:18:15</t>
  </si>
  <si>
    <t>12/24/2019 08:18:16</t>
  </si>
  <si>
    <t>12/24/2019 08:18:17</t>
  </si>
  <si>
    <t>12/24/2019 08:18:18</t>
  </si>
  <si>
    <t>12/24/2019 08:25:28</t>
  </si>
  <si>
    <t>12/24/2019 08:19:33</t>
  </si>
  <si>
    <t>12/24/2019 08:19:34</t>
  </si>
  <si>
    <t>12/24/2019 08:19:35</t>
  </si>
  <si>
    <t>12/24/2019 08:19:36</t>
  </si>
  <si>
    <t>12/24/2019 08:24:44</t>
  </si>
  <si>
    <t>12/24/2019 08:26:27</t>
  </si>
  <si>
    <t>12/24/2019 08:21:22</t>
  </si>
  <si>
    <t>715a7425-556e-40ea-b164-d621fd1c6ee8.tmp</t>
  </si>
  <si>
    <t>\\acsfs\profiles$\gabrieleods\Downloads\715a7425-556e-40ea-b164-d621fd1c6ee8.tmp</t>
  </si>
  <si>
    <t>12/24/2019 08:22:15</t>
  </si>
  <si>
    <t>4b66c5cf-d557-454c-93b7-1660a6110d78.tmp</t>
  </si>
  <si>
    <t>\\acsfs\profiles$\gabrieleods\Downloads\4b66c5cf-d557-454c-93b7-1660a6110d78.tmp</t>
  </si>
  <si>
    <t>12/24/2019 08:22:24</t>
  </si>
  <si>
    <t>aa1cae4e-5c4f-4a5d-bdfe-c0cc6984c623.tmp</t>
  </si>
  <si>
    <t>\\acsfs\profiles$\gabrieleods\Downloads\aa1cae4e-5c4f-4a5d-bdfe-c0cc6984c623.tmp</t>
  </si>
  <si>
    <t>12/24/2019 08:22:31</t>
  </si>
  <si>
    <t>5a7b10b3-82d6-4085-8100-b38f76fcc7fc.tmp</t>
  </si>
  <si>
    <t>\\acsfs\profiles$\gabrieleods\Downloads\5a7b10b3-82d6-4085-8100-b38f76fcc7fc.tmp</t>
  </si>
  <si>
    <t>12/24/2019 08:22:33</t>
  </si>
  <si>
    <t>7b4ad783-19f9-4c26-aa45-0117ec47598f.tmp</t>
  </si>
  <si>
    <t>\\acsfs\profiles$\gabrieleods\Downloads\7b4ad783-19f9-4c26-aa45-0117ec47598f.tmp</t>
  </si>
  <si>
    <t>12/24/2019 08:22:19</t>
  </si>
  <si>
    <t>e77a1e8f-d968-44cd-b7a4-9b9b568e4438.tmp</t>
  </si>
  <si>
    <t>\\acsfs\profiles$\laianear\Downloads\e77a1e8f-d968-44cd-b7a4-9b9b568e4438.tmp</t>
  </si>
  <si>
    <t>12/24/2019 08:22:22</t>
  </si>
  <si>
    <t>aed19b6f-604b-44cf-95fc-36009f8c39c0.tmp</t>
  </si>
  <si>
    <t>\\acsfs\profiles$\laianear\Downloads\aed19b6f-604b-44cf-95fc-36009f8c39c0.tmp</t>
  </si>
  <si>
    <t>12/24/2019 08:24:18</t>
  </si>
  <si>
    <t>99be4050-7d78-4608-a4d6-ef372ddb6d1f.tmp</t>
  </si>
  <si>
    <t>\\acsfs\profiles$\laianear\Downloads\99be4050-7d78-4608-a4d6-ef372ddb6d1f.tmp</t>
  </si>
  <si>
    <t>12/24/2019 08:25:13</t>
  </si>
  <si>
    <t>d8488c3b-fad6-4cbc-b3fa-b628068404af.tmp</t>
  </si>
  <si>
    <t>\\acsfs\profiles$\laianear\Downloads\d8488c3b-fad6-4cbc-b3fa-b628068404af.tmp</t>
  </si>
  <si>
    <t>12/24/2019 08:21:55</t>
  </si>
  <si>
    <t>12/24/2019 08:29:26</t>
  </si>
  <si>
    <t>12/24/2019 08:30:27</t>
  </si>
  <si>
    <t>8b0b1461-ac16-4eac-97d9-873480827fa2.tmp</t>
  </si>
  <si>
    <t>\\acsfs\profiles$\vivianealda\Downloads\8b0b1461-ac16-4eac-97d9-873480827fa2.tmp</t>
  </si>
  <si>
    <t>12/24/2019 08:30:07</t>
  </si>
  <si>
    <t>12/24/2019 08:30:11</t>
  </si>
  <si>
    <t>12/24/2019 08:30:12</t>
  </si>
  <si>
    <t>12/24/2019 08:30:13</t>
  </si>
  <si>
    <t>12/24/2019 08:30:14</t>
  </si>
  <si>
    <t>12/24/2019 08:30:17</t>
  </si>
  <si>
    <t>12/24/2019 08:30:18</t>
  </si>
  <si>
    <t>12/24/2019 08:30:19</t>
  </si>
  <si>
    <t>12/24/2019 08:31:28</t>
  </si>
  <si>
    <t>12/24/2019 08:30:21</t>
  </si>
  <si>
    <t>12/24/2019 08:30:22</t>
  </si>
  <si>
    <t>12/24/2019 08:30:24</t>
  </si>
  <si>
    <t>12/24/2019 08:30:25</t>
  </si>
  <si>
    <t>12/24/2019 08:30:26</t>
  </si>
  <si>
    <t>12/24/2019 08:25:44</t>
  </si>
  <si>
    <t>12/24/2019 08:27:00</t>
  </si>
  <si>
    <t>64860774-dc0f-40fa-8a50-e22a1e60a230.tmp</t>
  </si>
  <si>
    <t>\\acsfs\profiles$\gabrieleods\Downloads\64860774-dc0f-40fa-8a50-e22a1e60a230.tmp</t>
  </si>
  <si>
    <t>12/24/2019 08:28:00</t>
  </si>
  <si>
    <t>12/24/2019 08:32:27</t>
  </si>
  <si>
    <t>48c29493-eea8-4c8b-bc68-ede095ea30d4.tmp</t>
  </si>
  <si>
    <t>\\acsfs\profiles$\YASMINSC\Downloads\48c29493-eea8-4c8b-bc68-ede095ea30d4.tmp</t>
  </si>
  <si>
    <t>12/24/2019 08:28:31</t>
  </si>
  <si>
    <t>12/24/2019 08:31:41</t>
  </si>
  <si>
    <t>12/24/2019 08:29:04</t>
  </si>
  <si>
    <t>12/24/2019 08:28:53</t>
  </si>
  <si>
    <t>12/24/2019 08:33:28</t>
  </si>
  <si>
    <t>ec242ee9-eee8-4db1-80c3-6bdb6d9d7016.tmp</t>
  </si>
  <si>
    <t>\\acsfs\profiles$\geovannasm\Downloads\ec242ee9-eee8-4db1-80c3-6bdb6d9d7016.tmp</t>
  </si>
  <si>
    <t>12/24/2019 08:33:19</t>
  </si>
  <si>
    <t>12/24/2019 08:35:27</t>
  </si>
  <si>
    <t>12/24/2019 08:32:47</t>
  </si>
  <si>
    <t>2c306a5e-d839-4298-8743-37642faf4a6f.tmp</t>
  </si>
  <si>
    <t>\\acsfs\profiles$\vivianealda\Downloads\2c306a5e-d839-4298-8743-37642faf4a6f.tmp</t>
  </si>
  <si>
    <t>12/24/2019 08:36:28</t>
  </si>
  <si>
    <t>12/24/2019 08:30:28</t>
  </si>
  <si>
    <t>12/24/2019 08:30:30</t>
  </si>
  <si>
    <t>12/24/2019 08:30:31</t>
  </si>
  <si>
    <t>12/24/2019 08:30:33</t>
  </si>
  <si>
    <t>12/24/2019 08:30:34</t>
  </si>
  <si>
    <t>12/24/2019 08:30:37</t>
  </si>
  <si>
    <t>12/24/2019 08:30:38</t>
  </si>
  <si>
    <t>12/24/2019 08:30:39</t>
  </si>
  <si>
    <t>12/24/2019 08:30:41</t>
  </si>
  <si>
    <t>12/24/2019 08:30:42</t>
  </si>
  <si>
    <t>12/24/2019 08:30:43</t>
  </si>
  <si>
    <t>12/24/2019 08:30:45</t>
  </si>
  <si>
    <t>12/24/2019 08:30:47</t>
  </si>
  <si>
    <t>12/24/2019 08:30:48</t>
  </si>
  <si>
    <t>12/24/2019 08:30:49</t>
  </si>
  <si>
    <t>12/24/2019 08:30:50</t>
  </si>
  <si>
    <t>12/24/2019 08:30:53</t>
  </si>
  <si>
    <t>12/24/2019 08:30:54</t>
  </si>
  <si>
    <t>12/24/2019 08:30:55</t>
  </si>
  <si>
    <t>12/24/2019 08:30:56</t>
  </si>
  <si>
    <t>12/24/2019 08:30:57</t>
  </si>
  <si>
    <t>12/24/2019 08:30:58</t>
  </si>
  <si>
    <t>12/24/2019 08:30:59</t>
  </si>
  <si>
    <t>12/24/2019 08:31:00</t>
  </si>
  <si>
    <t>12/24/2019 08:31:16</t>
  </si>
  <si>
    <t>12/24/2019 08:32:32</t>
  </si>
  <si>
    <t>cbc7b23c-8c65-48a8-8ac3-4c825de9d3be.tmp</t>
  </si>
  <si>
    <t>\\acsfs\profiles$\felipetds\Downloads\cbc7b23c-8c65-48a8-8ac3-4c825de9d3be.tmp</t>
  </si>
  <si>
    <t>12/24/2019 08:33:31</t>
  </si>
  <si>
    <t>d027da0f-d618-47c3-a21b-645da9585b54.tmp</t>
  </si>
  <si>
    <t>\\acsfs\profiles$\felipetds\Downloads\d027da0f-d618-47c3-a21b-645da9585b54.tmp</t>
  </si>
  <si>
    <t>12/24/2019 08:31:45</t>
  </si>
  <si>
    <t>12/24/2019 08:33:36</t>
  </si>
  <si>
    <t>fÉrias;</t>
  </si>
  <si>
    <t>https://fÉrias</t>
  </si>
  <si>
    <t>12/24/2019 08:33:41</t>
  </si>
  <si>
    <t>12/24/2019 08:34:17</t>
  </si>
  <si>
    <t>12/24/2019 08:34:40</t>
  </si>
  <si>
    <t>12/24/2019 08:35:00</t>
  </si>
  <si>
    <t>12/24/2019 08:34:59</t>
  </si>
  <si>
    <t>Beatriz Pereira Mendes da Silva_1_6771033332549490041_1_32.wav</t>
  </si>
  <si>
    <t>\\acsfs\Deptos\EDUCACAO EMPRESARIAL\FERNANDA MONIT\Ligação para Mutant terceiro Ciclo\Beatriz Pereira Mendes da Silva_1_6771033332549490041_1_32.wav</t>
  </si>
  <si>
    <t>12/24/2019 08:32:05</t>
  </si>
  <si>
    <t>LAIS RIBEIRO_1_6769937033557247081_1_32.wav</t>
  </si>
  <si>
    <t>\\acsfs\Deptos\EDUCACAO EMPRESARIAL\KÉSIA\Ligações 3º ciclo - Késia\LAIS RIBEIRO_1_6769937033557247081_1_32.wav</t>
  </si>
  <si>
    <t>12/24/2019 08:31:53</t>
  </si>
  <si>
    <t>12/24/2019 08:37:27</t>
  </si>
  <si>
    <t>c273dc86-3785-4c99-9a2c-221473b5cd0b.tmp</t>
  </si>
  <si>
    <t>\\acsfs\profiles$\YASMINSC\Downloads\c273dc86-3785-4c99-9a2c-221473b5cd0b.tmp</t>
  </si>
  <si>
    <t>12/24/2019 08:32:57</t>
  </si>
  <si>
    <t>d25e47e0-d786-42bc-be55-c7a35ef04b4c.tmp</t>
  </si>
  <si>
    <t>\\acsfs\profiles$\YASMINSC\Downloads\d25e47e0-d786-42bc-be55-c7a35ef04b4c.tmp</t>
  </si>
  <si>
    <t>12/24/2019 08:37:36</t>
  </si>
  <si>
    <t>12/24/2019 08:40:27</t>
  </si>
  <si>
    <t>12/24/2019 08:36:45</t>
  </si>
  <si>
    <t>12/24/2019 08:41:28</t>
  </si>
  <si>
    <t>12/24/2019 08:37:14</t>
  </si>
  <si>
    <t>12/24/2019 08:37:45</t>
  </si>
  <si>
    <t>12/24/2019 08:38:37</t>
  </si>
  <si>
    <t>12/24/2019 08:39:05</t>
  </si>
  <si>
    <t>12/24/2019 08:40:33</t>
  </si>
  <si>
    <t>12/24/2019 08:42:27</t>
  </si>
  <si>
    <t>12/24/2019 08:38:33</t>
  </si>
  <si>
    <t>Laudo Marilia.docx</t>
  </si>
  <si>
    <t>\\acsfs\DEPTOS\Operacao\Banco_Votorantim\Qualidade\Anderson\Jose\Laudo Marilia.docx</t>
  </si>
  <si>
    <t>12/24/2019 08:39:30</t>
  </si>
  <si>
    <t>12/24/2019 08:41:27</t>
  </si>
  <si>
    <t>12/24/2019 08:41:30</t>
  </si>
  <si>
    <t>12/24/2019 08:45:28</t>
  </si>
  <si>
    <t>998dd959-bf94-4924-9446-b50ed11de5bf.tmp</t>
  </si>
  <si>
    <t>\\acsfs\profiles$\PEDROHAB\Downloads\998dd959-bf94-4924-9446-b50ed11de5bf.tmp</t>
  </si>
  <si>
    <t>eb0078cd-8ffe-4458-8653-2f518fb316ca.tmp</t>
  </si>
  <si>
    <t>\\acsfs\profiles$\PEDROHAB\Downloads\eb0078cd-8ffe-4458-8653-2f518fb316ca.tmp</t>
  </si>
  <si>
    <t>12/24/2019 08:44:15</t>
  </si>
  <si>
    <t>8228bdea-5758-425b-afdf-d9235f2ac1e7.tmp</t>
  </si>
  <si>
    <t>\\acsfs\profiles$\PEDROHAB\Downloads\8228bdea-5758-425b-afdf-d9235f2ac1e7.tmp</t>
  </si>
  <si>
    <t>12/24/2019 08:41:51</t>
  </si>
  <si>
    <t>12/24/2019 08:46:28</t>
  </si>
  <si>
    <t>12/24/2019 08:42:25</t>
  </si>
  <si>
    <t>12/24/2019 08:42:38</t>
  </si>
  <si>
    <t>12/24/2019 08:42:45</t>
  </si>
  <si>
    <t>12/24/2019 08:43:45</t>
  </si>
  <si>
    <t>12/24/2019 08:45:04</t>
  </si>
  <si>
    <t>12/24/2019 08:43:35</t>
  </si>
  <si>
    <t>12/24/2019 08:43:36</t>
  </si>
  <si>
    <t>12/24/2019 08:43:37</t>
  </si>
  <si>
    <t>12/24/2019 08:43:38</t>
  </si>
  <si>
    <t>12/24/2019 08:43:39</t>
  </si>
  <si>
    <t>12/24/2019 08:43:40</t>
  </si>
  <si>
    <t>12/24/2019 08:43:41</t>
  </si>
  <si>
    <t>12/24/2019 08:43:42</t>
  </si>
  <si>
    <t>12/24/2019 08:43:43</t>
  </si>
  <si>
    <t>12/24/2019 08:43:44</t>
  </si>
  <si>
    <t>12/24/2019 08:43:46</t>
  </si>
  <si>
    <t>12/24/2019 08:43:47</t>
  </si>
  <si>
    <t>12/24/2019 08:43:48</t>
  </si>
  <si>
    <t>12/24/2019 08:43:49</t>
  </si>
  <si>
    <t>12/24/2019 08:43:50</t>
  </si>
  <si>
    <t>12/24/2019 08:43:51</t>
  </si>
  <si>
    <t>12/24/2019 08:46:02</t>
  </si>
  <si>
    <t>12/24/2019 08:43:52</t>
  </si>
  <si>
    <t>12/24/2019 08:43:53</t>
  </si>
  <si>
    <t>12/24/2019 08:43:54</t>
  </si>
  <si>
    <t>12/24/2019 08:43:55</t>
  </si>
  <si>
    <t>12/24/2019 08:43:56</t>
  </si>
  <si>
    <t>12/24/2019 08:43:57</t>
  </si>
  <si>
    <t>12/24/2019 08:43:58</t>
  </si>
  <si>
    <t>12/24/2019 08:43:59</t>
  </si>
  <si>
    <t>12/24/2019 08:44:00</t>
  </si>
  <si>
    <t>12/24/2019 08:44:01</t>
  </si>
  <si>
    <t>12/23/2019 22:06:22</t>
  </si>
  <si>
    <t>12/24/2019 08:47:28</t>
  </si>
  <si>
    <t>XLOG_marcosvnds_23122019_182944.log</t>
  </si>
  <si>
    <t>\\acsfs\profiles$\marcosvnds\My Documents\xworkcenter\logs\XLOG_marcosvnds_23122019_182944.log</t>
  </si>
  <si>
    <t>XLOG_marcosvnds_23122019_165928.log</t>
  </si>
  <si>
    <t>\\acsfs\profiles$\marcosvnds\My Documents\xworkcenter\logs\XLOG_marcosvnds_23122019_165928.log</t>
  </si>
  <si>
    <t>12/24/2019 08:43:15</t>
  </si>
  <si>
    <t>12/24/2019 08:47:18</t>
  </si>
  <si>
    <t>12/24/2019 08:48:28</t>
  </si>
  <si>
    <t>8bcbb91d-133b-45fd-87ff-c61695b67051.tmp</t>
  </si>
  <si>
    <t>\\acsfs\profiles$\brendadsl\Downloads\8bcbb91d-133b-45fd-87ff-c61695b67051.tmp</t>
  </si>
  <si>
    <t>12/24/2019 08:47:20</t>
  </si>
  <si>
    <t>5f425896-f50a-4b1e-8470-89982c8490fe.tmp</t>
  </si>
  <si>
    <t>\\acsfs\profiles$\brendadsl\Downloads\5f425896-f50a-4b1e-8470-89982c8490fe.tmp</t>
  </si>
  <si>
    <t>eb842fc5-f44f-48e0-bfe3-9129776b5d3d.tmp</t>
  </si>
  <si>
    <t>\\acsfs\profiles$\brendadsl\Downloads\eb842fc5-f44f-48e0-bfe3-9129776b5d3d.tmp</t>
  </si>
  <si>
    <t>12/24/2019 08:47:21</t>
  </si>
  <si>
    <t>a5eb268a-1a00-46f3-9a79-9d6e472cc62b.tmp</t>
  </si>
  <si>
    <t>\\acsfs\profiles$\brendadsl\Downloads\a5eb268a-1a00-46f3-9a79-9d6e472cc62b.tmp</t>
  </si>
  <si>
    <t>12/24/2019 08:47:23</t>
  </si>
  <si>
    <t>89f52ec7-3a1d-44bc-a9b7-888240f17e44.tmp</t>
  </si>
  <si>
    <t>\\acsfs\profiles$\brendadsl\Downloads\89f52ec7-3a1d-44bc-a9b7-888240f17e44.tmp</t>
  </si>
  <si>
    <t>12/24/2019 08:43:27</t>
  </si>
  <si>
    <t>63078a65-0498-4212-bfe7-8d9512d2bbe0.tmp</t>
  </si>
  <si>
    <t>\\acsfs\profiles$\geovannasm\Downloads\63078a65-0498-4212-bfe7-8d9512d2bbe0.tmp</t>
  </si>
  <si>
    <t>12/24/2019 08:49:53</t>
  </si>
  <si>
    <t>12/24/2019 08:50:28</t>
  </si>
  <si>
    <t>7e3fa1d0-b7a9-4e1a-ac70-fd06fa0c029f.tmp</t>
  </si>
  <si>
    <t>\\acsfs\profiles$\leticiala\Downloads\7e3fa1d0-b7a9-4e1a-ac70-fd06fa0c029f.tmp</t>
  </si>
  <si>
    <t>12/24/2019 08:50:17</t>
  </si>
  <si>
    <t>c93f5e15-f928-4e04-9db7-d3eeaa71ff47.tmp</t>
  </si>
  <si>
    <t>\\acsfs\profiles$\leticiala\Downloads\c93f5e15-f928-4e04-9db7-d3eeaa71ff47.tmp</t>
  </si>
  <si>
    <t>12/24/2019 08:49:13</t>
  </si>
  <si>
    <t>12/24/2019 08:51:28</t>
  </si>
  <si>
    <t>12/24/2019 08:48:45</t>
  </si>
  <si>
    <t>12/24/2019 08:49:45</t>
  </si>
  <si>
    <t>12/24/2019 08:49:24</t>
  </si>
  <si>
    <t>36a11db1-5b50-4ae8-8d31-c9c397ddaeaf.tmp</t>
  </si>
  <si>
    <t>\\acsfs\profiles$\alessandraan\Downloads\36a11db1-5b50-4ae8-8d31-c9c397ddaeaf.tmp</t>
  </si>
  <si>
    <t>12/24/2019 08:49:26</t>
  </si>
  <si>
    <t>f9aaf806-fd6c-4537-a739-e27e2e88dee5.tmp</t>
  </si>
  <si>
    <t>\\acsfs\profiles$\alessandraan\Downloads\f9aaf806-fd6c-4537-a739-e27e2e88dee5.tmp</t>
  </si>
  <si>
    <t>12/24/2019 08:49:27</t>
  </si>
  <si>
    <t>13b7a01d-ea50-4b3b-ab01-c63eb111862f.tmp</t>
  </si>
  <si>
    <t>\\acsfs\profiles$\alessandraan\Downloads\13b7a01d-ea50-4b3b-ab01-c63eb111862f.tmp</t>
  </si>
  <si>
    <t>12/24/2019 08:50:21</t>
  </si>
  <si>
    <t>f3363303-c38c-43e7-a6d6-9684e803d370.tmp</t>
  </si>
  <si>
    <t>\\acsfs\profiles$\alessandraan\Downloads\f3363303-c38c-43e7-a6d6-9684e803d370.tmp</t>
  </si>
  <si>
    <t>12/24/2019 08:51:03</t>
  </si>
  <si>
    <t>TALITA FERNANDES DA COSTA_1_6769599642401309374_1_32.wav</t>
  </si>
  <si>
    <t>\\acsfs\Deptos\EDUCACAO EMPRESARIAL\KÉSIA\Ligações 3º ciclo - Késia\TALITA FERNANDES DA COSTA_1_6769599642401309374_1_32.wav</t>
  </si>
  <si>
    <t>12/24/2019 08:50:20</t>
  </si>
  <si>
    <t>12/24/2019 08:52:28</t>
  </si>
  <si>
    <t>48064d4b-724c-4535-b7e3-75be1ad257ce.tmp</t>
  </si>
  <si>
    <t>\\acsfs\profiles$\marcosvnds\Downloads\48064d4b-724c-4535-b7e3-75be1ad257ce.tmp</t>
  </si>
  <si>
    <t>12/24/2019 08:51:14</t>
  </si>
  <si>
    <t>c7af4e0e-6771-4d1c-96f7-d075dece30df.tmp</t>
  </si>
  <si>
    <t>\\acsfs\profiles$\marcosvnds\Downloads\c7af4e0e-6771-4d1c-96f7-d075dece30df.tmp</t>
  </si>
  <si>
    <t>12/24/2019 08:50:22</t>
  </si>
  <si>
    <t>baca1e7c-b885-494c-87f4-45d1dc8ea443.tmp</t>
  </si>
  <si>
    <t>\\acsfs\profiles$\isabellegtds\Downloads\baca1e7c-b885-494c-87f4-45d1dc8ea443.tmp</t>
  </si>
  <si>
    <t>12/24/2019 08:51:32</t>
  </si>
  <si>
    <t>2583995b-735f-4d32-a47a-621e07a1bb07.tmp</t>
  </si>
  <si>
    <t>\\acsfs\profiles$\isabellegtds\Downloads\2583995b-735f-4d32-a47a-621e07a1bb07.tmp</t>
  </si>
  <si>
    <t>12/24/2019 08:50:52</t>
  </si>
  <si>
    <t>12/24/2019 08:53:27</t>
  </si>
  <si>
    <t>a47b467f-89e6-4c2e-a6c2-235bc57b7da5.tmp</t>
  </si>
  <si>
    <t>\\acsfs\profiles$\georgendsq\Downloads\a47b467f-89e6-4c2e-a6c2-235bc57b7da5.tmp</t>
  </si>
  <si>
    <t>bc42974c-8648-4747-b47f-34f75438ac82.tmp</t>
  </si>
  <si>
    <t>\\acsfs\profiles$\georgendsq\Downloads\bc42974c-8648-4747-b47f-34f75438ac82.tmp</t>
  </si>
  <si>
    <t>12/24/2019 08:51:57</t>
  </si>
  <si>
    <t>12/24/2019 08:50:47</t>
  </si>
  <si>
    <t>12/24/2019 08:55:27</t>
  </si>
  <si>
    <t>12/24/2019 08:51:13</t>
  </si>
  <si>
    <t>12/24/2019 08:56:28</t>
  </si>
  <si>
    <t>12/24/2019 08:53:06</t>
  </si>
  <si>
    <t>12/24/2019 08:54:46</t>
  </si>
  <si>
    <t>12/24/2019 08:54:17</t>
  </si>
  <si>
    <t>12/24/2019 08:54:27</t>
  </si>
  <si>
    <t>12/24/2019 08:54:28</t>
  </si>
  <si>
    <t>12/24/2019 08:52:59</t>
  </si>
  <si>
    <t>9a109143-7335-49ed-b8e1-1242164224b3.tmp</t>
  </si>
  <si>
    <t>\\acsfs\profiles$\KARENDSR\Downloads\9a109143-7335-49ed-b8e1-1242164224b3.tmp</t>
  </si>
  <si>
    <t>12/24/2019 08:54:01</t>
  </si>
  <si>
    <t>8f7f4631-41f2-45fc-a86c-bd42ecb2788f.tmp</t>
  </si>
  <si>
    <t>\\acsfs\profiles$\KARENDSR\Downloads\8f7f4631-41f2-45fc-a86c-bd42ecb2788f.tmp</t>
  </si>
  <si>
    <t>12/24/2019 08:54:09</t>
  </si>
  <si>
    <t>9ad2ab41-ae82-45b8-9283-8bf3137f2b4d.tmp</t>
  </si>
  <si>
    <t>\\acsfs\profiles$\KARENDSR\Downloads\9ad2ab41-ae82-45b8-9283-8bf3137f2b4d.tmp</t>
  </si>
  <si>
    <t>12/24/2019 08:52:02</t>
  </si>
  <si>
    <t>12/24/2019 08:57:28</t>
  </si>
  <si>
    <t>12/24/2019 08:52:03</t>
  </si>
  <si>
    <t>12/24/2019 08:52:04</t>
  </si>
  <si>
    <t>12/24/2019 08:52:05</t>
  </si>
  <si>
    <t>12/24/2019 08:52:40</t>
  </si>
  <si>
    <t>d3dd44e8-4fb6-436f-9455-a18bf0aa7ed3.tmp</t>
  </si>
  <si>
    <t>\\acsfs\profiles$\marcosvnds\Downloads\d3dd44e8-4fb6-436f-9455-a18bf0aa7ed3.tmp</t>
  </si>
  <si>
    <t>12/24/2019 08:53:23</t>
  </si>
  <si>
    <t>491e3ffb-6e51-4028-af9a-3a349bba5973.tmp</t>
  </si>
  <si>
    <t>\\acsfs\profiles$\marcosvnds\Downloads\491e3ffb-6e51-4028-af9a-3a349bba5973.tmp</t>
  </si>
  <si>
    <t>12/24/2019 08:54:21</t>
  </si>
  <si>
    <t>7e5d9c79-ee35-45f9-a9eb-be75449d8843.tmp</t>
  </si>
  <si>
    <t>\\acsfs\profiles$\marcosvnds\Downloads\7e5d9c79-ee35-45f9-a9eb-be75449d8843.tmp</t>
  </si>
  <si>
    <t>12/24/2019 08:53:12</t>
  </si>
  <si>
    <t>588be8f8-3357-4683-91ea-72bd6fce29a3.tmp</t>
  </si>
  <si>
    <t>\\acsfs\profiles$\claudiajca\Downloads\588be8f8-3357-4683-91ea-72bd6fce29a3.tmp</t>
  </si>
  <si>
    <t>12/24/2019 08:54:54</t>
  </si>
  <si>
    <t>12/24/2019 08:53:47</t>
  </si>
  <si>
    <t>12/24/2019 08:53:48</t>
  </si>
  <si>
    <t>12/24/2019 08:53:49</t>
  </si>
  <si>
    <t>12/24/2019 08:53:50</t>
  </si>
  <si>
    <t>12/24/2019 08:53:51</t>
  </si>
  <si>
    <t>12/24/2019 08:53:52</t>
  </si>
  <si>
    <t>12/24/2019 08:53:53</t>
  </si>
  <si>
    <t>12/24/2019 08:53:54</t>
  </si>
  <si>
    <t>12/24/2019 08:53:55</t>
  </si>
  <si>
    <t>12/24/2019 08:53:56</t>
  </si>
  <si>
    <t>12/24/2019 08:53:57</t>
  </si>
  <si>
    <t>12/24/2019 08:53:58</t>
  </si>
  <si>
    <t>12/24/2019 08:53:59</t>
  </si>
  <si>
    <t>12/24/2019 08:54:00</t>
  </si>
  <si>
    <t>12/24/2019 08:54:02</t>
  </si>
  <si>
    <t>12/24/2019 08:54:03</t>
  </si>
  <si>
    <t>12/24/2019 08:54:04</t>
  </si>
  <si>
    <t>12/24/2019 08:54:05</t>
  </si>
  <si>
    <t>12/24/2019 08:54:06</t>
  </si>
  <si>
    <t>12/24/2019 08:54:07</t>
  </si>
  <si>
    <t>12/24/2019 08:58:28</t>
  </si>
  <si>
    <t>12/24/2019 08:54:37</t>
  </si>
  <si>
    <t>51ddffa1-7790-4e44-9c07-08339b062719.tmp</t>
  </si>
  <si>
    <t>\\acsfs\profiles$\geovanaasa\Downloads\51ddffa1-7790-4e44-9c07-08339b062719.tmp</t>
  </si>
  <si>
    <t>12/24/2019 08:57:01</t>
  </si>
  <si>
    <t>0c289e6f-fc24-413c-aa84-ec8146819e84.tmp</t>
  </si>
  <si>
    <t>\\acsfs\profiles$\ayalabfi\Downloads\0c289e6f-fc24-413c-aa84-ec8146819e84.tmp</t>
  </si>
  <si>
    <t>12/24/2019 08:56:04</t>
  </si>
  <si>
    <t>12/24/2019 09:01:27</t>
  </si>
  <si>
    <t>12/24/2019 08:55:36</t>
  </si>
  <si>
    <t>12/24/2019 08:55:45</t>
  </si>
  <si>
    <t>12/24/2019 08:58:18</t>
  </si>
  <si>
    <t>12/24/2019 08:57:15</t>
  </si>
  <si>
    <t>0542a5e4-ee45-4ac9-b500-8d775499d4f1.tmp</t>
  </si>
  <si>
    <t>\\acsfs\profiles$\KARENDSR\Downloads\0542a5e4-ee45-4ac9-b500-8d775499d4f1.tmp</t>
  </si>
  <si>
    <t>12/24/2019 08:57:58</t>
  </si>
  <si>
    <t>12/24/2019 09:02:27</t>
  </si>
  <si>
    <t>325818f7-d8f7-485b-a49c-128fcd3f5fcc.tmp</t>
  </si>
  <si>
    <t>\\acsfs\profiles$\marcosvnds\Downloads\325818f7-d8f7-485b-a49c-128fcd3f5fcc.tmp</t>
  </si>
  <si>
    <t>12/24/2019 08:59:26</t>
  </si>
  <si>
    <t>3a413bbe-524e-4412-a56a-85125836f2db.tmp</t>
  </si>
  <si>
    <t>\\acsfs\profiles$\LUCASBS\Downloads\3a413bbe-524e-4412-a56a-85125836f2db.tmp</t>
  </si>
  <si>
    <t>12/24/2019 09:00:53</t>
  </si>
  <si>
    <t>12/24/2019 08:59:14</t>
  </si>
  <si>
    <t>7ffeb30b-4a8a-455b-859b-6b1055e303d5.tmp</t>
  </si>
  <si>
    <t>\\acsfs\profiles$\claudiajca\Downloads\7ffeb30b-4a8a-455b-859b-6b1055e303d5.tmp</t>
  </si>
  <si>
    <t>12/24/2019 08:58:22</t>
  </si>
  <si>
    <t>e5637567-2f61-49e0-b353-ee2e8ecd6dc5.tmp</t>
  </si>
  <si>
    <t>\\acsfs\profiles$\andrezacapf\Downloads\e5637567-2f61-49e0-b353-ee2e8ecd6dc5.tmp</t>
  </si>
  <si>
    <t>12/24/2019 08:58:31</t>
  </si>
  <si>
    <t>ac03e48f-5306-48c1-9106-c061856c8699.tmp</t>
  </si>
  <si>
    <t>\\acsfs\profiles$\andrezacapf\Downloads\ac03e48f-5306-48c1-9106-c061856c8699.tmp</t>
  </si>
  <si>
    <t>db9176bd-e633-4b50-b51e-fa9b6b441952.tmp</t>
  </si>
  <si>
    <t>\\acsfs\profiles$\andrezacapf\Downloads\db9176bd-e633-4b50-b51e-fa9b6b441952.tmp</t>
  </si>
  <si>
    <t>12/24/2019 08:58:32</t>
  </si>
  <si>
    <t>fb1c709d-ec2b-4f97-9761-566218fd6c4c.tmp</t>
  </si>
  <si>
    <t>\\acsfs\profiles$\andrezacapf\Downloads\fb1c709d-ec2b-4f97-9761-566218fd6c4c.tmp</t>
  </si>
  <si>
    <t>12/24/2019 08:58:38</t>
  </si>
  <si>
    <t>e2971eb6-60c3-4369-b432-315c0fc54641.tmp</t>
  </si>
  <si>
    <t>\\acsfs\profiles$\andrezacapf\Downloads\e2971eb6-60c3-4369-b432-315c0fc54641.tmp</t>
  </si>
  <si>
    <t>12/24/2019 08:59:02</t>
  </si>
  <si>
    <t>f73da3c1-470d-4ef5-a68c-8f1003b7380a.tmp</t>
  </si>
  <si>
    <t>\\acsfs\profiles$\andrezacapf\Downloads\f73da3c1-470d-4ef5-a68c-8f1003b7380a.tmp</t>
  </si>
  <si>
    <t>12/24/2019 08:59:30</t>
  </si>
  <si>
    <t>10f84147-7866-4b18-a6a0-d19d8e66e883.tmp</t>
  </si>
  <si>
    <t>\\acsfs\profiles$\andrezacapf\Downloads\10f84147-7866-4b18-a6a0-d19d8e66e883.tmp</t>
  </si>
  <si>
    <t>12/24/2019 08:59:32</t>
  </si>
  <si>
    <t>7ffd385b-6656-45a8-8bfd-8694fda398d5.tmp</t>
  </si>
  <si>
    <t>\\acsfs\profiles$\andrezacapf\Downloads\7ffd385b-6656-45a8-8bfd-8694fda398d5.tmp</t>
  </si>
  <si>
    <t>12/24/2019 09:01:09</t>
  </si>
  <si>
    <t>c8e4ee03-7a83-4b18-aecc-e62f42486938.tmp</t>
  </si>
  <si>
    <t>\\acsfs\profiles$\andrezacapf\Downloads\c8e4ee03-7a83-4b18-aecc-e62f42486938.tmp</t>
  </si>
  <si>
    <t>12/24/2019 08:56:54</t>
  </si>
  <si>
    <t>c1febac4-9920-4c19-9c03-0d185523343e.tmp</t>
  </si>
  <si>
    <t>\\acsfs\profiles$\Flaviojmm\Downloads\c1febac4-9920-4c19-9c03-0d185523343e.tmp</t>
  </si>
  <si>
    <t>12/24/2019 08:57:53</t>
  </si>
  <si>
    <t>4a9d2b1c-6517-45a4-b775-dd18e1618ca3.tmp</t>
  </si>
  <si>
    <t>\\acsfs\profiles$\Flaviojmm\Downloads\4a9d2b1c-6517-45a4-b775-dd18e1618ca3.tmp</t>
  </si>
  <si>
    <t>12/24/2019 08:58:54</t>
  </si>
  <si>
    <t>12/24/2019 08:58:07</t>
  </si>
  <si>
    <t>XLOG_Angelicacldr_24122019_085535.log</t>
  </si>
  <si>
    <t>\\acsfs\profiles$\Angelicacldr\My Documents\xworkcenter\logs\XLOG_Angelicacldr_24122019_085535.log</t>
  </si>
  <si>
    <t>12/24/2019 09:02:44</t>
  </si>
  <si>
    <t>12/24/2019 09:03:27</t>
  </si>
  <si>
    <t>88057c1d-85fe-4db6-b7aa-b283ab246067.tmp</t>
  </si>
  <si>
    <t>\\acsfs\profiles$\brendadsl\Downloads\88057c1d-85fe-4db6-b7aa-b283ab246067.tmp</t>
  </si>
  <si>
    <t>f7bfac5e-1feb-437b-a5fd-4946b8032ec6.tmp</t>
  </si>
  <si>
    <t>\\acsfs\profiles$\geovanaasa\Downloads\f7bfac5e-1feb-437b-a5fd-4946b8032ec6.tmp</t>
  </si>
  <si>
    <t>12/24/2019 09:00:47</t>
  </si>
  <si>
    <t>75ee5c9f-2d15-444a-9b32-4114a8eb807d.tmp</t>
  </si>
  <si>
    <t>\\acsfs\profiles$\ayalabfi\Downloads\75ee5c9f-2d15-444a-9b32-4114a8eb807d.tmp</t>
  </si>
  <si>
    <t>12/24/2019 09:04:28</t>
  </si>
  <si>
    <t>1572fcd2-20cb-4565-9f7a-2330957746ca.tmp</t>
  </si>
  <si>
    <t>\\acsfs\profiles$\regisadsa\Downloads\1572fcd2-20cb-4565-9f7a-2330957746ca.tmp</t>
  </si>
  <si>
    <t>12/24/2019 09:02:09</t>
  </si>
  <si>
    <t>2594bb14-2ad7-4084-a7c5-a51e434c2313.tmp</t>
  </si>
  <si>
    <t>\\acsfs\profiles$\regisadsa\Downloads\2594bb14-2ad7-4084-a7c5-a51e434c2313.tmp</t>
  </si>
  <si>
    <t>12/24/2019 09:02:55</t>
  </si>
  <si>
    <t>d042cbca-bcb3-429a-b065-32dac1334546.tmp</t>
  </si>
  <si>
    <t>\\acsfs\profiles$\regisadsa\Downloads\d042cbca-bcb3-429a-b065-32dac1334546.tmp</t>
  </si>
  <si>
    <t>12/24/2019 09:03:03</t>
  </si>
  <si>
    <t>e1a1cb28-764b-4235-af5e-13e816b16123.tmp</t>
  </si>
  <si>
    <t>\\acsfs\profiles$\regisadsa\Downloads\e1a1cb28-764b-4235-af5e-13e816b16123.tmp</t>
  </si>
  <si>
    <t>12/24/2019 09:02:07</t>
  </si>
  <si>
    <t>12/24/2019 09:05:27</t>
  </si>
  <si>
    <t>12/24/2019 09:02:08</t>
  </si>
  <si>
    <t>12/24/2019 09:02:10</t>
  </si>
  <si>
    <t>12/24/2019 09:02:19</t>
  </si>
  <si>
    <t>12/24/2019 09:02:21</t>
  </si>
  <si>
    <t>12/24/2019 09:00:05</t>
  </si>
  <si>
    <t>XLOG_stefaniasdf_16122019_145041.log</t>
  </si>
  <si>
    <t>\\acsfs\profiles$\stefaniasdf\My Documents\xworkcenter\logs\XLOG_stefaniasdf_16122019_145041.log</t>
  </si>
  <si>
    <t>12/24/2019 09:03:54</t>
  </si>
  <si>
    <t>12/24/2019 09:03:55</t>
  </si>
  <si>
    <t>12/24/2019 09:03:56</t>
  </si>
  <si>
    <t>12/24/2019 09:03:57</t>
  </si>
  <si>
    <t>12/24/2019 09:03:59</t>
  </si>
  <si>
    <t>12/24/2019 09:04:01</t>
  </si>
  <si>
    <t>12/24/2019 09:04:02</t>
  </si>
  <si>
    <t>12/24/2019 09:04:03</t>
  </si>
  <si>
    <t>12/24/2019 09:04:04</t>
  </si>
  <si>
    <t>12/24/2019 09:04:05</t>
  </si>
  <si>
    <t>12/24/2019 09:04:06</t>
  </si>
  <si>
    <t>12/24/2019 09:04:07</t>
  </si>
  <si>
    <t>12/24/2019 09:04:08</t>
  </si>
  <si>
    <t>12/24/2019 09:04:09</t>
  </si>
  <si>
    <t>12/24/2019 09:04:10</t>
  </si>
  <si>
    <t>12/24/2019 09:04:11</t>
  </si>
  <si>
    <t>12/24/2019 09:04:12</t>
  </si>
  <si>
    <t>12/24/2019 09:04:13</t>
  </si>
  <si>
    <t>12/24/2019 09:04:14</t>
  </si>
  <si>
    <t>12/24/2019 09:04:15</t>
  </si>
  <si>
    <t>12/24/2019 09:04:16</t>
  </si>
  <si>
    <t>12/24/2019 09:04:17</t>
  </si>
  <si>
    <t>12/24/2019 09:04:18</t>
  </si>
  <si>
    <t>12/24/2019 09:04:19</t>
  </si>
  <si>
    <t>12/24/2019 09:05:13</t>
  </si>
  <si>
    <t>8d77b11c-2e4c-49fe-927e-e7d3067e023e.tmp</t>
  </si>
  <si>
    <t>\\acsfs\profiles$\leticiala\Downloads\8d77b11c-2e4c-49fe-927e-e7d3067e023e.tmp</t>
  </si>
  <si>
    <t>12/24/2019 09:00:45</t>
  </si>
  <si>
    <t>12/24/2019 09:06:28</t>
  </si>
  <si>
    <t>12/24/2019 09:01:45</t>
  </si>
  <si>
    <t>12/24/2019 09:03:07</t>
  </si>
  <si>
    <t>12/24/2019 09:03:04</t>
  </si>
  <si>
    <t>12/24/2019 09:03:16</t>
  </si>
  <si>
    <t>12/24/2019 09:04:36</t>
  </si>
  <si>
    <t>CRICIA VITAL DE OLIVEIRA_1_6769155903560164851_1_32.wav</t>
  </si>
  <si>
    <t>\\acsfs\Deptos\EDUCACAO EMPRESARIAL\KÉSIA\Ligações 3º ciclo - Késia\CRICIA VITAL DE OLIVEIRA_1_6769155903560164851_1_32.wav</t>
  </si>
  <si>
    <t>12/24/2019 09:01:52</t>
  </si>
  <si>
    <t>8f59b2e2-2284-40dd-a051-39d764f8332e.tmp</t>
  </si>
  <si>
    <t>\\acsfs\profiles$\KARENDSR\Downloads\8f59b2e2-2284-40dd-a051-39d764f8332e.tmp</t>
  </si>
  <si>
    <t>12/24/2019 09:07:27</t>
  </si>
  <si>
    <t>12/24/2019 09:05:25</t>
  </si>
  <si>
    <t>20c45ae3-3559-4c1b-a446-a310e9a57879.tmp</t>
  </si>
  <si>
    <t>\\acsfs\profiles$\LUCASBS\Downloads\20c45ae3-3559-4c1b-a446-a310e9a57879.tmp</t>
  </si>
  <si>
    <t>12/24/2019 09:02:36</t>
  </si>
  <si>
    <t>12/24/2019 09:02:24</t>
  </si>
  <si>
    <t>12/24/2019 09:02:25</t>
  </si>
  <si>
    <t>12/24/2019 09:05:10</t>
  </si>
  <si>
    <t>a51f0965-a5c8-4968-ac6e-4499992444c6.tmp</t>
  </si>
  <si>
    <t>\\acsfs\profiles$\Flaviojmm\Downloads\a51f0965-a5c8-4968-ac6e-4499992444c6.tmp</t>
  </si>
  <si>
    <t>12/24/2019 09:02:26</t>
  </si>
  <si>
    <t>12/24/2019 09:05:22</t>
  </si>
  <si>
    <t>78f73a23-7228-4bdf-b8af-4091ba24758b.tmp</t>
  </si>
  <si>
    <t>\\acsfs\profiles$\Flaviojmm\Downloads\78f73a23-7228-4bdf-b8af-4091ba24758b.tmp</t>
  </si>
  <si>
    <t>12/24/2019 09:06:03</t>
  </si>
  <si>
    <t>83d0f957-b814-447a-a78a-48dd5c1b9bb4.tmp</t>
  </si>
  <si>
    <t>\\acsfs\profiles$\Flaviojmm\Downloads\83d0f957-b814-447a-a78a-48dd5c1b9bb4.tmp</t>
  </si>
  <si>
    <t>12/24/2019 09:02:28</t>
  </si>
  <si>
    <t>12/24/2019 09:02:29</t>
  </si>
  <si>
    <t>12/24/2019 09:02:30</t>
  </si>
  <si>
    <t>12/24/2019 09:02:31</t>
  </si>
  <si>
    <t>12/24/2019 09:02:32</t>
  </si>
  <si>
    <t>12/24/2019 09:02:33</t>
  </si>
  <si>
    <t>12/24/2019 09:02:34</t>
  </si>
  <si>
    <t>12/24/2019 09:02:35</t>
  </si>
  <si>
    <t>12/24/2019 09:02:37</t>
  </si>
  <si>
    <t>12/24/2019 09:02:38</t>
  </si>
  <si>
    <t>12/24/2019 09:02:39</t>
  </si>
  <si>
    <t>12/24/2019 09:02:40</t>
  </si>
  <si>
    <t>12/24/2019 09:02:41</t>
  </si>
  <si>
    <t>12/24/2019 09:02:42</t>
  </si>
  <si>
    <t>12/24/2019 09:02:43</t>
  </si>
  <si>
    <t>12/24/2019 09:02:45</t>
  </si>
  <si>
    <t>12/24/2019 09:02:46</t>
  </si>
  <si>
    <t>12/24/2019 09:02:47</t>
  </si>
  <si>
    <t>12/24/2019 09:02:48</t>
  </si>
  <si>
    <t>12/24/2019 09:02:49</t>
  </si>
  <si>
    <t>12/24/2019 09:02:50</t>
  </si>
  <si>
    <t>12/24/2019 09:03:24</t>
  </si>
  <si>
    <t>12/24/2019 09:08:27</t>
  </si>
  <si>
    <t>12/24/2019 09:06:44</t>
  </si>
  <si>
    <t>12/24/2019 09:11:27</t>
  </si>
  <si>
    <t>12/24/2019 09:06:45</t>
  </si>
  <si>
    <t>12/24/2019 09:07:45</t>
  </si>
  <si>
    <t>12/24/2019 09:06:25</t>
  </si>
  <si>
    <t>528d9175-f3fc-4062-a40c-3b1d05242797.tmp</t>
  </si>
  <si>
    <t>\\acsfs\profiles$\kellzylenneasr\Downloads\528d9175-f3fc-4062-a40c-3b1d05242797.tmp</t>
  </si>
  <si>
    <t>e51130ae-d1d4-4cae-a638-80615a54ca6f.tmp</t>
  </si>
  <si>
    <t>\\acsfs\profiles$\kellzylenneasr\Downloads\e51130ae-d1d4-4cae-a638-80615a54ca6f.tmp</t>
  </si>
  <si>
    <t>12/24/2019 09:10:04</t>
  </si>
  <si>
    <t>12/24/2019 09:10:17</t>
  </si>
  <si>
    <t>12/24/2019 09:10:18</t>
  </si>
  <si>
    <t>12/24/2019 09:10:22</t>
  </si>
  <si>
    <t>12/24/2019 09:10:24</t>
  </si>
  <si>
    <t>12/24/2019 09:06:36</t>
  </si>
  <si>
    <t>12/24/2019 09:12:27</t>
  </si>
  <si>
    <t>12/24/2019 09:08:06</t>
  </si>
  <si>
    <t>12/24/2019 09:08:07</t>
  </si>
  <si>
    <t>lu294642hk4vk.tmp</t>
  </si>
  <si>
    <t>\\acsfs\profiles$\LUCASBS\lu294642hk4vk.tmp</t>
  </si>
  <si>
    <t>\\acsfs\profiles$\LUCASBS\lu294642hk4vk.tmp\</t>
  </si>
  <si>
    <t>\\acsfs\profiles$\LUCASBS\lu294642hk4vk.tmp\META-INF\</t>
  </si>
  <si>
    <t>\\acsfs\profiles$\LUCASBS\lu294642hk4vk.tmp\Thumbnails\</t>
  </si>
  <si>
    <t>12/24/2019 09:05:55</t>
  </si>
  <si>
    <t>mail.google.com/_/upload?authuser=0&amp;dcp=asu-n&amp;upload_id=AEnB2UrFS6JDAkiWmMMO9STZh6wZNycEIf7TIRRu2tX1c9hLY88ff_mF4qgbTcr8bRt40PI9zU2FPKr6xo_1rttpFehdAtFTObPREdW9_QiT1w0TnnkkXXI&amp;upload_protocol=resumable</t>
  </si>
  <si>
    <t>12/24/2019 09:10:05</t>
  </si>
  <si>
    <t>https://udpmailboxap01.acs.com.br:8443/h/search?si=0&amp;so=0&amp;sc=52531&amp;sfi=2&amp;st=conversation&amp;action=compose&amp;paction=paneview</t>
  </si>
  <si>
    <t>camillarl@algartech.com;</t>
  </si>
  <si>
    <t>https://camillarl@algartech.com</t>
  </si>
  <si>
    <t>12/24/2019 09:11:22</t>
  </si>
  <si>
    <t>12/24/2019 09:13:27</t>
  </si>
  <si>
    <t>12/24/2019 09:13:00</t>
  </si>
  <si>
    <t>12/24/2019 09:15:27</t>
  </si>
  <si>
    <t>TTV.url:favicon</t>
  </si>
  <si>
    <t>\\acsfs\profiles$\stefaniasdf\Favorites\TTV.url:favicon</t>
  </si>
  <si>
    <t>12/24/2019 09:13:01</t>
  </si>
  <si>
    <t>12/24/2019 09:12:53</t>
  </si>
  <si>
    <t>fcc74c65-9a43-4cc0-a736-1dc9e6daedad.tmp</t>
  </si>
  <si>
    <t>\\acsfs\profiles$\leticiala\Downloads\fcc74c65-9a43-4cc0-a736-1dc9e6daedad.tmp</t>
  </si>
  <si>
    <t>12/24/2019 09:12:34</t>
  </si>
  <si>
    <t>12/24/2019 09:16:26</t>
  </si>
  <si>
    <t>12/24/2019 09:12:45</t>
  </si>
  <si>
    <t>12/24/2019 09:13:45</t>
  </si>
  <si>
    <t>12/24/2019 09:13:09</t>
  </si>
  <si>
    <t>12/24/2019 09:17:26</t>
  </si>
  <si>
    <t>12/24/2019 09:13:11</t>
  </si>
  <si>
    <t>lu294642hk4vp.tmp</t>
  </si>
  <si>
    <t>\\acsfs\profiles$\LUCASBS\lu294642hk4vp.tmp</t>
  </si>
  <si>
    <t>\\acsfs\profiles$\LUCASBS\lu294642hk4vp.tmp\</t>
  </si>
  <si>
    <t>\\acsfs\profiles$\LUCASBS\lu294642hk4vp.tmp\META-INF\</t>
  </si>
  <si>
    <t>\\acsfs\profiles$\LUCASBS\lu294642hk4vp.tmp\Thumbnails\</t>
  </si>
  <si>
    <t>12/24/2019 09:18:19</t>
  </si>
  <si>
    <t>12/24/2019 09:21:26</t>
  </si>
  <si>
    <t>12/24/2019 09:18:45</t>
  </si>
  <si>
    <t>12/24/2019 09:19:45</t>
  </si>
  <si>
    <t>12/24/2019 09:16:02</t>
  </si>
  <si>
    <t>\\acsfs\profiles$\KELLZYLENNEASR\My Documents\.~lock.Nova 2019.ods#</t>
  </si>
  <si>
    <t>12/24/2019 09:17:51</t>
  </si>
  <si>
    <t>12/24/2019 09:17:25</t>
  </si>
  <si>
    <t>12/24/2019 09:18:13</t>
  </si>
  <si>
    <t>12/24/2019 09:22:27</t>
  </si>
  <si>
    <t>12/24/2019 09:18:14</t>
  </si>
  <si>
    <t>lu294642hk4vu.tmp</t>
  </si>
  <si>
    <t>\\acsfs\profiles$\LUCASBS\lu294642hk4vu.tmp</t>
  </si>
  <si>
    <t>\\acsfs\profiles$\LUCASBS\lu294642hk4vu.tmp\</t>
  </si>
  <si>
    <t>\\acsfs\profiles$\LUCASBS\lu294642hk4vu.tmp\META-INF\</t>
  </si>
  <si>
    <t>\\acsfs\profiles$\LUCASBS\lu294642hk4vu.tmp\Thumbnails\</t>
  </si>
  <si>
    <t>12/24/2019 09:19:15</t>
  </si>
  <si>
    <t>12/24/2019 09:19:16</t>
  </si>
  <si>
    <t>lu294642hk4vz.tmp</t>
  </si>
  <si>
    <t>\\acsfs\profiles$\LUCASBS\lu294642hk4vz.tmp</t>
  </si>
  <si>
    <t>\\acsfs\profiles$\LUCASBS\lu294642hk4vz.tmp\</t>
  </si>
  <si>
    <t>\\acsfs\profiles$\LUCASBS\lu294642hk4vz.tmp\META-INF\</t>
  </si>
  <si>
    <t>\\acsfs\profiles$\LUCASBS\lu294642hk4vz.tmp\Thumbnails\</t>
  </si>
  <si>
    <t>12/24/2019 09:19:08</t>
  </si>
  <si>
    <t>12/24/2019 09:24:27</t>
  </si>
  <si>
    <t>anapscl@algartech.com;micheless@algartech.com.br;thaisaol@algartech.com.br;</t>
  </si>
  <si>
    <t>anapscl@algartech.com,micheless@algartech.com.br,thaisaol@algartech.com.br</t>
  </si>
  <si>
    <t>12/24/2019 09:20:40</t>
  </si>
  <si>
    <t>12/24/2019 09:25:26</t>
  </si>
  <si>
    <t>12/24/2019 09:23:32</t>
  </si>
  <si>
    <t>12/24/2019 09:26:27</t>
  </si>
  <si>
    <t>12/24/2019 09:23:55</t>
  </si>
  <si>
    <t>12/24/2019 09:24:45</t>
  </si>
  <si>
    <t>12/24/2019 09:23:57</t>
  </si>
  <si>
    <t>12/24/2019 09:21:27</t>
  </si>
  <si>
    <t>12/24/2019 09:22:15</t>
  </si>
  <si>
    <t>12/24/2019 09:25:15</t>
  </si>
  <si>
    <t>12 - ADERENCIA JANEIRO - Leonora.xlsx</t>
  </si>
  <si>
    <t>12/24/2019 09:25:19</t>
  </si>
  <si>
    <t>\\acsfs\profiles$\thaisdss\My Documents\</t>
  </si>
  <si>
    <t>\\acsfs\profiles$\thaisdss\My Documents\Download.pdf</t>
  </si>
  <si>
    <t>12/24/2019 09:24:36</t>
  </si>
  <si>
    <t>12/24/2019 09:27:26</t>
  </si>
  <si>
    <t>12/24/2019 09:24:38</t>
  </si>
  <si>
    <t>lu294642hk4w4.tmp</t>
  </si>
  <si>
    <t>\\acsfs\profiles$\LUCASBS\lu294642hk4w4.tmp</t>
  </si>
  <si>
    <t>\\acsfs\profiles$\LUCASBS\lu294642hk4w4.tmp\</t>
  </si>
  <si>
    <t>\\acsfs\profiles$\LUCASBS\lu294642hk4w4.tmp\META-INF\</t>
  </si>
  <si>
    <t>\\acsfs\profiles$\LUCASBS\lu294642hk4w4.tmp\Thumbnails\</t>
  </si>
  <si>
    <t>12/24/2019 09:24:51</t>
  </si>
  <si>
    <t>12/24/2019 09:25:37</t>
  </si>
  <si>
    <t>12/24/2019 09:28:27</t>
  </si>
  <si>
    <t>https://sstats.adobe.com/b/ss/adbadobenonacdcprod,adbadobeprototype/1/js-2.8.0-l9up/s68264005233263</t>
  </si>
  <si>
    <t>12/24/2019 09:26:58</t>
  </si>
  <si>
    <t>12/24/2019 09:24:43</t>
  </si>
  <si>
    <t>12/24/2019 09:29:26</t>
  </si>
  <si>
    <t>0a6e9140-50ea-4cbf-81c3-1eb2b1aa98f6.tmp</t>
  </si>
  <si>
    <t>\\acsfs\profiles$\alinepp\Downloads\0a6e9140-50ea-4cbf-81c3-1eb2b1aa98f6.tmp</t>
  </si>
  <si>
    <t>12/24/2019 09:26:34</t>
  </si>
  <si>
    <t>ff253a8c-9ada-4be9-a758-9479726a07a1.tmp</t>
  </si>
  <si>
    <t>\\acsfs\profiles$\alinepp\Downloads\ff253a8c-9ada-4be9-a758-9479726a07a1.tmp</t>
  </si>
  <si>
    <t>12/24/2019 09:27:06</t>
  </si>
  <si>
    <t>7efc0fdb-5c6c-43ef-bae1-9cf8ed5e2292.tmp</t>
  </si>
  <si>
    <t>\\acsfs\profiles$\alinepp\Downloads\7efc0fdb-5c6c-43ef-bae1-9cf8ed5e2292.tmp</t>
  </si>
  <si>
    <t>12/24/2019 09:25:51</t>
  </si>
  <si>
    <t>mail.google.com/_/upload?authuser=0&amp;dcp=asu-n&amp;upload_id=AEnB2UpqdzkwV5Yz5-n1GwPUoUDlMQTKQg7nLhquJppqv5-Ej-uMfkGQcIx7nxM1fQOZss9RzU7GplmLvE4W9Nk3IPOGJvXnbslVU55y9qkT_XzOzUcnuP0&amp;upload_protocol=resumable</t>
  </si>
  <si>
    <t>\\acsfs\deptos\Operacao\Unica\1. Gestão da Área\1.1 Administrativo\1.1.3 Reports\Daily Report\Dezembro\</t>
  </si>
  <si>
    <t>12/24/2019 09:25:45</t>
  </si>
  <si>
    <t>12/24/2019 09:31:26</t>
  </si>
  <si>
    <t>12/24/2019 09:26:17</t>
  </si>
  <si>
    <t>Bruno Gonçalves da Silva_1_6769589931480254440_1_32.wav</t>
  </si>
  <si>
    <t>\\acsfs\Deptos\EDUCACAO EMPRESARIAL\FERNANDA MONIT\Ligação para Mutant terceiro Ciclo\Bruno Gonçalves da Silva_1_6769589931480254440_1_32.wav</t>
  </si>
  <si>
    <t>12/24/2019 09:27:34</t>
  </si>
  <si>
    <t>12/24/2019 09:27:55</t>
  </si>
  <si>
    <t>12/24/2019 09:28:36</t>
  </si>
  <si>
    <t>12/24/2019 09:28:55</t>
  </si>
  <si>
    <t>12/24/2019 09:29:33</t>
  </si>
  <si>
    <t>12/24/2019 09:29:35</t>
  </si>
  <si>
    <t>12/24/2019 09:29:56</t>
  </si>
  <si>
    <t>12/24/2019 09:30:19</t>
  </si>
  <si>
    <t>12/24/2019 09:30:37</t>
  </si>
  <si>
    <t>12/24/2019 09:28:13</t>
  </si>
  <si>
    <t>Downloadfh.pdf</t>
  </si>
  <si>
    <t>\\acsfs\profiles$\thaisdss\My Documents\Downloadfh.pdf</t>
  </si>
  <si>
    <t>\\acsfs\profiles$\thaisdss\My Documents\831e1540-cb4c-4ee0-94b2-360a5afab640.pdf</t>
  </si>
  <si>
    <t>12/24/2019 09:29:06</t>
  </si>
  <si>
    <t>\\acsfs\profiles$\thaisdss\My Documents\$RECYCLE.BIN\</t>
  </si>
  <si>
    <t>$I5B0FV5.pdf</t>
  </si>
  <si>
    <t>\\acsfs\profiles$\thaisdss\My Documents\$RECYCLE.BIN\$I5B0FV5.pdf</t>
  </si>
  <si>
    <t>12/24/2019 09:29:07</t>
  </si>
  <si>
    <t>$INSTCUP.pdf</t>
  </si>
  <si>
    <t>\\acsfs\profiles$\thaisdss\My Documents\$RECYCLE.BIN\$INSTCUP.pdf</t>
  </si>
  <si>
    <t>$ILUXV1K.pdf</t>
  </si>
  <si>
    <t>\\acsfs\profiles$\thaisdss\My Documents\$RECYCLE.BIN\$ILUXV1K.pdf</t>
  </si>
  <si>
    <t>12/24/2019 09:29:50</t>
  </si>
  <si>
    <t>12/24/2019 09:32:25</t>
  </si>
  <si>
    <t>12/24/2019 09:33:26</t>
  </si>
  <si>
    <t>12/24/2019 09:31:36</t>
  </si>
  <si>
    <t>12/24/2019 09:30:45</t>
  </si>
  <si>
    <t>12/24/2019 09:36:27</t>
  </si>
  <si>
    <t>12/24/2019 09:30:59</t>
  </si>
  <si>
    <t>12/24/2019 09:31:45</t>
  </si>
  <si>
    <t>12/24/2019 09:31:31</t>
  </si>
  <si>
    <t>12/24/2019 09:31:44</t>
  </si>
  <si>
    <t>12/24/2019 09:31:59</t>
  </si>
  <si>
    <t>12/24/2019 09:32:04</t>
  </si>
  <si>
    <t>12/24/2019 09:32:06</t>
  </si>
  <si>
    <t>12/24/2019 09:32:13</t>
  </si>
  <si>
    <t>12/24/2019 09:31:40</t>
  </si>
  <si>
    <t>$I8Z67UP.pdf</t>
  </si>
  <si>
    <t>\\acsfs\profiles$\thaisdss\My Documents\$RECYCLE.BIN\$I8Z67UP.pdf</t>
  </si>
  <si>
    <t>12/24/2019 09:35:13</t>
  </si>
  <si>
    <t>12/24/2019 09:39:27</t>
  </si>
  <si>
    <t>ba467b5d-d14b-490a-88d7-239c30e91fc1.tmp</t>
  </si>
  <si>
    <t>\\acsfs\profiles$\gabrielamdp\Downloads\ba467b5d-d14b-490a-88d7-239c30e91fc1.tmp</t>
  </si>
  <si>
    <t>12/24/2019 09:37:11</t>
  </si>
  <si>
    <t>ce0433a9-96b1-4609-bd7a-c4dc52c9ed80.tmp</t>
  </si>
  <si>
    <t>\\acsfs\profiles$\gabrielamdp\Downloads\ce0433a9-96b1-4609-bd7a-c4dc52c9ed80.tmp</t>
  </si>
  <si>
    <t>12/24/2019 09:39:46</t>
  </si>
  <si>
    <t>12/24/2019 09:40:27</t>
  </si>
  <si>
    <t>12/24/2019 09:39:54</t>
  </si>
  <si>
    <t>12/24/2019 09:41:27</t>
  </si>
  <si>
    <t>12/24/2019 09:36:45</t>
  </si>
  <si>
    <t>12/24/2019 09:37:14</t>
  </si>
  <si>
    <t>12/24/2019 09:37:45</t>
  </si>
  <si>
    <t>12/24/2019 09:38:14</t>
  </si>
  <si>
    <t>77304ec6-9582-4add-a9d8-8d1004aeb496.tmp</t>
  </si>
  <si>
    <t>\\acsfs\profiles$\quindaizaagds\Downloads\77304ec6-9582-4add-a9d8-8d1004aeb496.tmp</t>
  </si>
  <si>
    <t>12/24/2019 09:38:16</t>
  </si>
  <si>
    <t>51d5ad95-bd87-43fa-9d3c-d36ca912ff06.tmp</t>
  </si>
  <si>
    <t>\\acsfs\profiles$\quindaizaagds\Downloads\51d5ad95-bd87-43fa-9d3c-d36ca912ff06.tmp</t>
  </si>
  <si>
    <t>12/24/2019 09:36:21</t>
  </si>
  <si>
    <t>12/24/2019 09:36:57</t>
  </si>
  <si>
    <t>12/24/2019 09:41:21</t>
  </si>
  <si>
    <t>12/24/2019 09:42:27</t>
  </si>
  <si>
    <t>12/20/2019 19:06:26</t>
  </si>
  <si>
    <t>12/24/2019 09:45:27</t>
  </si>
  <si>
    <t>carlosasr@algartech.com;carolina.farah@bradesco.com.br;christopherjs@algartech.com;hugooc@algartech.com;leandrolds@algartech.com;lsouza@deepcenter.com.br;milena.brambila@bradesco.com.br;peterson.l.arruda@bradesco.com.br;tatiane.castro@bradesco.com.br;tatianedc@algartech.com;wcarvalho@deepcenter.com.br;</t>
  </si>
  <si>
    <t>\\uddqlkap05\Producao_Qlikview_Dev\Luana Souza\PROJETOS\01 correções\07 Deep Center\EAVM\03 - Entrega\</t>
  </si>
  <si>
    <t>DailyEAVM_DeepCenter_201912.xlsm</t>
  </si>
  <si>
    <t>carlosasr@algartech.com,carolina.farah@bradesco.com.br,christopherjs@algartech.com,hugooc@algartech.com,leandrolds@algartech.com,lsouza@deepcenter.com.br,milena.brambila@bradesco.com.br,peterson.l.arruda@bradesco.com.br,tatiane.castro@bradesco.com.br,tatianedc@algartech.com,wcarvalho@deepcenter.com.br</t>
  </si>
  <si>
    <t>12/24/2019 09:40:38</t>
  </si>
  <si>
    <t>ee1d7d27-ef0c-4ca4-a8dd-107cabdd39b4.tmp</t>
  </si>
  <si>
    <t>\\acsfs\profiles$\vivianealda\Downloads\ee1d7d27-ef0c-4ca4-a8dd-107cabdd39b4.tmp</t>
  </si>
  <si>
    <t>12/24/2019 09:43:00</t>
  </si>
  <si>
    <t>7131e7f1-ed3e-42ee-9e4b-65079c173a77.tmp</t>
  </si>
  <si>
    <t>\\acsfs\profiles$\leticiala\Downloads\7131e7f1-ed3e-42ee-9e4b-65079c173a77.tmp</t>
  </si>
  <si>
    <t>12/24/2019 09:45:05</t>
  </si>
  <si>
    <t>12/24/2019 09:46:27</t>
  </si>
  <si>
    <t>9ee33f3c-5e43-4dcb-91cd-379030f4d248.tmp</t>
  </si>
  <si>
    <t>\\acsfs\profiles$\felipetds\Downloads\9ee33f3c-5e43-4dcb-91cd-379030f4d248.tmp</t>
  </si>
  <si>
    <t>12/24/2019 09:41:45</t>
  </si>
  <si>
    <t>12/24/2019 09:42:24</t>
  </si>
  <si>
    <t>12/24/2019 09:42:45</t>
  </si>
  <si>
    <t>12/24/2019 09:43:45</t>
  </si>
  <si>
    <t>12/24/2019 09:45:24</t>
  </si>
  <si>
    <t>6094c9ca-88d2-42a4-9b7f-a2c33d2ec6ce.tmp</t>
  </si>
  <si>
    <t>\\acsfs\profiles$\quindaizaagds\Downloads\6094c9ca-88d2-42a4-9b7f-a2c33d2ec6ce.tmp</t>
  </si>
  <si>
    <t>12/24/2019 09:42:15</t>
  </si>
  <si>
    <t>12/24/2019 09:42:23</t>
  </si>
  <si>
    <t>12/24/2019 09:44:30</t>
  </si>
  <si>
    <t>12/24/2019 09:47:27</t>
  </si>
  <si>
    <t>12/24/2019 09:43:07</t>
  </si>
  <si>
    <t>12/24/2019 09:48:26</t>
  </si>
  <si>
    <t>12/24/2019 09:43:08</t>
  </si>
  <si>
    <t>lu245041ih4ai.tmp</t>
  </si>
  <si>
    <t>\\acsfs\profiles$\jonatanls\My Documents\lu245041ih4ai.tmp</t>
  </si>
  <si>
    <t>12/24/2019 09:43:24</t>
  </si>
  <si>
    <t>12/24/2019 09:45:11</t>
  </si>
  <si>
    <t>TALITA SANTOS SILVA CASTRO (13596).contact</t>
  </si>
  <si>
    <t>\\acsfs\profiles$\talitassc\Contacts\TALITA SANTOS SILVA CASTRO (13596).contact</t>
  </si>
  <si>
    <t>12/24/2019 09:45:19</t>
  </si>
  <si>
    <t>12/24/2019 09:45:20</t>
  </si>
  <si>
    <t>12/24/2019 09:45:21</t>
  </si>
  <si>
    <t>12/24/2019 09:45:22</t>
  </si>
  <si>
    <t>12/24/2019 09:45:23</t>
  </si>
  <si>
    <t>12/24/2019 09:45:25</t>
  </si>
  <si>
    <t>12/24/2019 09:45:37</t>
  </si>
  <si>
    <t>12/24/2019 09:45:38</t>
  </si>
  <si>
    <t>12/24/2019 09:45:42</t>
  </si>
  <si>
    <t>12/24/2019 09:49:27</t>
  </si>
  <si>
    <t>e86964d4-11ef-4966-b845-94fb3d69478c.tmp</t>
  </si>
  <si>
    <t>\\acsfs\profiles$\gabrielamdp\Downloads\e86964d4-11ef-4966-b845-94fb3d69478c.tmp</t>
  </si>
  <si>
    <t>12/24/2019 09:48:11</t>
  </si>
  <si>
    <t>12/24/2019 09:50:27</t>
  </si>
  <si>
    <t>12/24/2019 09:48:45</t>
  </si>
  <si>
    <t>12/24/2019 09:51:27</t>
  </si>
  <si>
    <t>12/24/2019 09:49:45</t>
  </si>
  <si>
    <t>12/24/2019 09:47:20</t>
  </si>
  <si>
    <t>2d1556ff-06f6-4f62-b772-9ad5e412f5f6.tmp</t>
  </si>
  <si>
    <t>\\acsfs\profiles$\quindaizaagds\Downloads\2d1556ff-06f6-4f62-b772-9ad5e412f5f6.tmp</t>
  </si>
  <si>
    <t>12/24/2019 09:49:50</t>
  </si>
  <si>
    <t>https://udpmailboxap01/h/search?si=0&amp;so=0&amp;sc=52546&amp;sfi=6&amp;st=message&amp;action=compose</t>
  </si>
  <si>
    <t>12/24/2019 09:50:43</t>
  </si>
  <si>
    <t>12/24/2019 09:48:39</t>
  </si>
  <si>
    <t>12/24/2019 09:53:27</t>
  </si>
  <si>
    <t>c78630ec-81f6-449e-a2d3-5db11358a7ad.tmp</t>
  </si>
  <si>
    <t>\\acsfs\profiles$\georgendsq\Downloads\c78630ec-81f6-449e-a2d3-5db11358a7ad.tmp</t>
  </si>
  <si>
    <t>12/24/2019 09:49:17</t>
  </si>
  <si>
    <t>fa951773-1850-45ef-be5f-24641ff05afd.tmp</t>
  </si>
  <si>
    <t>\\acsfs\profiles$\georgendsq\Downloads\fa951773-1850-45ef-be5f-24641ff05afd.tmp</t>
  </si>
  <si>
    <t>12/24/2019 09:49:32</t>
  </si>
  <si>
    <t>f33f6398-bd94-408a-ac50-11cbd0579f7f.tmp</t>
  </si>
  <si>
    <t>\\acsfs\profiles$\georgendsq\Downloads\f33f6398-bd94-408a-ac50-11cbd0579f7f.tmp</t>
  </si>
  <si>
    <t>12/24/2019 09:49:47</t>
  </si>
  <si>
    <t>b8a6bc24-0faf-4293-a6c6-93875279ef82.tmp</t>
  </si>
  <si>
    <t>\\acsfs\profiles$\georgendsq\Downloads\b8a6bc24-0faf-4293-a6c6-93875279ef82.tmp</t>
  </si>
  <si>
    <t>12/24/2019 09:50:04</t>
  </si>
  <si>
    <t>a0f0b66f-0a2f-4508-a4c1-cace1a515e74.tmp</t>
  </si>
  <si>
    <t>\\acsfs\profiles$\georgendsq\Downloads\a0f0b66f-0a2f-4508-a4c1-cace1a515e74.tmp</t>
  </si>
  <si>
    <t>12/24/2019 09:51:53</t>
  </si>
  <si>
    <t>12/24/2019 09:54:27</t>
  </si>
  <si>
    <t>7873858e-48d4-48b3-92a2-1ea3aec4ffd3.tmp</t>
  </si>
  <si>
    <t>\\acsfs\profiles$\alinepp\Downloads\7873858e-48d4-48b3-92a2-1ea3aec4ffd3.tmp</t>
  </si>
  <si>
    <t>12/24/2019 09:52:06</t>
  </si>
  <si>
    <t>30e003f0-d392-4cf3-9a6e-6499042e0a16.tmp</t>
  </si>
  <si>
    <t>\\acsfs\profiles$\alinepp\Downloads\30e003f0-d392-4cf3-9a6e-6499042e0a16.tmp</t>
  </si>
  <si>
    <t>12/24/2019 09:51:36</t>
  </si>
  <si>
    <t>12/24/2019 09:56:27</t>
  </si>
  <si>
    <t>12/24/2019 09:54:47</t>
  </si>
  <si>
    <t>12/24/2019 09:55:37</t>
  </si>
  <si>
    <t>12/24/2019 09:51:13</t>
  </si>
  <si>
    <t>12/24/2019 09:53:20</t>
  </si>
  <si>
    <t>12/24/2019 09:53:02</t>
  </si>
  <si>
    <t>12/24/2019 09:57:27</t>
  </si>
  <si>
    <t>12/24/2019 09:56:33</t>
  </si>
  <si>
    <t>709e631b-6d87-4adc-ad13-c7ee457649dc.tmp</t>
  </si>
  <si>
    <t>\\acsfs\profiles$\felipetds\Downloads\709e631b-6d87-4adc-ad13-c7ee457649dc.tmp</t>
  </si>
  <si>
    <t>12/24/2019 09:56:38</t>
  </si>
  <si>
    <t>12/24/2019 09:57:34</t>
  </si>
  <si>
    <t>12/24/2019 09:58:27</t>
  </si>
  <si>
    <t>f6c9ce9e-1950-4946-aac2-57788dddd993.tmp</t>
  </si>
  <si>
    <t>\\acsfs\profiles$\gabrielafs\Downloads\f6c9ce9e-1950-4946-aac2-57788dddd993.tmp</t>
  </si>
  <si>
    <t>d6bcc7ed-d44c-41b4-87fa-11e7816e428d.tmp</t>
  </si>
  <si>
    <t>\\acsfs\profiles$\gabrielafs\Downloads\d6bcc7ed-d44c-41b4-87fa-11e7816e428d.tmp</t>
  </si>
  <si>
    <t>12/24/2019 09:57:36</t>
  </si>
  <si>
    <t>41601ccc-e4af-40b9-a343-d1859f2aa2ef.tmp</t>
  </si>
  <si>
    <t>\\acsfs\profiles$\gabrielafs\Downloads\41601ccc-e4af-40b9-a343-d1859f2aa2ef.tmp</t>
  </si>
  <si>
    <t>12/24/2019 09:57:41</t>
  </si>
  <si>
    <t>41a3e837-c11e-48ad-ab2f-72ebadba1efa.tmp</t>
  </si>
  <si>
    <t>\\acsfs\profiles$\gabrielafs\Downloads\41a3e837-c11e-48ad-ab2f-72ebadba1efa.tmp</t>
  </si>
  <si>
    <t>12/24/2019 09:53:32</t>
  </si>
  <si>
    <t>12/24/2019 09:59:26</t>
  </si>
  <si>
    <t>4511afa5-d66b-485c-8bbc-a1b2dc10627f.tmp</t>
  </si>
  <si>
    <t>\\acsfs\profiles$\JOAOVAL\Downloads\4511afa5-d66b-485c-8bbc-a1b2dc10627f.tmp</t>
  </si>
  <si>
    <t>12/24/2019 09:54:17</t>
  </si>
  <si>
    <t>1aa12da1-fa6b-4ac3-bba2-1e58b024868f.tmp</t>
  </si>
  <si>
    <t>\\acsfs\profiles$\JOAOVAL\Downloads\1aa12da1-fa6b-4ac3-bba2-1e58b024868f.tmp</t>
  </si>
  <si>
    <t>12/24/2019 09:55:24</t>
  </si>
  <si>
    <t>9920cbeb-2418-4ca9-8f24-b6f1e0f65920.tmp</t>
  </si>
  <si>
    <t>\\acsfs\profiles$\JOAOVAL\Downloads\9920cbeb-2418-4ca9-8f24-b6f1e0f65920.tmp</t>
  </si>
  <si>
    <t>12/24/2019 09:55:45</t>
  </si>
  <si>
    <t>12/24/2019 10:01:27</t>
  </si>
  <si>
    <t>12/24/2019 09:58:36</t>
  </si>
  <si>
    <t>12/24/2019 09:59:09</t>
  </si>
  <si>
    <t>12/24/2019 10:00:26</t>
  </si>
  <si>
    <t>a5e87795-9de8-498e-bbf8-3ae8de89c521.tmp</t>
  </si>
  <si>
    <t>\\acsfs\profiles$\luanarda\Downloads\a5e87795-9de8-498e-bbf8-3ae8de89c521.tmp</t>
  </si>
  <si>
    <t>12/24/2019 09:58:02</t>
  </si>
  <si>
    <t>e2d05baa-60ba-479b-8bb9-db727eb1d55e.tmp</t>
  </si>
  <si>
    <t>\\acsfs\profiles$\luanarda\Downloads\e2d05baa-60ba-479b-8bb9-db727eb1d55e.tmp</t>
  </si>
  <si>
    <t>12/24/2019 10:00:40</t>
  </si>
  <si>
    <t>12/24/2019 10:03:27</t>
  </si>
  <si>
    <t>10.200.66.14</t>
  </si>
  <si>
    <t>MATHEUS HENRIQUE DOS SANTOS (32376).contact</t>
  </si>
  <si>
    <t>\\acsfs\profiles$\matheushds\Contacts\MATHEUS HENRIQUE DOS SANTOS (32376).contact</t>
  </si>
  <si>
    <t>12/24/2019 10:01:14</t>
  </si>
  <si>
    <t>12/24/2019 10:01:15</t>
  </si>
  <si>
    <t>12/24/2019 10:01:16</t>
  </si>
  <si>
    <t>12/24/2019 10:01:17</t>
  </si>
  <si>
    <t>12/24/2019 10:01:18</t>
  </si>
  <si>
    <t>12/24/2019 10:01:19</t>
  </si>
  <si>
    <t>12/24/2019 10:01:20</t>
  </si>
  <si>
    <t>12/24/2019 10:01:21</t>
  </si>
  <si>
    <t>12/24/2019 10:01:22</t>
  </si>
  <si>
    <t>12/24/2019 10:01:23</t>
  </si>
  <si>
    <t>12/24/2019 10:01:24</t>
  </si>
  <si>
    <t>12/24/2019 10:02:12</t>
  </si>
  <si>
    <t>12/24/2019 10:02:13</t>
  </si>
  <si>
    <t>12/24/2019 10:02:14</t>
  </si>
  <si>
    <t>12/24/2019 10:02:15</t>
  </si>
  <si>
    <t>12/24/2019 10:02:16</t>
  </si>
  <si>
    <t>12/24/2019 10:02:19</t>
  </si>
  <si>
    <t>12/24/2019 10:00:32</t>
  </si>
  <si>
    <t>12/24/2019 10:05:27</t>
  </si>
  <si>
    <t>12/24/2019 10:03:38</t>
  </si>
  <si>
    <t>12/24/2019 10:03:40</t>
  </si>
  <si>
    <t>12/24/2019 10:04:46</t>
  </si>
  <si>
    <t>12/24/2019 10:00:45</t>
  </si>
  <si>
    <t>12/24/2019 10:06:28</t>
  </si>
  <si>
    <t>12/24/2019 10:02:57</t>
  </si>
  <si>
    <t>fb4c8584-668e-46e5-aecf-230c1db96df6.tmp</t>
  </si>
  <si>
    <t>\\acsfs\profiles$\gabriellalpr\Downloads\fb4c8584-668e-46e5-aecf-230c1db96df6.tmp</t>
  </si>
  <si>
    <t>12/24/2019 10:01:46</t>
  </si>
  <si>
    <t>12/24/2019 10:03:00</t>
  </si>
  <si>
    <t>12/24/2019 10:05:23</t>
  </si>
  <si>
    <t>12/24/2019 10:05:32</t>
  </si>
  <si>
    <t>12/24/2019 10:04:14</t>
  </si>
  <si>
    <t>12/24/2019 10:05:49</t>
  </si>
  <si>
    <t>12/24/2019 10:08:28</t>
  </si>
  <si>
    <t>3452b38e-9874-47f6-aa47-7b6f3a6ebb23.tmp</t>
  </si>
  <si>
    <t>\\acsfs\profiles$\jonatanls\Downloads\3452b38e-9874-47f6-aa47-7b6f3a6ebb23.tmp</t>
  </si>
  <si>
    <t>12/24/2019 10:06:58</t>
  </si>
  <si>
    <t>12/24/2019 10:09:27</t>
  </si>
  <si>
    <t>/o=exchangelabs/ou=exchange administrative group (fydibohf23spdlt)/cn=recipients/cn=47bcba0edfbb48d39e9b215eae1400b2-ana paula s;/o=exchangelabs/ou=exchange administrative group (fydibohf23spdlt)/cn=recipients/cn=9b3c029cc2ba4212bb4247e9ef6df7f1-andressa cr;/o=exchangelabs/ou=exchange administrative group (fydibohf23spdlt)/cn=recipients/cn=daea76c116d14ba69bf57b6e77a4327e-luana almei;/o=exchangelabs/ou=exchange administrative group (fydibohf23spdlt)/cn=recipients/cn=f8c35298ef0b48aa998ff938051b62c8-ana carolin;aldene.araujo@temposervicos.com.br;ana.palazzo@bradesco.com.br;andrea.g.antao@bradesco.com.br;elisangela.carvalho@temposervicos.com.br;felipe.silva@temposervicos.com.br;juliana.rocha@temposervicos.com.br;katiucy.nascimento@temposervicos.com.br;kenia.oliveira@bradesco.com.br;micheless@algartech.com.br;reginaldo.cardozo@bradesco.com.br;renata.gouveia@temposervicos.com.br;solange.contriciani@bradesco.com.br;</t>
  </si>
  <si>
    <t>Painel de Avaliações Consumidor.Gov</t>
  </si>
  <si>
    <t>/o=exchangelabs/ou=exchange administrative group (fydibohf23spdlt)/cn=recipients/cn=47bcba0edfbb48d39e9b215eae1400b2-ana paula s,/o=exchangelabs/ou=exchange administrative group (fydibohf23spdlt)/cn=recipients/cn=9b3c029cc2ba4212bb4247e9ef6df7f1-andressa cr,/o=exchangelabs/ou=exchange administrative group (fydibohf23spdlt)/cn=recipients/cn=daea76c116d14ba69bf57b6e77a4327e-luana almei,/o=exchangelabs/ou=exchange administrative group (fydibohf23spdlt)/cn=recipients/cn=f8c35298ef0b48aa998ff938051b62c8-ana carolin,aldene.araujo@temposervicos.com.br,ana.palazzo@bradesco.com.br,andrea.g.antao@bradesco.com.br,elisangela.carvalho@temposervicos.com.br,felipe.silva@temposervicos.com.br,juliana.rocha@temposervicos.com.br,katiucy.nascimento@temposervicos.com.br,kenia.oliveira@bradesco.com.br,micheless@algartech.com.br,reginaldo.cardozo@bradesco.com.br,renata.gouveia@temposervicos.com.br,solange.contriciani@bradesco.com.br</t>
  </si>
  <si>
    <t>12/24/2019 10:07:45</t>
  </si>
  <si>
    <t>12/24/2019 10:11:28</t>
  </si>
  <si>
    <t>12/24/2019 10:08:45</t>
  </si>
  <si>
    <t>12/24/2019 10:09:39</t>
  </si>
  <si>
    <t>12/24/2019 10:10:13</t>
  </si>
  <si>
    <t>12/24/2019 10:10:35</t>
  </si>
  <si>
    <t>12/24/2019 10:05:56</t>
  </si>
  <si>
    <t>12/24/2019 10:06:47</t>
  </si>
  <si>
    <t>12/24/2019 10:06:52</t>
  </si>
  <si>
    <t>mail.google.com/sync/u/0/i/s?hl=pt-BR&amp;c=619</t>
  </si>
  <si>
    <t>12/24/2019 10:07:08</t>
  </si>
  <si>
    <t>mail.google.com/sync/u/0/i/s?hl=pt-BR&amp;c=621</t>
  </si>
  <si>
    <t>12/24/2019 10:07:19</t>
  </si>
  <si>
    <t>mail.google.com/sync/u/0/i/s?hl=pt-BR&amp;c=624</t>
  </si>
  <si>
    <t>12/24/2019 10:10:47</t>
  </si>
  <si>
    <t>mail.google.com/sync/u/0/i/s?hl=pt-BR&amp;c=629</t>
  </si>
  <si>
    <t>12/24/2019 10:11:37</t>
  </si>
  <si>
    <t>12/24/2019 10:12:27</t>
  </si>
  <si>
    <t>12/24/2019 10:11:38</t>
  </si>
  <si>
    <t>lu288642ieyhq.tmp</t>
  </si>
  <si>
    <t>\\acsfs\profiles$\LUCASBS\lu288642ieyhq.tmp</t>
  </si>
  <si>
    <t>\\acsfs\profiles$\LUCASBS\lu288642ieyhq.tmp\</t>
  </si>
  <si>
    <t>\\acsfs\profiles$\LUCASBS\lu288642ieyhq.tmp\META-INF\</t>
  </si>
  <si>
    <t>\\acsfs\profiles$\LUCASBS\lu288642ieyhq.tmp\Thumbnails\</t>
  </si>
  <si>
    <t>12/24/2019 10:09:57</t>
  </si>
  <si>
    <t>12/24/2019 10:13:27</t>
  </si>
  <si>
    <t>12/24/2019 10:12:23</t>
  </si>
  <si>
    <t>12/24/2019 10:14:27</t>
  </si>
  <si>
    <t>/o=exchangelabs/ou=exchange administrative group (fydibohf23spdlt)/cn=recipients/cn=3f81420aa09a45308e82efb501d64cad-rafaela alv;/o=exchangelabs/ou=exchange administrative group (fydibohf23spdlt)/cn=recipients/cn=47bcba0edfbb48d39e9b215eae1400b2-ana paula s;/o=exchangelabs/ou=exchange administrative group (fydibohf23spdlt)/cn=recipients/cn=9b3c029cc2ba4212bb4247e9ef6df7f1-andressa cr;/o=exchangelabs/ou=exchange administrative group (fydibohf23spdlt)/cn=recipients/cn=d3d28899a5be4c2c8b5b9e55717f7da7-fabio ribei;/o=exchangelabs/ou=exchange administrative group (fydibohf23spdlt)/cn=recipients/cn=daea76c116d14ba69bf57b6e77a4327e-luana almei;/o=exchangelabs/ou=exchange administrative group (fydibohf23spdlt)/cn=recipients/cn=f45617401bdf436baf70c45766699413-frederico b;/o=exchangelabs/ou=exchange administrative group (fydibohf23spdlt)/cn=recipients/cn=f8c35298ef0b48aa998ff938051b62c8-ana carolin;/o=exchangelabs/ou=exchange administrative group (fydibohf23spdlt)/cn=recipients/cn=f9e751102def46a896bc3ec6e90e1aed-kati</t>
  </si>
  <si>
    <t>/o=exchangelabs/ou=exchange administrative group (fydibohf23spdlt)/cn=recipients/cn=3f81420aa09a45308e82efb501d64cad-rafaela alv,/o=exchangelabs/ou=exchange administrative group (fydibohf23spdlt)/cn=recipients/cn=47bcba0edfbb48d39e9b215eae1400b2-ana paula s,/o=exchangelabs/ou=exchange administrative group (fydibohf23spdlt)/cn=recipients/cn=9b3c029cc2ba4212bb4247e9ef6df7f1-andressa cr,/o=exchangelabs/ou=exchange administrative group (fydibohf23spdlt)/cn=recipients/cn=d3d28899a5be4c2c8b5b9e55717f7da7-fabio ribei,/o=exchangelabs/ou=exchange administrative group (fydibohf23spdlt)/cn=recipients/cn=daea76c116d14ba69bf57b6e77a4327e-luana almei,/o=exchangelabs/ou=exchange administrative group (fydibohf23spdlt)/cn=recipients/cn=f45617401bdf436baf70c45766699413-frederico b,/o=exchangelabs/ou=exchange administrative group (fydibohf23spdlt)/cn=recipients/cn=f8c35298ef0b48aa998ff938051b62c8-ana carolin,/o=exchangelabs/ou=exchange administrative group (fydibohf23spdlt)/cn=recipients/cn=f9e751102def46a896bc3ec6e90e1aed-kati</t>
  </si>
  <si>
    <t>12/24/2019 10:11:13</t>
  </si>
  <si>
    <t>12/24/2019 10:16:28</t>
  </si>
  <si>
    <t>12/24/2019 10:11:48</t>
  </si>
  <si>
    <t>12/24/2019 10:13:45</t>
  </si>
  <si>
    <t>12/24/2019 10:14:45</t>
  </si>
  <si>
    <t>12/24/2019 10:11:57</t>
  </si>
  <si>
    <t>12/24/2019 10:17:27</t>
  </si>
  <si>
    <t>12/24/2019 10:11:59</t>
  </si>
  <si>
    <t>lu288642ieyhv.tmp</t>
  </si>
  <si>
    <t>\\acsfs\profiles$\LUCASBS\lu288642ieyhv.tmp</t>
  </si>
  <si>
    <t>\\acsfs\profiles$\LUCASBS\lu288642ieyhv.tmp\</t>
  </si>
  <si>
    <t>\\acsfs\profiles$\LUCASBS\lu288642ieyhv.tmp\META-INF\</t>
  </si>
  <si>
    <t>\\acsfs\profiles$\LUCASBS\lu288642ieyhv.tmp\Thumbnails\</t>
  </si>
  <si>
    <t>12/24/2019 10:15:01</t>
  </si>
  <si>
    <t>12/24/2019 10:18:28</t>
  </si>
  <si>
    <t>12/24/2019 10:12:48</t>
  </si>
  <si>
    <t>12/24/2019 10:15:46</t>
  </si>
  <si>
    <t>12/24/2019 10:19:28</t>
  </si>
  <si>
    <t>d920032c-a3fe-44a2-a9cf-228ec26b466c.tmp</t>
  </si>
  <si>
    <t>\\acsfs\profiles$\gabrielamdp\Downloads\d920032c-a3fe-44a2-a9cf-228ec26b466c.tmp</t>
  </si>
  <si>
    <t>12/24/2019 10:17:43</t>
  </si>
  <si>
    <t>12/24/2019 10:20:28</t>
  </si>
  <si>
    <t>12/24/2019 10:17:44</t>
  </si>
  <si>
    <t>12/24/2019 10:18:14</t>
  </si>
  <si>
    <t>12/24/2019 10:21:28</t>
  </si>
  <si>
    <t>12/24/2019 10:19:45</t>
  </si>
  <si>
    <t>12/24/2019 10:15:49</t>
  </si>
  <si>
    <t>Cintia da Costa Ferreira_1_6771430664269018323_1_32.wav</t>
  </si>
  <si>
    <t>\\acsfs\Deptos\EDUCACAO EMPRESARIAL\FERNANDA MONIT\Ligação para Mutant terceiro Ciclo\Cintia da Costa Ferreira_1_6771430664269018323_1_32.wav</t>
  </si>
  <si>
    <t>12/24/2019 10:17:12</t>
  </si>
  <si>
    <t>LUCAS GUBERT PEREIRA_1_6769920781401009412_1_32.wav</t>
  </si>
  <si>
    <t>\\acsfs\Deptos\EDUCACAO EMPRESARIAL\KÉSIA\Ligações 3º ciclo - Késia\LUCAS GUBERT PEREIRA_1_6769920781401009412_1_32.wav</t>
  </si>
  <si>
    <t>12/24/2019 10:17:53</t>
  </si>
  <si>
    <t>12/24/2019 10:22:28</t>
  </si>
  <si>
    <t>12/24/2019 10:20:42</t>
  </si>
  <si>
    <t>12/24/2019 10:20:43</t>
  </si>
  <si>
    <t>lu288642ieyi0.tmp</t>
  </si>
  <si>
    <t>\\acsfs\profiles$\LUCASBS\lu288642ieyi0.tmp</t>
  </si>
  <si>
    <t>\\acsfs\profiles$\LUCASBS\lu288642ieyi0.tmp\</t>
  </si>
  <si>
    <t>\\acsfs\profiles$\LUCASBS\lu288642ieyi0.tmp\META-INF\</t>
  </si>
  <si>
    <t>\\acsfs\profiles$\LUCASBS\lu288642ieyi0.tmp\Thumbnails\</t>
  </si>
  <si>
    <t>12/24/2019 10:19:35</t>
  </si>
  <si>
    <t>12/24/2019 10:23:28</t>
  </si>
  <si>
    <t>lu245041ih4as.tmp</t>
  </si>
  <si>
    <t>\\acsfs\profiles$\jonatanls\My Documents\lu245041ih4as.tmp</t>
  </si>
  <si>
    <t>12/24/2019 10:19:39</t>
  </si>
  <si>
    <t>12/24/2019 10:19:40</t>
  </si>
  <si>
    <t>lu245041ih4ay.tmp</t>
  </si>
  <si>
    <t>\\acsfs\profiles$\jonatanls\My Documents\lu245041ih4ay.tmp</t>
  </si>
  <si>
    <t>12/24/2019 10:24:19</t>
  </si>
  <si>
    <t>12/24/2019 10:25:28</t>
  </si>
  <si>
    <t>12/24/2019 10:20:46</t>
  </si>
  <si>
    <t>12/24/2019 10:26:27</t>
  </si>
  <si>
    <t>12/24/2019 10:23:39</t>
  </si>
  <si>
    <t>12/24/2019 10:24:27</t>
  </si>
  <si>
    <t>12/24/2019 10:21:46</t>
  </si>
  <si>
    <t>12/24/2019 10:26:08</t>
  </si>
  <si>
    <t>12/24/2019 10:27:27</t>
  </si>
  <si>
    <t>12/24/2019 10:26:09</t>
  </si>
  <si>
    <t>lu1370411ssbn.tmp</t>
  </si>
  <si>
    <t>\\acsfs\profiles$\FLAVIOJMM\My Documents\lu1370411ssbn.tmp</t>
  </si>
  <si>
    <t>\\acsfs\profiles$\FLAVIOJMM\My Documents\lu1370411ssbn.tmp\</t>
  </si>
  <si>
    <t>\\acsfs\profiles$\FLAVIOJMM\My Documents\lu1370411ssbn.tmp\META-INF\</t>
  </si>
  <si>
    <t>\\acsfs\profiles$\FLAVIOJMM\My Documents\lu1370411ssbn.tmp\Thumbnails\</t>
  </si>
  <si>
    <t>12/24/2019 10:25:10</t>
  </si>
  <si>
    <t>12/24/2019 10:25:12</t>
  </si>
  <si>
    <t>lu288642ieyi5.tmp</t>
  </si>
  <si>
    <t>\\acsfs\profiles$\LUCASBS\lu288642ieyi5.tmp</t>
  </si>
  <si>
    <t>\\acsfs\profiles$\LUCASBS\lu288642ieyi5.tmp\</t>
  </si>
  <si>
    <t>\\acsfs\profiles$\LUCASBS\lu288642ieyi5.tmp\META-INF\</t>
  </si>
  <si>
    <t>\\acsfs\profiles$\LUCASBS\lu288642ieyi5.tmp\Thumbnails\</t>
  </si>
  <si>
    <t>12/24/2019 10:25:42</t>
  </si>
  <si>
    <t>12/24/2019 10:28:27</t>
  </si>
  <si>
    <t>sucielle.rodrigues@gmail.com;</t>
  </si>
  <si>
    <t>unificada.xls</t>
  </si>
  <si>
    <t>sucielle.rodrigues@gmail.com</t>
  </si>
  <si>
    <t>12/24/2019 10:23:20</t>
  </si>
  <si>
    <t>12/24/2019 10:27:35</t>
  </si>
  <si>
    <t>12/24/2019 10:29:28</t>
  </si>
  <si>
    <t>elencassiapo@algartech.com.br;priscilalb@algartech.com.br;</t>
  </si>
  <si>
    <t>elencassiapo@algartech.com.br,priscilalb@algartech.com.br</t>
  </si>
  <si>
    <t>12/24/2019 10:26:21</t>
  </si>
  <si>
    <t>12/24/2019 10:30:27</t>
  </si>
  <si>
    <t>12/24/2019 10:27:32</t>
  </si>
  <si>
    <t>12/24/2019 10:25:45</t>
  </si>
  <si>
    <t>12/24/2019 10:31:27</t>
  </si>
  <si>
    <t>12/24/2019 10:26:45</t>
  </si>
  <si>
    <t>12/24/2019 10:28:41</t>
  </si>
  <si>
    <t>10.200.66.142</t>
  </si>
  <si>
    <t>74-86-7A-FB-18-6A</t>
  </si>
  <si>
    <t>VOTORANT-ABB011</t>
  </si>
  <si>
    <t>https://udpwfmniceap02/web/guest/home?p_auth=1kqa4spv&amp;p_p_id=58&amp;p_p_lifecycle=1&amp;p_p_state=maximized&amp;p_p_mode=view&amp;savelastpath=0&amp;_58_struts_action=/login/forgot_password</t>
  </si>
  <si>
    <t>12/24/2019 10:26:54</t>
  </si>
  <si>
    <t>NATHALIA RIOS MODESTO RODRIGUES_1_6770036118452772093_1_32.wav</t>
  </si>
  <si>
    <t>\\acsfs\Deptos\EDUCACAO EMPRESARIAL\KÉSIA\Ligações 3º ciclo - Késia\NATHALIA RIOS MODESTO RODRIGUES_1_6770036118452772093_1_32.wav</t>
  </si>
  <si>
    <t>12/24/2019 10:26:59</t>
  </si>
  <si>
    <t>12/24/2019 10:32:27</t>
  </si>
  <si>
    <t>12/24/2019 10:27:00</t>
  </si>
  <si>
    <t>lu1802411yudx.tmp</t>
  </si>
  <si>
    <t>\\acsfs\profiles$\CLAUDIAJCA\lu1802411yudx.tmp</t>
  </si>
  <si>
    <t>\\acsfs\profiles$\CLAUDIAJCA\lu1802411yudx.tmp\</t>
  </si>
  <si>
    <t>\\acsfs\profiles$\CLAUDIAJCA\lu1802411yudx.tmp\META-INF\</t>
  </si>
  <si>
    <t>\\acsfs\profiles$\CLAUDIAJCA\lu1802411yudx.tmp\Thumbnails\</t>
  </si>
  <si>
    <t>12/24/2019 10:27:15</t>
  </si>
  <si>
    <t>.~lock.Contato Reneg 24-12.ods#</t>
  </si>
  <si>
    <t>\\acsfs\profiles$\CLAUDIAJCA\.~lock.Contato Reneg 24-12.ods#</t>
  </si>
  <si>
    <t>12/24/2019 10:27:16</t>
  </si>
  <si>
    <t>lu1802411yue2.tmp</t>
  </si>
  <si>
    <t>\\acsfs\profiles$\CLAUDIAJCA\lu1802411yue2.tmp</t>
  </si>
  <si>
    <t>\\acsfs\profiles$\CLAUDIAJCA\lu1802411yue2.tmp\</t>
  </si>
  <si>
    <t>\\acsfs\profiles$\CLAUDIAJCA\lu1802411yue2.tmp\META-INF\</t>
  </si>
  <si>
    <t>\\acsfs\profiles$\CLAUDIAJCA\lu1802411yue2.tmp\Thumbnails\</t>
  </si>
  <si>
    <t>12/24/2019 10:26:55</t>
  </si>
  <si>
    <t>12/24/2019 10:26:56</t>
  </si>
  <si>
    <t>lu288642ieyia.tmp</t>
  </si>
  <si>
    <t>\\acsfs\profiles$\LUCASBS\lu288642ieyia.tmp</t>
  </si>
  <si>
    <t>\\acsfs\profiles$\LUCASBS\lu288642ieyia.tmp\</t>
  </si>
  <si>
    <t>\\acsfs\profiles$\LUCASBS\lu288642ieyia.tmp\META-INF\</t>
  </si>
  <si>
    <t>\\acsfs\profiles$\LUCASBS\lu288642ieyia.tmp\Thumbnails\</t>
  </si>
  <si>
    <t>12/24/2019 10:26:58</t>
  </si>
  <si>
    <t>lu288642ieyif.tmp</t>
  </si>
  <si>
    <t>\\acsfs\profiles$\LUCASBS\lu288642ieyif.tmp</t>
  </si>
  <si>
    <t>\\acsfs\profiles$\LUCASBS\lu288642ieyif.tmp\</t>
  </si>
  <si>
    <t>\\acsfs\profiles$\LUCASBS\lu288642ieyif.tmp\META-INF\</t>
  </si>
  <si>
    <t>\\acsfs\profiles$\LUCASBS\lu288642ieyif.tmp\Thumbnails\</t>
  </si>
  <si>
    <t>12/24/2019 10:28:24</t>
  </si>
  <si>
    <t>12/24/2019 10:28:25</t>
  </si>
  <si>
    <t>lu288642ieyik.tmp</t>
  </si>
  <si>
    <t>\\acsfs\profiles$\LUCASBS\lu288642ieyik.tmp</t>
  </si>
  <si>
    <t>\\acsfs\profiles$\LUCASBS\lu288642ieyik.tmp\</t>
  </si>
  <si>
    <t>12/24/2019 10:28:26</t>
  </si>
  <si>
    <t>\\acsfs\profiles$\LUCASBS\lu288642ieyik.tmp\META-INF\</t>
  </si>
  <si>
    <t>\\acsfs\profiles$\LUCASBS\lu288642ieyik.tmp\Thumbnails\</t>
  </si>
  <si>
    <t>12/24/2019 10:30:29</t>
  </si>
  <si>
    <t>12/24/2019 10:33:27</t>
  </si>
  <si>
    <t>12/24/2019 10:30:56</t>
  </si>
  <si>
    <t>12/24/2019 10:31:35</t>
  </si>
  <si>
    <t>12/24/2019 10:35:27</t>
  </si>
  <si>
    <t>5d974f6d-d3ec-4142-890a-c2510e84cbf7.tmp</t>
  </si>
  <si>
    <t>\\acsfs\profiles$\vivianealda\Downloads\5d974f6d-d3ec-4142-890a-c2510e84cbf7.tmp</t>
  </si>
  <si>
    <t>12/24/2019 10:31:13</t>
  </si>
  <si>
    <t>12/24/2019 10:36:28</t>
  </si>
  <si>
    <t>12/24/2019 10:31:46</t>
  </si>
  <si>
    <t>12/24/2019 10:32:24</t>
  </si>
  <si>
    <t>12/24/2019 10:32:45</t>
  </si>
  <si>
    <t>12/24/2019 10:33:53</t>
  </si>
  <si>
    <t>mail.google.com/sync/u/0/i/s?hl=pt-BR&amp;c=634</t>
  </si>
  <si>
    <t>12/24/2019 10:34:00</t>
  </si>
  <si>
    <t>12/24/2019 10:34:08</t>
  </si>
  <si>
    <t>12/24/2019 10:34:14</t>
  </si>
  <si>
    <t>12/24/2019 10:34:19</t>
  </si>
  <si>
    <t>12/24/2019 10:34:21</t>
  </si>
  <si>
    <t>12/24/2019 10:34:44</t>
  </si>
  <si>
    <t>mail.google.com/_/upload?authuser=0&amp;dcp=asu-n&amp;upload_id=AEnB2Uq8feKichUZc0z6uNCjNDWLQkO7i3FTuLY-mh9X0qat566ZTgV0lopDlO-WxRITI0-tPrHGUtB45r2CWR94OeQvE8vuqYDaC7KqtQbCmYs6ysvqG44&amp;upload_protocol=resumable</t>
  </si>
  <si>
    <t>12/24/2019 10:33:25</t>
  </si>
  <si>
    <t>12/24/2019 10:33:06</t>
  </si>
  <si>
    <t>4c7e4040-7ea5-4152-b792-11236e20a8f3.tmp</t>
  </si>
  <si>
    <t>\\acsfs\profiles$\nathaliadf\Downloads\4c7e4040-7ea5-4152-b792-11236e20a8f3.tmp</t>
  </si>
  <si>
    <t>12/24/2019 10:35:59</t>
  </si>
  <si>
    <t>12/24/2019 10:38:28</t>
  </si>
  <si>
    <t>12/24/2019 10:37:35</t>
  </si>
  <si>
    <t>12/24/2019 10:37:45</t>
  </si>
  <si>
    <t>12/24/2019 10:42:27</t>
  </si>
  <si>
    <t>12/24/2019 10:37:21</t>
  </si>
  <si>
    <t>mail.google.com/sync/u/0/i/s?hl=pt-BR&amp;c=656</t>
  </si>
  <si>
    <t>12/24/2019 10:40:39</t>
  </si>
  <si>
    <t>12/24/2019 10:38:48</t>
  </si>
  <si>
    <t>12/24/2019 10:39:07</t>
  </si>
  <si>
    <t>12/24/2019 10:37:29</t>
  </si>
  <si>
    <t>12/24/2019 10:44:27</t>
  </si>
  <si>
    <t>mail.google.com/sync/u/0/i/s?hl=pt-BR&amp;c=659</t>
  </si>
  <si>
    <t>12/24/2019 10:38:46</t>
  </si>
  <si>
    <t>12/24/2019 10:38:01</t>
  </si>
  <si>
    <t>12/24/2019 10:38:14</t>
  </si>
  <si>
    <t>mail.google.com/_/upload?authuser=0&amp;dcp=asu-n&amp;upload_id=AEnB2Uocz5rZIbFju2s82kakjX8yGK75z_JLWVPE2S6WjMwTDBWeAxjO1UwReJCUhlPzr9MaySHRh0EFIeHgl5g4b_iOeCERcMImhh06U79tShhnxXhw_Ko&amp;upload_protocol=resumable</t>
  </si>
  <si>
    <t>Dimensionamento_Dezembro_Cartões.xlsx</t>
  </si>
  <si>
    <t>12/24/2019 10:38:15</t>
  </si>
  <si>
    <t>12/24/2019 10:40:40</t>
  </si>
  <si>
    <t>12/24/2019 10:38:20</t>
  </si>
  <si>
    <t>12/24/2019 10:38:21</t>
  </si>
  <si>
    <t>12/24/2019 10:40:41</t>
  </si>
  <si>
    <t>12/24/2019 10:40:42</t>
  </si>
  <si>
    <t>12/24/2019 10:40:43</t>
  </si>
  <si>
    <t>12/24/2019 10:40:44</t>
  </si>
  <si>
    <t>12/24/2019 10:40:45</t>
  </si>
  <si>
    <t>12/24/2019 10:40:46</t>
  </si>
  <si>
    <t>12/24/2019 10:40:47</t>
  </si>
  <si>
    <t>12/24/2019 10:40:48</t>
  </si>
  <si>
    <t>12/24/2019 10:40:49</t>
  </si>
  <si>
    <t>12/24/2019 10:40:50</t>
  </si>
  <si>
    <t>12/24/2019 10:40:51</t>
  </si>
  <si>
    <t>12/24/2019 10:40:52</t>
  </si>
  <si>
    <t>12/24/2019 10:40:53</t>
  </si>
  <si>
    <t>12/24/2019 10:40:54</t>
  </si>
  <si>
    <t>12/24/2019 10:45:49</t>
  </si>
  <si>
    <t>12/24/2019 10:47:27</t>
  </si>
  <si>
    <t>12/24/2019 10:49:28</t>
  </si>
  <si>
    <t>12/24/2019 10:43:40</t>
  </si>
  <si>
    <t>12/24/2019 10:50:27</t>
  </si>
  <si>
    <t>12/24/2019 10:51:27</t>
  </si>
  <si>
    <t>12/24/2019 10:52:27</t>
  </si>
  <si>
    <t>12/24/2019 10:43:46</t>
  </si>
  <si>
    <t>12/24/2019 10:53:27</t>
  </si>
  <si>
    <t>12/24/2019 10:46:32</t>
  </si>
  <si>
    <t>DANIELA COSTA_1_6771395531436535404_1_32.wav</t>
  </si>
  <si>
    <t>\\acsfs\Deptos\EDUCACAO EMPRESARIAL\KÉSIA\Ligações 3º ciclo - Késia\DANIELA COSTA_1_6771395531436535404_1_32.wav</t>
  </si>
  <si>
    <t>12/24/2019 10:42:14</t>
  </si>
  <si>
    <t>Cintia de Jesus Lima_1_6769253158799612485_1_32.wav</t>
  </si>
  <si>
    <t>\\acsfs\Deptos\EDUCACAO EMPRESARIAL\FERNANDA MONIT\Ligação para Mutant terceiro Ciclo\Cintia de Jesus Lima_1_6769253158799612485_1_32.wav</t>
  </si>
  <si>
    <t>12/24/2019 10:43:51</t>
  </si>
  <si>
    <t>12/24/2019 10:54:27</t>
  </si>
  <si>
    <t>12/24/2019 10:50:31</t>
  </si>
  <si>
    <t>12/24/2019 10:50:32</t>
  </si>
  <si>
    <t>lu288642ieyix.tmp</t>
  </si>
  <si>
    <t>\\acsfs\profiles$\LUCASBS\lu288642ieyix.tmp</t>
  </si>
  <si>
    <t>12/24/2019 10:43:54</t>
  </si>
  <si>
    <t>12/24/2019 10:55:27</t>
  </si>
  <si>
    <t>12/24/2019 10:56:27</t>
  </si>
  <si>
    <t>12/24/2019 10:52:20</t>
  </si>
  <si>
    <t>/o=exchangelabs/ou=exchange administrative group (fydibohf23spdlt)/cn=recipients/cn=00dbcea0702d4358b7c66d1d0dd7b863-juliana tei;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47bcba0edfbb48d39e9b215eae1400b2-ana paula s;/o=exchangelabs/ou=exchange administrative group (fydibohf23spdlt)/cn=recipients/cn=8b5b63d67af648d081a40c45cc800804-fabiana per;/o=exchangelabs/ou=exchange administrative group (fydibohf23spdlt)/cn=recipients/cn=f45617401bdf436baf70c45766699413-frederico b;alessandracm@algartech.com;crislaine.cassimiro@temposervicos.com.br;crislainesc@algartech.com.br;fabiolacc@algartecnologia.com.br;micheless@algartech.com.br;</t>
  </si>
  <si>
    <t>/o=exchangelabs/ou=exchange administrative group (fydibohf23spdlt)/cn=recipients/cn=00dbcea0702d4358b7c66d1d0dd7b863-juliana tei,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47bcba0edfbb48d39e9b215eae1400b2-ana paula s,/o=exchangelabs/ou=exchange administrative group (fydibohf23spdlt)/cn=recipients/cn=8b5b63d67af648d081a40c45cc800804-fabiana per,/o=exchangelabs/ou=exchange administrative group (fydibohf23spdlt)/cn=recipients/cn=f45617401bdf436baf70c45766699413-frederico b,alessandracm@algartech.com,crislaine.cassimiro@temposervicos.com.br,crislainesc@algartech.com.br,fabiolacc@algartecnologia.com.br,micheless@algartech.com.br</t>
  </si>
  <si>
    <t>\\acsfs\profiles$\LUCASBS\lu288642ieyix.tmp\</t>
  </si>
  <si>
    <t>12/24/2019 10:40:55</t>
  </si>
  <si>
    <t>12/24/2019 10:43:59</t>
  </si>
  <si>
    <t>12/24/2019 10:57:28</t>
  </si>
  <si>
    <t>12/24/2019 10:50:24</t>
  </si>
  <si>
    <t>8c3dfdbd-189f-4590-9bc8-14467a414cbb.tmp</t>
  </si>
  <si>
    <t>\\acsfs\profiles$\vivianealda\Downloads\8c3dfdbd-189f-4590-9bc8-14467a414cbb.tmp</t>
  </si>
  <si>
    <t>12/24/2019 10:58:27</t>
  </si>
  <si>
    <t>12/24/2019 10:51:02</t>
  </si>
  <si>
    <t>f682f157-1e8f-44ea-a6d3-8b24be499caf.tmp</t>
  </si>
  <si>
    <t>\\acsfs\profiles$\vivianealda\Downloads\f682f157-1e8f-44ea-a6d3-8b24be499caf.tmp</t>
  </si>
  <si>
    <t>\\acsfs\profiles$\LUCASBS\lu288642ieyix.tmp\META-INF\</t>
  </si>
  <si>
    <t>12/24/2019 10:44:03</t>
  </si>
  <si>
    <t>12/24/2019 10:54:30</t>
  </si>
  <si>
    <t>12/24/2019 10:59:28</t>
  </si>
  <si>
    <t>12/24/2019 10:55:43</t>
  </si>
  <si>
    <t>12/24/2019 10:56:32</t>
  </si>
  <si>
    <t>12/24/2019 11:00:27</t>
  </si>
  <si>
    <t>12/24/2019 10:54:57</t>
  </si>
  <si>
    <t>12/24/2019 10:56:51</t>
  </si>
  <si>
    <t>12/24/2019 10:44:46</t>
  </si>
  <si>
    <t>12/24/2019 10:53:07</t>
  </si>
  <si>
    <t>12/24/2019 11:01:28</t>
  </si>
  <si>
    <t>12/24/2019 10:56:52</t>
  </si>
  <si>
    <t>12/24/2019 11:02:27</t>
  </si>
  <si>
    <t>12/24/2019 10:58:22</t>
  </si>
  <si>
    <t>832b218c-61ef-4b6c-a608-f63b4726d76c.tmp</t>
  </si>
  <si>
    <t>\\acsfs\profiles$\leticiala\Downloads\832b218c-61ef-4b6c-a608-f63b4726d76c.tmp</t>
  </si>
  <si>
    <t>12/24/2019 10:40:56</t>
  </si>
  <si>
    <t>12/24/2019 10:56:57</t>
  </si>
  <si>
    <t>12/24/2019 10:58:38</t>
  </si>
  <si>
    <t>\\acsfs\profiles$\LUCASBS\lu288642ieyix.tmp\Thumbnails\</t>
  </si>
  <si>
    <t>12/24/2019 10:57:08</t>
  </si>
  <si>
    <t>12/24/2019 10:40:57</t>
  </si>
  <si>
    <t>12/24/2019 10:40:58</t>
  </si>
  <si>
    <t>12/24/2019 10:40:59</t>
  </si>
  <si>
    <t>12/24/2019 10:41:00</t>
  </si>
  <si>
    <t>12/24/2019 10:41:01</t>
  </si>
  <si>
    <t>12/24/2019 11:02:21</t>
  </si>
  <si>
    <t>12/24/2019 11:03:28</t>
  </si>
  <si>
    <t>12/24/2019 11:04:27</t>
  </si>
  <si>
    <t>12/24/2019 11:02:33</t>
  </si>
  <si>
    <t>12/24/2019 11:05:27</t>
  </si>
  <si>
    <t>12/24/2019 10:49:46</t>
  </si>
  <si>
    <t>12/24/2019 10:50:46</t>
  </si>
  <si>
    <t>12/24/2019 10:51:18</t>
  </si>
  <si>
    <t>12/24/2019 10:55:35</t>
  </si>
  <si>
    <t>\\acsfs\DEPTOS\Operacao\PCP\5 - Comum\PLANEJAMENTO BV\23 - EXTRAÇÕES\</t>
  </si>
  <si>
    <t>Acompanhamento improdutividade BV Financeira cópia.xlsx</t>
  </si>
  <si>
    <t>\\acsfs\DEPTOS\Operacao\PCP\5 - Comum\PLANEJAMENTO BV\23 - EXTRAÇÕES\Acompanhamento improdutividade BV Financeira cópia.xlsx</t>
  </si>
  <si>
    <t>12/24/2019 10:55:47</t>
  </si>
  <si>
    <t>12/24/2019 10:56:59</t>
  </si>
  <si>
    <t>12/24/2019 10:57:47</t>
  </si>
  <si>
    <t>12/24/2019 10:57:54</t>
  </si>
  <si>
    <t>12/24/2019 11:01:46</t>
  </si>
  <si>
    <t>12/24/2019 11:02:46</t>
  </si>
  <si>
    <t>12/24/2019 10:59:34</t>
  </si>
  <si>
    <t>12/24/2019 10:59:41</t>
  </si>
  <si>
    <t>12/24/2019 11:04:46</t>
  </si>
  <si>
    <t>12/24/2019 10:57:48</t>
  </si>
  <si>
    <t>Claudia Janaina Celeste de Andrade_1_6771052286240177629_1_32.wav</t>
  </si>
  <si>
    <t>\\acsfs\Deptos\EDUCACAO EMPRESARIAL\FERNANDA MONIT\Ligação para Mutant terceiro Ciclo\Claudia Janaina Celeste de Andrade_1_6771052286240177629_1_32.wav</t>
  </si>
  <si>
    <t>12/24/2019 11:06:27</t>
  </si>
  <si>
    <t>12/24/2019 11:07:28</t>
  </si>
  <si>
    <t>12/24/2019 11:02:31</t>
  </si>
  <si>
    <t>4d0ee943-0b18-4d49-aa17-47a519fb990b.tmp</t>
  </si>
  <si>
    <t>\\acsfs\profiles$\LUCASBS\Downloads\4d0ee943-0b18-4d49-aa17-47a519fb990b.tmp</t>
  </si>
  <si>
    <t>12/24/2019 11:00:26</t>
  </si>
  <si>
    <t>12/24/2019 11:02:16</t>
  </si>
  <si>
    <t>12/24/2019 11:05:36</t>
  </si>
  <si>
    <t>12/24/2019 11:05:38</t>
  </si>
  <si>
    <t>lu1370411ssc7.tmp</t>
  </si>
  <si>
    <t>\\acsfs\profiles$\FLAVIOJMM\My Documents\lu1370411ssc7.tmp</t>
  </si>
  <si>
    <t>\\acsfs\profiles$\FLAVIOJMM\My Documents\lu1370411ssc7.tmp\</t>
  </si>
  <si>
    <t>\\acsfs\profiles$\FLAVIOJMM\My Documents\lu1370411ssc7.tmp\META-INF\</t>
  </si>
  <si>
    <t>12/24/2019 11:03:12</t>
  </si>
  <si>
    <t>\\acsfs\deptos\Operacao\Banco_Votorantim\Supervisao\CAMILLA LIMA RODRIGUES\</t>
  </si>
  <si>
    <t>COACHING - DEZEMBRO.xlsx</t>
  </si>
  <si>
    <t>\\acsfs\deptos\Operacao\Banco_Votorantim\Supervisao\CAMILLA LIMA RODRIGUES\COACHING - DEZEMBRO.xlsx</t>
  </si>
  <si>
    <t>\\acsfs\profiles$\FLAVIOJMM\My Documents\lu1370411ssc7.tmp\Thumbnails\</t>
  </si>
  <si>
    <t>12/24/2019 11:03:41</t>
  </si>
  <si>
    <t>12/24/2019 11:08:27</t>
  </si>
  <si>
    <t>12/24/2019 11:07:46</t>
  </si>
  <si>
    <t>12/24/2019 11:10:27</t>
  </si>
  <si>
    <t>12/24/2019 11:08:46</t>
  </si>
  <si>
    <t>12/24/2019 11:06:31</t>
  </si>
  <si>
    <t>12/24/2019 11:09:35</t>
  </si>
  <si>
    <t>12/24/2019 11:11:28</t>
  </si>
  <si>
    <t>c4decb87-76ea-436b-8ba9-492127e8ab71.tmp</t>
  </si>
  <si>
    <t>\\acsfs\profiles$\quindaizaagds\Downloads\c4decb87-76ea-436b-8ba9-492127e8ab71.tmp</t>
  </si>
  <si>
    <t>12/24/2019 11:09:33</t>
  </si>
  <si>
    <t>12/24/2019 11:13:27</t>
  </si>
  <si>
    <t>12/24/2019 11:11:29</t>
  </si>
  <si>
    <t>0c2c5343-8fda-41c1-9d63-14bc8009aadc.tmp</t>
  </si>
  <si>
    <t>\\acsfs\profiles$\geovannasm\Downloads\0c2c5343-8fda-41c1-9d63-14bc8009aadc.tmp</t>
  </si>
  <si>
    <t>12/24/2019 11:10:50</t>
  </si>
  <si>
    <t>12/24/2019 11:15:27</t>
  </si>
  <si>
    <t>12/24/2019 11:13:46</t>
  </si>
  <si>
    <t>12/24/2019 11:14:46</t>
  </si>
  <si>
    <t>12/24/2019 11:11:35</t>
  </si>
  <si>
    <t>12/24/2019 11:16:27</t>
  </si>
  <si>
    <t>12/24/2019 11:12:08</t>
  </si>
  <si>
    <t>520b89c0-1a30-48e3-ab00-03d427696ad2.tmp</t>
  </si>
  <si>
    <t>\\acsfs\profiles$\quindaizaagds\Downloads\520b89c0-1a30-48e3-ab00-03d427696ad2.tmp</t>
  </si>
  <si>
    <t>12/24/2019 11:13:15</t>
  </si>
  <si>
    <t>60c228ea-4c0c-47ed-b992-f88da438ca69.tmp</t>
  </si>
  <si>
    <t>\\acsfs\profiles$\quindaizaagds\Downloads\60c228ea-4c0c-47ed-b992-f88da438ca69.tmp</t>
  </si>
  <si>
    <t>12/24/2019 11:13:16</t>
  </si>
  <si>
    <t>93dfb3ef-417d-4d3b-b5c7-72d4c485f2ca.tmp</t>
  </si>
  <si>
    <t>\\acsfs\profiles$\quindaizaagds\Downloads\93dfb3ef-417d-4d3b-b5c7-72d4c485f2ca.tmp</t>
  </si>
  <si>
    <t>12/24/2019 11:14:06</t>
  </si>
  <si>
    <t>9e7ae808-b9f7-4132-a466-5dcee387e6e6.tmp</t>
  </si>
  <si>
    <t>\\acsfs\profiles$\KARENDSR\Downloads\9e7ae808-b9f7-4132-a466-5dcee387e6e6.tmp</t>
  </si>
  <si>
    <t>12/24/2019 11:12:37</t>
  </si>
  <si>
    <t>12/24/2019 11:17:28</t>
  </si>
  <si>
    <t>12/24/2019 11:12:38</t>
  </si>
  <si>
    <t>lu1370411sscd.tmp</t>
  </si>
  <si>
    <t>\\acsfs\profiles$\FLAVIOJMM\My Documents\lu1370411sscd.tmp</t>
  </si>
  <si>
    <t>\\acsfs\profiles$\FLAVIOJMM\My Documents\lu1370411sscd.tmp\</t>
  </si>
  <si>
    <t>\\acsfs\profiles$\FLAVIOJMM\My Documents\lu1370411sscd.tmp\META-INF\</t>
  </si>
  <si>
    <t>\\acsfs\profiles$\FLAVIOJMM\My Documents\lu1370411sscd.tmp\Thumbnails\</t>
  </si>
  <si>
    <t>12/24/2019 11:15:35</t>
  </si>
  <si>
    <t>78-2B-CB-C1-06-E9</t>
  </si>
  <si>
    <t>VOTORANT-ABB004</t>
  </si>
  <si>
    <t>giovannyaco</t>
  </si>
  <si>
    <t>https://udpmailboxap01/service/soap/savedraftrequest</t>
  </si>
  <si>
    <t>12/24/2019 11:19:02</t>
  </si>
  <si>
    <t>12/24/2019 11:19:27</t>
  </si>
  <si>
    <t>12/24/2019 11:16:03</t>
  </si>
  <si>
    <t>12/24/2019 11:20:27</t>
  </si>
  <si>
    <t>4408f772-c9e0-4385-8173-5f4e6f285d22.tmp</t>
  </si>
  <si>
    <t>\\acsfs\profiles$\sarahbal\Downloads\4408f772-c9e0-4385-8173-5f4e6f285d22.tmp</t>
  </si>
  <si>
    <t>12/24/2019 11:16:16</t>
  </si>
  <si>
    <t>c2f24c50-2d4b-48b3-9555-f11658129d87.tmp</t>
  </si>
  <si>
    <t>\\acsfs\profiles$\sarahbal\Downloads\c2f24c50-2d4b-48b3-9555-f11658129d87.tmp</t>
  </si>
  <si>
    <t>12/24/2019 11:18:16</t>
  </si>
  <si>
    <t>12/24/2019 11:18:50</t>
  </si>
  <si>
    <t>12/24/2019 11:19:46</t>
  </si>
  <si>
    <t>12/24/2019 11:15:25</t>
  </si>
  <si>
    <t>12/24/2019 11:15:28</t>
  </si>
  <si>
    <t>12/24/2019 11:15:36</t>
  </si>
  <si>
    <t>12/24/2019 11:15:38</t>
  </si>
  <si>
    <t>12/24/2019 11:15:41</t>
  </si>
  <si>
    <t>12/24/2019 11:15:44</t>
  </si>
  <si>
    <t>12/24/2019 11:20:17</t>
  </si>
  <si>
    <t>12/24/2019 11:21:28</t>
  </si>
  <si>
    <t>12/23/2019 15:29:37</t>
  </si>
  <si>
    <t>12/24/2019 11:22:27</t>
  </si>
  <si>
    <t>C:\Users\akassiablc.ACS\Documents\Fechamento 122019\</t>
  </si>
  <si>
    <t>TO 545351 - Padrao Solicitacao Receitamento SG Telecom - Estorno Intercompany TCO - 122019.xlsm</t>
  </si>
  <si>
    <t>12/23/2019 15:29:46</t>
  </si>
  <si>
    <t>mail.google.com/_/upload?authuser=0&amp;dcp=asu-n&amp;upload_id=AEnB2Uob06Xp210I-ROFl5PeX1_21OxhiejUIrMoPC8wSPgwSCwc1yytxg0MtPkFTqMq0EVMARDreNtaFvn2mI72QRa9IRdgJw&amp;upload_protocol=resumable</t>
  </si>
  <si>
    <t>TO 545285 - Padrao Solicitacao Receitamento SG Telecom - 1 leva - 122019 .xlsm</t>
  </si>
  <si>
    <t>12/23/2019 17:44:08</t>
  </si>
  <si>
    <t>ericacdosc@algartech.com;wayneroa@algartech.com;</t>
  </si>
  <si>
    <t>TO 545487 -TRANSF DE RECEITA TIM FMM TLE Cód.1401 - 122019.xls</t>
  </si>
  <si>
    <t>ericacdosc@algartech.com,wayneroa@algartech.com</t>
  </si>
  <si>
    <t>12/24/2019 11:20:05</t>
  </si>
  <si>
    <t>12/24/2019 11:20:21</t>
  </si>
  <si>
    <t>12/24/2019 11:20:41</t>
  </si>
  <si>
    <t>12/24/2019 11:24:27</t>
  </si>
  <si>
    <t>12/24/2019 11:20:14</t>
  </si>
  <si>
    <t>12/24/2019 11:20:46</t>
  </si>
  <si>
    <t>12/24/2019 11:25:27</t>
  </si>
  <si>
    <t>12/24/2019 11:24:06</t>
  </si>
  <si>
    <t>Dalva de Fatima Braga_1_6769550542335194739_1_32.wav</t>
  </si>
  <si>
    <t>\\acsfs\Deptos\EDUCACAO EMPRESARIAL\FERNANDA MONIT\Ligação para Mutant terceiro Ciclo\Dalva de Fatima Braga_1_6769550542335194739_1_32.wav</t>
  </si>
  <si>
    <t>12/24/2019 11:23:18</t>
  </si>
  <si>
    <t>12/24/2019 11:27:27</t>
  </si>
  <si>
    <t>12/24/2019 11:23:19</t>
  </si>
  <si>
    <t>lu288642ieyja.tmp</t>
  </si>
  <si>
    <t>\\acsfs\profiles$\LUCASBS\lu288642ieyja.tmp</t>
  </si>
  <si>
    <t>\\acsfs\profiles$\LUCASBS\lu288642ieyja.tmp\</t>
  </si>
  <si>
    <t>\\acsfs\profiles$\LUCASBS\lu288642ieyja.tmp\META-INF\</t>
  </si>
  <si>
    <t>\\acsfs\profiles$\LUCASBS\lu288642ieyja.tmp\Thumbnails\</t>
  </si>
  <si>
    <t>12/24/2019 11:24:40</t>
  </si>
  <si>
    <t>12/24/2019 11:28:27</t>
  </si>
  <si>
    <t>JONATHAN WILLIAM ALVES PEREIRA_1_6771032087008972344_1_32.wav</t>
  </si>
  <si>
    <t>\\acsfs\Deptos\EDUCACAO EMPRESARIAL\KÉSIA\Ligações 3º ciclo - Késia\JONATHAN WILLIAM ALVES PEREIRA_1_6771032087008972344_1_32.wav</t>
  </si>
  <si>
    <t>12/24/2019 11:26:24</t>
  </si>
  <si>
    <t>12/24/2019 11:29:27</t>
  </si>
  <si>
    <t>Relatorio 24-12.dib</t>
  </si>
  <si>
    <t>\\acsfs\DEPTOS\Operacao\Banco_Votorantim\Qualidade\Anderson\Jose\Atualizado\Relatorio 24-12.dib</t>
  </si>
  <si>
    <t>12/24/2019 11:25:46</t>
  </si>
  <si>
    <t>12/24/2019 11:30:27</t>
  </si>
  <si>
    <t>12/24/2019 11:26:46</t>
  </si>
  <si>
    <t>12/24/2019 11:28:18</t>
  </si>
  <si>
    <t>12/24/2019 11:26:30</t>
  </si>
  <si>
    <t>12/24/2019 11:25:55</t>
  </si>
  <si>
    <t>12/24/2019 11:31:27</t>
  </si>
  <si>
    <t>12/24/2019 11:28:38</t>
  </si>
  <si>
    <t>12/24/2019 11:32:27</t>
  </si>
  <si>
    <t>12/24/2019 11:29:03</t>
  </si>
  <si>
    <t>12/24/2019 11:33:27</t>
  </si>
  <si>
    <t>12/24/2019 11:32:34</t>
  </si>
  <si>
    <t>XLOG_vanessacgs_24122019_075159.log</t>
  </si>
  <si>
    <t>\\acsfs\profiles$\vanessacgs\My Documents\xworkcenter\logs\XLOG_vanessacgs_24122019_075159.log</t>
  </si>
  <si>
    <t>12/24/2019 11:32:38</t>
  </si>
  <si>
    <t>XLOG_vanessacgs_24122019_075221.log</t>
  </si>
  <si>
    <t>\\acsfs\profiles$\vanessacgs\My Documents\xworkcenter\logs\XLOG_vanessacgs_24122019_075221.log</t>
  </si>
  <si>
    <t>12/24/2019 11:29:17</t>
  </si>
  <si>
    <t>12/24/2019 11:34:27</t>
  </si>
  <si>
    <t>12/24/2019 11:29:36</t>
  </si>
  <si>
    <t>Relatorio 24-12.png</t>
  </si>
  <si>
    <t>\\acsfs\DEPTOS\Operacao\Banco_Votorantim\Qualidade\Anderson\Jose\Atualizado\Relatorio 24-12.png</t>
  </si>
  <si>
    <t>12/24/2019 11:31:46</t>
  </si>
  <si>
    <t>Relatorio de Vendas - Auditoria BV Cartoes (Dezembro)24-12.xlsx</t>
  </si>
  <si>
    <t>\\acsfs\DEPTOS\Operacao\Banco_Votorantim\Qualidade\Anderson\Jose\Atualizado\Relatorio de Vendas - Auditoria BV Cartoes (Dezembro)24-12.xlsx</t>
  </si>
  <si>
    <t>12/24/2019 11:33:28</t>
  </si>
  <si>
    <t>Relatorio de Vendas - Auditoria BV Cartoes (Dezembro)Supervisor.xlsx</t>
  </si>
  <si>
    <t>\\acsfs\DEPTOS\Operacao\Banco_Votorantim\Qualidade\Anderson\Jose\Atualizado\Relatorio de Vendas - Auditoria BV Cartoes (Dezembro)Supervisor.xlsx</t>
  </si>
  <si>
    <t>12/24/2019 11:32:50</t>
  </si>
  <si>
    <t>\\acsfs\profiles$\regisadsa\Favorites\Links\</t>
  </si>
  <si>
    <t>\\acsfs\profiles$\regisadsa\Favorites\Links\desktop.ini</t>
  </si>
  <si>
    <t>12/24/2019 11:35:27</t>
  </si>
  <si>
    <t>12/24/2019 11:32:46</t>
  </si>
  <si>
    <t>12/24/2019 11:30:17</t>
  </si>
  <si>
    <t>12/24/2019 11:32:09</t>
  </si>
  <si>
    <t>12/24/2019 11:38:35</t>
  </si>
  <si>
    <t>12/24/2019 11:39:27</t>
  </si>
  <si>
    <t>10.200.35.139</t>
  </si>
  <si>
    <t>C:\Users\rafaelaas\Desktop\Apresentação - Produtos Financeiros Dez 19.pptx\</t>
  </si>
  <si>
    <t>12/24/2019 11:36:22</t>
  </si>
  <si>
    <t>12/24/2019 11:40:28</t>
  </si>
  <si>
    <t>12/24/2019 11:36:54</t>
  </si>
  <si>
    <t>12/24/2019 11:37:46</t>
  </si>
  <si>
    <t>12/24/2019 11:37:56</t>
  </si>
  <si>
    <t>12/24/2019 11:38:46</t>
  </si>
  <si>
    <t>12/24/2019 11:38:21</t>
  </si>
  <si>
    <t>12/24/2019 11:38:30</t>
  </si>
  <si>
    <t>12/24/2019 11:39:42</t>
  </si>
  <si>
    <t>12/24/2019 11:36:17</t>
  </si>
  <si>
    <t>Daniel Marinho Lima da Silva_1_6769156058178987774_1_32.wav</t>
  </si>
  <si>
    <t>\\acsfs\Deptos\EDUCACAO EMPRESARIAL\FERNANDA MONIT\Ligação para Mutant terceiro Ciclo\Daniel Marinho Lima da Silva_1_6769156058178987774_1_32.wav</t>
  </si>
  <si>
    <t>12/24/2019 11:38:10</t>
  </si>
  <si>
    <t>12/24/2019 11:41:27</t>
  </si>
  <si>
    <t>3758108a-2c62-4e37-86bd-149383b9b207.tmp</t>
  </si>
  <si>
    <t>\\acsfs\profiles$\gabrieleods\Downloads\3758108a-2c62-4e37-86bd-149383b9b207.tmp</t>
  </si>
  <si>
    <t>12/24/2019 11:40:44</t>
  </si>
  <si>
    <t>b4e7fd44-78c8-4974-b77d-2ca39075874b.tmp</t>
  </si>
  <si>
    <t>\\acsfs\profiles$\anafaes\Downloads\b4e7fd44-78c8-4974-b77d-2ca39075874b.tmp</t>
  </si>
  <si>
    <t>12/24/2019 11:43:27</t>
  </si>
  <si>
    <t>LUANA ROSA DE ALMEIDA_1_6771404795680991009_1_32.wav</t>
  </si>
  <si>
    <t>\\acsfs\Deptos\EDUCACAO EMPRESARIAL\KÉSIA\Ligações 3º ciclo - Késia\LUANA ROSA DE ALMEIDA_1_6771404795680991009_1_32.wav</t>
  </si>
  <si>
    <t>12/24/2019 11:39:45</t>
  </si>
  <si>
    <t>12/24/2019 11:44:27</t>
  </si>
  <si>
    <t>mail.google.com/_/upload?authuser=0&amp;dcp=asu-n&amp;upload_id=AEnB2UrnU0MKxbxEO5KS8sdJrgQWzFUUgSLlGktNN1xIk-be1JDOUiL76G-5HzVG1JuMkxDmzgA_yQ_20d1uWIV-kTAEjxGKhZNXC4_fI1QJzPqA1lHnoqE&amp;upload_protocol=resumable</t>
  </si>
  <si>
    <t>12/24/2019 11:42:49</t>
  </si>
  <si>
    <t>12/24/2019 11:45:26</t>
  </si>
  <si>
    <t>12/24/2019 11:42:06</t>
  </si>
  <si>
    <t>12/24/2019 11:41:52</t>
  </si>
  <si>
    <t>12/24/2019 11:41:56</t>
  </si>
  <si>
    <t>12/24/2019 11:42:02</t>
  </si>
  <si>
    <t>12/24/2019 11:42:13</t>
  </si>
  <si>
    <t>12/24/2019 11:42:16</t>
  </si>
  <si>
    <t>12/24/2019 11:42:19</t>
  </si>
  <si>
    <t>12/24/2019 11:42:26</t>
  </si>
  <si>
    <t>12/24/2019 11:40:11</t>
  </si>
  <si>
    <t>12/24/2019 11:41:19</t>
  </si>
  <si>
    <t>12/24/2019 11:46:27</t>
  </si>
  <si>
    <t>3137652b-7263-4d26-8d8f-72b624e11e72.tmp</t>
  </si>
  <si>
    <t>\\acsfs\profiles$\anafaes\Downloads\3137652b-7263-4d26-8d8f-72b624e11e72.tmp</t>
  </si>
  <si>
    <t>12/24/2019 11:41:51</t>
  </si>
  <si>
    <t>0502de08-9667-4d07-b00a-03a58c9ca0f5.tmp</t>
  </si>
  <si>
    <t>\\acsfs\profiles$\anafaes\Downloads\0502de08-9667-4d07-b00a-03a58c9ca0f5.tmp</t>
  </si>
  <si>
    <t>12/24/2019 11:46:55</t>
  </si>
  <si>
    <t>12/24/2019 11:48:27</t>
  </si>
  <si>
    <t>56d0e152-4e11-4dbd-a3f3-bdb3427146bf.tmp</t>
  </si>
  <si>
    <t>\\acsfs\profiles$\brendadsl\Downloads\56d0e152-4e11-4dbd-a3f3-bdb3427146bf.tmp</t>
  </si>
  <si>
    <t>12/24/2019 11:47:37</t>
  </si>
  <si>
    <t>\\acsfs\SCORP$\3 - Administrativo\3.1 - COI\3.1.2 - Organogramas\</t>
  </si>
  <si>
    <t>ATUALIZAÇÃO DAS FOTOS DO LENEL v3.xlsx</t>
  </si>
  <si>
    <t>12/24/2019 11:47:47</t>
  </si>
  <si>
    <t>PAULO VICTOR ALCANTARA DE CASTRO_1_6771403442766290665_1_32.wav</t>
  </si>
  <si>
    <t>\\acsfs\Deptos\EDUCACAO EMPRESARIAL\KÉSIA\Ligações 3º ciclo - Késia\PAULO VICTOR ALCANTARA DE CASTRO_1_6771403442766290665_1_32.wav</t>
  </si>
  <si>
    <t>12/24/2019 11:46:46</t>
  </si>
  <si>
    <t>12/24/2019 11:52:26</t>
  </si>
  <si>
    <t>12/24/2019 11:46:47</t>
  </si>
  <si>
    <t>lu288642ieyjj.tmp</t>
  </si>
  <si>
    <t>\\acsfs\profiles$\LUCASBS\lu288642ieyjj.tmp</t>
  </si>
  <si>
    <t>\\acsfs\profiles$\LUCASBS\lu288642ieyjj.tmp\</t>
  </si>
  <si>
    <t>\\acsfs\profiles$\LUCASBS\lu288642ieyjj.tmp\META-INF\</t>
  </si>
  <si>
    <t>\\acsfs\profiles$\LUCASBS\lu288642ieyjj.tmp\Thumbnails\</t>
  </si>
  <si>
    <t>12/24/2019 11:51:28</t>
  </si>
  <si>
    <t>12/24/2019 11:52:56</t>
  </si>
  <si>
    <t>12/24/2019 11:53:27</t>
  </si>
  <si>
    <t>12/24/2019 11:50:58</t>
  </si>
  <si>
    <t>12/24/2019 11:55:27</t>
  </si>
  <si>
    <t>Dhiulliana Neto Aparecida de Souza_1_6771075333034683617_1_32.wav</t>
  </si>
  <si>
    <t>\\acsfs\Deptos\EDUCACAO EMPRESARIAL\FERNANDA MONIT\Ligação para Mutant terceiro Ciclo\Dhiulliana Neto Aparecida de Souza_1_6771075333034683617_1_32.wav</t>
  </si>
  <si>
    <t>12/24/2019 11:56:17</t>
  </si>
  <si>
    <t>12/24/2019 11:57:26</t>
  </si>
  <si>
    <t>12/24/2019 11:55:31</t>
  </si>
  <si>
    <t>12/24/2019 12:00:27</t>
  </si>
  <si>
    <t>12/24/2019 11:56:15</t>
  </si>
  <si>
    <t>12/24/2019 11:58:35</t>
  </si>
  <si>
    <t>12/24/2019 12:01:26</t>
  </si>
  <si>
    <t>3b21e776-3b1c-4391-b4f6-0cb61218ab7a.tmp</t>
  </si>
  <si>
    <t>\\acsfs\profiles$\kellzylenneasr\Downloads\3b21e776-3b1c-4391-b4f6-0cb61218ab7a.tmp</t>
  </si>
  <si>
    <t>12/24/2019 11:59:43</t>
  </si>
  <si>
    <t>12/24/2019 12:03:27</t>
  </si>
  <si>
    <t>12/24/2019 11:58:48</t>
  </si>
  <si>
    <t>12/24/2019 12:04:27</t>
  </si>
  <si>
    <t>12/24/2019 12:02:21</t>
  </si>
  <si>
    <t>12/24/2019 12:02:22</t>
  </si>
  <si>
    <t>12/24/2019 12:02:23</t>
  </si>
  <si>
    <t>12/24/2019 12:02:24</t>
  </si>
  <si>
    <t>12/24/2019 12:02:25</t>
  </si>
  <si>
    <t>12/24/2019 12:02:26</t>
  </si>
  <si>
    <t>12/24/2019 12:02:27</t>
  </si>
  <si>
    <t>12/24/2019 12:02:28</t>
  </si>
  <si>
    <t>12/24/2019 12:02:29</t>
  </si>
  <si>
    <t>12/24/2019 12:02:30</t>
  </si>
  <si>
    <t>12/24/2019 12:02:45</t>
  </si>
  <si>
    <t>12/24/2019 12:02:47</t>
  </si>
  <si>
    <t>12/24/2019 12:03:31</t>
  </si>
  <si>
    <t>12/24/2019 12:00:37</t>
  </si>
  <si>
    <t>12/24/2019 12:05:27</t>
  </si>
  <si>
    <t>12/24/2019 12:05:25</t>
  </si>
  <si>
    <t>12/24/2019 12:06:27</t>
  </si>
  <si>
    <t>12/24/2019 12:06:08</t>
  </si>
  <si>
    <t>12/24/2019 12:07:27</t>
  </si>
  <si>
    <t>12/24/2019 12:06:09</t>
  </si>
  <si>
    <t>lu288642ieyjs.tmp</t>
  </si>
  <si>
    <t>\\acsfs\profiles$\LUCASBS\lu288642ieyjs.tmp</t>
  </si>
  <si>
    <t>\\acsfs\profiles$\LUCASBS\lu288642ieyjs.tmp\</t>
  </si>
  <si>
    <t>\\acsfs\profiles$\LUCASBS\lu288642ieyjs.tmp\META-INF\</t>
  </si>
  <si>
    <t>\\acsfs\profiles$\LUCASBS\lu288642ieyjs.tmp\Thumbnails\</t>
  </si>
  <si>
    <t>12/24/2019 12:05:31</t>
  </si>
  <si>
    <t>12/24/2019 12:04:59</t>
  </si>
  <si>
    <t>12/24/2019 12:09:27</t>
  </si>
  <si>
    <t>12/24/2019 12:05:02</t>
  </si>
  <si>
    <t>12/24/2019 12:07:46</t>
  </si>
  <si>
    <t>12/24/2019 12:05:38</t>
  </si>
  <si>
    <t>12/24/2019 12:10:27</t>
  </si>
  <si>
    <t>12/24/2019 12:06:59</t>
  </si>
  <si>
    <t>12/24/2019 12:10:01</t>
  </si>
  <si>
    <t>12/24/2019 12:12:27</t>
  </si>
  <si>
    <t>12/24/2019 12:10:22</t>
  </si>
  <si>
    <t>12/24/2019 12:13:27</t>
  </si>
  <si>
    <t>ANA CLARA MORAES SILVEIRA_1_6771498310003923287_1_32.wav</t>
  </si>
  <si>
    <t>\\acsfs\Deptos\EDUCACAO EMPRESARIAL\KÉSIA\Ligações 3º ciclo - Késia\ANA CLARA MORAES SILVEIRA_1_6771498310003923287_1_32.wav</t>
  </si>
  <si>
    <t>12/24/2019 12:08:46</t>
  </si>
  <si>
    <t>12/24/2019 12:14:27</t>
  </si>
  <si>
    <t>12/24/2019 12:09:52</t>
  </si>
  <si>
    <t>12/24/2019 12:09:54</t>
  </si>
  <si>
    <t>lu208202laf17.tmp</t>
  </si>
  <si>
    <t>\\acsfs\profiles$\geovanaasa\My Documents\lu208202laf17.tmp</t>
  </si>
  <si>
    <t>\\acsfs\profiles$\geovanaasa\My Documents\lu208202laf17.tmp\</t>
  </si>
  <si>
    <t>\\acsfs\profiles$\geovanaasa\My Documents\lu208202laf17.tmp\META-INF\</t>
  </si>
  <si>
    <t>\\acsfs\profiles$\geovanaasa\My Documents\lu208202laf17.tmp\Thumbnails\</t>
  </si>
  <si>
    <t>12/24/2019 12:14:26</t>
  </si>
  <si>
    <t>12/24/2019 12:15:27</t>
  </si>
  <si>
    <t>12/24/2019 12:15:26</t>
  </si>
  <si>
    <t>12/24/2019 12:16:27</t>
  </si>
  <si>
    <t>12/24/2019 12:13:46</t>
  </si>
  <si>
    <t>12/24/2019 12:19:28</t>
  </si>
  <si>
    <t>12/24/2019 12:14:46</t>
  </si>
  <si>
    <t>12/24/2019 12:19:06</t>
  </si>
  <si>
    <t>12/24/2019 12:20:27</t>
  </si>
  <si>
    <t>12/24/2019 12:19:07</t>
  </si>
  <si>
    <t>12/24/2019 12:19:09</t>
  </si>
  <si>
    <t>12/24/2019 12:16:37</t>
  </si>
  <si>
    <t>12/24/2019 12:17:32</t>
  </si>
  <si>
    <t>12/24/2019 12:17:34</t>
  </si>
  <si>
    <t>12/24/2019 12:19:57</t>
  </si>
  <si>
    <t>12/24/2019 12:21:28</t>
  </si>
  <si>
    <t>0e5cf168-9318-441e-bdff-16b7d01b2020.tmp</t>
  </si>
  <si>
    <t>\\acsfs\profiles$\luanarda\Downloads\0e5cf168-9318-441e-bdff-16b7d01b2020.tmp</t>
  </si>
  <si>
    <t>12/24/2019 12:19:05</t>
  </si>
  <si>
    <t>12/24/2019 12:22:27</t>
  </si>
  <si>
    <t>12/24/2019 12:22:28</t>
  </si>
  <si>
    <t>12/24/2019 12:23:26</t>
  </si>
  <si>
    <t>.~lock.Fila 1721 - REORIENTAÇÃO PRIORIDADE DIVISÃO APOIO.xlsx#</t>
  </si>
  <si>
    <t>\\acsfs\profiles$\jonatanls\My Documents\.~lock.Fila 1721 - REORIENTAÇÃO PRIORIDADE DIVISÃO APOIO.xlsx#</t>
  </si>
  <si>
    <t>12/24/2019 12:22:52</t>
  </si>
  <si>
    <t>.~lock.Fila 1721 - REORIENTAÇÃO PRIORIDADE OFICIAL ADILSON.ods#</t>
  </si>
  <si>
    <t>\\acsfs\profiles$\jonatanls\My Documents\.~lock.Fila 1721 - REORIENTAÇÃO PRIORIDADE OFICIAL ADILSON.ods#</t>
  </si>
  <si>
    <t>12/24/2019 12:22:10</t>
  </si>
  <si>
    <t>12/24/2019 12:24:27</t>
  </si>
  <si>
    <t>XLOG_anacdos_24122019_081908.log</t>
  </si>
  <si>
    <t>\\acsfs\profiles$\anacdos\My Documents\xworkcenter\logs\XLOG_anacdos_24122019_081908.log</t>
  </si>
  <si>
    <t>12/24/2019 12:19:47</t>
  </si>
  <si>
    <t>12/24/2019 12:20:47</t>
  </si>
  <si>
    <t>12/24/2019 12:19:23</t>
  </si>
  <si>
    <t>12/24/2019 12:23:09</t>
  </si>
  <si>
    <t>12/24/2019 12:26:28</t>
  </si>
  <si>
    <t>thaisalves.oliveira@temposervicos.com.br;thaisaol@algartech.com.br;</t>
  </si>
  <si>
    <t>ACO.ppt</t>
  </si>
  <si>
    <t>ACO.ppt\s2\</t>
  </si>
  <si>
    <t>thaisalves.oliveira@temposervicos.com.br,thaisaol@algartech.com.br</t>
  </si>
  <si>
    <t>12/24/2019 12:23:04</t>
  </si>
  <si>
    <t>12/24/2019 12:28:28</t>
  </si>
  <si>
    <t>.~lock.Fila 1721 - REORIENTAÇÃO PRIORIDADE OFICIAL novo.xlsx#</t>
  </si>
  <si>
    <t>\\acsfs\profiles$\jonatanls\My Documents\.~lock.Fila 1721 - REORIENTAÇÃO PRIORIDADE OFICIAL novo.xlsx#</t>
  </si>
  <si>
    <t>12/24/2019 12:25:47</t>
  </si>
  <si>
    <t>12/24/2019 12:29:27</t>
  </si>
  <si>
    <t>12/24/2019 12:26:47</t>
  </si>
  <si>
    <t>12/24/2019 12:25:03</t>
  </si>
  <si>
    <t>12/24/2019 12:30:28</t>
  </si>
  <si>
    <t>12/24/2019 12:29:16</t>
  </si>
  <si>
    <t>12/24/2019 12:26:15</t>
  </si>
  <si>
    <t>12/24/2019 12:31:27</t>
  </si>
  <si>
    <t>12/24/2019 12:31:15</t>
  </si>
  <si>
    <t>12/24/2019 12:32:27</t>
  </si>
  <si>
    <t>12/24/2019 12:31:33</t>
  </si>
  <si>
    <t>12/24/2019 12:33:27</t>
  </si>
  <si>
    <t>12/24/2019 12:28:46</t>
  </si>
  <si>
    <t>12/24/2019 12:34:27</t>
  </si>
  <si>
    <t>12/24/2019 12:28:47</t>
  </si>
  <si>
    <t>12/24/2019 12:28:48</t>
  </si>
  <si>
    <t>12/24/2019 12:28:49</t>
  </si>
  <si>
    <t>12/24/2019 12:28:50</t>
  </si>
  <si>
    <t>12/24/2019 12:28:51</t>
  </si>
  <si>
    <t>12/24/2019 12:28:52</t>
  </si>
  <si>
    <t>12/24/2019 12:28:53</t>
  </si>
  <si>
    <t>12/24/2019 12:28:54</t>
  </si>
  <si>
    <t>12/24/2019 12:28:55</t>
  </si>
  <si>
    <t>12/24/2019 12:28:56</t>
  </si>
  <si>
    <t>12/24/2019 12:28:57</t>
  </si>
  <si>
    <t>12/24/2019 12:28:58</t>
  </si>
  <si>
    <t>12/24/2019 12:28:59</t>
  </si>
  <si>
    <t>12/24/2019 12:29:00</t>
  </si>
  <si>
    <t>12/24/2019 12:29:01</t>
  </si>
  <si>
    <t>12/24/2019 12:29:02</t>
  </si>
  <si>
    <t>12/24/2019 12:29:03</t>
  </si>
  <si>
    <t>12/24/2019 12:29:04</t>
  </si>
  <si>
    <t>12/24/2019 12:29:05</t>
  </si>
  <si>
    <t>12/24/2019 12:29:06</t>
  </si>
  <si>
    <t>12/24/2019 12:29:07</t>
  </si>
  <si>
    <t>12/24/2019 12:29:08</t>
  </si>
  <si>
    <t>12/24/2019 12:31:47</t>
  </si>
  <si>
    <t>12/24/2019 12:32:47</t>
  </si>
  <si>
    <t>12/24/2019 12:37:47</t>
  </si>
  <si>
    <t>12/24/2019 12:39:27</t>
  </si>
  <si>
    <t>12/24/2019 12:38:47</t>
  </si>
  <si>
    <t>12/24/2019 12:43:47</t>
  </si>
  <si>
    <t>12/24/2019 12:44:27</t>
  </si>
  <si>
    <t>12/24/2019 12:40:11</t>
  </si>
  <si>
    <t>12/24/2019 12:45:27</t>
  </si>
  <si>
    <t>12/24/2019 12:42:14</t>
  </si>
  <si>
    <t>12/24/2019 12:47:27</t>
  </si>
  <si>
    <t>12/24/2019 12:44:47</t>
  </si>
  <si>
    <t>12/24/2019 12:49:27</t>
  </si>
  <si>
    <t>12/24/2019 12:47:36</t>
  </si>
  <si>
    <t>12/24/2019 12:52:27</t>
  </si>
  <si>
    <t>12/24/2019 12:47:38</t>
  </si>
  <si>
    <t>lu288642ieyk1.tmp</t>
  </si>
  <si>
    <t>\\acsfs\profiles$\LUCASBS\lu288642ieyk1.tmp</t>
  </si>
  <si>
    <t>\\acsfs\profiles$\LUCASBS\lu288642ieyk1.tmp\</t>
  </si>
  <si>
    <t>\\acsfs\profiles$\LUCASBS\lu288642ieyk1.tmp\META-INF\</t>
  </si>
  <si>
    <t>\\acsfs\profiles$\LUCASBS\lu288642ieyk1.tmp\Thumbnails\</t>
  </si>
  <si>
    <t>12/24/2019 12:49:28</t>
  </si>
  <si>
    <t>12/24/2019 12:49:29</t>
  </si>
  <si>
    <t>lu1802411yuf7.tmp</t>
  </si>
  <si>
    <t>\\acsfs\profiles$\CLAUDIAJCA\lu1802411yuf7.tmp</t>
  </si>
  <si>
    <t>\\acsfs\profiles$\CLAUDIAJCA\lu1802411yuf7.tmp\</t>
  </si>
  <si>
    <t>\\acsfs\profiles$\CLAUDIAJCA\lu1802411yuf7.tmp\META-INF\</t>
  </si>
  <si>
    <t>\\acsfs\profiles$\CLAUDIAJCA\lu1802411yuf7.tmp\Thumbnails\</t>
  </si>
  <si>
    <t>12/24/2019 12:49:51</t>
  </si>
  <si>
    <t>10.200.66.163</t>
  </si>
  <si>
    <t>74-86-7A-FD-D3-44</t>
  </si>
  <si>
    <t>VOTORANT-WB017</t>
  </si>
  <si>
    <t>mariagsg</t>
  </si>
  <si>
    <t>\\acsfs\profiles$\mariagsg\Downloads\</t>
  </si>
  <si>
    <t>2495096a-137d-461e-9654-e281f139a747.tmp</t>
  </si>
  <si>
    <t>\\acsfs\profiles$\mariagsg\Downloads\2495096a-137d-461e-9654-e281f139a747.tmp</t>
  </si>
  <si>
    <t>078b9488-cad7-4623-b03c-04fac94b8a75.tmp</t>
  </si>
  <si>
    <t>\\acsfs\profiles$\mariagsg\Downloads\078b9488-cad7-4623-b03c-04fac94b8a75.tmp</t>
  </si>
  <si>
    <t>12/24/2019 12:49:53</t>
  </si>
  <si>
    <t>Q29udHJvbGxlci5DYWxjdWxhZG9yYURlVmVuY2lt (5).ica</t>
  </si>
  <si>
    <t>\\acsfs\profiles$\mariagsg\Downloads\Q29udHJvbGxlci5DYWxjdWxhZG9yYURlVmVuY2lt (5).ica</t>
  </si>
  <si>
    <t>12/24/2019 12:50:29</t>
  </si>
  <si>
    <t>Q29udHJvbGxlci5QYXl3YXJlXzEtMg-- (4).ica</t>
  </si>
  <si>
    <t>\\acsfs\profiles$\mariagsg\Downloads\Q29udHJvbGxlci5QYXl3YXJlXzEtMg-- (4).ica</t>
  </si>
  <si>
    <t>12/24/2019 12:49:47</t>
  </si>
  <si>
    <t>12/24/2019 12:54:27</t>
  </si>
  <si>
    <t>12/24/2019 12:50:47</t>
  </si>
  <si>
    <t>12/24/2019 12:53:07</t>
  </si>
  <si>
    <t>12/24/2019 12:56:27</t>
  </si>
  <si>
    <t>12/24/2019 12:52:32</t>
  </si>
  <si>
    <t>12/24/2019 12:57:26</t>
  </si>
  <si>
    <t>12/24/2019 12:52:45</t>
  </si>
  <si>
    <t>12/24/2019 12:52:46</t>
  </si>
  <si>
    <t>lu288642ieyk6.tmp</t>
  </si>
  <si>
    <t>\\acsfs\profiles$\LUCASBS\lu288642ieyk6.tmp</t>
  </si>
  <si>
    <t>\\acsfs\profiles$\LUCASBS\lu288642ieyk6.tmp\</t>
  </si>
  <si>
    <t>\\acsfs\profiles$\LUCASBS\lu288642ieyk6.tmp\META-INF\</t>
  </si>
  <si>
    <t>\\acsfs\profiles$\LUCASBS\lu288642ieyk6.tmp\Thumbnails\</t>
  </si>
  <si>
    <t>12/24/2019 12:55:52</t>
  </si>
  <si>
    <t>12/24/2019 12:55:53</t>
  </si>
  <si>
    <t>lu288642ieykb.tmp</t>
  </si>
  <si>
    <t>\\acsfs\profiles$\LUCASBS\lu288642ieykb.tmp</t>
  </si>
  <si>
    <t>\\acsfs\profiles$\LUCASBS\lu288642ieykb.tmp\</t>
  </si>
  <si>
    <t>\\acsfs\profiles$\LUCASBS\lu288642ieykb.tmp\META-INF\</t>
  </si>
  <si>
    <t>\\acsfs\profiles$\LUCASBS\lu288642ieykb.tmp\Thumbnails\</t>
  </si>
  <si>
    <t>12/24/2019 12:56:12</t>
  </si>
  <si>
    <t>12/24/2019 12:55:47</t>
  </si>
  <si>
    <t>12/24/2019 12:59:26</t>
  </si>
  <si>
    <t>12/24/2019 12:56:47</t>
  </si>
  <si>
    <t>12/24/2019 12:55:04</t>
  </si>
  <si>
    <t>10.200.66.23</t>
  </si>
  <si>
    <t>34-E6-D7-FC-B8-47</t>
  </si>
  <si>
    <t>VOTORANT-OB036</t>
  </si>
  <si>
    <t>nayarasds</t>
  </si>
  <si>
    <t>\\acsfs\profiles$\nayarasds\Downloads\</t>
  </si>
  <si>
    <t>415c21b4-b027-4d70-bd15-2efe75218987.tmp</t>
  </si>
  <si>
    <t>\\acsfs\profiles$\nayarasds\Downloads\415c21b4-b027-4d70-bd15-2efe75218987.tmp</t>
  </si>
  <si>
    <t>12/24/2019 12:55:10</t>
  </si>
  <si>
    <t>588036ff-1041-4e4a-8c5b-62d22ecb5f1b.tmp</t>
  </si>
  <si>
    <t>\\acsfs\profiles$\nayarasds\Downloads\588036ff-1041-4e4a-8c5b-62d22ecb5f1b.tmp</t>
  </si>
  <si>
    <t>12/24/2019 12:55:58</t>
  </si>
  <si>
    <t>02dbb196-67c6-4e59-9adf-27dbe3de32eb.tmp</t>
  </si>
  <si>
    <t>\\acsfs\profiles$\nayarasds\Downloads\02dbb196-67c6-4e59-9adf-27dbe3de32eb.tmp</t>
  </si>
  <si>
    <t>12/24/2019 12:57:50</t>
  </si>
  <si>
    <t>12/24/2019 13:01:27</t>
  </si>
  <si>
    <t>12/24/2019 12:59:59</t>
  </si>
  <si>
    <t>12/24/2019 13:02:27</t>
  </si>
  <si>
    <t>12/24/2019 13:00:01</t>
  </si>
  <si>
    <t>lu313042pyqhv.tmp</t>
  </si>
  <si>
    <t>\\acsfs\profiles$\LUCASBS\lu313042pyqhv.tmp</t>
  </si>
  <si>
    <t>\\acsfs\profiles$\LUCASBS\lu313042pyqhv.tmp\</t>
  </si>
  <si>
    <t>\\acsfs\profiles$\LUCASBS\lu313042pyqhv.tmp\META-INF\</t>
  </si>
  <si>
    <t>\\acsfs\profiles$\LUCASBS\lu313042pyqhv.tmp\Thumbnails\</t>
  </si>
  <si>
    <t>12/24/2019 13:01:22</t>
  </si>
  <si>
    <t>12/24/2019 13:01:24</t>
  </si>
  <si>
    <t>lu1370411ssdk.tmp</t>
  </si>
  <si>
    <t>\\acsfs\profiles$\FLAVIOJMM\My Documents\lu1370411ssdk.tmp</t>
  </si>
  <si>
    <t>\\acsfs\profiles$\FLAVIOJMM\My Documents\lu1370411ssdk.tmp\</t>
  </si>
  <si>
    <t>\\acsfs\profiles$\FLAVIOJMM\My Documents\lu1370411ssdk.tmp\META-INF\</t>
  </si>
  <si>
    <t>\\acsfs\profiles$\FLAVIOJMM\My Documents\lu1370411ssdk.tmp\Thumbnails\</t>
  </si>
  <si>
    <t>12/24/2019 12:58:59</t>
  </si>
  <si>
    <t>f8df84a8-8d6d-4709-a160-838562bf4e75.tmp</t>
  </si>
  <si>
    <t>\\acsfs\profiles$\andrezacapf\Downloads\f8df84a8-8d6d-4709-a160-838562bf4e75.tmp</t>
  </si>
  <si>
    <t>12/24/2019 12:58:55</t>
  </si>
  <si>
    <t>12/24/2019 12:58:56</t>
  </si>
  <si>
    <t>lu382525c3d0f.tmp</t>
  </si>
  <si>
    <t>\\acsfs\profiles$\ISABELLEGTDS\Nova pasta\lu382525c3d0f.tmp</t>
  </si>
  <si>
    <t>\\acsfs\profiles$\ISABELLEGTDS\Nova pasta\lu382525c3d0f.tmp\</t>
  </si>
  <si>
    <t>\\acsfs\profiles$\ISABELLEGTDS\Nova pasta\lu382525c3d0f.tmp\META-INF\</t>
  </si>
  <si>
    <t>\\acsfs\profiles$\ISABELLEGTDS\Nova pasta\lu382525c3d0f.tmp\Thumbnails\</t>
  </si>
  <si>
    <t>12/24/2019 12:58:57</t>
  </si>
  <si>
    <t>12/24/2019 12:58:58</t>
  </si>
  <si>
    <t>lu382525c3d0k.tmp</t>
  </si>
  <si>
    <t>\\acsfs\profiles$\ISABELLEGTDS\Nova pasta\lu382525c3d0k.tmp</t>
  </si>
  <si>
    <t>\\acsfs\profiles$\ISABELLEGTDS\Nova pasta\lu382525c3d0k.tmp\</t>
  </si>
  <si>
    <t>\\acsfs\profiles$\ISABELLEGTDS\Nova pasta\lu382525c3d0k.tmp\META-INF\</t>
  </si>
  <si>
    <t>\\acsfs\profiles$\ISABELLEGTDS\Nova pasta\lu382525c3d0k.tmp\Thumbnails\</t>
  </si>
  <si>
    <t>12/24/2019 12:58:46</t>
  </si>
  <si>
    <t>12/24/2019 13:03:26</t>
  </si>
  <si>
    <t>e5e34145-31c6-45fc-9656-b64c8fd1b93f.tmp</t>
  </si>
  <si>
    <t>\\acsfs\profiles$\felipetds\Downloads\e5e34145-31c6-45fc-9656-b64c8fd1b93f.tmp</t>
  </si>
  <si>
    <t>12/24/2019 12:59:24</t>
  </si>
  <si>
    <t>d1c3ab97-4249-40b3-9ed3-430814a5c9f5.tmp</t>
  </si>
  <si>
    <t>\\acsfs\profiles$\felipetds\Downloads\d1c3ab97-4249-40b3-9ed3-430814a5c9f5.tmp</t>
  </si>
  <si>
    <t>12/24/2019 13:01:48</t>
  </si>
  <si>
    <t>12/24/2019 13:04:27</t>
  </si>
  <si>
    <t>12/24/2019 13:02:47</t>
  </si>
  <si>
    <t>12/24/2019 13:04:10</t>
  </si>
  <si>
    <t>12/24/2019 13:07:27</t>
  </si>
  <si>
    <t>12/24/2019 13:04:11</t>
  </si>
  <si>
    <t>lu313042pyqi0.tmp</t>
  </si>
  <si>
    <t>\\acsfs\profiles$\LUCASBS\lu313042pyqi0.tmp</t>
  </si>
  <si>
    <t>\\acsfs\profiles$\LUCASBS\lu313042pyqi0.tmp\</t>
  </si>
  <si>
    <t>\\acsfs\profiles$\LUCASBS\lu313042pyqi0.tmp\META-INF\</t>
  </si>
  <si>
    <t>\\acsfs\profiles$\LUCASBS\lu313042pyqi0.tmp\Thumbnails\</t>
  </si>
  <si>
    <t>12/24/2019 13:04:03</t>
  </si>
  <si>
    <t>Relatório Dash</t>
  </si>
  <si>
    <t>Relatório para o Fernando v1.xls</t>
  </si>
  <si>
    <t>12/24/2019 13:03:38</t>
  </si>
  <si>
    <t>12/24/2019 13:08:27</t>
  </si>
  <si>
    <t>0a0646d2-8e27-4f54-8d8a-dda029608a09.tmp</t>
  </si>
  <si>
    <t>\\acsfs\profiles$\milenaas\Downloads\0a0646d2-8e27-4f54-8d8a-dda029608a09.tmp</t>
  </si>
  <si>
    <t>12/24/2019 13:05:58</t>
  </si>
  <si>
    <t>c0264a15-050c-4454-b52b-54556722a02a.tmp</t>
  </si>
  <si>
    <t>\\acsfs\profiles$\milenaas\Downloads\c0264a15-050c-4454-b52b-54556722a02a.tmp</t>
  </si>
  <si>
    <t>12/24/2019 13:06:23</t>
  </si>
  <si>
    <t>cb150fcd-b66f-4194-850c-d47de37aa4c9.tmp</t>
  </si>
  <si>
    <t>\\acsfs\profiles$\milenaas\Downloads\cb150fcd-b66f-4194-850c-d47de37aa4c9.tmp</t>
  </si>
  <si>
    <t>12/24/2019 13:08:13</t>
  </si>
  <si>
    <t>e1003395-8340-4d12-b4af-4dbd05bb84ef.tmp</t>
  </si>
  <si>
    <t>\\acsfs\profiles$\milenaas\Downloads\e1003395-8340-4d12-b4af-4dbd05bb84ef.tmp</t>
  </si>
  <si>
    <t>12/24/2019 13:05:56</t>
  </si>
  <si>
    <t>12/24/2019 13:09:27</t>
  </si>
  <si>
    <t>12/24/2019 13:07:47</t>
  </si>
  <si>
    <t>12/24/2019 13:08:47</t>
  </si>
  <si>
    <t>12/24/2019 13:13:47</t>
  </si>
  <si>
    <t>12/24/2019 13:14:27</t>
  </si>
  <si>
    <t>12/24/2019 13:11:51</t>
  </si>
  <si>
    <t>12/24/2019 13:16:27</t>
  </si>
  <si>
    <t>beb6acfb-d1b0-4fbb-a425-7d394b38bd10.tmp</t>
  </si>
  <si>
    <t>\\acsfs\profiles$\quindaizaagds\Downloads\beb6acfb-d1b0-4fbb-a425-7d394b38bd10.tmp</t>
  </si>
  <si>
    <t>12/24/2019 13:12:07</t>
  </si>
  <si>
    <t>06c27716-36e0-46bf-8873-acd4b66f0519.tmp</t>
  </si>
  <si>
    <t>\\acsfs\profiles$\quindaizaagds\Downloads\06c27716-36e0-46bf-8873-acd4b66f0519.tmp</t>
  </si>
  <si>
    <t>12/24/2019 13:15:49</t>
  </si>
  <si>
    <t>a1605319-f087-4119-8859-918a23438b0b.tmp</t>
  </si>
  <si>
    <t>\\acsfs\profiles$\laianear\Downloads\a1605319-f087-4119-8859-918a23438b0b.tmp</t>
  </si>
  <si>
    <t>12/24/2019 13:12:11</t>
  </si>
  <si>
    <t>12/24/2019 13:17:27</t>
  </si>
  <si>
    <t>12/24/2019 13:15:34</t>
  </si>
  <si>
    <t>12/24/2019 13:19:28</t>
  </si>
  <si>
    <t>XLOG_anacdos_24122019_122840.log</t>
  </si>
  <si>
    <t>\\acsfs\profiles$\anacdos\My Documents\xworkcenter\logs\XLOG_anacdos_24122019_122840.log</t>
  </si>
  <si>
    <t>12/24/2019 13:14:47</t>
  </si>
  <si>
    <t>12/24/2019 13:18:08</t>
  </si>
  <si>
    <t>12/24/2019 13:21:28</t>
  </si>
  <si>
    <t>12/24/2019 13:19:49</t>
  </si>
  <si>
    <t>12/24/2019 13:19:50</t>
  </si>
  <si>
    <t>12/24/2019 13:19:51</t>
  </si>
  <si>
    <t>12/24/2019 13:19:52</t>
  </si>
  <si>
    <t>12/24/2019 13:19:53</t>
  </si>
  <si>
    <t>12/24/2019 13:19:54</t>
  </si>
  <si>
    <t>12/24/2019 13:19:55</t>
  </si>
  <si>
    <t>12/24/2019 13:19:56</t>
  </si>
  <si>
    <t>12/24/2019 13:19:57</t>
  </si>
  <si>
    <t>12/24/2019 13:19:58</t>
  </si>
  <si>
    <t>12/24/2019 13:19:59</t>
  </si>
  <si>
    <t>12/24/2019 13:20:00</t>
  </si>
  <si>
    <t>12/24/2019 13:20:01</t>
  </si>
  <si>
    <t>12/24/2019 13:20:02</t>
  </si>
  <si>
    <t>12/24/2019 13:20:03</t>
  </si>
  <si>
    <t>12/24/2019 13:20:04</t>
  </si>
  <si>
    <t>12/24/2019 13:20:05</t>
  </si>
  <si>
    <t>12/24/2019 13:20:06</t>
  </si>
  <si>
    <t>12/24/2019 13:20:07</t>
  </si>
  <si>
    <t>12/24/2019 13:20:08</t>
  </si>
  <si>
    <t>12/24/2019 13:20:09</t>
  </si>
  <si>
    <t>12/24/2019 13:20:10</t>
  </si>
  <si>
    <t>12/24/2019 13:20:11</t>
  </si>
  <si>
    <t>12/24/2019 13:20:12</t>
  </si>
  <si>
    <t>12/24/2019 13:20:13</t>
  </si>
  <si>
    <t>12/24/2019 13:20:14</t>
  </si>
  <si>
    <t>12/24/2019 13:20:15</t>
  </si>
  <si>
    <t>12/24/2019 13:20:16</t>
  </si>
  <si>
    <t>12/24/2019 13:20:17</t>
  </si>
  <si>
    <t>12/24/2019 13:20:56</t>
  </si>
  <si>
    <t>12/24/2019 13:22:27</t>
  </si>
  <si>
    <t>12/24/2019 13:18:34</t>
  </si>
  <si>
    <t>12/24/2019 13:18:35</t>
  </si>
  <si>
    <t>lu313042pyqi9.tmp</t>
  </si>
  <si>
    <t>\\acsfs\profiles$\LUCASBS\lu313042pyqi9.tmp</t>
  </si>
  <si>
    <t>\\acsfs\profiles$\LUCASBS\lu313042pyqi9.tmp\</t>
  </si>
  <si>
    <t>\\acsfs\profiles$\LUCASBS\lu313042pyqi9.tmp\META-INF\</t>
  </si>
  <si>
    <t>\\acsfs\profiles$\LUCASBS\lu313042pyqi9.tmp\Thumbnails\</t>
  </si>
  <si>
    <t>12/24/2019 13:19:36</t>
  </si>
  <si>
    <t>f1a98751-e33d-46e3-9ecb-43a217de86df.tmp</t>
  </si>
  <si>
    <t>\\acsfs\profiles$\joycemmdl\Downloads\f1a98751-e33d-46e3-9ecb-43a217de86df.tmp</t>
  </si>
  <si>
    <t>12/24/2019 13:20:55</t>
  </si>
  <si>
    <t>fd5012dc-3d46-4018-a50a-e7538c8b9502.tmp</t>
  </si>
  <si>
    <t>\\acsfs\profiles$\joycemmdl\Downloads\fd5012dc-3d46-4018-a50a-e7538c8b9502.tmp</t>
  </si>
  <si>
    <t>12/24/2019 13:21:03</t>
  </si>
  <si>
    <t>af8d2eae-9b18-4023-98fc-4eb0858b9885.tmp</t>
  </si>
  <si>
    <t>\\acsfs\profiles$\joycemmdl\Downloads\af8d2eae-9b18-4023-98fc-4eb0858b9885.tmp</t>
  </si>
  <si>
    <t>12/24/2019 13:19:38</t>
  </si>
  <si>
    <t>12/24/2019 13:23:28</t>
  </si>
  <si>
    <t>10.200.66.77</t>
  </si>
  <si>
    <t>D0-94-66-B5-4E-6C</t>
  </si>
  <si>
    <t>VOTORANT-YB014</t>
  </si>
  <si>
    <t>12/24/2019 13:22:01</t>
  </si>
  <si>
    <t>12/24/2019 13:22:39</t>
  </si>
  <si>
    <t>12/24/2019 13:22:43</t>
  </si>
  <si>
    <t>12/24/2019 13:22:45</t>
  </si>
  <si>
    <t>12/24/2019 13:22:48</t>
  </si>
  <si>
    <t>12/24/2019 13:22:50</t>
  </si>
  <si>
    <t>12/24/2019 13:22:51</t>
  </si>
  <si>
    <t>12/24/2019 13:20:35</t>
  </si>
  <si>
    <t>12/24/2019 13:19:47</t>
  </si>
  <si>
    <t>12/24/2019 13:24:27</t>
  </si>
  <si>
    <t>12/24/2019 13:20:47</t>
  </si>
  <si>
    <t>12/24/2019 13:22:26</t>
  </si>
  <si>
    <t>12/24/2019 13:26:27</t>
  </si>
  <si>
    <t>12/24/2019 08:05:11</t>
  </si>
  <si>
    <t>481c8803-8b0b-40ec-8746-0834046edf31.tmp</t>
  </si>
  <si>
    <t>\\acsfs\profiles$\larissaad\Downloads\481c8803-8b0b-40ec-8746-0834046edf31.tmp</t>
  </si>
  <si>
    <t>12/24/2019 08:05:12</t>
  </si>
  <si>
    <t>7f0fe76e-d16e-41b8-a6fa-9c1c56556a60.tmp</t>
  </si>
  <si>
    <t>\\acsfs\profiles$\larissaad\Downloads\7f0fe76e-d16e-41b8-a6fa-9c1c56556a60.tmp</t>
  </si>
  <si>
    <t>12/24/2019 08:17:14</t>
  </si>
  <si>
    <t>7d0e6fed-c071-4960-8cb3-280395770614.tmp</t>
  </si>
  <si>
    <t>\\acsfs\profiles$\larissaad\Downloads\7d0e6fed-c071-4960-8cb3-280395770614.tmp</t>
  </si>
  <si>
    <t>12/24/2019 08:21:16</t>
  </si>
  <si>
    <t>cb4864ba-b401-4312-bab0-fe4be11b4e51.tmp</t>
  </si>
  <si>
    <t>\\acsfs\profiles$\larissaad\Downloads\cb4864ba-b401-4312-bab0-fe4be11b4e51.tmp</t>
  </si>
  <si>
    <t>12/24/2019 10:11:09</t>
  </si>
  <si>
    <t>12/24/2019 10:32:42</t>
  </si>
  <si>
    <t>5b5c717f-cbe7-4552-be64-63c77501ae20.tmp</t>
  </si>
  <si>
    <t>\\acsfs\profiles$\larissaad\Downloads\5b5c717f-cbe7-4552-be64-63c77501ae20.tmp</t>
  </si>
  <si>
    <t>12/24/2019 10:35:50</t>
  </si>
  <si>
    <t>12/24/2019 10:35:55</t>
  </si>
  <si>
    <t>12/24/2019 10:36:25</t>
  </si>
  <si>
    <t>12/24/2019 13:23:17</t>
  </si>
  <si>
    <t>12/24/2019 13:25:26</t>
  </si>
  <si>
    <t>12/24/2019 13:27:27</t>
  </si>
  <si>
    <t>12/24/2019 13:25:27</t>
  </si>
  <si>
    <t>lu313042pyqie.tmp</t>
  </si>
  <si>
    <t>\\acsfs\profiles$\LUCASBS\lu313042pyqie.tmp</t>
  </si>
  <si>
    <t>\\acsfs\profiles$\LUCASBS\lu313042pyqie.tmp\</t>
  </si>
  <si>
    <t>\\acsfs\profiles$\LUCASBS\lu313042pyqie.tmp\META-INF\</t>
  </si>
  <si>
    <t>\\acsfs\profiles$\LUCASBS\lu313042pyqie.tmp\Thumbnails\</t>
  </si>
  <si>
    <t>12/24/2019 13:24:59</t>
  </si>
  <si>
    <t>12/24/2019 13:25:00</t>
  </si>
  <si>
    <t>lu1370411sse0.tmp</t>
  </si>
  <si>
    <t>\\acsfs\profiles$\FLAVIOJMM\My Documents\lu1370411sse0.tmp</t>
  </si>
  <si>
    <t>\\acsfs\profiles$\FLAVIOJMM\My Documents\lu1370411sse0.tmp\</t>
  </si>
  <si>
    <t>\\acsfs\profiles$\FLAVIOJMM\My Documents\lu1370411sse0.tmp\META-INF\</t>
  </si>
  <si>
    <t>\\acsfs\profiles$\FLAVIOJMM\My Documents\lu1370411sse0.tmp\Thumbnails\</t>
  </si>
  <si>
    <t>12/24/2019 13:24:49</t>
  </si>
  <si>
    <t>12/24/2019 13:24:51</t>
  </si>
  <si>
    <t>lu382525c3d0t.tmp</t>
  </si>
  <si>
    <t>\\acsfs\profiles$\ISABELLEGTDS\Nova pasta\lu382525c3d0t.tmp</t>
  </si>
  <si>
    <t>\\acsfs\profiles$\ISABELLEGTDS\Nova pasta\lu382525c3d0t.tmp\</t>
  </si>
  <si>
    <t>\\acsfs\profiles$\ISABELLEGTDS\Nova pasta\lu382525c3d0t.tmp\META-INF\</t>
  </si>
  <si>
    <t>\\acsfs\profiles$\ISABELLEGTDS\Nova pasta\lu382525c3d0t.tmp\Thumbnails\</t>
  </si>
  <si>
    <t>12/24/2019 13:22:55</t>
  </si>
  <si>
    <t>12/24/2019 13:28:28</t>
  </si>
  <si>
    <t>12/24/2019 13:22:57</t>
  </si>
  <si>
    <t>12/24/2019 13:22:58</t>
  </si>
  <si>
    <t>12/24/2019 13:22:59</t>
  </si>
  <si>
    <t>12/24/2019 13:23:00</t>
  </si>
  <si>
    <t>12/24/2019 13:23:01</t>
  </si>
  <si>
    <t>12/24/2019 13:23:04</t>
  </si>
  <si>
    <t>12/24/2019 13:23:05</t>
  </si>
  <si>
    <t>12/24/2019 13:23:07</t>
  </si>
  <si>
    <t>12/24/2019 13:23:08</t>
  </si>
  <si>
    <t>12/24/2019 13:23:09</t>
  </si>
  <si>
    <t>12/24/2019 13:23:11</t>
  </si>
  <si>
    <t>12/24/2019 13:23:12</t>
  </si>
  <si>
    <t>12/24/2019 13:23:14</t>
  </si>
  <si>
    <t>12/24/2019 13:23:19</t>
  </si>
  <si>
    <t>12/24/2019 13:23:20</t>
  </si>
  <si>
    <t>12/24/2019 13:23:21</t>
  </si>
  <si>
    <t>12/24/2019 13:23:22</t>
  </si>
  <si>
    <t>12/24/2019 13:23:24</t>
  </si>
  <si>
    <t>12/24/2019 13:23:25</t>
  </si>
  <si>
    <t>12/24/2019 13:23:27</t>
  </si>
  <si>
    <t>12/24/2019 13:23:29</t>
  </si>
  <si>
    <t>12/24/2019 13:23:31</t>
  </si>
  <si>
    <t>12/24/2019 13:23:32</t>
  </si>
  <si>
    <t>12/24/2019 13:23:34</t>
  </si>
  <si>
    <t>12/24/2019 13:23:35</t>
  </si>
  <si>
    <t>12/24/2019 13:23:36</t>
  </si>
  <si>
    <t>12/24/2019 13:23:37</t>
  </si>
  <si>
    <t>12/24/2019 13:23:39</t>
  </si>
  <si>
    <t>12/24/2019 13:23:41</t>
  </si>
  <si>
    <t>12/24/2019 13:24:03</t>
  </si>
  <si>
    <t>12/24/2019 13:26:28</t>
  </si>
  <si>
    <t>12/24/2019 13:25:47</t>
  </si>
  <si>
    <t>12/24/2019 13:29:27</t>
  </si>
  <si>
    <t>12/24/2019 13:26:47</t>
  </si>
  <si>
    <t>12/24/2019 13:28:19</t>
  </si>
  <si>
    <t>12/24/2019 13:30:28</t>
  </si>
  <si>
    <t>12/24/2019 13:28:20</t>
  </si>
  <si>
    <t>12/24/2019 13:29:18</t>
  </si>
  <si>
    <t>12/24/2019 13:31:27</t>
  </si>
  <si>
    <t>Edcarlos Dias Lima_1_6771511585747829342_1_32.wav</t>
  </si>
  <si>
    <t>\\acsfs\Deptos\EDUCACAO EMPRESARIAL\FERNANDA MONIT\Ligação para Mutant terceiro Ciclo\Edcarlos Dias Lima_1_6771511585747829342_1_32.wav</t>
  </si>
  <si>
    <t>12/24/2019 13:32:13</t>
  </si>
  <si>
    <t>12/24/2019 13:33:27</t>
  </si>
  <si>
    <t>5e995c86-c577-4f3b-a591-57db1b0812b0.tmp</t>
  </si>
  <si>
    <t>\\acsfs\profiles$\brendadsl\Downloads\5e995c86-c577-4f3b-a591-57db1b0812b0.tmp</t>
  </si>
  <si>
    <t>12/24/2019 13:30:30</t>
  </si>
  <si>
    <t>12/24/2019 13:30:32</t>
  </si>
  <si>
    <t>lu245041ih4c0.tmp</t>
  </si>
  <si>
    <t>\\acsfs\profiles$\jonatanls\My Documents\lu245041ih4c0.tmp</t>
  </si>
  <si>
    <t>12/24/2019 13:29:09</t>
  </si>
  <si>
    <t>12/24/2019 13:31:47</t>
  </si>
  <si>
    <t>12/24/2019 13:34:27</t>
  </si>
  <si>
    <t>12/24/2019 13:32:47</t>
  </si>
  <si>
    <t>12/24/2019 13:30:43</t>
  </si>
  <si>
    <t>f91639c6-2421-4f11-9599-8e2437ace581.tmp</t>
  </si>
  <si>
    <t>\\acsfs\profiles$\gabrielamdp\Downloads\f91639c6-2421-4f11-9599-8e2437ace581.tmp</t>
  </si>
  <si>
    <t>12/24/2019 13:30:44</t>
  </si>
  <si>
    <t>7c607563-e6a3-40d9-b587-41620c6f3639.tmp</t>
  </si>
  <si>
    <t>\\acsfs\profiles$\gabrielamdp\Downloads\7c607563-e6a3-40d9-b587-41620c6f3639.tmp</t>
  </si>
  <si>
    <t>12/24/2019 13:30:53</t>
  </si>
  <si>
    <t>dfa6dee8-d443-463e-85d6-9ed4c824f7da.tmp</t>
  </si>
  <si>
    <t>\\acsfs\profiles$\gabrielamdp\Downloads\dfa6dee8-d443-463e-85d6-9ed4c824f7da.tmp</t>
  </si>
  <si>
    <t>12/24/2019 13:33:01</t>
  </si>
  <si>
    <t>https://trc.taboola.com/segredosdomundo-segredosdomundo/log/3/perf?route=us:us:v&amp;lti=move-to-non-responsive_var</t>
  </si>
  <si>
    <t>12/24/2019 13:34:45</t>
  </si>
  <si>
    <t>12/24/2019 13:37:27</t>
  </si>
  <si>
    <t>12/24/2019 13:34:46</t>
  </si>
  <si>
    <t>lu313042pyqij.tmp</t>
  </si>
  <si>
    <t>\\acsfs\profiles$\LUCASBS\lu313042pyqij.tmp</t>
  </si>
  <si>
    <t>\\acsfs\profiles$\LUCASBS\lu313042pyqij.tmp\</t>
  </si>
  <si>
    <t>\\acsfs\profiles$\LUCASBS\lu313042pyqij.tmp\META-INF\</t>
  </si>
  <si>
    <t>\\acsfs\profiles$\LUCASBS\lu313042pyqij.tmp\Thumbnails\</t>
  </si>
  <si>
    <t>12/24/2019 13:34:48</t>
  </si>
  <si>
    <t>12/24/2019 13:34:49</t>
  </si>
  <si>
    <t>lu1370411sse6.tmp</t>
  </si>
  <si>
    <t>\\acsfs\profiles$\FLAVIOJMM\My Documents\lu1370411sse6.tmp</t>
  </si>
  <si>
    <t>\\acsfs\profiles$\FLAVIOJMM\My Documents\lu1370411sse6.tmp\</t>
  </si>
  <si>
    <t>\\acsfs\profiles$\FLAVIOJMM\My Documents\lu1370411sse6.tmp\META-INF\</t>
  </si>
  <si>
    <t>\\acsfs\profiles$\FLAVIOJMM\My Documents\lu1370411sse6.tmp\Thumbnails\</t>
  </si>
  <si>
    <t>12/24/2019 13:37:47</t>
  </si>
  <si>
    <t>12/24/2019 13:39:27</t>
  </si>
  <si>
    <t>12/24/2019 13:38:47</t>
  </si>
  <si>
    <t>12/24/2019 13:37:59</t>
  </si>
  <si>
    <t>12/24/2019 13:42:27</t>
  </si>
  <si>
    <t>78fd2181-7a26-44dd-bbb6-0b4234c00770.tmp</t>
  </si>
  <si>
    <t>\\acsfs\profiles$\milenaas\Downloads\78fd2181-7a26-44dd-bbb6-0b4234c00770.tmp</t>
  </si>
  <si>
    <t>12/24/2019 13:38:15</t>
  </si>
  <si>
    <t>00414ae2-e74b-462e-9d64-457e4bd7f61d.tmp</t>
  </si>
  <si>
    <t>\\acsfs\profiles$\milenaas\Downloads\00414ae2-e74b-462e-9d64-457e4bd7f61d.tmp</t>
  </si>
  <si>
    <t>12/24/2019 13:38:51</t>
  </si>
  <si>
    <t>6cbfbb6f-fe67-45f7-9ca6-187453a28299.tmp</t>
  </si>
  <si>
    <t>\\acsfs\profiles$\milenaas\Downloads\6cbfbb6f-fe67-45f7-9ca6-187453a28299.tmp</t>
  </si>
  <si>
    <t>12/24/2019 13:42:11</t>
  </si>
  <si>
    <t>12/24/2019 13:43:27</t>
  </si>
  <si>
    <t>12/24/2019 13:39:12</t>
  </si>
  <si>
    <t>12/24/2019 13:44:27</t>
  </si>
  <si>
    <t>12/24/2019 13:43:47</t>
  </si>
  <si>
    <t>12/24/2019 13:43:11</t>
  </si>
  <si>
    <t>12/24/2019 13:41:18</t>
  </si>
  <si>
    <t>12/24/2019 13:45:27</t>
  </si>
  <si>
    <t>12/24/2019 13:41:38</t>
  </si>
  <si>
    <t>12/24/2019 13:45:07</t>
  </si>
  <si>
    <t>12/24/2019 13:47:26</t>
  </si>
  <si>
    <t>72314aed-cd2f-4a53-bc6d-f110c382c3fc.tmp</t>
  </si>
  <si>
    <t>\\acsfs\profiles$\andrezacapf\Downloads\72314aed-cd2f-4a53-bc6d-f110c382c3fc.tmp</t>
  </si>
  <si>
    <t>12/24/2019 13:45:21</t>
  </si>
  <si>
    <t>12/24/2019 13:48:27</t>
  </si>
  <si>
    <t>58483017-8633-48d1-9fb2-1576c5f4f827.tmp</t>
  </si>
  <si>
    <t>\\acsfs\profiles$\jalilebds\Downloads\58483017-8633-48d1-9fb2-1576c5f4f827.tmp</t>
  </si>
  <si>
    <t>12/24/2019 13:45:30</t>
  </si>
  <si>
    <t>Unconfirmed 894348.crdownload</t>
  </si>
  <si>
    <t>\\acsfs\profiles$\jalilebds\Downloads\Unconfirmed 894348.crdownload</t>
  </si>
  <si>
    <t>12/24/2019 13:46:05</t>
  </si>
  <si>
    <t>3d7249ef-16b2-4784-8246-81e34c2adcef.tmp</t>
  </si>
  <si>
    <t>\\acsfs\profiles$\jalilebds\Downloads\3d7249ef-16b2-4784-8246-81e34c2adcef.tmp</t>
  </si>
  <si>
    <t>12/24/2019 13:46:14</t>
  </si>
  <si>
    <t>Unconfirmed 666907.crdownload</t>
  </si>
  <si>
    <t>\\acsfs\profiles$\jalilebds\Downloads\Unconfirmed 666907.crdownload</t>
  </si>
  <si>
    <t>12/24/2019 13:46:29</t>
  </si>
  <si>
    <t>ea661c5b-38ed-4cd9-b22b-6325a815d02c.tmp</t>
  </si>
  <si>
    <t>\\acsfs\profiles$\jalilebds\Downloads\ea661c5b-38ed-4cd9-b22b-6325a815d02c.tmp</t>
  </si>
  <si>
    <t>12/24/2019 13:46:34</t>
  </si>
  <si>
    <t>Unconfirmed 858673.crdownload</t>
  </si>
  <si>
    <t>\\acsfs\profiles$\jalilebds\Downloads\Unconfirmed 858673.crdownload</t>
  </si>
  <si>
    <t>12/24/2019 13:44:47</t>
  </si>
  <si>
    <t>12/24/2019 13:49:26</t>
  </si>
  <si>
    <t>12/24/2019 13:49:38</t>
  </si>
  <si>
    <t>12/24/2019 13:50:27</t>
  </si>
  <si>
    <t>12/24/2019 13:49:47</t>
  </si>
  <si>
    <t>12/24/2019 13:48:08</t>
  </si>
  <si>
    <t>12/24/2019 13:51:27</t>
  </si>
  <si>
    <t>anapscl@algartech.com;annalfg@algartech.com;celianasdn@algartech.com.br;elencassiapo@algartech.com;fabiolacc@algartecnologia.com.br;fredericobs@algartecnologia.com.br;micheless@algartech.com.br;priscilalb@algartech.com;rafaelaas@algartech.com;</t>
  </si>
  <si>
    <t>anapscl@algartech.com,annalfg@algartech.com,celianasdn@algartech.com.br,elencassiapo@algartech.com,fabiolacc@algartecnologia.com.br,fredericobs@algartecnologia.com.br,micheless@algartech.com.br,priscilalb@algartech.com,rafaelaas@algartech.com</t>
  </si>
  <si>
    <t>12/24/2019 13:48:25</t>
  </si>
  <si>
    <t>12/24/2019 13:52:26</t>
  </si>
  <si>
    <t>10.200.67.220</t>
  </si>
  <si>
    <t>D0-94-66-B5-4C-06</t>
  </si>
  <si>
    <t>VOTORANT-SB016</t>
  </si>
  <si>
    <t>12/24/2019 13:47:05</t>
  </si>
  <si>
    <t>12/24/2019 13:47:06</t>
  </si>
  <si>
    <t>lu313042pyqis.tmp</t>
  </si>
  <si>
    <t>\\acsfs\profiles$\LUCASBS\lu313042pyqis.tmp</t>
  </si>
  <si>
    <t>\\acsfs\profiles$\LUCASBS\lu313042pyqis.tmp\</t>
  </si>
  <si>
    <t>\\acsfs\profiles$\LUCASBS\lu313042pyqis.tmp\META-INF\</t>
  </si>
  <si>
    <t>12/24/2019 13:48:03</t>
  </si>
  <si>
    <t>12/24/2019 13:48:24</t>
  </si>
  <si>
    <t>lu1802411yufw.tmp</t>
  </si>
  <si>
    <t>\\acsfs\profiles$\CLAUDIAJCA\lu1802411yufw.tmp</t>
  </si>
  <si>
    <t>\\acsfs\profiles$\CLAUDIAJCA\lu1802411yufw.tmp\</t>
  </si>
  <si>
    <t>\\acsfs\profiles$\CLAUDIAJCA\lu1802411yufw.tmp\META-INF\</t>
  </si>
  <si>
    <t>\\acsfs\profiles$\LUCASBS\lu313042pyqis.tmp\Thumbnails\</t>
  </si>
  <si>
    <t>12/24/2019 13:47:12</t>
  </si>
  <si>
    <t>12/24/2019 13:47:13</t>
  </si>
  <si>
    <t>lu313042pyqix.tmp</t>
  </si>
  <si>
    <t>\\acsfs\profiles$\LUCASBS\lu313042pyqix.tmp</t>
  </si>
  <si>
    <t>\\acsfs\profiles$\CLAUDIAJCA\lu1802411yufw.tmp\Thumbnails\</t>
  </si>
  <si>
    <t>\\acsfs\profiles$\LUCASBS\lu313042pyqix.tmp\</t>
  </si>
  <si>
    <t>\\acsfs\profiles$\LUCASBS\lu313042pyqix.tmp\META-INF\</t>
  </si>
  <si>
    <t>\\acsfs\profiles$\LUCASBS\lu313042pyqix.tmp\Thumbnails\</t>
  </si>
  <si>
    <t>12/24/2019 13:51:57</t>
  </si>
  <si>
    <t>12/24/2019 13:53:27</t>
  </si>
  <si>
    <t>lu245041ih4ce.tmp</t>
  </si>
  <si>
    <t>\\acsfs\profiles$\jonatanls\My Documents\lu245041ih4ce.tmp</t>
  </si>
  <si>
    <t>12/24/2019 13:54:26</t>
  </si>
  <si>
    <t>12/24/2019 13:50:47</t>
  </si>
  <si>
    <t>12/24/2019 13:55:27</t>
  </si>
  <si>
    <t>12/24/2019 13:53:54</t>
  </si>
  <si>
    <t>12/24/2019 13:56:26</t>
  </si>
  <si>
    <t>f291c7dd-469c-4c88-a5fb-20ff0300e6b1.tmp</t>
  </si>
  <si>
    <t>\\acsfs\profiles$\quindaizaagds\Downloads\f291c7dd-469c-4c88-a5fb-20ff0300e6b1.tmp</t>
  </si>
  <si>
    <t>12/24/2019 13:53:46</t>
  </si>
  <si>
    <t>12/24/2019 13:57:26</t>
  </si>
  <si>
    <t>12/24/2019 13:55:47</t>
  </si>
  <si>
    <t>12/24/2019 13:59:26</t>
  </si>
  <si>
    <t>12/24/2019 13:56:47</t>
  </si>
  <si>
    <t>12/24/2019 13:58:34</t>
  </si>
  <si>
    <t>12/24/2019 14:00:26</t>
  </si>
  <si>
    <t>12/24/2019 13:59:01</t>
  </si>
  <si>
    <t>12/24/2019 14:01:29</t>
  </si>
  <si>
    <t>12/24/2019 14:02:27</t>
  </si>
  <si>
    <t>09ab2b39-77b1-4fa2-8610-4b492b8f90ea.tmp</t>
  </si>
  <si>
    <t>\\acsfs\profiles$\vivianealda\Downloads\09ab2b39-77b1-4fa2-8610-4b492b8f90ea.tmp</t>
  </si>
  <si>
    <t>12/24/2019 14:01:38</t>
  </si>
  <si>
    <t>12/24/2019 14:03:26</t>
  </si>
  <si>
    <t>12/24/2019 14:01:47</t>
  </si>
  <si>
    <t>12/24/2019 14:04:27</t>
  </si>
  <si>
    <t>12/24/2019 14:02:47</t>
  </si>
  <si>
    <t>12/24/2019 14:01:04</t>
  </si>
  <si>
    <t>12/24/2019 14:05:26</t>
  </si>
  <si>
    <t>https://udpmailboxap01/h/search?si=0&amp;so=0&amp;sc=52705&amp;sfi=6&amp;st=message&amp;action=compose</t>
  </si>
  <si>
    <t>12/24/2019 14:01:05</t>
  </si>
  <si>
    <t>12/24/2019 14:02:24</t>
  </si>
  <si>
    <t>12/24/2019 14:03:58</t>
  </si>
  <si>
    <t>12/24/2019 14:06:27</t>
  </si>
  <si>
    <t>12/24/2019 14:04:55</t>
  </si>
  <si>
    <t>12/24/2019 14:07:26</t>
  </si>
  <si>
    <t>12/24/2019 14:04:56</t>
  </si>
  <si>
    <t>lu1370411sseq.tmp</t>
  </si>
  <si>
    <t>\\acsfs\profiles$\FLAVIOJMM\My Documents\lu1370411sseq.tmp</t>
  </si>
  <si>
    <t>\\acsfs\profiles$\FLAVIOJMM\My Documents\lu1370411sseq.tmp\</t>
  </si>
  <si>
    <t>\\acsfs\profiles$\FLAVIOJMM\My Documents\lu1370411sseq.tmp\META-INF\</t>
  </si>
  <si>
    <t>\\acsfs\profiles$\FLAVIOJMM\My Documents\lu1370411sseq.tmp\Thumbnails\</t>
  </si>
  <si>
    <t>12/24/2019 14:06:41</t>
  </si>
  <si>
    <t>https://udpmailboxap01.acs.com.br:8443/h/search?si=0&amp;so=0&amp;sc=52709&amp;sfi=2&amp;st=conversation&amp;action=compose&amp;paction=paneview</t>
  </si>
  <si>
    <t>ellencds@bv.algartech.com;</t>
  </si>
  <si>
    <t>https://ellencds@bv.algartech.com</t>
  </si>
  <si>
    <t>12/24/2019 14:06:48</t>
  </si>
  <si>
    <t>12/24/2019 14:06:12</t>
  </si>
  <si>
    <t>12/24/2019 14:08:27</t>
  </si>
  <si>
    <t>12/24/2019 14:07:16</t>
  </si>
  <si>
    <t>12/24/2019 14:07:17</t>
  </si>
  <si>
    <t>12/24/2019 14:07:18</t>
  </si>
  <si>
    <t>12/24/2019 14:07:23</t>
  </si>
  <si>
    <t>12/24/2019 14:07:24</t>
  </si>
  <si>
    <t>12/24/2019 14:04:16</t>
  </si>
  <si>
    <t>12/24/2019 14:04:17</t>
  </si>
  <si>
    <t>12/24/2019 14:04:18</t>
  </si>
  <si>
    <t>12/24/2019 14:04:19</t>
  </si>
  <si>
    <t>12/24/2019 14:04:20</t>
  </si>
  <si>
    <t>12/24/2019 14:04:21</t>
  </si>
  <si>
    <t>12/24/2019 14:04:22</t>
  </si>
  <si>
    <t>12/24/2019 14:04:23</t>
  </si>
  <si>
    <t>12/24/2019 14:04:24</t>
  </si>
  <si>
    <t>12/24/2019 14:04:25</t>
  </si>
  <si>
    <t>12/24/2019 14:04:26</t>
  </si>
  <si>
    <t>12/24/2019 14:04:28</t>
  </si>
  <si>
    <t>12/24/2019 14:04:29</t>
  </si>
  <si>
    <t>12/24/2019 14:04:30</t>
  </si>
  <si>
    <t>12/24/2019 14:04:31</t>
  </si>
  <si>
    <t>12/24/2019 14:04:32</t>
  </si>
  <si>
    <t>12/24/2019 14:04:33</t>
  </si>
  <si>
    <t>12/24/2019 14:04:34</t>
  </si>
  <si>
    <t>12/24/2019 14:04:35</t>
  </si>
  <si>
    <t>12/24/2019 14:04:36</t>
  </si>
  <si>
    <t>12/24/2019 14:04:37</t>
  </si>
  <si>
    <t>12/24/2019 14:04:38</t>
  </si>
  <si>
    <t>12/24/2019 14:04:39</t>
  </si>
  <si>
    <t>12/24/2019 14:04:40</t>
  </si>
  <si>
    <t>12/24/2019 14:04:41</t>
  </si>
  <si>
    <t>12/24/2019 14:05:49</t>
  </si>
  <si>
    <t>5fd7af8e-a277-4eea-861b-1b98e15aec16.tmp</t>
  </si>
  <si>
    <t>\\acsfs\profiles$\marcosvnds\Downloads\5fd7af8e-a277-4eea-861b-1b98e15aec16.tmp</t>
  </si>
  <si>
    <t>12/24/2019 14:07:47</t>
  </si>
  <si>
    <t>12/24/2019 14:09:26</t>
  </si>
  <si>
    <t>12/24/2019 14:08:47</t>
  </si>
  <si>
    <t>12/24/2019 14:05:10</t>
  </si>
  <si>
    <t>\\acsfs\profiles$\regisadsa\My Documents\Download.pdf</t>
  </si>
  <si>
    <t>12/24/2019 14:05:55</t>
  </si>
  <si>
    <t>12/24/2019 14:10:27</t>
  </si>
  <si>
    <t>12/24/2019 14:09:49</t>
  </si>
  <si>
    <t>\\acsfs\DEPTOS\Operacao\Banco_Votorantim\Comum\00 - COMUM - BV CARTÕES\</t>
  </si>
  <si>
    <t>\\acsfs\DEPTOS\Operacao\Banco_Votorantim\Comum\00 - COMUM - BV CARTÕES\EQUIPE MARIANA\Thumbs.db</t>
  </si>
  <si>
    <t>12/24/2019 14:11:37</t>
  </si>
  <si>
    <t>12/24/2019 14:12:27</t>
  </si>
  <si>
    <t>12/24/2019 14:11:38</t>
  </si>
  <si>
    <t>lu1370411ssew.tmp</t>
  </si>
  <si>
    <t>\\acsfs\profiles$\FLAVIOJMM\My Documents\lu1370411ssew.tmp</t>
  </si>
  <si>
    <t>\\acsfs\profiles$\FLAVIOJMM\My Documents\lu1370411ssew.tmp\</t>
  </si>
  <si>
    <t>\\acsfs\profiles$\FLAVIOJMM\My Documents\lu1370411ssew.tmp\META-INF\</t>
  </si>
  <si>
    <t>\\acsfs\profiles$\FLAVIOJMM\My Documents\lu1370411ssew.tmp\Thumbnails\</t>
  </si>
  <si>
    <t>12/24/2019 14:13:27</t>
  </si>
  <si>
    <t>12/24/2019 14:07:25</t>
  </si>
  <si>
    <t>12/24/2019 14:07:27</t>
  </si>
  <si>
    <t>12/24/2019 14:07:28</t>
  </si>
  <si>
    <t>12/24/2019 14:07:29</t>
  </si>
  <si>
    <t>12/24/2019 14:07:30</t>
  </si>
  <si>
    <t>12/24/2019 14:07:31</t>
  </si>
  <si>
    <t>12/24/2019 14:07:32</t>
  </si>
  <si>
    <t>12/24/2019 14:07:33</t>
  </si>
  <si>
    <t>12/24/2019 14:07:34</t>
  </si>
  <si>
    <t>12/24/2019 14:07:35</t>
  </si>
  <si>
    <t>12/24/2019 14:07:36</t>
  </si>
  <si>
    <t>12/24/2019 14:07:37</t>
  </si>
  <si>
    <t>12/24/2019 14:07:38</t>
  </si>
  <si>
    <t>12/24/2019 14:07:39</t>
  </si>
  <si>
    <t>12/24/2019 14:07:40</t>
  </si>
  <si>
    <t>12/24/2019 14:07:41</t>
  </si>
  <si>
    <t>12/24/2019 14:07:42</t>
  </si>
  <si>
    <t>12/24/2019 14:07:44</t>
  </si>
  <si>
    <t>\\acsfs\profiles$\georgendsq\My Documents\dbxwc\</t>
  </si>
  <si>
    <t>\\acsfs\profiles$\georgendsq\My Documents\dbxwc\dbxwc.xwc</t>
  </si>
  <si>
    <t>10.200.67.104</t>
  </si>
  <si>
    <t>D0-94-66-B5-7C-75</t>
  </si>
  <si>
    <t>VOTORANT-ZB016</t>
  </si>
  <si>
    <t>12/24/2019 14:12:43</t>
  </si>
  <si>
    <t>12/24/2019 14:14:27</t>
  </si>
  <si>
    <t>100029219261351;</t>
  </si>
  <si>
    <t>https://100029219261351</t>
  </si>
  <si>
    <t>12/24/2019 14:13:47</t>
  </si>
  <si>
    <t>12/24/2019 14:13:06</t>
  </si>
  <si>
    <t>12/24/2019 14:13:05</t>
  </si>
  <si>
    <t>12/24/2019 14:15:26</t>
  </si>
  <si>
    <t>2b1b3b77-9ac7-4693-ad84-b0e5cb3bec5b.tmp</t>
  </si>
  <si>
    <t>\\acsfs\profiles$\alessandraan\Downloads\2b1b3b77-9ac7-4693-ad84-b0e5cb3bec5b.tmp</t>
  </si>
  <si>
    <t>12/24/2019 14:11:28</t>
  </si>
  <si>
    <t>12/24/2019 14:16:27</t>
  </si>
  <si>
    <t>d24844c6-b2ce-4224-9ec5-9c038b63a43a.tmp</t>
  </si>
  <si>
    <t>\\acsfs\profiles$\quindaizaagds\Downloads\d24844c6-b2ce-4224-9ec5-9c038b63a43a.tmp</t>
  </si>
  <si>
    <t>12/24/2019 14:14:23</t>
  </si>
  <si>
    <t>12/24/2019 14:17:26</t>
  </si>
  <si>
    <t>\\acsfs\ACS\001 - Qualidade Lilian\PAULO\FAROL DE QUALIDADE\DEZEMBRO\</t>
  </si>
  <si>
    <t>Não confirmado 209700.crdownload</t>
  </si>
  <si>
    <t>\\acsfs\ACS\001 - Qualidade Lilian\PAULO\FAROL DE QUALIDADE\DEZEMBRO\Não confirmado 209700.crdownload</t>
  </si>
  <si>
    <t>\\acsfs\ACS\001 - Qualidade Lilian\PAULO\FAROL DE QUALIDADE\DEZEMBRO\DIMENSIONAMENTO.xlsx:Zone.Identifier</t>
  </si>
  <si>
    <t>12/24/2019 14:15:42</t>
  </si>
  <si>
    <t>12/24/2019 14:15:43</t>
  </si>
  <si>
    <t>12/24/2019 14:14:52</t>
  </si>
  <si>
    <t>12/24/2019 14:14:53</t>
  </si>
  <si>
    <t>lu313042pyqj6.tmp</t>
  </si>
  <si>
    <t>\\acsfs\profiles$\LUCASBS\lu313042pyqj6.tmp</t>
  </si>
  <si>
    <t>\\acsfs\profiles$\LUCASBS\lu313042pyqj6.tmp\</t>
  </si>
  <si>
    <t>\\acsfs\profiles$\LUCASBS\lu313042pyqj6.tmp\META-INF\</t>
  </si>
  <si>
    <t>\\acsfs\profiles$\LUCASBS\lu313042pyqj6.tmp\Thumbnails\</t>
  </si>
  <si>
    <t>12/24/2019 14:14:55</t>
  </si>
  <si>
    <t>12/24/2019 14:14:56</t>
  </si>
  <si>
    <t>lu313042pyqjb.tmp</t>
  </si>
  <si>
    <t>\\acsfs\profiles$\LUCASBS\lu313042pyqjb.tmp</t>
  </si>
  <si>
    <t>\\acsfs\profiles$\LUCASBS\lu313042pyqjb.tmp\</t>
  </si>
  <si>
    <t>\\acsfs\profiles$\LUCASBS\lu313042pyqjb.tmp\META-INF\</t>
  </si>
  <si>
    <t>\\acsfs\profiles$\LUCASBS\lu313042pyqjb.tmp\Thumbnails\</t>
  </si>
  <si>
    <t>12/24/2019 14:17:21</t>
  </si>
  <si>
    <t>12/24/2019 14:18:27</t>
  </si>
  <si>
    <t>lu245041ih4cs.tmp</t>
  </si>
  <si>
    <t>\\acsfs\profiles$\jonatanls\My Documents\lu245041ih4cs.tmp</t>
  </si>
  <si>
    <t>12/24/2019 14:15:06</t>
  </si>
  <si>
    <t>12/24/2019 14:15:07</t>
  </si>
  <si>
    <t>12/24/2019 14:15:10</t>
  </si>
  <si>
    <t>12/24/2019 14:15:11</t>
  </si>
  <si>
    <t>12/24/2019 14:15:12</t>
  </si>
  <si>
    <t>12/24/2019 14:15:13</t>
  </si>
  <si>
    <t>12/24/2019 14:15:14</t>
  </si>
  <si>
    <t>12/24/2019 14:15:15</t>
  </si>
  <si>
    <t>12/24/2019 14:15:16</t>
  </si>
  <si>
    <t>12/24/2019 14:15:17</t>
  </si>
  <si>
    <t>12/24/2019 14:15:18</t>
  </si>
  <si>
    <t>12/24/2019 14:15:19</t>
  </si>
  <si>
    <t>12/24/2019 14:15:20</t>
  </si>
  <si>
    <t>12/24/2019 14:15:21</t>
  </si>
  <si>
    <t>12/24/2019 14:15:22</t>
  </si>
  <si>
    <t>12/24/2019 14:15:23</t>
  </si>
  <si>
    <t>12/24/2019 14:15:24</t>
  </si>
  <si>
    <t>12/24/2019 14:15:28</t>
  </si>
  <si>
    <t>12/24/2019 14:15:29</t>
  </si>
  <si>
    <t>12/24/2019 14:15:30</t>
  </si>
  <si>
    <t>12/24/2019 14:15:31</t>
  </si>
  <si>
    <t>12/24/2019 14:15:32</t>
  </si>
  <si>
    <t>12/24/2019 14:15:33</t>
  </si>
  <si>
    <t>12/24/2019 14:15:34</t>
  </si>
  <si>
    <t>12/24/2019 14:15:35</t>
  </si>
  <si>
    <t>12/24/2019 14:15:36</t>
  </si>
  <si>
    <t>12/24/2019 14:15:37</t>
  </si>
  <si>
    <t>12/24/2019 14:15:38</t>
  </si>
  <si>
    <t>12/24/2019 14:15:39</t>
  </si>
  <si>
    <t>12/24/2019 14:15:41</t>
  </si>
  <si>
    <t>12/24/2019 14:15:44</t>
  </si>
  <si>
    <t>12/24/2019 14:16:02</t>
  </si>
  <si>
    <t>12/24/2019 14:16:20</t>
  </si>
  <si>
    <t>12/24/2019 14:16:37</t>
  </si>
  <si>
    <t>e0067ec0-6244-4b74-9d1e-7bce457db89b.tmp</t>
  </si>
  <si>
    <t>\\acsfs\profiles$\matheusmax\Downloads\e0067ec0-6244-4b74-9d1e-7bce457db89b.tmp</t>
  </si>
  <si>
    <t>12/24/2019 14:16:46</t>
  </si>
  <si>
    <t>Não confirmado 777621.crdownload</t>
  </si>
  <si>
    <t>\\acsfs\profiles$\matheusmax\Downloads\Não confirmado 777621.crdownload</t>
  </si>
  <si>
    <t>12/24/2019 14:16:30</t>
  </si>
  <si>
    <t>12/24/2019 14:16:48</t>
  </si>
  <si>
    <t>33381a64-8219-416d-b8cb-bc8cecbd3654.tmp</t>
  </si>
  <si>
    <t>\\acsfs\profiles$\matheusmax\Downloads\33381a64-8219-416d-b8cb-bc8cecbd3654.tmp</t>
  </si>
  <si>
    <t>12/24/2019 14:17:15</t>
  </si>
  <si>
    <t>ab215148-82b7-4aae-b9b6-e78ce93a9197.tmp</t>
  </si>
  <si>
    <t>\\acsfs\profiles$\matheusmax\Downloads\ab215148-82b7-4aae-b9b6-e78ce93a9197.tmp</t>
  </si>
  <si>
    <t>12/24/2019 14:16:08</t>
  </si>
  <si>
    <t>12/24/2019 14:14:48</t>
  </si>
  <si>
    <t>12/24/2019 14:19:26</t>
  </si>
  <si>
    <t>12/24/2019 14:19:16</t>
  </si>
  <si>
    <t>12/24/2019 14:22:27</t>
  </si>
  <si>
    <t>12/24/2019 14:19:17</t>
  </si>
  <si>
    <t>12/24/2019 14:19:18</t>
  </si>
  <si>
    <t>12/24/2019 14:19:19</t>
  </si>
  <si>
    <t>12/24/2019 14:19:21</t>
  </si>
  <si>
    <t>12/24/2019 14:19:22</t>
  </si>
  <si>
    <t>12/24/2019 14:19:23</t>
  </si>
  <si>
    <t>12/24/2019 14:19:24</t>
  </si>
  <si>
    <t>12/24/2019 14:19:25</t>
  </si>
  <si>
    <t>12/24/2019 14:19:27</t>
  </si>
  <si>
    <t>12/24/2019 14:19:28</t>
  </si>
  <si>
    <t>12/24/2019 14:19:29</t>
  </si>
  <si>
    <t>12/24/2019 14:19:30</t>
  </si>
  <si>
    <t>12/24/2019 14:19:31</t>
  </si>
  <si>
    <t>12/24/2019 14:19:32</t>
  </si>
  <si>
    <t>12/24/2019 14:19:33</t>
  </si>
  <si>
    <t>12/24/2019 14:19:34</t>
  </si>
  <si>
    <t>12/24/2019 14:19:35</t>
  </si>
  <si>
    <t>12/24/2019 14:19:36</t>
  </si>
  <si>
    <t>12/24/2019 14:19:38</t>
  </si>
  <si>
    <t>12/24/2019 14:19:43</t>
  </si>
  <si>
    <t>12/24/2019 14:19:45</t>
  </si>
  <si>
    <t>12/24/2019 14:19:46</t>
  </si>
  <si>
    <t>12/24/2019 14:19:47</t>
  </si>
  <si>
    <t>12/24/2019 14:19:48</t>
  </si>
  <si>
    <t>12/24/2019 14:19:49</t>
  </si>
  <si>
    <t>12/24/2019 14:19:51</t>
  </si>
  <si>
    <t>12/24/2019 14:19:53</t>
  </si>
  <si>
    <t>12/24/2019 14:16:53</t>
  </si>
  <si>
    <t>12/24/2019 14:19:55</t>
  </si>
  <si>
    <t>12/24/2019 14:19:57</t>
  </si>
  <si>
    <t>12/24/2019 14:19:58</t>
  </si>
  <si>
    <t>12/24/2019 14:19:59</t>
  </si>
  <si>
    <t>12/24/2019 14:20:00</t>
  </si>
  <si>
    <t>12/24/2019 14:20:01</t>
  </si>
  <si>
    <t>12/24/2019 14:20:02</t>
  </si>
  <si>
    <t>12/24/2019 14:20:04</t>
  </si>
  <si>
    <t>12/24/2019 14:20:25</t>
  </si>
  <si>
    <t>12/24/2019 14:17:43</t>
  </si>
  <si>
    <t>fernandofs</t>
  </si>
  <si>
    <t>\\acsfs\profiles$\fernandofs\Downloads\</t>
  </si>
  <si>
    <t>7d38d4a2-4a29-40b2-a7cd-d6e2b2c056cb.tmp</t>
  </si>
  <si>
    <t>\\acsfs\profiles$\fernandofs\Downloads\7d38d4a2-4a29-40b2-a7cd-d6e2b2c056cb.tmp</t>
  </si>
  <si>
    <t>12/24/2019 14:21:11</t>
  </si>
  <si>
    <t>12/24/2019 14:18:05</t>
  </si>
  <si>
    <t>12/24/2019 14:21:33</t>
  </si>
  <si>
    <t>12/24/2019 14:24:27</t>
  </si>
  <si>
    <t>12/24/2019 14:20:48</t>
  </si>
  <si>
    <t>12/24/2019 14:24:56</t>
  </si>
  <si>
    <t>12/24/2019 14:25:27</t>
  </si>
  <si>
    <t>XLOG_stefaniasdf_16122019_145004.log</t>
  </si>
  <si>
    <t>\\acsfs\profiles$\stefaniasdf\My Documents\xworkcenter\logs\XLOG_stefaniasdf_16122019_145004.log</t>
  </si>
  <si>
    <t>\\acsfs\profiles$\stefaniasdf\My Documents\xworkcenter\logs\wrapper.log</t>
  </si>
  <si>
    <t>12/24/2019 14:21:58</t>
  </si>
  <si>
    <t>12/24/2019 14:26:27</t>
  </si>
  <si>
    <t>12/24/2019 14:22:08</t>
  </si>
  <si>
    <t>12/24/2019 14:21:22</t>
  </si>
  <si>
    <t>2eb98ea4-c0b1-42ce-8a05-c3cb144e36cb.tmp</t>
  </si>
  <si>
    <t>\\acsfs\profiles$\gabrieleods\Downloads\2eb98ea4-c0b1-42ce-8a05-c3cb144e36cb.tmp</t>
  </si>
  <si>
    <t>12/24/2019 14:21:48</t>
  </si>
  <si>
    <t>12/24/2019 14:22:59</t>
  </si>
  <si>
    <t>\\acsfs\profiles$\philipegsf\My Documents\My Pictures\</t>
  </si>
  <si>
    <t>\\acsfs\profiles$\philipegsf\My Documents\My Videos\desktop.ini</t>
  </si>
  <si>
    <t>12/24/2019 14:23:01</t>
  </si>
  <si>
    <t>\\acsfs\profiles$\philipegsf\My Documents\My Videos\</t>
  </si>
  <si>
    <t>12/24/2019 14:23:02</t>
  </si>
  <si>
    <t>12/24/2019 14:23:04</t>
  </si>
  <si>
    <t>12/24/2019 14:23:05</t>
  </si>
  <si>
    <t>12/24/2019 14:23:06</t>
  </si>
  <si>
    <t>\\acsfs\profiles$\philipegsf\My Documents\My Music\</t>
  </si>
  <si>
    <t>\\acsfs\profiles$\philipegsf\My Documents\My Pictures\desktop.ini</t>
  </si>
  <si>
    <t>12/24/2019 14:23:08</t>
  </si>
  <si>
    <t>12/24/2019 14:23:10</t>
  </si>
  <si>
    <t>12/24/2019 14:23:11</t>
  </si>
  <si>
    <t>12/24/2019 14:23:12</t>
  </si>
  <si>
    <t>12/24/2019 14:23:15</t>
  </si>
  <si>
    <t>\\acsfs\profiles$\philipegsf\Contacts\</t>
  </si>
  <si>
    <t>\\acsfs\profiles$\philipegsf\Contacts\desktop.ini</t>
  </si>
  <si>
    <t>12/24/2019 14:23:17</t>
  </si>
  <si>
    <t>12/24/2019 14:23:18</t>
  </si>
  <si>
    <t>12/24/2019 14:23:19</t>
  </si>
  <si>
    <t>12/24/2019 14:23:22</t>
  </si>
  <si>
    <t>12/24/2019 14:23:24</t>
  </si>
  <si>
    <t>12/24/2019 14:23:26</t>
  </si>
  <si>
    <t>\\acsfs\profiles$\philipegsf\My Documents\</t>
  </si>
  <si>
    <t>\\acsfs\profiles$\philipegsf\Favorites\desktop.ini</t>
  </si>
  <si>
    <t>12/24/2019 14:23:27</t>
  </si>
  <si>
    <t>12/24/2019 14:23:29</t>
  </si>
  <si>
    <t>12/24/2019 14:23:31</t>
  </si>
  <si>
    <t>12/24/2019 14:23:32</t>
  </si>
  <si>
    <t>12/24/2019 14:23:33</t>
  </si>
  <si>
    <t>12/24/2019 14:23:34</t>
  </si>
  <si>
    <t>\\acsfs\profiles$\philipegsf\My Documents\My Music\desktop.ini</t>
  </si>
  <si>
    <t>12/24/2019 14:23:35</t>
  </si>
  <si>
    <t>12/24/2019 14:23:36</t>
  </si>
  <si>
    <t>12/24/2019 14:23:37</t>
  </si>
  <si>
    <t>12/24/2019 14:23:38</t>
  </si>
  <si>
    <t>12/24/2019 14:23:40</t>
  </si>
  <si>
    <t>\\acsfs\profiles$\philipegsf\Searches\</t>
  </si>
  <si>
    <t>\\acsfs\profiles$\philipegsf\Searches\desktop.ini</t>
  </si>
  <si>
    <t>12/24/2019 14:23:41</t>
  </si>
  <si>
    <t>12/24/2019 14:23:42</t>
  </si>
  <si>
    <t>12/24/2019 14:23:43</t>
  </si>
  <si>
    <t>12/24/2019 14:23:44</t>
  </si>
  <si>
    <t>\\acsfs\profiles$\philipegsf\Downloads\desktop.ini</t>
  </si>
  <si>
    <t>12/24/2019 14:23:45</t>
  </si>
  <si>
    <t>12/24/2019 14:23:46</t>
  </si>
  <si>
    <t>\\acsfs\profiles$\philipegsf\Favorites\</t>
  </si>
  <si>
    <t>\\acsfs\profiles$\philipegsf\My Documents\desktop.ini</t>
  </si>
  <si>
    <t>12/24/2019 14:23:47</t>
  </si>
  <si>
    <t>12/24/2019 14:23:48</t>
  </si>
  <si>
    <t>12/24/2019 14:23:49</t>
  </si>
  <si>
    <t>12/24/2019 14:23:50</t>
  </si>
  <si>
    <t>12/24/2019 14:23:52</t>
  </si>
  <si>
    <t>\\acsfs\profiles$\philipegsf\Saved Games\desktop.ini</t>
  </si>
  <si>
    <t>12/24/2019 14:23:53</t>
  </si>
  <si>
    <t>12/24/2019 14:24:15</t>
  </si>
  <si>
    <t>winrt--{S-1-5-21-602162358-764733703-839522115-352965}-.searchconnector-ms</t>
  </si>
  <si>
    <t>\\acsfs\profiles$\philipegsf\Searches\winrt--{S-1-5-21-602162358-764733703-839522115-352965}-.searchconnector-ms</t>
  </si>
  <si>
    <t>12/24/2019 14:25:48</t>
  </si>
  <si>
    <t>12/24/2019 14:29:26</t>
  </si>
  <si>
    <t>12/24/2019 14:26:48</t>
  </si>
  <si>
    <t>12/24/2019 14:28:39</t>
  </si>
  <si>
    <t>12/24/2019 14:30:27</t>
  </si>
  <si>
    <t>12/24/2019 14:26:45</t>
  </si>
  <si>
    <t>12/24/2019 14:31:26</t>
  </si>
  <si>
    <t>f8a247dc-92c2-40a4-b897-00ecb44f46c4.tmp</t>
  </si>
  <si>
    <t>\\acsfs\profiles$\fabianafv\Downloads\f8a247dc-92c2-40a4-b897-00ecb44f46c4.tmp</t>
  </si>
  <si>
    <t>12/24/2019 14:28:20</t>
  </si>
  <si>
    <t>4d948933-7196-418d-92db-466e580142ff.tmp</t>
  </si>
  <si>
    <t>\\acsfs\profiles$\fabianafv\Downloads\4d948933-7196-418d-92db-466e580142ff.tmp</t>
  </si>
  <si>
    <t>12/24/2019 14:27:03</t>
  </si>
  <si>
    <t>12/24/2019 14:26:05</t>
  </si>
  <si>
    <t>ae8c461f-32f5-428c-86e1-9bc55ece7454.tmp</t>
  </si>
  <si>
    <t>\\acsfs\profiles$\philipegsf\Downloads\ae8c461f-32f5-428c-86e1-9bc55ece7454.tmp</t>
  </si>
  <si>
    <t>12/24/2019 14:27:52</t>
  </si>
  <si>
    <t>334ebdbd-364d-4dd2-a940-fbc343b77d65.tmp</t>
  </si>
  <si>
    <t>\\acsfs\profiles$\philipegsf\Downloads\334ebdbd-364d-4dd2-a940-fbc343b77d65.tmp</t>
  </si>
  <si>
    <t>12/24/2019 14:31:48</t>
  </si>
  <si>
    <t>12/24/2019 14:34:27</t>
  </si>
  <si>
    <t>12/24/2019 14:32:48</t>
  </si>
  <si>
    <t>12/24/2019 14:32:49</t>
  </si>
  <si>
    <t>$ILL4TIP.pdf</t>
  </si>
  <si>
    <t>\\acsfs\profiles$\regisadsa\My Documents\$RECYCLE.BIN\$ILL4TIP.pdf</t>
  </si>
  <si>
    <t>12/24/2019 14:32:10</t>
  </si>
  <si>
    <t>12/24/2019 14:36:27</t>
  </si>
  <si>
    <t>12/24/2019 14:32:51</t>
  </si>
  <si>
    <t>12/24/2019 14:37:27</t>
  </si>
  <si>
    <t>10.200.67.3</t>
  </si>
  <si>
    <t>12/24/2019 14:33:04</t>
  </si>
  <si>
    <t>12/24/2019 14:34:49</t>
  </si>
  <si>
    <t>12/24/2019 14:34:50</t>
  </si>
  <si>
    <t>lu313042pyqjg.tmp</t>
  </si>
  <si>
    <t>\\acsfs\profiles$\LUCASBS\lu313042pyqjg.tmp</t>
  </si>
  <si>
    <t>\\acsfs\profiles$\LUCASBS\lu313042pyqjg.tmp\</t>
  </si>
  <si>
    <t>\\acsfs\profiles$\LUCASBS\lu313042pyqjg.tmp\META-INF\</t>
  </si>
  <si>
    <t>\\acsfs\profiles$\LUCASBS\lu313042pyqjg.tmp\Thumbnails\</t>
  </si>
  <si>
    <t>12/24/2019 14:33:58</t>
  </si>
  <si>
    <t>12/24/2019 14:38:28</t>
  </si>
  <si>
    <t>12/24/2019 14:35:58</t>
  </si>
  <si>
    <t>12/24/2019 14:40:27</t>
  </si>
  <si>
    <t>12/24/2019 14:36:56</t>
  </si>
  <si>
    <t>12/24/2019 14:42:27</t>
  </si>
  <si>
    <t>12/24/2019 14:37:33</t>
  </si>
  <si>
    <t>12/24/2019 14:37:34</t>
  </si>
  <si>
    <t>lu1370411ssf6.tmp</t>
  </si>
  <si>
    <t>\\acsfs\profiles$\FLAVIOJMM\My Documents\lu1370411ssf6.tmp</t>
  </si>
  <si>
    <t>\\acsfs\profiles$\FLAVIOJMM\My Documents\lu1370411ssf6.tmp\</t>
  </si>
  <si>
    <t>\\acsfs\profiles$\FLAVIOJMM\My Documents\lu1370411ssf6.tmp\META-INF\</t>
  </si>
  <si>
    <t>\\acsfs\profiles$\FLAVIOJMM\My Documents\lu1370411ssf6.tmp\Thumbnails\</t>
  </si>
  <si>
    <t>12/24/2019 14:41:09</t>
  </si>
  <si>
    <t>12/24/2019 14:41:10</t>
  </si>
  <si>
    <t>lu382525c3d1m.tmp</t>
  </si>
  <si>
    <t>\\acsfs\profiles$\ISABELLEGTDS\Nova pasta\lu382525c3d1m.tmp</t>
  </si>
  <si>
    <t>\\acsfs\profiles$\ISABELLEGTDS\Nova pasta\lu382525c3d1m.tmp\</t>
  </si>
  <si>
    <t>\\acsfs\profiles$\ISABELLEGTDS\Nova pasta\lu382525c3d1m.tmp\META-INF\</t>
  </si>
  <si>
    <t>\\acsfs\profiles$\ISABELLEGTDS\Nova pasta\lu382525c3d1m.tmp\Thumbnails\</t>
  </si>
  <si>
    <t>12/24/2019 14:41:33</t>
  </si>
  <si>
    <t>12/24/2019 14:43:27</t>
  </si>
  <si>
    <t>\\acsfs\profiles$\ayalabfi\Contacts\</t>
  </si>
  <si>
    <t>AYALA BORBA FILHO (28145).contact</t>
  </si>
  <si>
    <t>\\acsfs\profiles$\ayalabfi\Contacts\AYALA BORBA FILHO (28145).contact</t>
  </si>
  <si>
    <t>12/24/2019 14:41:50</t>
  </si>
  <si>
    <t>\\acsfs\profiles$\ayalabfi\My Documents\My Videos\</t>
  </si>
  <si>
    <t>\\acsfs\profiles$\ayalabfi\My Documents\My Videos\desktop.ini</t>
  </si>
  <si>
    <t>12/24/2019 14:41:51</t>
  </si>
  <si>
    <t>12/24/2019 14:41:52</t>
  </si>
  <si>
    <t>\\acsfs\profiles$\ayalabfi\My Documents\My Pictures\</t>
  </si>
  <si>
    <t>\\acsfs\profiles$\ayalabfi\My Documents\My Pictures\desktop.ini</t>
  </si>
  <si>
    <t>12/24/2019 14:41:55</t>
  </si>
  <si>
    <t>\\acsfs\profiles$\ayalabfi\Contacts\desktop.ini</t>
  </si>
  <si>
    <t>12/24/2019 14:41:56</t>
  </si>
  <si>
    <t>12/24/2019 14:41:57</t>
  </si>
  <si>
    <t>\\acsfs\profiles$\ayalabfi\Favorites\</t>
  </si>
  <si>
    <t>\\acsfs\profiles$\ayalabfi\Favorites\desktop.ini</t>
  </si>
  <si>
    <t>12/24/2019 14:41:58</t>
  </si>
  <si>
    <t>\\acsfs\profiles$\ayalabfi\My Documents\My Music\</t>
  </si>
  <si>
    <t>\\acsfs\profiles$\ayalabfi\My Documents\My Music\desktop.ini</t>
  </si>
  <si>
    <t>12/24/2019 14:41:59</t>
  </si>
  <si>
    <t>12/24/2019 14:42:00</t>
  </si>
  <si>
    <t>12/24/2019 14:42:01</t>
  </si>
  <si>
    <t>\\acsfs\profiles$\ayalabfi\Searches\</t>
  </si>
  <si>
    <t>\\acsfs\profiles$\ayalabfi\Searches\desktop.ini</t>
  </si>
  <si>
    <t>12/24/2019 14:42:02</t>
  </si>
  <si>
    <t>\\acsfs\profiles$\ayalabfi\Downloads\desktop.ini</t>
  </si>
  <si>
    <t>12/24/2019 14:42:03</t>
  </si>
  <si>
    <t>\\acsfs\profiles$\ayalabfi\My Documents\</t>
  </si>
  <si>
    <t>\\acsfs\profiles$\ayalabfi\My Documents\desktop.ini</t>
  </si>
  <si>
    <t>12/24/2019 14:42:04</t>
  </si>
  <si>
    <t>12/24/2019 14:42:05</t>
  </si>
  <si>
    <t>\\acsfs\profiles$\ayalabfi\Saved Games\</t>
  </si>
  <si>
    <t>\\acsfs\profiles$\ayalabfi\Saved Games\desktop.ini</t>
  </si>
  <si>
    <t>12/24/2019 14:42:35</t>
  </si>
  <si>
    <t>\\acsfs\profiles$\ayalabfi\Favorites\Links for Brasil\</t>
  </si>
  <si>
    <t>\\acsfs\profiles$\ayalabfi\Favorites\Links for Brasil\desktop.ini</t>
  </si>
  <si>
    <t>12/24/2019 14:42:38</t>
  </si>
  <si>
    <t>\\acsfs\profiles$\ayalabfi\Favorites\Links for Brasil\Microsoft Brasil.url</t>
  </si>
  <si>
    <t>\\acsfs\profiles$\ayalabfi\Favorites\Links for Brasil\Windows Brasil.url</t>
  </si>
  <si>
    <t>12/24/2019 14:42:39</t>
  </si>
  <si>
    <t>\\acsfs\profiles$\ayalabfi\Favorites\Links for Brasil\MSN Brasil.url</t>
  </si>
  <si>
    <t>12/24/2019 14:40:51</t>
  </si>
  <si>
    <t>12/24/2019 14:44:27</t>
  </si>
  <si>
    <t>6a200dcc-4f7e-43a4-a464-74c6bb21806e.tmp</t>
  </si>
  <si>
    <t>\\acsfs\profiles$\nayarasds\Downloads\6a200dcc-4f7e-43a4-a464-74c6bb21806e.tmp</t>
  </si>
  <si>
    <t>12/24/2019 14:40:23</t>
  </si>
  <si>
    <t>12/24/2019 14:40:24</t>
  </si>
  <si>
    <t>lu208202laf2g.tmp</t>
  </si>
  <si>
    <t>\\acsfs\profiles$\geovanaasa\My Documents\lu208202laf2g.tmp</t>
  </si>
  <si>
    <t>\\acsfs\profiles$\geovanaasa\My Documents\lu208202laf2g.tmp\</t>
  </si>
  <si>
    <t>\\acsfs\profiles$\geovanaasa\My Documents\lu208202laf2g.tmp\META-INF\</t>
  </si>
  <si>
    <t>\\acsfs\profiles$\geovanaasa\My Documents\lu208202laf2g.tmp\Thumbnails\</t>
  </si>
  <si>
    <t>12/24/2019 14:42:15</t>
  </si>
  <si>
    <t>12/24/2019 14:46:27</t>
  </si>
  <si>
    <t>d34eadb3-3a53-42ff-a8af-12d20580e75e.tmp</t>
  </si>
  <si>
    <t>\\acsfs\profiles$\fabianafv\Downloads\d34eadb3-3a53-42ff-a8af-12d20580e75e.tmp</t>
  </si>
  <si>
    <t>12/24/2019 14:44:45</t>
  </si>
  <si>
    <t>26fd4b03-8592-4307-9eb0-f09f6b6c9d6d.tmp</t>
  </si>
  <si>
    <t>\\acsfs\profiles$\fabianafv\Downloads\26fd4b03-8592-4307-9eb0-f09f6b6c9d6d.tmp</t>
  </si>
  <si>
    <t>12/24/2019 14:42:20</t>
  </si>
  <si>
    <t>12/24/2019 14:43:22</t>
  </si>
  <si>
    <t>12/24/2019 14:47:27</t>
  </si>
  <si>
    <t>12/24/2019 14:42:42</t>
  </si>
  <si>
    <t>12/24/2019 14:43:41</t>
  </si>
  <si>
    <t>12/24/2019 14:43:42</t>
  </si>
  <si>
    <t>lu313042pyqjl.tmp</t>
  </si>
  <si>
    <t>\\acsfs\profiles$\LUCASBS\lu313042pyqjl.tmp</t>
  </si>
  <si>
    <t>\\acsfs\profiles$\LUCASBS\lu313042pyqjl.tmp\</t>
  </si>
  <si>
    <t>\\acsfs\profiles$\LUCASBS\lu313042pyqjl.tmp\META-INF\</t>
  </si>
  <si>
    <t>\\acsfs\profiles$\LUCASBS\lu313042pyqjl.tmp\Thumbnails\</t>
  </si>
  <si>
    <t>12/24/2019 14:46:25</t>
  </si>
  <si>
    <t>12/24/2019 14:48:27</t>
  </si>
  <si>
    <t>12/24/2019 14:46:28</t>
  </si>
  <si>
    <t>12/24/2019 14:46:30</t>
  </si>
  <si>
    <t>12/24/2019 14:46:31</t>
  </si>
  <si>
    <t>12/24/2019 14:46:32</t>
  </si>
  <si>
    <t>12/24/2019 14:46:34</t>
  </si>
  <si>
    <t>12/24/2019 14:46:36</t>
  </si>
  <si>
    <t>12/24/2019 14:46:37</t>
  </si>
  <si>
    <t>12/24/2019 14:46:38</t>
  </si>
  <si>
    <t>12/24/2019 14:46:40</t>
  </si>
  <si>
    <t>12/24/2019 14:46:41</t>
  </si>
  <si>
    <t>12/24/2019 14:46:42</t>
  </si>
  <si>
    <t>12/24/2019 14:46:43</t>
  </si>
  <si>
    <t>12/24/2019 14:46:45</t>
  </si>
  <si>
    <t>12/24/2019 14:46:46</t>
  </si>
  <si>
    <t>12/24/2019 14:46:47</t>
  </si>
  <si>
    <t>12/24/2019 14:46:48</t>
  </si>
  <si>
    <t>12/24/2019 14:46:51</t>
  </si>
  <si>
    <t>12/24/2019 14:46:52</t>
  </si>
  <si>
    <t>12/24/2019 14:46:53</t>
  </si>
  <si>
    <t>12/24/2019 14:46:56</t>
  </si>
  <si>
    <t>12/24/2019 14:46:58</t>
  </si>
  <si>
    <t>12/24/2019 14:46:59</t>
  </si>
  <si>
    <t>12/24/2019 14:47:00</t>
  </si>
  <si>
    <t>12/24/2019 14:47:01</t>
  </si>
  <si>
    <t>12/24/2019 14:47:03</t>
  </si>
  <si>
    <t>12/24/2019 14:47:04</t>
  </si>
  <si>
    <t>12/24/2019 14:47:07</t>
  </si>
  <si>
    <t>12/24/2019 14:47:09</t>
  </si>
  <si>
    <t>12/24/2019 14:47:10</t>
  </si>
  <si>
    <t>12/24/2019 14:47:12</t>
  </si>
  <si>
    <t>12/24/2019 14:47:14</t>
  </si>
  <si>
    <t>12/24/2019 14:47:16</t>
  </si>
  <si>
    <t>12/24/2019 14:47:18</t>
  </si>
  <si>
    <t>12/24/2019 14:47:19</t>
  </si>
  <si>
    <t>12/24/2019 14:47:21</t>
  </si>
  <si>
    <t>12/24/2019 14:47:23</t>
  </si>
  <si>
    <t>12/24/2019 14:47:24</t>
  </si>
  <si>
    <t>12/24/2019 14:47:26</t>
  </si>
  <si>
    <t>12/24/2019 14:47:28</t>
  </si>
  <si>
    <t>12/24/2019 14:47:44</t>
  </si>
  <si>
    <t>winrt--{S-1-5-21-602162358-764733703-839522115-358569}-.searchconnector-ms</t>
  </si>
  <si>
    <t>\\acsfs\profiles$\anacms\Searches\winrt--{S-1-5-21-602162358-764733703-839522115-358569}-.searchconnector-ms</t>
  </si>
  <si>
    <t>12/24/2019 14:50:28</t>
  </si>
  <si>
    <t>12/24/2019 14:52:26</t>
  </si>
  <si>
    <t>12/24/2019 14:49:54</t>
  </si>
  <si>
    <t>12/24/2019 14:49:55</t>
  </si>
  <si>
    <t>lu313042pyqjq.tmp</t>
  </si>
  <si>
    <t>\\acsfs\profiles$\LUCASBS\lu313042pyqjq.tmp</t>
  </si>
  <si>
    <t>\\acsfs\profiles$\LUCASBS\lu313042pyqjq.tmp\</t>
  </si>
  <si>
    <t>\\acsfs\profiles$\LUCASBS\lu313042pyqjq.tmp\META-INF\</t>
  </si>
  <si>
    <t>\\acsfs\profiles$\LUCASBS\lu313042pyqjq.tmp\Thumbnails\</t>
  </si>
  <si>
    <t>12/24/2019 14:48:54</t>
  </si>
  <si>
    <t>12/24/2019 14:48:55</t>
  </si>
  <si>
    <t>lu382525c3d1r.tmp</t>
  </si>
  <si>
    <t>\\acsfs\profiles$\ISABELLEGTDS\Nova pasta\lu382525c3d1r.tmp</t>
  </si>
  <si>
    <t>\\acsfs\profiles$\ISABELLEGTDS\Nova pasta\lu382525c3d1r.tmp\</t>
  </si>
  <si>
    <t>\\acsfs\profiles$\ISABELLEGTDS\Nova pasta\lu382525c3d1r.tmp\META-INF\</t>
  </si>
  <si>
    <t>\\acsfs\profiles$\ISABELLEGTDS\Nova pasta\lu382525c3d1r.tmp\Thumbnails\</t>
  </si>
  <si>
    <t>12/24/2019 14:49:15</t>
  </si>
  <si>
    <t>.~lock.isabelle 24.12.ods#</t>
  </si>
  <si>
    <t>\\acsfs\profiles$\ISABELLEGTDS\Nova pasta\.~lock.isabelle 24.12.ods#</t>
  </si>
  <si>
    <t>12/24/2019 14:49:16</t>
  </si>
  <si>
    <t>lu382525c3d1w.tmp</t>
  </si>
  <si>
    <t>\\acsfs\profiles$\ISABELLEGTDS\Nova pasta\lu382525c3d1w.tmp</t>
  </si>
  <si>
    <t>\\acsfs\profiles$\ISABELLEGTDS\Nova pasta\lu382525c3d1w.tmp\</t>
  </si>
  <si>
    <t>\\acsfs\profiles$\ISABELLEGTDS\Nova pasta\lu382525c3d1w.tmp\META-INF\</t>
  </si>
  <si>
    <t>\\acsfs\profiles$\ISABELLEGTDS\Nova pasta\lu382525c3d1w.tmp\Thumbnails\</t>
  </si>
  <si>
    <t>12/24/2019 14:49:29</t>
  </si>
  <si>
    <t>12/24/2019 14:53:27</t>
  </si>
  <si>
    <t>10.200.67.106</t>
  </si>
  <si>
    <t>D0-94-66-B5-7F-97</t>
  </si>
  <si>
    <t>VOTORANT-SB018</t>
  </si>
  <si>
    <t>12/24/2019 14:52:03</t>
  </si>
  <si>
    <t>12/24/2019 14:57:27</t>
  </si>
  <si>
    <t>12/24/2019 14:52:04</t>
  </si>
  <si>
    <t>lu1802411yugl.tmp</t>
  </si>
  <si>
    <t>\\acsfs\profiles$\CLAUDIAJCA\lu1802411yugl.tmp</t>
  </si>
  <si>
    <t>\\acsfs\profiles$\CLAUDIAJCA\lu1802411yugl.tmp\</t>
  </si>
  <si>
    <t>\\acsfs\profiles$\CLAUDIAJCA\lu1802411yugl.tmp\META-INF\</t>
  </si>
  <si>
    <t>\\acsfs\profiles$\CLAUDIAJCA\lu1802411yugl.tmp\Thumbnails\</t>
  </si>
  <si>
    <t>12/24/2019 14:55:03</t>
  </si>
  <si>
    <t>12/24/2019 14:56:10</t>
  </si>
  <si>
    <t>\\acsfs\profiles$\gabrieleods\My Documents\Download.pdf</t>
  </si>
  <si>
    <t>12/24/2019 14:52:43</t>
  </si>
  <si>
    <t>12/24/2019 14:54:00</t>
  </si>
  <si>
    <t>12/24/2019 14:55:11</t>
  </si>
  <si>
    <t>12/24/2019 14:55:28</t>
  </si>
  <si>
    <t>12/24/2019 14:54:26</t>
  </si>
  <si>
    <t>12/24/2019 14:59:27</t>
  </si>
  <si>
    <t>032ce921-c6fb-4b45-88c5-32bcd2487d9d.tmp</t>
  </si>
  <si>
    <t>\\acsfs\profiles$\vivianibfs\Downloads\032ce921-c6fb-4b45-88c5-32bcd2487d9d.tmp</t>
  </si>
  <si>
    <t>12/24/2019 14:55:23</t>
  </si>
  <si>
    <t>ba14814a-f2d1-4490-8ef2-f8873b06b430.tmp</t>
  </si>
  <si>
    <t>\\acsfs\profiles$\vivianibfs\Downloads\ba14814a-f2d1-4490-8ef2-f8873b06b430.tmp</t>
  </si>
  <si>
    <t>12/24/2019 14:56:48</t>
  </si>
  <si>
    <t>d3888a3a-9354-4622-9c06-515c5b7b9a59.tmp</t>
  </si>
  <si>
    <t>\\acsfs\profiles$\vivianibfs\Downloads\d3888a3a-9354-4622-9c06-515c5b7b9a59.tmp</t>
  </si>
  <si>
    <t>12/24/2019 14:56:58</t>
  </si>
  <si>
    <t>0768494d-d806-4d95-9d25-469676ef59ee.tmp</t>
  </si>
  <si>
    <t>\\acsfs\profiles$\vivianibfs\Downloads\0768494d-d806-4d95-9d25-469676ef59ee.tmp</t>
  </si>
  <si>
    <t>12/24/2019 14:55:06</t>
  </si>
  <si>
    <t>12/24/2019 14:57:32</t>
  </si>
  <si>
    <t>12/24/2019 15:00:27</t>
  </si>
  <si>
    <t>12/24/2019 14:55:15</t>
  </si>
  <si>
    <t>12/24/2019 14:55:20</t>
  </si>
  <si>
    <t>12/24/2019 15:01:06</t>
  </si>
  <si>
    <t>12/24/2019 15:02:27</t>
  </si>
  <si>
    <t>45f38574-b38a-4426-95e7-54c859d2e4f2.tmp</t>
  </si>
  <si>
    <t>\\acsfs\profiles$\fernandofs\Downloads\45f38574-b38a-4426-95e7-54c859d2e4f2.tmp</t>
  </si>
  <si>
    <t>12/24/2019 15:00:08</t>
  </si>
  <si>
    <t>12/24/2019 15:00:09</t>
  </si>
  <si>
    <t>lu1802411yugq.tmp</t>
  </si>
  <si>
    <t>\\acsfs\profiles$\CLAUDIAJCA\lu1802411yugq.tmp</t>
  </si>
  <si>
    <t>\\acsfs\profiles$\CLAUDIAJCA\lu1802411yugq.tmp\</t>
  </si>
  <si>
    <t>\\acsfs\profiles$\CLAUDIAJCA\lu1802411yugq.tmp\META-INF\</t>
  </si>
  <si>
    <t>12/24/2019 15:00:07</t>
  </si>
  <si>
    <t>\\acsfs\profiles$\gabrieleods\My Documents\My Pictures\Capturar.PNG</t>
  </si>
  <si>
    <t>12/24/2019 15:01:28</t>
  </si>
  <si>
    <t>Capturar 1.PNG</t>
  </si>
  <si>
    <t>\\acsfs\profiles$\gabrieleods\My Documents\My Pictures\Capturar 1.PNG</t>
  </si>
  <si>
    <t>\\acsfs\profiles$\CLAUDIAJCA\lu1802411yugq.tmp\Thumbnails\</t>
  </si>
  <si>
    <t>12/24/2019 15:00:54</t>
  </si>
  <si>
    <t>12/24/2019 14:59:44</t>
  </si>
  <si>
    <t>12/24/2019 14:59:45</t>
  </si>
  <si>
    <t>lu313042pyqjv.tmp</t>
  </si>
  <si>
    <t>\\acsfs\profiles$\LUCASBS\lu313042pyqjv.tmp</t>
  </si>
  <si>
    <t>\\acsfs\profiles$\LUCASBS\lu313042pyqjv.tmp\</t>
  </si>
  <si>
    <t>\\acsfs\profiles$\LUCASBS\lu313042pyqjv.tmp\META-INF\</t>
  </si>
  <si>
    <t>\\acsfs\profiles$\LUCASBS\lu313042pyqjv.tmp\Thumbnails\</t>
  </si>
  <si>
    <t>12/24/2019 15:01:27</t>
  </si>
  <si>
    <t>.~lock.RENEG BV 23-12 (2).ods#</t>
  </si>
  <si>
    <t>\\acsfs\profiles$\LUCASBS\.~lock.RENEG BV 23-12 (2).ods#</t>
  </si>
  <si>
    <t>lu313042pyqk0.tmp</t>
  </si>
  <si>
    <t>\\acsfs\profiles$\LUCASBS\lu313042pyqk0.tmp</t>
  </si>
  <si>
    <t>\\acsfs\profiles$\LUCASBS\lu313042pyqk0.tmp\</t>
  </si>
  <si>
    <t>\\acsfs\profiles$\LUCASBS\lu313042pyqk0.tmp\META-INF\</t>
  </si>
  <si>
    <t>\\acsfs\profiles$\LUCASBS\lu313042pyqk0.tmp\Thumbnails\</t>
  </si>
  <si>
    <t>12/24/2019 14:57:47</t>
  </si>
  <si>
    <t>12/24/2019 14:57:48</t>
  </si>
  <si>
    <t>lu1370411ssfh.tmp</t>
  </si>
  <si>
    <t>\\acsfs\profiles$\FLAVIOJMM\My Documents\lu1370411ssfh.tmp</t>
  </si>
  <si>
    <t>\\acsfs\profiles$\FLAVIOJMM\My Documents\lu1370411ssfh.tmp\</t>
  </si>
  <si>
    <t>\\acsfs\profiles$\FLAVIOJMM\My Documents\lu1370411ssfh.tmp\META-INF\</t>
  </si>
  <si>
    <t>\\acsfs\profiles$\FLAVIOJMM\My Documents\lu1370411ssfh.tmp\Thumbnails\</t>
  </si>
  <si>
    <t>12/24/2019 15:02:12</t>
  </si>
  <si>
    <t>samanthadmr@algartech.com.br;williamcc@algartech.com.br;</t>
  </si>
  <si>
    <t>Lista de inativos</t>
  </si>
  <si>
    <t>Lista de Inativos.xls</t>
  </si>
  <si>
    <t>samanthadmr@algartech.com.br,williamcc@algartech.com.br</t>
  </si>
  <si>
    <t>12/24/2019 15:00:00</t>
  </si>
  <si>
    <t>12/24/2019 15:03:27</t>
  </si>
  <si>
    <t>\\acsfs\profiles$\brendavdoa\My Documents\Download.pdf</t>
  </si>
  <si>
    <t>12/24/2019 15:03:44</t>
  </si>
  <si>
    <t>12/24/2019 15:04:27</t>
  </si>
  <si>
    <t>12/24/2019 15:05:25</t>
  </si>
  <si>
    <t>12/24/2019 15:06:27</t>
  </si>
  <si>
    <t>12/24/2019 15:05:32</t>
  </si>
  <si>
    <t>12/24/2019 15:03:26</t>
  </si>
  <si>
    <t>12/24/2019 15:07:27</t>
  </si>
  <si>
    <t>Capturar2.PNG</t>
  </si>
  <si>
    <t>\\acsfs\profiles$\gabrieleods\My Documents\My Pictures\Capturar2.PNG</t>
  </si>
  <si>
    <t>12/24/2019 15:04:39</t>
  </si>
  <si>
    <t>Capturar3.PNG</t>
  </si>
  <si>
    <t>\\acsfs\profiles$\gabrieleods\My Documents\My Pictures\Capturar3.PNG</t>
  </si>
  <si>
    <t>12/24/2019 15:02:08</t>
  </si>
  <si>
    <t>12/24/2019 15:02:16</t>
  </si>
  <si>
    <t>12/24/2019 15:02:34</t>
  </si>
  <si>
    <t>12/24/2019 15:02:36</t>
  </si>
  <si>
    <t>lu313042pyqk5.tmp</t>
  </si>
  <si>
    <t>\\acsfs\profiles$\LUCASBS\lu313042pyqk5.tmp</t>
  </si>
  <si>
    <t>\\acsfs\profiles$\LUCASBS\lu313042pyqk5.tmp\</t>
  </si>
  <si>
    <t>\\acsfs\profiles$\LUCASBS\lu313042pyqk5.tmp\META-INF\</t>
  </si>
  <si>
    <t>\\acsfs\profiles$\LUCASBS\lu313042pyqk5.tmp\Thumbnails\</t>
  </si>
  <si>
    <t>12/24/2019 15:05:54</t>
  </si>
  <si>
    <t>12/24/2019 15:08:27</t>
  </si>
  <si>
    <t>12/24/2019 15:04:38</t>
  </si>
  <si>
    <t>12/24/2019 15:09:27</t>
  </si>
  <si>
    <t>12/24/2019 15:05:55</t>
  </si>
  <si>
    <t>12/24/2019 15:11:27</t>
  </si>
  <si>
    <t>39294c02-7596-4a21-bb67-77b769d58029.tmp</t>
  </si>
  <si>
    <t>\\acsfs\profiles$\quindaizaagds\Downloads\39294c02-7596-4a21-bb67-77b769d58029.tmp</t>
  </si>
  <si>
    <t>12/24/2019 15:06:18</t>
  </si>
  <si>
    <t>83e16220-fe89-470e-a060-067b21616f5e.tmp</t>
  </si>
  <si>
    <t>\\acsfs\profiles$\quindaizaagds\Downloads\83e16220-fe89-470e-a060-067b21616f5e.tmp</t>
  </si>
  <si>
    <t>12/24/2019 15:06:22</t>
  </si>
  <si>
    <t>a11d689f-9ed8-4902-aebd-860fed824e90.tmp</t>
  </si>
  <si>
    <t>\\acsfs\profiles$\quindaizaagds\Downloads\a11d689f-9ed8-4902-aebd-860fed824e90.tmp</t>
  </si>
  <si>
    <t>12/24/2019 15:09:32</t>
  </si>
  <si>
    <t>12/24/2019 15:08:00</t>
  </si>
  <si>
    <t>12/24/2019 15:12:27</t>
  </si>
  <si>
    <t>Capturar4.PNG</t>
  </si>
  <si>
    <t>\\acsfs\profiles$\gabrieleods\My Documents\My Pictures\Capturar4.PNG</t>
  </si>
  <si>
    <t>12/24/2019 15:08:39</t>
  </si>
  <si>
    <t>Capturar5.PNG</t>
  </si>
  <si>
    <t>\\acsfs\profiles$\gabrieleods\My Documents\My Pictures\Capturar5.PNG</t>
  </si>
  <si>
    <t>12/24/2019 15:07:13</t>
  </si>
  <si>
    <t>12/24/2019 15:07:49</t>
  </si>
  <si>
    <t>12/24/2019 15:11:24</t>
  </si>
  <si>
    <t>1805c039-15b6-47c7-b995-39299c37c30e.tmp</t>
  </si>
  <si>
    <t>\\acsfs\profiles$\erichds\Downloads\1805c039-15b6-47c7-b995-39299c37c30e.tmp</t>
  </si>
  <si>
    <t>12/24/2019 15:08:59</t>
  </si>
  <si>
    <t>12/24/2019 15:13:27</t>
  </si>
  <si>
    <t>12/24/2019 15:10:11</t>
  </si>
  <si>
    <t>12/24/2019 15:14:16</t>
  </si>
  <si>
    <t>12/24/2019 15:16:27</t>
  </si>
  <si>
    <t>e592d0b6-5d03-4693-9c54-cea86140228e.tmp</t>
  </si>
  <si>
    <t>\\acsfs\profiles$\fabianafv\Downloads\e592d0b6-5d03-4693-9c54-cea86140228e.tmp</t>
  </si>
  <si>
    <t>12/24/2019 15:10:59</t>
  </si>
  <si>
    <t>334d40f8-9e91-4279-9e3a-f955ede8db4c.tmp</t>
  </si>
  <si>
    <t>\\acsfs\profiles$\quindaizaagds\Downloads\334d40f8-9e91-4279-9e3a-f955ede8db4c.tmp</t>
  </si>
  <si>
    <t>12/24/2019 15:11:04</t>
  </si>
  <si>
    <t>f74a72f8-72f5-4428-b630-7eb030476f67.tmp</t>
  </si>
  <si>
    <t>\\acsfs\profiles$\quindaizaagds\Downloads\f74a72f8-72f5-4428-b630-7eb030476f67.tmp</t>
  </si>
  <si>
    <t>12/24/2019 15:15:15</t>
  </si>
  <si>
    <t>12/24/2019 15:17:28</t>
  </si>
  <si>
    <t>12/24/2019 15:13:37</t>
  </si>
  <si>
    <t>edf36af4-6663-42c1-9f5d-12b300650e1d.tmp</t>
  </si>
  <si>
    <t>\\acsfs\profiles$\erichds\Downloads\edf36af4-6663-42c1-9f5d-12b300650e1d.tmp</t>
  </si>
  <si>
    <t>12/24/2019 15:13:00</t>
  </si>
  <si>
    <t>12/24/2019 15:18:28</t>
  </si>
  <si>
    <t>12/24/2019 15:17:14</t>
  </si>
  <si>
    <t>3f2a087b-3427-459d-ba74-5a2d77545dc1.tmp</t>
  </si>
  <si>
    <t>\\acsfs\profiles$\marcosvnds\Downloads\3f2a087b-3427-459d-ba74-5a2d77545dc1.tmp</t>
  </si>
  <si>
    <t>12/24/2019 15:18:42</t>
  </si>
  <si>
    <t>12/24/2019 15:19:27</t>
  </si>
  <si>
    <t>12/24/2019 15:16:47</t>
  </si>
  <si>
    <t>12/24/2019 15:21:28</t>
  </si>
  <si>
    <t>12/24/2019 15:22:43</t>
  </si>
  <si>
    <t>12/24/2019 15:23:28</t>
  </si>
  <si>
    <t>12/24/2019 15:19:15</t>
  </si>
  <si>
    <t>10.200.66.106</t>
  </si>
  <si>
    <t>D0-94-66-B5-4E-78</t>
  </si>
  <si>
    <t>VOTORANT-ABB019</t>
  </si>
  <si>
    <t>12/24/2019 15:22:03</t>
  </si>
  <si>
    <t>12/24/2019 15:22:57</t>
  </si>
  <si>
    <t>425a2877-7f1f-4e01-8635-b8032ffeb6cc.tmp</t>
  </si>
  <si>
    <t>\\acsfs\profiles$\laurandos\Downloads\425a2877-7f1f-4e01-8635-b8032ffeb6cc.tmp</t>
  </si>
  <si>
    <t>12/24/2019 15:25:11</t>
  </si>
  <si>
    <t>12/24/2019 15:26:28</t>
  </si>
  <si>
    <t>12/24/2019 15:25:12</t>
  </si>
  <si>
    <t>lu1288412fvca.tmp</t>
  </si>
  <si>
    <t>\\acsfs\profiles$\KELLZYLENNEASR\My Documents\lu1288412fvca.tmp</t>
  </si>
  <si>
    <t>\\acsfs\profiles$\KELLZYLENNEASR\My Documents\lu1288412fvca.tmp\</t>
  </si>
  <si>
    <t>\\acsfs\profiles$\KELLZYLENNEASR\My Documents\lu1288412fvca.tmp\META-INF\</t>
  </si>
  <si>
    <t>\\acsfs\profiles$\KELLZYLENNEASR\My Documents\lu1288412fvca.tmp\Thumbnails\</t>
  </si>
  <si>
    <t>12/24/2019 15:24:41</t>
  </si>
  <si>
    <t>12/24/2019 15:28:28</t>
  </si>
  <si>
    <t>cbeac92f-52e1-49aa-91b6-95ad09c30b05.tmp</t>
  </si>
  <si>
    <t>\\acsfs\profiles$\laurandos\Downloads\cbeac92f-52e1-49aa-91b6-95ad09c30b05.tmp</t>
  </si>
  <si>
    <t>12/24/2019 15:27:54</t>
  </si>
  <si>
    <t>12/24/2019 15:29:29</t>
  </si>
  <si>
    <t>12/24/2019 15:30:09</t>
  </si>
  <si>
    <t>12/24/2019 15:31:29</t>
  </si>
  <si>
    <t>12/24/2019 15:29:50</t>
  </si>
  <si>
    <t>12/24/2019 15:33:29</t>
  </si>
  <si>
    <t>12/24/2019 15:31:22</t>
  </si>
  <si>
    <t>12/24/2019 15:34:28</t>
  </si>
  <si>
    <t>12/24/2019 15:34:19</t>
  </si>
  <si>
    <t>12/24/2019 15:35:29</t>
  </si>
  <si>
    <t>Pré auditoria.txt</t>
  </si>
  <si>
    <t>\\acsfs\profiles$\sarahbal\My Documents\Pré auditoria.txt</t>
  </si>
  <si>
    <t>12/24/2019 15:32:31</t>
  </si>
  <si>
    <t>12/24/2019 15:37:28</t>
  </si>
  <si>
    <t>12/24/2019 15:34:16</t>
  </si>
  <si>
    <t>12/24/2019 15:38:29</t>
  </si>
  <si>
    <t>12/24/2019 15:36:50</t>
  </si>
  <si>
    <t>12/24/2019 15:34:57</t>
  </si>
  <si>
    <t>12/24/2019 15:39:28</t>
  </si>
  <si>
    <t>12/24/2019 15:37:01</t>
  </si>
  <si>
    <t>12/24/2019 15:41:28</t>
  </si>
  <si>
    <t>5a117524-e7e0-4633-b245-f1e158699551.tmp</t>
  </si>
  <si>
    <t>\\acsfs\profiles$\deborahsi\Downloads\5a117524-e7e0-4633-b245-f1e158699551.tmp</t>
  </si>
  <si>
    <t>12/24/2019 15:40:29</t>
  </si>
  <si>
    <t>12/24/2019 15:42:29</t>
  </si>
  <si>
    <t>12/24/2019 15:43:04</t>
  </si>
  <si>
    <t>12/24/2019 15:43:28</t>
  </si>
  <si>
    <t>b178577a-5698-4e4d-a45e-c62f483b35b2.tmp</t>
  </si>
  <si>
    <t>\\acsfs\profiles$\laurandos\Downloads\b178577a-5698-4e4d-a45e-c62f483b35b2.tmp</t>
  </si>
  <si>
    <t>12/24/2019 15:43:00</t>
  </si>
  <si>
    <t>f49f292c-be9b-4054-8397-0c67a6c7d2a0.tmp</t>
  </si>
  <si>
    <t>\\acsfs\profiles$\paulohaf\Downloads\f49f292c-be9b-4054-8397-0c67a6c7d2a0.tmp</t>
  </si>
  <si>
    <t>12/24/2019 15:43:07</t>
  </si>
  <si>
    <t>1faceb59-c715-46eb-ad4f-f42eb71e1f1f.tmp</t>
  </si>
  <si>
    <t>\\acsfs\profiles$\paulohaf\Downloads\1faceb59-c715-46eb-ad4f-f42eb71e1f1f.tmp</t>
  </si>
  <si>
    <t>12/24/2019 15:40:39</t>
  </si>
  <si>
    <t>12/24/2019 15:44:28</t>
  </si>
  <si>
    <t>12/24/2019 15:41:37</t>
  </si>
  <si>
    <t>12/24/2019 15:41:10</t>
  </si>
  <si>
    <t>12/24/2019 15:42:43</t>
  </si>
  <si>
    <t>12/24/2019 15:42:51</t>
  </si>
  <si>
    <t>12/24/2019 15:43:46</t>
  </si>
  <si>
    <t>12/24/2019 15:42:52</t>
  </si>
  <si>
    <t>12/24/2019 15:45:28</t>
  </si>
  <si>
    <t>12/24/2019 15:42:00</t>
  </si>
  <si>
    <t>12/24/2019 15:47:28</t>
  </si>
  <si>
    <t>64d5f2cc-7568-4319-b602-0afea6ad68e0.tmp</t>
  </si>
  <si>
    <t>\\acsfs\profiles$\milenaas\Downloads\64d5f2cc-7568-4319-b602-0afea6ad68e0.tmp</t>
  </si>
  <si>
    <t>12/24/2019 15:44:47</t>
  </si>
  <si>
    <t>12/24/2019 15:42:06</t>
  </si>
  <si>
    <t>12/24/2019 15:43:43</t>
  </si>
  <si>
    <t>12/24/2019 15:48:28</t>
  </si>
  <si>
    <t>c6235ff9-c2fd-48c4-b563-87f5865e5dc8.tmp</t>
  </si>
  <si>
    <t>\\acsfs\profiles$\paulohaf\Downloads\c6235ff9-c2fd-48c4-b563-87f5865e5dc8.tmp</t>
  </si>
  <si>
    <t>12/24/2019 15:45:38</t>
  </si>
  <si>
    <t>a960ba0a-20d5-45d1-8602-c7a7369774d8.tmp</t>
  </si>
  <si>
    <t>\\acsfs\profiles$\paulohaf\Downloads\a960ba0a-20d5-45d1-8602-c7a7369774d8.tmp</t>
  </si>
  <si>
    <t>12/24/2019 15:47:27</t>
  </si>
  <si>
    <t>12/24/2019 15:49:28</t>
  </si>
  <si>
    <t>b6cd896a-16d3-40ac-9db4-771974683d60.tmp</t>
  </si>
  <si>
    <t>\\acsfs\profiles$\alinepp\Downloads\b6cd896a-16d3-40ac-9db4-771974683d60.tmp</t>
  </si>
  <si>
    <t>12/24/2019 15:44:42</t>
  </si>
  <si>
    <t>https://player.vimeo.com/add/player-stats?beacon=1&amp;session-id=8d1c82d5463b022e3e1f91f466e90eed948b92191577212896</t>
  </si>
  <si>
    <t>12/24/2019 15:48:30</t>
  </si>
  <si>
    <t>12/24/2019 15:47:43</t>
  </si>
  <si>
    <t>https://udpwfmniceap02/web/guest/home?p_auth=iiaug7h2&amp;p_p_id=58&amp;p_p_lifecycle=1&amp;p_p_state=maximized&amp;p_p_mode=view&amp;savelastpath=0&amp;_58_struts_action=/login/forgot_password</t>
  </si>
  <si>
    <t>12/24/2019 15:47:24</t>
  </si>
  <si>
    <t>12/24/2019 15:50:28</t>
  </si>
  <si>
    <t>12/24/2019 15:48:10</t>
  </si>
  <si>
    <t>12/24/2019 15:47:45</t>
  </si>
  <si>
    <t>12/24/2019 15:47:52</t>
  </si>
  <si>
    <t>12/24/2019 15:47:53</t>
  </si>
  <si>
    <t>12/24/2019 15:47:55</t>
  </si>
  <si>
    <t>12/24/2019 15:51:28</t>
  </si>
  <si>
    <t>12/24/2019 15:52:28</t>
  </si>
  <si>
    <t>12/24/2019 15:49:10</t>
  </si>
  <si>
    <t>12/24/2019 15:52:37</t>
  </si>
  <si>
    <t>12/24/2019 15:54:28</t>
  </si>
  <si>
    <t>12/24/2019 15:53:30</t>
  </si>
  <si>
    <t>12/24/2019 15:53:53</t>
  </si>
  <si>
    <t>12/24/2019 15:53:59</t>
  </si>
  <si>
    <t>12/24/2019 15:51:39</t>
  </si>
  <si>
    <t>$I6ATQG0.pdf</t>
  </si>
  <si>
    <t>\\acsfs\profiles$\regisadsa\My Documents\$RECYCLE.BIN\$I6ATQG0.pdf</t>
  </si>
  <si>
    <t>12/24/2019 15:51:02</t>
  </si>
  <si>
    <t>12/24/2019 15:55:27</t>
  </si>
  <si>
    <t>12/24/2019 15:53:32</t>
  </si>
  <si>
    <t>12/24/2019 15:56:32</t>
  </si>
  <si>
    <t>12/24/2019 15:57:27</t>
  </si>
  <si>
    <t>12/24/2019 15:55:02</t>
  </si>
  <si>
    <t>12/24/2019 15:59:28</t>
  </si>
  <si>
    <t>12/24/2019 15:56:04</t>
  </si>
  <si>
    <t>12/24/2019 16:00:27</t>
  </si>
  <si>
    <t>12/24/2019 15:57:40</t>
  </si>
  <si>
    <t>12/24/2019 15:59:00</t>
  </si>
  <si>
    <t>12/24/2019 16:02:27</t>
  </si>
  <si>
    <t>XLOG_tiagosno_24122019_075621.log</t>
  </si>
  <si>
    <t>\\acsfs\profiles$\tiagosno\My Documents\xworkcenter\logs\XLOG_tiagosno_24122019_075621.log</t>
  </si>
  <si>
    <t>12/24/2019 15:58:35</t>
  </si>
  <si>
    <t>1c67b897-5b4b-4bd1-9e7a-519b724be1f2.tmp</t>
  </si>
  <si>
    <t>\\acsfs\profiles$\gabrieleods\Downloads\1c67b897-5b4b-4bd1-9e7a-519b724be1f2.tmp</t>
  </si>
  <si>
    <t>12/24/2019 15:59:08</t>
  </si>
  <si>
    <t>86aba569-474a-48b7-8b55-7dc90bce67ab.tmp</t>
  </si>
  <si>
    <t>\\acsfs\profiles$\gabrieleods\Downloads\86aba569-474a-48b7-8b55-7dc90bce67ab.tmp</t>
  </si>
  <si>
    <t>12/24/2019 15:59:32</t>
  </si>
  <si>
    <t>12/24/2019 16:01:27</t>
  </si>
  <si>
    <t>12/24/2019 16:03:28</t>
  </si>
  <si>
    <t>XLOG_ellencds_24122019_081733.log</t>
  </si>
  <si>
    <t>\\acsfs\profiles$\ellencds\My Documents\xworkcenter\logs\XLOG_ellencds_24122019_081733.log</t>
  </si>
  <si>
    <t>12/24/2019 15:59:09</t>
  </si>
  <si>
    <t>12/24/2019 16:04:28</t>
  </si>
  <si>
    <t>12/24/2019 16:02:30</t>
  </si>
  <si>
    <t>12/24/2019 16:05:28</t>
  </si>
  <si>
    <t>12/24/2019 16:02:36</t>
  </si>
  <si>
    <t>c8363ea3-4e5c-4fdf-a43a-6067130f11b8.tmp</t>
  </si>
  <si>
    <t>\\acsfs\profiles$\valeriasda\Downloads\c8363ea3-4e5c-4fdf-a43a-6067130f11b8.tmp</t>
  </si>
  <si>
    <t>12/24/2019 16:01:02</t>
  </si>
  <si>
    <t>12/24/2019 16:04:02</t>
  </si>
  <si>
    <t>12/24/2019 16:07:28</t>
  </si>
  <si>
    <t>12/24/2019 16:07:52</t>
  </si>
  <si>
    <t>12/24/2019 16:08:28</t>
  </si>
  <si>
    <t>12/24/2019 16:04:37</t>
  </si>
  <si>
    <t>12/24/2019 16:09:28</t>
  </si>
  <si>
    <t>12/24/2019 16:04:29</t>
  </si>
  <si>
    <t>\\acsfs\profiles$\regisadsa\My Documents\831e1540-cb4c-4ee0-94b2-360a5afab640.pdf</t>
  </si>
  <si>
    <t>12/24/2019 16:06:23</t>
  </si>
  <si>
    <t>12/24/2019 16:10:28</t>
  </si>
  <si>
    <t>12/24/2019 16:11:18</t>
  </si>
  <si>
    <t>12/24/2019 16:12:28</t>
  </si>
  <si>
    <t>12/24/2019 16:10:29</t>
  </si>
  <si>
    <t>12/24/2019 16:14:28</t>
  </si>
  <si>
    <t>12/24/2019 16:12:04</t>
  </si>
  <si>
    <t>12/24/2019 16:09:09</t>
  </si>
  <si>
    <t>12/24/2019 16:09:15</t>
  </si>
  <si>
    <t>12/24/2019 16:09:25</t>
  </si>
  <si>
    <t>12/24/2019 16:09:51</t>
  </si>
  <si>
    <t>12/24/2019 16:10:27</t>
  </si>
  <si>
    <t>12/24/2019 16:11:41</t>
  </si>
  <si>
    <t>12/24/2019 16:11:46</t>
  </si>
  <si>
    <t>12/24/2019 16:11:49</t>
  </si>
  <si>
    <t>12/24/2019 16:11:54</t>
  </si>
  <si>
    <t>12/24/2019 16:13:27</t>
  </si>
  <si>
    <t>12/24/2019 16:15:27</t>
  </si>
  <si>
    <t>12/24/2019 16:14:43</t>
  </si>
  <si>
    <t>12/24/2019 16:10:18</t>
  </si>
  <si>
    <t>12/24/2019 16:15:08</t>
  </si>
  <si>
    <t>12/24/2019 16:19:28</t>
  </si>
  <si>
    <t>12/24/2019 16:18:20</t>
  </si>
  <si>
    <t>12/24/2019 16:20:28</t>
  </si>
  <si>
    <t>12/24/2019 16:17:40</t>
  </si>
  <si>
    <t>12/24/2019 16:22:28</t>
  </si>
  <si>
    <t>12/24/2019 16:19:18</t>
  </si>
  <si>
    <t>12/24/2019 16:23:27</t>
  </si>
  <si>
    <t>12/24/2019 16:22:27</t>
  </si>
  <si>
    <t>12/24/2019 16:22:49</t>
  </si>
  <si>
    <t>12/24/2019 16:24:28</t>
  </si>
  <si>
    <t>12/24/2019 16:21:55</t>
  </si>
  <si>
    <t>12/24/2019 16:25:28</t>
  </si>
  <si>
    <t>12/24/2019 16:25:18</t>
  </si>
  <si>
    <t>12/24/2019 16:26:27</t>
  </si>
  <si>
    <t>12/24/2019 16:26:31</t>
  </si>
  <si>
    <t>12/24/2019 16:30:27</t>
  </si>
  <si>
    <t>12/24/2019 16:28:02</t>
  </si>
  <si>
    <t>12/24/2019 16:29:34</t>
  </si>
  <si>
    <t>12/24/2019 16:27:28</t>
  </si>
  <si>
    <t>12/24/2019 16:32:27</t>
  </si>
  <si>
    <t>12/24/2019 16:30:44</t>
  </si>
  <si>
    <t>12/24/2019 16:29:52</t>
  </si>
  <si>
    <t>12/24/2019 16:34:28</t>
  </si>
  <si>
    <t>https://player.vimeo.com/add/player-stats?beacon=1&amp;session-id=6824d60962a1a8f7eacb4ba60fa5ee64f2583a6d1577215368</t>
  </si>
  <si>
    <t>12/24/2019 16:29:53</t>
  </si>
  <si>
    <t>12/24/2019 16:34:20</t>
  </si>
  <si>
    <t>12/24/2019 16:35:27</t>
  </si>
  <si>
    <t>mail.google.com/sync/u/0/i/s?hl=pt-BR&amp;c=810</t>
  </si>
  <si>
    <t>12/24/2019 16:34:42</t>
  </si>
  <si>
    <t>12/24/2019 16:34:55</t>
  </si>
  <si>
    <t>mail.google.com/sync/u/0/i/s?hl=pt-BR&amp;c=815</t>
  </si>
  <si>
    <t>12/24/2019 16:35:01</t>
  </si>
  <si>
    <t>mail.google.com/sync/u/0/i/s?hl=pt-BR&amp;c=817</t>
  </si>
  <si>
    <t>12/24/2019 16:35:10</t>
  </si>
  <si>
    <t>mail.google.com/sync/u/0/i/s?hl=pt-BR&amp;c=820</t>
  </si>
  <si>
    <t>12/24/2019 16:33:14</t>
  </si>
  <si>
    <t>12/24/2019 16:37:28</t>
  </si>
  <si>
    <t>12/24/2019 16:36:22</t>
  </si>
  <si>
    <t>12/24/2019 16:35:49</t>
  </si>
  <si>
    <t>12/24/2019 16:38:28</t>
  </si>
  <si>
    <t>12/24/2019 16:35:30</t>
  </si>
  <si>
    <t>12/24/2019 16:40:28</t>
  </si>
  <si>
    <t>mail.google.com/sync/u/0/i/s?hl=pt-BR&amp;c=823</t>
  </si>
  <si>
    <t>12/24/2019 16:37:44</t>
  </si>
  <si>
    <t>12/24/2019 16:42:28</t>
  </si>
  <si>
    <t>12/24/2019 16:38:17</t>
  </si>
  <si>
    <t>12/24/2019 16:43:27</t>
  </si>
  <si>
    <t>12/24/2019 16:41:22</t>
  </si>
  <si>
    <t>12/24/2019 16:45:29</t>
  </si>
  <si>
    <t>10.200.67.105</t>
  </si>
  <si>
    <t>D0-94-66-B5-5D-AE</t>
  </si>
  <si>
    <t>VOTORANT-SB020</t>
  </si>
  <si>
    <t>12/24/2019 16:45:25</t>
  </si>
  <si>
    <t>12/24/2019 16:49:29</t>
  </si>
  <si>
    <t>12/24/2019 16:47:36</t>
  </si>
  <si>
    <t>12/24/2019 16:52:28</t>
  </si>
  <si>
    <t>12/24/2019 16:50:11</t>
  </si>
  <si>
    <t>12/24/2019 16:53:20</t>
  </si>
  <si>
    <t>12/24/2019 16:54:28</t>
  </si>
  <si>
    <t>12/24/2019 16:50:49</t>
  </si>
  <si>
    <t>10.200.67.43</t>
  </si>
  <si>
    <t>D0-94-66-B5-4D-6C</t>
  </si>
  <si>
    <t>VOTORANT-ABB014</t>
  </si>
  <si>
    <t>12/24/2019 16:53:31</t>
  </si>
  <si>
    <t>12/24/2019 16:55:29</t>
  </si>
  <si>
    <t>12/24/2019 16:53:34</t>
  </si>
  <si>
    <t>12/24/2019 16:55:45</t>
  </si>
  <si>
    <t>12/24/2019 16:56:28</t>
  </si>
  <si>
    <t>12/24/2019 16:55:46</t>
  </si>
  <si>
    <t>12/24/2019 16:57:29</t>
  </si>
  <si>
    <t>12/24/2019 16:55:47</t>
  </si>
  <si>
    <t>12/24/2019 16:55:48</t>
  </si>
  <si>
    <t>12/24/2019 16:55:49</t>
  </si>
  <si>
    <t>12/24/2019 16:55:50</t>
  </si>
  <si>
    <t>12/24/2019 16:55:51</t>
  </si>
  <si>
    <t>12/24/2019 16:55:52</t>
  </si>
  <si>
    <t>12/24/2019 16:55:53</t>
  </si>
  <si>
    <t>12/24/2019 16:55:54</t>
  </si>
  <si>
    <t>12/24/2019 16:55:55</t>
  </si>
  <si>
    <t>12/24/2019 16:55:56</t>
  </si>
  <si>
    <t>12/24/2019 16:55:57</t>
  </si>
  <si>
    <t>12/24/2019 16:55:58</t>
  </si>
  <si>
    <t>12/24/2019 16:55:59</t>
  </si>
  <si>
    <t>12/24/2019 16:56:00</t>
  </si>
  <si>
    <t>12/24/2019 16:56:01</t>
  </si>
  <si>
    <t>12/24/2019 16:56:02</t>
  </si>
  <si>
    <t>12/24/2019 16:54:43</t>
  </si>
  <si>
    <t>12/24/2019 16:58:28</t>
  </si>
  <si>
    <t>12/24/2019 16:57:44</t>
  </si>
  <si>
    <t>12/24/2019 16:58:54</t>
  </si>
  <si>
    <t>12/24/2019 16:59:29</t>
  </si>
  <si>
    <t>12/24/2019 16:56:22</t>
  </si>
  <si>
    <t>12/24/2019 17:00:28</t>
  </si>
  <si>
    <t>12/24/2019 16:57:31</t>
  </si>
  <si>
    <t>https://algar.folhasinergyrh.com.br/rescisao/upload?id=0&amp;idsolicitacao=0&amp;idprerescisao=1542</t>
  </si>
  <si>
    <t>02/01/2020;josiascdsj@algartech.com;leonardoao@algartech.com;paulacn@algartech.com;rafaelggs@algartech.com;thiagordu@algartech.com;</t>
  </si>
  <si>
    <t>Comunicado Alice.zip</t>
  </si>
  <si>
    <t>https://02/01/2020,josiascdsj@algartech.com,leonardoao@algartech.com,paulacn@algartech.com,rafaelggs@algartech.com,thiagordu@algartech.com</t>
  </si>
  <si>
    <t>C:\Users\adilsonloj\Downloads\Comunicado Alice.zip\</t>
  </si>
  <si>
    <t>image2019-12-24-163030.pdf</t>
  </si>
  <si>
    <t>12/24/2019 17:02:28</t>
  </si>
  <si>
    <t>12/24/2019 16:56:03</t>
  </si>
  <si>
    <t>12/24/2019 16:56:04</t>
  </si>
  <si>
    <t>12/24/2019 16:56:05</t>
  </si>
  <si>
    <t>12/24/2019 16:56:06</t>
  </si>
  <si>
    <t>12/24/2019 16:56:07</t>
  </si>
  <si>
    <t>12/24/2019 16:56:08</t>
  </si>
  <si>
    <t>12/24/2019 16:56:09</t>
  </si>
  <si>
    <t>12/24/2019 16:56:10</t>
  </si>
  <si>
    <t>12/24/2019 16:56:11</t>
  </si>
  <si>
    <t>12/24/2019 17:00:21</t>
  </si>
  <si>
    <t>XLOG_anakcs_24122019_085342.log</t>
  </si>
  <si>
    <t>\\acsfs\profiles$\anakcs\My Documents\xworkcenter\logs\XLOG_anakcs_24122019_085342.log</t>
  </si>
  <si>
    <t>12/24/2019 17:00:56</t>
  </si>
  <si>
    <t>12/24/2019 17:03:28</t>
  </si>
  <si>
    <t>XLOG_marcosvnds_24122019_140400.log</t>
  </si>
  <si>
    <t>\\acsfs\profiles$\marcosvnds\My Documents\xworkcenter\logs\XLOG_marcosvnds_24122019_140400.log</t>
  </si>
  <si>
    <t>12/24/2019 16:58:46</t>
  </si>
  <si>
    <t>12/24/2019 17:02:38</t>
  </si>
  <si>
    <t>12/24/2019 17:04:28</t>
  </si>
  <si>
    <t>12/24/2019 17:03:12</t>
  </si>
  <si>
    <t>12/24/2019 17:04:40</t>
  </si>
  <si>
    <t>12/24/2019 17:05:28</t>
  </si>
  <si>
    <t>12/24/2019 17:03:26</t>
  </si>
  <si>
    <t>12/24/2019 17:03:51</t>
  </si>
  <si>
    <t>12/24/2019 17:03:53</t>
  </si>
  <si>
    <t>12/24/2019 17:04:05</t>
  </si>
  <si>
    <t>12/24/2019 17:07:29</t>
  </si>
  <si>
    <t>12/24/2019 17:09:29</t>
  </si>
  <si>
    <t>12/24/2019 17:11:29</t>
  </si>
  <si>
    <t>12/24/2019 17:12:29</t>
  </si>
  <si>
    <t>12/24/2019 17:11:55</t>
  </si>
  <si>
    <t>12/24/2019 17:12:33</t>
  </si>
  <si>
    <t>12/24/2019 17:13:29</t>
  </si>
  <si>
    <t>00cb2961-9b59-401b-a0ea-183d9bd19a7e.tmp</t>
  </si>
  <si>
    <t>\\acsfs\profiles$\matheusmax\Downloads\00cb2961-9b59-401b-a0ea-183d9bd19a7e.tmp</t>
  </si>
  <si>
    <t>12/24/2019 17:16:28</t>
  </si>
  <si>
    <t>12/24/2019 17:17:29</t>
  </si>
  <si>
    <t>12/24/2019 17:14:13</t>
  </si>
  <si>
    <t>12/24/2019 17:18:29</t>
  </si>
  <si>
    <t>12/24/2019 17:16:01</t>
  </si>
  <si>
    <t>7505e891-34e3-4556-a9f4-4cda07cc4b5e.tmp</t>
  </si>
  <si>
    <t>\\acsfs\profiles$\laurandos\Downloads\7505e891-34e3-4556-a9f4-4cda07cc4b5e.tmp</t>
  </si>
  <si>
    <t>12/24/2019 17:15:38</t>
  </si>
  <si>
    <t>12/24/2019 17:19:29</t>
  </si>
  <si>
    <t>12/24/2019 17:17:56</t>
  </si>
  <si>
    <t>12/24/2019 17:22:28</t>
  </si>
  <si>
    <t>12/24/2019 17:22:15</t>
  </si>
  <si>
    <t>12/24/2019 17:23:29</t>
  </si>
  <si>
    <t>12/24/2019 17:18:45</t>
  </si>
  <si>
    <t>12/24/2019 17:22:26</t>
  </si>
  <si>
    <t>12/24/2019 17:22:36</t>
  </si>
  <si>
    <t>12/24/2019 17:25:41</t>
  </si>
  <si>
    <t>12/24/2019 17:28:29</t>
  </si>
  <si>
    <t>12/24/2019 17:26:11</t>
  </si>
  <si>
    <t>12/24/2019 17:30:29</t>
  </si>
  <si>
    <t>12/24/2019 17:26:45</t>
  </si>
  <si>
    <t>12/24/2019 17:27:16</t>
  </si>
  <si>
    <t>12/24/2019 17:29:04</t>
  </si>
  <si>
    <t>12/24/2019 17:29:11</t>
  </si>
  <si>
    <t>12/24/2019 17:27:36</t>
  </si>
  <si>
    <t>Retratações Venda Dezembro 2.xlsx</t>
  </si>
  <si>
    <t>\\acsfs\DEPTOS\Operacao\Banco_Votorantim\Supervisao\SUPERS BV CARTÕES\ADILSON\Vendas\Retratações\Retratações Venda Dezembro 2.xlsx</t>
  </si>
  <si>
    <t>12/24/2019 17:29:28</t>
  </si>
  <si>
    <t>Retratações Vendas Dezembro 2.pdf</t>
  </si>
  <si>
    <t>\\acsfs\DEPTOS\Operacao\Banco_Votorantim\Comum\00 - COMUM - BV CARTÕES\EQUIPE ADILSON\Retratação Vendas\Retratações Vendas Dezembro 2.pdf</t>
  </si>
  <si>
    <t>12/24/2019 17:29:32</t>
  </si>
  <si>
    <t>12/24/2019 17:30:33</t>
  </si>
  <si>
    <t>12/24/2019 17:33:30</t>
  </si>
  <si>
    <t>12/24/2019 17:34:49</t>
  </si>
  <si>
    <t>12/24/2019 17:36:29</t>
  </si>
  <si>
    <t>12/24/2019 17:36:50</t>
  </si>
  <si>
    <t>12/24/2019 17:37:29</t>
  </si>
  <si>
    <t>12/24/2019 17:33:06</t>
  </si>
  <si>
    <t>12/24/2019 17:38:29</t>
  </si>
  <si>
    <t>12/24/2019 17:35:05</t>
  </si>
  <si>
    <t>12/24/2019 17:39:01</t>
  </si>
  <si>
    <t>12/24/2019 17:39:29</t>
  </si>
  <si>
    <t>12/24/2019 17:37:46</t>
  </si>
  <si>
    <t>$I2TM534.pdf</t>
  </si>
  <si>
    <t>\\acsfs\profiles$\regisadsa\My Documents\$RECYCLE.BIN\$I2TM534.pdf</t>
  </si>
  <si>
    <t>12/24/2019 17:36:18</t>
  </si>
  <si>
    <t>12/24/2019 17:40:29</t>
  </si>
  <si>
    <t>74-86-7A-FD-D1-B6</t>
  </si>
  <si>
    <t>VOTORANT-VB020</t>
  </si>
  <si>
    <t>leonardocb</t>
  </si>
  <si>
    <t>\\acsfs\profiles$\leonardocb\Downloads\</t>
  </si>
  <si>
    <t>da76fe44-b509-4ed4-bbf4-7c0e11ac4d40.tmp</t>
  </si>
  <si>
    <t>\\acsfs\profiles$\leonardocb\Downloads\da76fe44-b509-4ed4-bbf4-7c0e11ac4d40.tmp</t>
  </si>
  <si>
    <t>12/24/2019 17:36:20</t>
  </si>
  <si>
    <t>Q29udHJvbGxlci5QYXl3YXJlLU5vaXRl (25).ica</t>
  </si>
  <si>
    <t>\\acsfs\profiles$\leonardocb\Downloads\Q29udHJvbGxlci5QYXl3YXJlLU5vaXRl (25).ica</t>
  </si>
  <si>
    <t>12/24/2019 17:36:28</t>
  </si>
  <si>
    <t>04e316dc-c894-491f-8a8d-fa5cea523875.tmp</t>
  </si>
  <si>
    <t>\\acsfs\profiles$\leonardocb\Downloads\04e316dc-c894-491f-8a8d-fa5cea523875.tmp</t>
  </si>
  <si>
    <t>12/24/2019 17:36:36</t>
  </si>
  <si>
    <t>fc27d5ef-3fbd-40a9-818e-cab2ced50b1e.tmp</t>
  </si>
  <si>
    <t>\\acsfs\profiles$\leonardocb\Downloads\fc27d5ef-3fbd-40a9-818e-cab2ced50b1e.tmp</t>
  </si>
  <si>
    <t>12/24/2019 17:36:03</t>
  </si>
  <si>
    <t>12/24/2019 17:35:44</t>
  </si>
  <si>
    <t>12/24/2019 17:36:58</t>
  </si>
  <si>
    <t>bvcartes-supervisores@algarnet.onmicrosoft.com;fabianacscg@algartech.com;mirianppb@algartech.com;qualidadealgarbv@algartech.com;talmaiardo@algartech.com;thiagordu@algartech.com;</t>
  </si>
  <si>
    <t>bvcartes-supervisores@algarnet.onmicrosoft.com,fabianacscg@algartech.com,mirianppb@algartech.com,qualidadealgarbv@algartech.com,talmaiardo@algartech.com,thiagordu@algartech.com</t>
  </si>
  <si>
    <t>12/24/2019 17:37:18</t>
  </si>
  <si>
    <t>bvcartes-supervisores@algarnet.onmicrosoft.com;fabianacscg@algartech.com;josiascdsj@algartech.com;leonardoao@algartech.com;mirianppb@algartech.com;paulacn@algartech.com;qualidadealgarbv@algartech.com;rafaelggs@algartech.com;talmaiardo@algartech.com;thiagordu@algartech.com;</t>
  </si>
  <si>
    <t>bvcartes-supervisores@algarnet.onmicrosoft.com,fabianacscg@algartech.com,josiascdsj@algartech.com,leonardoao@algartech.com,mirianppb@algartech.com,paulacn@algartech.com,qualidadealgarbv@algartech.com,rafaelggs@algartech.com,talmaiardo@algartech.com,thiagordu@algartech.com</t>
  </si>
  <si>
    <t>12/24/2019 17:37:32</t>
  </si>
  <si>
    <t>mail.google.com/sync/u/0/i/s?hl=pt-BR&amp;c=962</t>
  </si>
  <si>
    <t>12/24/2019 17:37:38</t>
  </si>
  <si>
    <t>02/01/2020;bvcartes-supervisores@algarnet.onmicrosoft.com;fabianacscg@algartech.com;josiascdsj@algartech.com;leonardoao@algartech.com;mirianppb@algartech.com;paulacn@algartech.com;qualidadealgarbv@algartech.com;rafaelggs@algartech.com;talmaiardo@algartech.com;thiagordu@algartech.com;</t>
  </si>
  <si>
    <t>02/01/2020,bvcartes-supervisores@algarnet.onmicrosoft.com,fabianacscg@algartech.com,josiascdsj@algartech.com,leonardoao@algartech.com,mirianppb@algartech.com,paulacn@algartech.com,qualidadealgarbv@algartech.com,rafaelggs@algartech.com,talmaiardo@algartech.com,thiagordu@algartech.com</t>
  </si>
  <si>
    <t>12/24/2019 17:37:42</t>
  </si>
  <si>
    <t>12/24/2019 17:37:59</t>
  </si>
  <si>
    <t>mail.google.com/sync/u/0/i/s?hl=pt-BR&amp;c=968</t>
  </si>
  <si>
    <t>12/24/2019 17:38:13</t>
  </si>
  <si>
    <t>12/24/2019 17:38:31</t>
  </si>
  <si>
    <t>12/24/2019 17:38:46</t>
  </si>
  <si>
    <t>mail.google.com/sync/u/0/i/s?hl=pt-BR&amp;c=975</t>
  </si>
  <si>
    <t>12/24/2019 17:38:53</t>
  </si>
  <si>
    <t>mail.google.com/sync/u/0/i/s?hl=pt-BR&amp;c=977</t>
  </si>
  <si>
    <t>12/24/2019 17:38:57</t>
  </si>
  <si>
    <t>12/24/2019 17:39:07</t>
  </si>
  <si>
    <t>12/24/2019 17:39:44</t>
  </si>
  <si>
    <t>12/24/2019 17:39:59</t>
  </si>
  <si>
    <t>12/24/2019 17:40:12</t>
  </si>
  <si>
    <t>12/24/2019 17:35:54</t>
  </si>
  <si>
    <t>12/24/2019 17:41:29</t>
  </si>
  <si>
    <t>12/24/2019 17:42:07</t>
  </si>
  <si>
    <t>12/24/2019 17:42:29</t>
  </si>
  <si>
    <t>12/24/2019 17:43:43</t>
  </si>
  <si>
    <t>12/24/2019 17:45:29</t>
  </si>
  <si>
    <t>leandromsa</t>
  </si>
  <si>
    <t>\\acsfs\profiles$\leandromsa\Downloads\</t>
  </si>
  <si>
    <t>e6b042a1-61bc-4741-9307-20a15daebe2f.tmp</t>
  </si>
  <si>
    <t>\\acsfs\profiles$\leandromsa\Downloads\e6b042a1-61bc-4741-9307-20a15daebe2f.tmp</t>
  </si>
  <si>
    <t>12/24/2019 17:40:23</t>
  </si>
  <si>
    <t>12/24/2019 17:40:38</t>
  </si>
  <si>
    <t>12/24/2019 17:41:03</t>
  </si>
  <si>
    <t>12/24/2019 17:44:05</t>
  </si>
  <si>
    <t>12/24/2019 17:47:29</t>
  </si>
  <si>
    <t>12/24/2019 17:49:36</t>
  </si>
  <si>
    <t>12/24/2019 17:52:29</t>
  </si>
  <si>
    <t>10.200.66.5</t>
  </si>
  <si>
    <t>74-86-7A-FD-D6-5B</t>
  </si>
  <si>
    <t>VOTORANT-Z021</t>
  </si>
  <si>
    <t>12/24/2019 17:51:15</t>
  </si>
  <si>
    <t>12/24/2019 17:55:28</t>
  </si>
  <si>
    <t>aac796e5-94fd-41dc-8900-6fd8bc3252b5.tmp</t>
  </si>
  <si>
    <t>\\acsfs\profiles$\leandromsa\Downloads\aac796e5-94fd-41dc-8900-6fd8bc3252b5.tmp</t>
  </si>
  <si>
    <t>12/24/2019 18:00:43</t>
  </si>
  <si>
    <t>12/24/2019 18:02:29</t>
  </si>
  <si>
    <t>12/24/2019 18:00:08</t>
  </si>
  <si>
    <t>12/24/2019 18:04:29</t>
  </si>
  <si>
    <t>12/24/2019 18:01:36</t>
  </si>
  <si>
    <t>12/24/2019 18:06:29</t>
  </si>
  <si>
    <t>12/24/2019 18:06:27</t>
  </si>
  <si>
    <t>12/24/2019 18:09:28</t>
  </si>
  <si>
    <t>12/24/2019 18:05:44</t>
  </si>
  <si>
    <t>12/24/2019 18:06:07</t>
  </si>
  <si>
    <t>12/24/2019 18:11:28</t>
  </si>
  <si>
    <t>12/24/2019 18:07:34</t>
  </si>
  <si>
    <t>12/24/2019 18:12:29</t>
  </si>
  <si>
    <t>12/24/2019 18:07:41</t>
  </si>
  <si>
    <t>12/24/2019 18:11:30</t>
  </si>
  <si>
    <t>12/24/2019 18:11:02</t>
  </si>
  <si>
    <t>12/24/2019 18:14:29</t>
  </si>
  <si>
    <t>12/24/2019 18:12:15</t>
  </si>
  <si>
    <t>12/24/2019 18:17:29</t>
  </si>
  <si>
    <t>12/24/2019 18:12:12</t>
  </si>
  <si>
    <t>12/24/2019 18:12:26</t>
  </si>
  <si>
    <t>12/24/2019 18:15:53</t>
  </si>
  <si>
    <t>12/24/2019 18:18:29</t>
  </si>
  <si>
    <t>12/24/2019 18:16:12</t>
  </si>
  <si>
    <t>12/24/2019 18:17:36</t>
  </si>
  <si>
    <t>12/24/2019 18:22:29</t>
  </si>
  <si>
    <t>12/24/2019 18:18:03</t>
  </si>
  <si>
    <t>12/24/2019 18:20:24</t>
  </si>
  <si>
    <t>12/24/2019 18:19:50</t>
  </si>
  <si>
    <t>12/24/2019 18:20:29</t>
  </si>
  <si>
    <t>12/24/2019 18:23:28</t>
  </si>
  <si>
    <t>12/24/2019 18:22:27</t>
  </si>
  <si>
    <t>12/24/2019 18:20:10</t>
  </si>
  <si>
    <t>12/24/2019 18:24:29</t>
  </si>
  <si>
    <t>12/24/2019 18:23:35</t>
  </si>
  <si>
    <t>12/24/2019 18:27:28</t>
  </si>
  <si>
    <t>12/24/2019 18:27:56</t>
  </si>
  <si>
    <t>12/24/2019 18:29:28</t>
  </si>
  <si>
    <t>12/24/2019 18:30:09</t>
  </si>
  <si>
    <t>12/24/2019 18:32:28</t>
  </si>
  <si>
    <t>12/24/2019 18:27:47</t>
  </si>
  <si>
    <t>12/24/2019 18:27:55</t>
  </si>
  <si>
    <t>12/24/2019 18:30:39</t>
  </si>
  <si>
    <t>cabae1a5-a49c-4e0d-a627-2ba81f4e6863.tmp</t>
  </si>
  <si>
    <t>\\acsfs\profiles$\erichds\Downloads\cabae1a5-a49c-4e0d-a627-2ba81f4e6863.tmp</t>
  </si>
  <si>
    <t>12/24/2019 18:33:25</t>
  </si>
  <si>
    <t>12/24/2019 18:37:29</t>
  </si>
  <si>
    <t>12/24/2019 18:33:36</t>
  </si>
  <si>
    <t>https://udpwfmniceap02/pt_br/web/guest/home?p_auth=dba1rtpc&amp;p_p_id=58&amp;p_p_lifecycle=1&amp;p_p_state=maximized&amp;p_p_mode=view&amp;savelastpath=0&amp;_58_struts_action=/login/forgot_password</t>
  </si>
  <si>
    <t>12/24/2019 18:33:44</t>
  </si>
  <si>
    <t>12/24/2019 18:33:52</t>
  </si>
  <si>
    <t>12/24/2019 18:35:28</t>
  </si>
  <si>
    <t>12/24/2019 18:36:03</t>
  </si>
  <si>
    <t>12/24/2019 18:38:05</t>
  </si>
  <si>
    <t>12/24/2019 18:39:28</t>
  </si>
  <si>
    <t>12/24/2019 18:34:17</t>
  </si>
  <si>
    <t>12/24/2019 18:34:44</t>
  </si>
  <si>
    <t>12/24/2019 18:41:43</t>
  </si>
  <si>
    <t>12/24/2019 18:42:30</t>
  </si>
  <si>
    <t>12/24/2019 18:40:03</t>
  </si>
  <si>
    <t>12/24/2019 18:44:29</t>
  </si>
  <si>
    <t>12/24/2019 18:43:57</t>
  </si>
  <si>
    <t>12/24/2019 18:41:21</t>
  </si>
  <si>
    <t>12/24/2019 18:45:29</t>
  </si>
  <si>
    <t>12/24/2019 18:44:17</t>
  </si>
  <si>
    <t>12/24/2019 18:47:29</t>
  </si>
  <si>
    <t>12/24/2019 18:46:03</t>
  </si>
  <si>
    <t>12/24/2019 18:48:28</t>
  </si>
  <si>
    <t>12/24/2019 18:47:27</t>
  </si>
  <si>
    <t>12/24/2019 18:46:51</t>
  </si>
  <si>
    <t>12/24/2019 18:50:28</t>
  </si>
  <si>
    <t>12/24/2019 18:47:16</t>
  </si>
  <si>
    <t>12/24/2019 18:47:19</t>
  </si>
  <si>
    <t>12/24/2019 18:47:22</t>
  </si>
  <si>
    <t>12/24/2019 18:47:39</t>
  </si>
  <si>
    <t>12/24/2019 18:48:53</t>
  </si>
  <si>
    <t>12/24/2019 18:52:29</t>
  </si>
  <si>
    <t>12/24/2019 18:53:16</t>
  </si>
  <si>
    <t>12/24/2019 18:54:29</t>
  </si>
  <si>
    <t>12/24/2019 18:50:48</t>
  </si>
  <si>
    <t>12/24/2019 18:55:29</t>
  </si>
  <si>
    <t>12/24/2019 18:52:42</t>
  </si>
  <si>
    <t>12/24/2019 18:57:29</t>
  </si>
  <si>
    <t>12/24/2019 18:56:22</t>
  </si>
  <si>
    <t>12/24/2019 18:59:29</t>
  </si>
  <si>
    <t>12/24/2019 18:56:14</t>
  </si>
  <si>
    <t>12/24/2019 19:00:28</t>
  </si>
  <si>
    <t>12/24/2019 18:58:19</t>
  </si>
  <si>
    <t>12/24/2019 19:03:28</t>
  </si>
  <si>
    <t>12/24/2019 19:03:01</t>
  </si>
  <si>
    <t>12/24/2019 19:00:38</t>
  </si>
  <si>
    <t>12/24/2019 19:04:29</t>
  </si>
  <si>
    <t>12/24/2019 19:04:36</t>
  </si>
  <si>
    <t>12/24/2019 19:07:29</t>
  </si>
  <si>
    <t>12/24/2019 19:06:22</t>
  </si>
  <si>
    <t>12/24/2019 19:03:25</t>
  </si>
  <si>
    <t>12/24/2019 19:08:30</t>
  </si>
  <si>
    <t>12/24/2019 19:06:11</t>
  </si>
  <si>
    <t>12/24/2019 19:09:29</t>
  </si>
  <si>
    <t>12/24/2019 19:08:08</t>
  </si>
  <si>
    <t>12/24/2019 19:11:30</t>
  </si>
  <si>
    <t>10.200.67.142</t>
  </si>
  <si>
    <t>74-86-7A-FD-D5-04</t>
  </si>
  <si>
    <t>VOTORANT-WB014</t>
  </si>
  <si>
    <t>andreapdsg</t>
  </si>
  <si>
    <t>\\acsfs\profiles$\andreapdsg\Downloads\</t>
  </si>
  <si>
    <t>4608ba55-3f10-4a2a-9501-baae2e32b1dd.tmp</t>
  </si>
  <si>
    <t>\\acsfs\profiles$\andreapdsg\Downloads\4608ba55-3f10-4a2a-9501-baae2e32b1dd.tmp</t>
  </si>
  <si>
    <t>12/24/2019 19:08:17</t>
  </si>
  <si>
    <t>Q29udHJvbGxlci5QYXl3YXJl (23).ica</t>
  </si>
  <si>
    <t>\\acsfs\profiles$\andreapdsg\Downloads\Q29udHJvbGxlci5QYXl3YXJl (23).ica</t>
  </si>
  <si>
    <t>12/24/2019 19:08:38</t>
  </si>
  <si>
    <t>12/24/2019 19:12:30</t>
  </si>
  <si>
    <t>12/24/2019 19:10:01</t>
  </si>
  <si>
    <t>12/24/2019 19:08:46</t>
  </si>
  <si>
    <t>12/24/2019 19:13:31</t>
  </si>
  <si>
    <t>12/24/2019 19:11:33</t>
  </si>
  <si>
    <t>12/24/2019 19:15:31</t>
  </si>
  <si>
    <t>12/24/2019 19:15:27</t>
  </si>
  <si>
    <t>12/24/2019 19:17:31</t>
  </si>
  <si>
    <t>12/24/2019 19:15:32</t>
  </si>
  <si>
    <t>12/24/2019 19:18:30</t>
  </si>
  <si>
    <t>12/24/2019 19:21:25</t>
  </si>
  <si>
    <t>12/24/2019 19:22:31</t>
  </si>
  <si>
    <t>12/24/2019 19:20:49</t>
  </si>
  <si>
    <t>12/24/2019 19:23:31</t>
  </si>
  <si>
    <t>12/24/2019 19:21:20</t>
  </si>
  <si>
    <t>12/24/2019 19:19:42</t>
  </si>
  <si>
    <t>12/24/2019 19:23:53</t>
  </si>
  <si>
    <t>12/24/2019 19:25:30</t>
  </si>
  <si>
    <t>12/24/2019 19:25:14</t>
  </si>
  <si>
    <t>12/24/2019 19:26:31</t>
  </si>
  <si>
    <t>12/24/2019 19:23:33</t>
  </si>
  <si>
    <t>12/24/2019 19:27:30</t>
  </si>
  <si>
    <t>12/24/2019 19:22:13</t>
  </si>
  <si>
    <t>12/24/2019 19:25:34</t>
  </si>
  <si>
    <t>12/24/2019 19:28:31</t>
  </si>
  <si>
    <t>12/24/2019 19:27:55</t>
  </si>
  <si>
    <t>12/24/2019 19:29:30</t>
  </si>
  <si>
    <t>12/24/2019 19:29:54</t>
  </si>
  <si>
    <t>12/24/2019 19:33:30</t>
  </si>
  <si>
    <t>12/24/2019 19:32:35</t>
  </si>
  <si>
    <t>12/24/2019 19:34:31</t>
  </si>
  <si>
    <t>12/24/2019 19:33:22</t>
  </si>
  <si>
    <t>12/24/2019 19:38:31</t>
  </si>
  <si>
    <t>12/24/2019 19:34:43</t>
  </si>
  <si>
    <t>2ed64991-140b-4f37-bc07-5d6409dacc0a; .aspxformsauth=83616a1dce5e9bfee62b18d917c047c8b1081e8dc92e94dfbd32d1c7e6c882288fd4e454c62d5f2803c404e8d5d0708510e2fb356981aa0ba34419a38f762902551a2c7e79ef13434f1674cc1864c860d14703af26fe3ffdf362a5f42673a3cdd30d65f2da1</t>
  </si>
  <si>
    <t>12/24/2019 19:35:30</t>
  </si>
  <si>
    <t>12/24/2019 19:35:20</t>
  </si>
  <si>
    <t>12/24/2019 19:39:30</t>
  </si>
  <si>
    <t>12/24/2019 19:35:31</t>
  </si>
  <si>
    <t>12/24/2019 19:38:11</t>
  </si>
  <si>
    <t>12/24/2019 19:39:28</t>
  </si>
  <si>
    <t>12/24/2019 19:42:30</t>
  </si>
  <si>
    <t>d725a35e-ac36-44a5-ba55-2b1cbae1912a.tmp</t>
  </si>
  <si>
    <t>\\acsfs\profiles$\paulohaf\Downloads\d725a35e-ac36-44a5-ba55-2b1cbae1912a.tmp</t>
  </si>
  <si>
    <t>12/24/2019 19:40:08</t>
  </si>
  <si>
    <t>5af46f91-5e5f-4790-9f6e-b9359620f89c.tmp</t>
  </si>
  <si>
    <t>\\acsfs\profiles$\paulohaf\Downloads\5af46f91-5e5f-4790-9f6e-b9359620f89c.tmp</t>
  </si>
  <si>
    <t>12/24/2019 19:40:17</t>
  </si>
  <si>
    <t>12/24/2019 19:43:31</t>
  </si>
  <si>
    <t>12/24/2019 19:40:06</t>
  </si>
  <si>
    <t>12/24/2019 19:39:15</t>
  </si>
  <si>
    <t>12/24/2019 19:44:30</t>
  </si>
  <si>
    <t>12/24/2019 19:39:55</t>
  </si>
  <si>
    <t>12/24/2019 19:45:31</t>
  </si>
  <si>
    <t>12/24/2019 19:47:14</t>
  </si>
  <si>
    <t>12/24/2019 19:48:30</t>
  </si>
  <si>
    <t>12/24/2019 19:47:32</t>
  </si>
  <si>
    <t>ec7ea48b-d0c5-40c0-8d5a-145a8136367d.tmp</t>
  </si>
  <si>
    <t>\\acsfs\profiles$\laurandos\Downloads\ec7ea48b-d0c5-40c0-8d5a-145a8136367d.tmp</t>
  </si>
  <si>
    <t>12/24/2019 19:47:40</t>
  </si>
  <si>
    <t>12/24/2019 19:52:30</t>
  </si>
  <si>
    <t>12/24/2019 19:48:09</t>
  </si>
  <si>
    <t>12/24/2019 19:53:30</t>
  </si>
  <si>
    <t>12/24/2019 19:50:15</t>
  </si>
  <si>
    <t>12/24/2019 19:52:36</t>
  </si>
  <si>
    <t>12/24/2019 19:57:30</t>
  </si>
  <si>
    <t>"application":"retail";"entities":{"page":{"id":"umdbsy-q658yf-qeyko1-x29bzi";"meaningful":"interactive";"messageid":"mc24a4-klm5lv-6orfno-r5dehl";"obfuscatedmarketplaceid":"art4wz8mwbx2y";"producerid":"csa";"requestid":"zftwwk8wpz3n730dqy98";"schemaid":"csa.pageimpressed.2";"timestamp":"2019-12-24t22:52:31.857z";"url":"https://www.amazon.com/ap/signin?accountstatuspolicy=p1;br accept-language: pt-br;deflate;en-us;q=0.8;en;q=0.7 cookie: session-id=146-0819929-8417651; session-id-time=2207947950l; lc-main-av=pt_br {"events":[{"data":{"renderedtomeaningful":74;https://www.primevideo.com/auth/return/ref=av_auth_ap?_encoding=utf8&amp;location=%2fsignup%2fref%3ddv_web_auth_no_re_sig%3f_encoding%3dutf8%26devicetypeid%3da13q6a55dbzb7m%26offer%3dpm accept-encoding: gzip;pt;q=0.9;renderedtoimpressed;renderedtoviewed;</t>
  </si>
  <si>
    <t>https://"application":"retail","entities":{"page":{"id":"umdbsy-q658yf-qeyko1-x29bzi","meaningful":"interactive","messageid":"mc24a4-klm5lv-6orfno-r5dehl","obfuscatedmarketplaceid":"art4wz8mwbx2y","producerid":"csa","requestid":"zftwwk8wpz3n730dqy98","schemaid":"csa.pageimpressed.2","timestamp":"2019-12-24t22:52:31.857z","url":"https://www.amazon.com/ap/signin?accountstatuspolicy=p1,br accept-language: pt-br,deflate,en-us;q=0.8,en;q=0.7 cookie: session-id=146-0819929-8417651; session-id-time=2207947950l; lc-main-av=pt_br {"events":[{"data":{"renderedtomeaningful":74,https://www.primevideo.com/auth/return/ref=av_auth_ap?_encoding=utf8&amp;location=%2fsignup%2fref%3ddv_web_auth_no_re_sig%3f_encoding%3dutf8%26devicetypeid%3da13q6a55dbzb7m%26offer%3dpm accept-encoding: gzip,pt;q=0.9,renderedtoimpressed,renderedtoviewed</t>
  </si>
  <si>
    <t>12/24/2019 19:53:21</t>
  </si>
  <si>
    <t>12/24/2019 19:56:02</t>
  </si>
  <si>
    <t>12/24/2019 19:58:30</t>
  </si>
  <si>
    <t>12/24/2019 20:01:42</t>
  </si>
  <si>
    <t>12/24/2019 20:03:30</t>
  </si>
  <si>
    <t>12/24/2019 19:58:25</t>
  </si>
  <si>
    <t>12/24/2019 19:59:03</t>
  </si>
  <si>
    <t>12/24/2019 19:59:57</t>
  </si>
  <si>
    <t>12/24/2019 20:02:05</t>
  </si>
  <si>
    <t>12/24/2019 20:01:23</t>
  </si>
  <si>
    <t>12/24/2019 20:06:16</t>
  </si>
  <si>
    <t>12/24/2019 20:07:30</t>
  </si>
  <si>
    <t>Não confirmado 263544.crdownload</t>
  </si>
  <si>
    <t>\\acsfs\profiles$\paulohaf\Downloads\Não confirmado 263544.crdownload</t>
  </si>
  <si>
    <t>\\acsfs\profiles$\paulohaf\Downloads\Não confirmado 263544.crdownload\</t>
  </si>
  <si>
    <t>cs2d_dedicated.exe</t>
  </si>
  <si>
    <t>Dedicated Readme.txt</t>
  </si>
  <si>
    <t>www.sitecs.net.txt</t>
  </si>
  <si>
    <t>12/24/2019 20:04:54</t>
  </si>
  <si>
    <t>12/24/2019 20:08:30</t>
  </si>
  <si>
    <t>12/24/2019 20:06:06</t>
  </si>
  <si>
    <t>12/24/2019 20:06:25</t>
  </si>
  <si>
    <t>12/24/2019 20:06:51</t>
  </si>
  <si>
    <t>12/24/2019 20:04:01</t>
  </si>
  <si>
    <t>12/24/2019 20:07:22</t>
  </si>
  <si>
    <t>12/24/2019 20:12:30</t>
  </si>
  <si>
    <t>Não confirmado 418301.crdownload</t>
  </si>
  <si>
    <t>\\acsfs\profiles$\paulohaf\Downloads\Não confirmado 418301.crdownload</t>
  </si>
  <si>
    <t>12/24/2019 20:08:22</t>
  </si>
  <si>
    <t>12/24/2019 20:13:31</t>
  </si>
  <si>
    <t>12/24/2019 20:10:54</t>
  </si>
  <si>
    <t>12/24/2019 20:12:12</t>
  </si>
  <si>
    <t>12/24/2019 20:09:02</t>
  </si>
  <si>
    <t>12/24/2019 20:09:26</t>
  </si>
  <si>
    <t>12/24/2019 20:09:53</t>
  </si>
  <si>
    <t>12/24/2019 20:10:45</t>
  </si>
  <si>
    <t>12/24/2019 20:11:02</t>
  </si>
  <si>
    <t>12/24/2019 20:12:08</t>
  </si>
  <si>
    <t>12/24/2019 20:12:59</t>
  </si>
  <si>
    <t>12/24/2019 20:10:50</t>
  </si>
  <si>
    <t>12/24/2019 20:14:31</t>
  </si>
  <si>
    <t>12/24/2019 20:11:47</t>
  </si>
  <si>
    <t>12/24/2019 20:12:38</t>
  </si>
  <si>
    <t>12/24/2019 20:13:36</t>
  </si>
  <si>
    <t>https://player.vimeo.com/add/player-stats?beacon=1&amp;session-id=f2ed993738c3d59d179aba10f0a984fd953ed4691577229157</t>
  </si>
  <si>
    <t>12/24/2019 20:13:37</t>
  </si>
  <si>
    <t>12/24/2019 20:13:39</t>
  </si>
  <si>
    <t>12/24/2019 20:18:31</t>
  </si>
  <si>
    <t>12/24/2019 20:20:14</t>
  </si>
  <si>
    <t>12/24/2019 20:22:31</t>
  </si>
  <si>
    <t>1a89507c-fcc7-4cb6-991b-0a3fde998622.tmp</t>
  </si>
  <si>
    <t>\\acsfs\profiles$\erichds\Downloads\1a89507c-fcc7-4cb6-991b-0a3fde998622.tmp</t>
  </si>
  <si>
    <t>12/24/2019 20:20:21</t>
  </si>
  <si>
    <t>909db2df-e651-4f4d-98a6-ed042156a396.tmp</t>
  </si>
  <si>
    <t>\\acsfs\profiles$\erichds\Downloads\909db2df-e651-4f4d-98a6-ed042156a396.tmp</t>
  </si>
  <si>
    <t>12/24/2019 20:20:40</t>
  </si>
  <si>
    <t>12/24/2019 20:23:30</t>
  </si>
  <si>
    <t>12/24/2019 20:20:57</t>
  </si>
  <si>
    <t>12/24/2019 20:19:21</t>
  </si>
  <si>
    <t>12/24/2019 20:24:31</t>
  </si>
  <si>
    <t>12/24/2019 20:22:12</t>
  </si>
  <si>
    <t>12/24/2019 20:22:18</t>
  </si>
  <si>
    <t>12/24/2019 20:25:30</t>
  </si>
  <si>
    <t>12/24/2019 20:24:04</t>
  </si>
  <si>
    <t>12/24/2019 20:27:31</t>
  </si>
  <si>
    <t>12/24/2019 20:22:30</t>
  </si>
  <si>
    <t>12/24/2019 20:24:14</t>
  </si>
  <si>
    <t>12/24/2019 20:28:30</t>
  </si>
  <si>
    <t>12/24/2019 20:23:19</t>
  </si>
  <si>
    <t>12/24/2019 20:24:40</t>
  </si>
  <si>
    <t>12/24/2019 20:24:48</t>
  </si>
  <si>
    <t>12/24/2019 20:28:58</t>
  </si>
  <si>
    <t>12/24/2019 20:31:31</t>
  </si>
  <si>
    <t>12/24/2019 20:32:10</t>
  </si>
  <si>
    <t>12/24/2019 20:33:31</t>
  </si>
  <si>
    <t>12/24/2019 20:28:14</t>
  </si>
  <si>
    <t>12/24/2019 20:30:32</t>
  </si>
  <si>
    <t>12/24/2019 20:31:50</t>
  </si>
  <si>
    <t>12/24/2019 20:29:08</t>
  </si>
  <si>
    <t>12/24/2019 20:34:30</t>
  </si>
  <si>
    <t>12/24/2019 20:30:45</t>
  </si>
  <si>
    <t>12/24/2019 20:29:33</t>
  </si>
  <si>
    <t>12/24/2019 20:34:34</t>
  </si>
  <si>
    <t>12/24/2019 20:37:30</t>
  </si>
  <si>
    <t>fbe595f2-1f5a-4f38-bf9f-d829112065c4.tmp</t>
  </si>
  <si>
    <t>\\acsfs\profiles$\paulohaf\Downloads\fbe595f2-1f5a-4f38-bf9f-d829112065c4.tmp</t>
  </si>
  <si>
    <t>12/24/2019 20:34:46</t>
  </si>
  <si>
    <t>Não confirmado 781669.crdownload</t>
  </si>
  <si>
    <t>\\acsfs\profiles$\paulohaf\Downloads\Não confirmado 781669.crdownload</t>
  </si>
  <si>
    <t>12/24/2019 20:42:01</t>
  </si>
  <si>
    <t>12/24/2019 20:43:31</t>
  </si>
  <si>
    <t>12/24/2019 20:41:57</t>
  </si>
  <si>
    <t>12/24/2019 20:44:30</t>
  </si>
  <si>
    <t>12/24/2019 20:42:59</t>
  </si>
  <si>
    <t>12/24/2019 20:47:31</t>
  </si>
  <si>
    <t>12/24/2019 20:46:51</t>
  </si>
  <si>
    <t>12/24/2019 20:52:31</t>
  </si>
  <si>
    <t>2c3cb03b-8740-4440-ac2b-48b50b43038f.tmp</t>
  </si>
  <si>
    <t>\\acsfs\profiles$\paulohaf\Downloads\2c3cb03b-8740-4440-ac2b-48b50b43038f.tmp</t>
  </si>
  <si>
    <t>12/24/2019 20:47:36</t>
  </si>
  <si>
    <t>Não confirmado 95544.crdownload</t>
  </si>
  <si>
    <t>\\acsfs\profiles$\paulohaf\Downloads\Não confirmado 95544.crdownload</t>
  </si>
  <si>
    <t>12/24/2019 20:52:48</t>
  </si>
  <si>
    <t>12/24/2019 20:53:30</t>
  </si>
  <si>
    <t>12/24/2019 20:48:02</t>
  </si>
  <si>
    <t>12/24/2019 20:51:58</t>
  </si>
  <si>
    <t>12/24/2019 20:56:14</t>
  </si>
  <si>
    <t>12/24/2019 20:57:31</t>
  </si>
  <si>
    <t>12/24/2019 20:55:35</t>
  </si>
  <si>
    <t>12/24/2019 20:58:31</t>
  </si>
  <si>
    <t>12/24/2019 21:02:39</t>
  </si>
  <si>
    <t>12/24/2019 21:03:31</t>
  </si>
  <si>
    <t>12/24/2019 21:01:43</t>
  </si>
  <si>
    <t>12/24/2019 21:02:48</t>
  </si>
  <si>
    <t>12/24/2019 21:03:57</t>
  </si>
  <si>
    <t>12/24/2019 21:05:31</t>
  </si>
  <si>
    <t>12/24/2019 21:05:00</t>
  </si>
  <si>
    <t>Login_logout_Raí.xlsx</t>
  </si>
  <si>
    <t>12/24/2019 21:03:51</t>
  </si>
  <si>
    <t>12/24/2019 21:08:31</t>
  </si>
  <si>
    <t>12/24/2019 21:04:18</t>
  </si>
  <si>
    <t>12/24/2019 21:07:02</t>
  </si>
  <si>
    <t>12/24/2019 21:07:33</t>
  </si>
  <si>
    <t>12/24/2019 21:12:31</t>
  </si>
  <si>
    <t>12/24/2019 21:09:08</t>
  </si>
  <si>
    <t>12/24/2019 21:13:31</t>
  </si>
  <si>
    <t>12/24/2019 21:12:16</t>
  </si>
  <si>
    <t>12/24/2019 21:12:59</t>
  </si>
  <si>
    <t>12/24/2019 21:16:31</t>
  </si>
  <si>
    <t>12/24/2019 21:16:29</t>
  </si>
  <si>
    <t>12/24/2019 21:18:31</t>
  </si>
  <si>
    <t>12/24/2019 21:19:12</t>
  </si>
  <si>
    <t>12/24/2019 21:20:31</t>
  </si>
  <si>
    <t>mail.google.com/sync/u/0/i/s?hl=pt-BR&amp;c=1183</t>
  </si>
  <si>
    <t>02/01/2020;bvcartes-supervisores@algarnet.onmicrosoft.com;josiascdsj@algartech.com;leonardoao@algartech.com;paulacn@algartech.com;rafaelggs@algartech.com;thiagordu@algartech.com;</t>
  </si>
  <si>
    <t>02/01/2020,bvcartes-supervisores@algarnet.onmicrosoft.com,josiascdsj@algartech.com,leonardoao@algartech.com,paulacn@algartech.com,rafaelggs@algartech.com,thiagordu@algartech.com</t>
  </si>
  <si>
    <t>12/24/2019 21:19:17</t>
  </si>
  <si>
    <t>mail.google.com/sync/u/0/i/s?hl=pt-BR&amp;c=1188</t>
  </si>
  <si>
    <t>12/24/2019 21:19:22</t>
  </si>
  <si>
    <t>mail.google.com/sync/u/0/i/s?hl=pt-BR&amp;c=1193</t>
  </si>
  <si>
    <t>12/24/2019 21:19:44</t>
  </si>
  <si>
    <t>mail.google.com/sync/u/0/i/s?hl=pt-BR&amp;c=1199</t>
  </si>
  <si>
    <t>12/24/2019 21:20:10</t>
  </si>
  <si>
    <t>mail.google.com/sync/u/0/i/s?hl=pt-BR&amp;c=1204</t>
  </si>
  <si>
    <t>12/24/2019 21:17:04</t>
  </si>
  <si>
    <t>12/24/2019 21:21:31</t>
  </si>
  <si>
    <t>12/24/2019 21:22:19</t>
  </si>
  <si>
    <t>12/24/2019 21:23:31</t>
  </si>
  <si>
    <t>12/24/2019 21:20:32</t>
  </si>
  <si>
    <t>12/24/2019 21:20:26</t>
  </si>
  <si>
    <t>12/24/2019 21:25:32</t>
  </si>
  <si>
    <t>mail.google.com/sync/u/0/i/s?hl=pt-BR&amp;c=1211</t>
  </si>
  <si>
    <t>12/24/2019 21:20:43</t>
  </si>
  <si>
    <t>mail.google.com/sync/u/0/i/s?hl=pt-BR&amp;c=1216</t>
  </si>
  <si>
    <t>12/24/2019 21:20:50</t>
  </si>
  <si>
    <t>12/24/2019 21:21:05</t>
  </si>
  <si>
    <t>mail.google.com/sync/u/0/i/s?hl=pt-BR&amp;c=1226</t>
  </si>
  <si>
    <t>12/24/2019 21:21:10</t>
  </si>
  <si>
    <t>mail.google.com/sync/u/0/i/s?hl=pt-BR&amp;c=1231</t>
  </si>
  <si>
    <t>12/24/2019 21:21:11</t>
  </si>
  <si>
    <t>12/24/2019 21:24:25</t>
  </si>
  <si>
    <t>mail.google.com/_/upload?authuser=0&amp;dcp=asu-n&amp;upload_id=AEnB2UqqAPbuM0J003pWF3fJOIfRlqtkxy1I_Ftdr5ipLMYGcFa27CJbVNevUrOY1pllGttTfGefdFzQ5qHBh9enAnRmBDVWiw&amp;upload_protocol=resumable</t>
  </si>
  <si>
    <t>Ligação Wender - 23.12.2019 - 09.03.47_1_6773604196893670305_1_32.wav</t>
  </si>
  <si>
    <t>mail.google.com/_/upload?authuser=0&amp;dcp=asu-n&amp;upload_id=AEnB2Uqs0_PeRsZY58DUM56_AdbhOCiJ06uMJKSAPwdM6OunYTNFw4Tb1CaEipFgK6K63zW0GaRAVNxThQMh6txkg1YSN9gaHQ&amp;upload_protocol=resumable</t>
  </si>
  <si>
    <t>Ligação Wender - 23.12.2019 - 10.13.55_1_6773622270116039780_1_32.wav</t>
  </si>
  <si>
    <t>12/24/2019 21:24:27</t>
  </si>
  <si>
    <t>mail.google.com/sync/u/0/i/s?hl=pt-BR&amp;c=1240</t>
  </si>
  <si>
    <t>12/24/2019 21:24:35</t>
  </si>
  <si>
    <t>mail.google.com/sync/u/0/i/s?hl=pt-BR&amp;c=1245</t>
  </si>
  <si>
    <t>12/24/2019 21:24:48</t>
  </si>
  <si>
    <t>mail.google.com/sync/u/0/i/s?hl=pt-BR&amp;c=1250</t>
  </si>
  <si>
    <t>12/24/2019 21:24:59</t>
  </si>
  <si>
    <t>mail.google.com/sync/u/0/i/s?hl=pt-BR&amp;c=1255</t>
  </si>
  <si>
    <t>12/24/2019 21:25:07</t>
  </si>
  <si>
    <t>mail.google.com/sync/u/0/i/s?hl=pt-BR&amp;c=1260</t>
  </si>
  <si>
    <t>12/24/2019 21:25:12</t>
  </si>
  <si>
    <t>mail.google.com/sync/u/0/i/s?hl=pt-BR&amp;c=1265</t>
  </si>
  <si>
    <t>12/24/2019 21:23:49</t>
  </si>
  <si>
    <t>12/24/2019 21:27:31</t>
  </si>
  <si>
    <t>12/24/2019 21:27:03</t>
  </si>
  <si>
    <t>12/24/2019 21:28:31</t>
  </si>
  <si>
    <t>12/24/2019 21:27:35</t>
  </si>
  <si>
    <t>12/24/2019 21:25:30</t>
  </si>
  <si>
    <t>12/24/2019 21:30:31</t>
  </si>
  <si>
    <t>mail.google.com/sync/u/0/i/s?hl=pt-BR&amp;c=1271</t>
  </si>
  <si>
    <t>12/24/2019 21:25:39</t>
  </si>
  <si>
    <t>mail.google.com/sync/u/0/i/s?hl=pt-BR&amp;c=1276</t>
  </si>
  <si>
    <t>12/24/2019 21:25:48</t>
  </si>
  <si>
    <t>mail.google.com/sync/u/0/i/s?hl=pt-BR&amp;c=1282</t>
  </si>
  <si>
    <t>12/24/2019 21:27:06</t>
  </si>
  <si>
    <t>mail.google.com/sync/u/0/i/s?hl=pt-BR&amp;c=1310</t>
  </si>
  <si>
    <t>12/24/2019 21:27:07</t>
  </si>
  <si>
    <t>12/24/2019 21:27:13</t>
  </si>
  <si>
    <t>mail.google.com/sync/u/0/i/s?hl=pt-BR&amp;c=1315</t>
  </si>
  <si>
    <t>12/24/2019 21:27:39</t>
  </si>
  <si>
    <t>mail.google.com/sync/u/0/i/s?hl=pt-BR&amp;c=1321</t>
  </si>
  <si>
    <t>12/24/2019 21:27:49</t>
  </si>
  <si>
    <t>mail.google.com/sync/u/0/i/s?hl=pt-BR&amp;c=1326</t>
  </si>
  <si>
    <t>12/24/2019 21:27:51</t>
  </si>
  <si>
    <t>mail.google.com/sync/u/0/i/s?hl=pt-BR&amp;c=1330</t>
  </si>
  <si>
    <t>12/24/2019 21:28:55</t>
  </si>
  <si>
    <t>mail.google.com/sync/u/0/i/s?hl=pt-BR&amp;c=1372</t>
  </si>
  <si>
    <t>12/24/2019 21:29:10</t>
  </si>
  <si>
    <t>mail.google.com/sync/u/0/i/s?hl=pt-BR&amp;c=1377</t>
  </si>
  <si>
    <t>12/24/2019 21:29:14</t>
  </si>
  <si>
    <t>mail.google.com/sync/u/0/i/s?hl=pt-BR&amp;c=1382</t>
  </si>
  <si>
    <t>12/24/2019 21:29:16</t>
  </si>
  <si>
    <t>mail.google.com/sync/u/0/i/s?hl=pt-BR&amp;c=1387</t>
  </si>
  <si>
    <t>12/24/2019 21:29:27</t>
  </si>
  <si>
    <t>12/24/2019 21:32:32</t>
  </si>
  <si>
    <t>12/24/2019 21:30:09</t>
  </si>
  <si>
    <t>12/24/2019 21:33:31</t>
  </si>
  <si>
    <t>12/24/2019 21:29:58</t>
  </si>
  <si>
    <t>12/24/2019 21:39:07</t>
  </si>
  <si>
    <t>12/24/2019 21:43:31</t>
  </si>
  <si>
    <t>12/24/2019 21:40:30</t>
  </si>
  <si>
    <t>12/24/2019 21:42:50</t>
  </si>
  <si>
    <t>12/24/2019 21:43:57</t>
  </si>
  <si>
    <t>12/24/2019 21:48:32</t>
  </si>
  <si>
    <t>12/24/2019 21:45:44</t>
  </si>
  <si>
    <t>12/24/2019 21:47:54</t>
  </si>
  <si>
    <t>12/24/2019 21:52:32</t>
  </si>
  <si>
    <t>12/24/2019 21:50:08</t>
  </si>
  <si>
    <t>12/24/2019 21:55:31</t>
  </si>
  <si>
    <t>12/24/2019 21:51:15</t>
  </si>
  <si>
    <t>12/24/2019 21:56:32</t>
  </si>
  <si>
    <t>12/24/2019 21:55:33</t>
  </si>
  <si>
    <t>12/24/2019 21:58:32</t>
  </si>
  <si>
    <t>12/24/2019 21:57:07</t>
  </si>
  <si>
    <t>12/24/2019 22:00:32</t>
  </si>
  <si>
    <t>12/24/2019 21:57:16</t>
  </si>
  <si>
    <t>12/24/2019 21:57:25</t>
  </si>
  <si>
    <t>12/24/2019 21:57:32</t>
  </si>
  <si>
    <t>12/24/2019 21:57:43</t>
  </si>
  <si>
    <t>12/24/2019 21:59:31</t>
  </si>
  <si>
    <t>12/24/2019 21:59:35</t>
  </si>
  <si>
    <t>12/24/2019 22:02:01</t>
  </si>
  <si>
    <t>12/24/2019 22:05:31</t>
  </si>
  <si>
    <t>\\acsfs\DEPTOS\Operacao\PCP\5 - Comum\PLANEJAMENTO BV\22 - BANCO DE DADOS BV\FINANCEIRA\</t>
  </si>
  <si>
    <t>~$Banco de Dados BV.xlsx</t>
  </si>
  <si>
    <t>\\acsfs\DEPTOS\Operacao\PCP\5 - Comum\PLANEJAMENTO BV\22 - BANCO DE DADOS BV\FINANCEIRA\~$Banco de Dados BV.xlsx</t>
  </si>
  <si>
    <t>12/24/2019 22:04:41</t>
  </si>
  <si>
    <t>12/24/2019 22:07:31</t>
  </si>
  <si>
    <t>12/24/2019 22:06:08</t>
  </si>
  <si>
    <t>12/24/2019 22:09:31</t>
  </si>
  <si>
    <t>12/24/2019 22:14:26</t>
  </si>
  <si>
    <t>12/24/2019 22:19:33</t>
  </si>
  <si>
    <t>12/24/2019 22:17:54</t>
  </si>
  <si>
    <t>12/24/2019 22:22:32</t>
  </si>
  <si>
    <t>12/24/2019 22:22:36</t>
  </si>
  <si>
    <t>12/24/2019 22:23:32</t>
  </si>
  <si>
    <t>12/24/2019 22:23:40</t>
  </si>
  <si>
    <t>12/24/2019 22:24:32</t>
  </si>
  <si>
    <t>12/24/2019 22:22:02</t>
  </si>
  <si>
    <t>12/24/2019 22:25:32</t>
  </si>
  <si>
    <t>12/24/2019 22:40:15</t>
  </si>
  <si>
    <t>12/24/2019 22:42:32</t>
  </si>
  <si>
    <t>12/24/2019 22:43:09</t>
  </si>
  <si>
    <t>12/24/2019 22:46:32</t>
  </si>
  <si>
    <t>10.200.67.110</t>
  </si>
  <si>
    <t>D0-94-66-B5-5D-59</t>
  </si>
  <si>
    <t>VOTORANT-PB017</t>
  </si>
  <si>
    <t>12/24/2019 23:02:22</t>
  </si>
  <si>
    <t>12/24/2019 23:07:31</t>
  </si>
  <si>
    <t>12/24/2019 23:15:22</t>
  </si>
  <si>
    <t>12/24/2019 23:19:32</t>
  </si>
  <si>
    <t>12/24/2019 23:20:14</t>
  </si>
  <si>
    <t>12/24/2019 23:24:31</t>
  </si>
  <si>
    <t>12/24/2019 23:22:26</t>
  </si>
  <si>
    <t>12/24/2019 23:26:32</t>
  </si>
  <si>
    <t>12/24/2019 23:31:48</t>
  </si>
  <si>
    <t>12/24/2019 23:32:32</t>
  </si>
  <si>
    <t>12/24/2019 23:32:28</t>
  </si>
  <si>
    <t>12/24/2019 23:35:32</t>
  </si>
  <si>
    <t>12/24/2019 23:33:19</t>
  </si>
  <si>
    <t>12/24/2019 23:37:32</t>
  </si>
  <si>
    <t>12/24/2019 23:51:29</t>
  </si>
  <si>
    <t>12/24/2019 23:52:33</t>
  </si>
  <si>
    <t>12/24/2019 23:52:29</t>
  </si>
  <si>
    <t>12/24/2019 23:53:33</t>
  </si>
  <si>
    <t>12/24/2019 23:51:41</t>
  </si>
  <si>
    <t>12/24/2019 23:52:42</t>
  </si>
  <si>
    <t>12/24/2019 23:54:33</t>
  </si>
  <si>
    <t>12/24/2019 23:53:07</t>
  </si>
  <si>
    <t>12/24/2019 23:56:33</t>
  </si>
  <si>
    <t>12/25/2019 00:01:26</t>
  </si>
  <si>
    <t>12/25/2019 00:02:33</t>
  </si>
  <si>
    <t>12/25/2019 00:01:48</t>
  </si>
  <si>
    <t>12/25/2019 00:03:34</t>
  </si>
  <si>
    <t>12/25/2019 00:02:28</t>
  </si>
  <si>
    <t>12/25/2019 00:04:33</t>
  </si>
  <si>
    <t>12/25/2019 00:01:03</t>
  </si>
  <si>
    <t>10.200.67.107</t>
  </si>
  <si>
    <t>D0-94-66-B5-80-0D</t>
  </si>
  <si>
    <t>VOTORANT-RB020</t>
  </si>
  <si>
    <t>12/25/2019 00:01:40</t>
  </si>
  <si>
    <t>12/25/2019 00:05:33</t>
  </si>
  <si>
    <t>D0-94-66-B5-5C-F3</t>
  </si>
  <si>
    <t>VOTORANT-RB019</t>
  </si>
  <si>
    <t>12/25/2019 00:03:14</t>
  </si>
  <si>
    <t>12/25/2019 00:06:33</t>
  </si>
  <si>
    <t>12/25/2019 00:04:42</t>
  </si>
  <si>
    <t>12/25/2019 00:07:33</t>
  </si>
  <si>
    <t>12/25/2019 00:03:10</t>
  </si>
  <si>
    <t>12/25/2019 00:06:14</t>
  </si>
  <si>
    <t>12/25/2019 00:08:33</t>
  </si>
  <si>
    <t>12/25/2019 00:08:08</t>
  </si>
  <si>
    <t>12/25/2019 00:09:34</t>
  </si>
  <si>
    <t>12/25/2019 00:05:54</t>
  </si>
  <si>
    <t>12/25/2019 00:10:30</t>
  </si>
  <si>
    <t>12/25/2019 00:12:34</t>
  </si>
  <si>
    <t>12/25/2019 00:10:59</t>
  </si>
  <si>
    <t>12/25/2019 00:09:08</t>
  </si>
  <si>
    <t>12/25/2019 00:13:34</t>
  </si>
  <si>
    <t>12/25/2019 00:12:27</t>
  </si>
  <si>
    <t>12/25/2019 00:14:35</t>
  </si>
  <si>
    <t>12/25/2019 00:15:34</t>
  </si>
  <si>
    <t>12/25/2019 00:12:03</t>
  </si>
  <si>
    <t>12/25/2019 00:15:06</t>
  </si>
  <si>
    <t>12/25/2019 00:16:35</t>
  </si>
  <si>
    <t>12/25/2019 00:18:49</t>
  </si>
  <si>
    <t>12/25/2019 00:20:34</t>
  </si>
  <si>
    <t>12/25/2019 00:18:22</t>
  </si>
  <si>
    <t>12/25/2019 00:23:34</t>
  </si>
  <si>
    <t>12/25/2019 00:35:27</t>
  </si>
  <si>
    <t>12/25/2019 00:37:34</t>
  </si>
  <si>
    <t>12/25/2019 00:43:36</t>
  </si>
  <si>
    <t>12/25/2019 00:45:34</t>
  </si>
  <si>
    <t>12/25/2019 00:45:42</t>
  </si>
  <si>
    <t>12/25/2019 00:47:34</t>
  </si>
  <si>
    <t>12/25/2019 00:45:00</t>
  </si>
  <si>
    <t>12/25/2019 00:49:35</t>
  </si>
  <si>
    <t>12/25/2019 00:47:19</t>
  </si>
  <si>
    <t>12/25/2019 00:51:35</t>
  </si>
  <si>
    <t>12/25/2019 00:55:16</t>
  </si>
  <si>
    <t>12/25/2019 00:56:35</t>
  </si>
  <si>
    <t>12/25/2019 00:57:21</t>
  </si>
  <si>
    <t>12/25/2019 00:58:35</t>
  </si>
  <si>
    <t>12/25/2019 01:09:00</t>
  </si>
  <si>
    <t>12/25/2019 01:15:37</t>
  </si>
  <si>
    <t>12/25/2019 01:14:11</t>
  </si>
  <si>
    <t>12/25/2019 01:17:37</t>
  </si>
  <si>
    <t>12/25/2019 01:16:12</t>
  </si>
  <si>
    <t>12/25/2019 01:17:27</t>
  </si>
  <si>
    <t>12/25/2019 01:20:36</t>
  </si>
  <si>
    <t>12/25/2019 01:17:00</t>
  </si>
  <si>
    <t>12/25/2019 01:21:36</t>
  </si>
  <si>
    <t>12/25/2019 01:46:01</t>
  </si>
  <si>
    <t>12/25/2019 01:47:35</t>
  </si>
  <si>
    <t>12/25/2019 01:50:57</t>
  </si>
  <si>
    <t>12/25/2019 01:53:36</t>
  </si>
  <si>
    <t>12/25/2019 01:58:31</t>
  </si>
  <si>
    <t>12/25/2019 02:02:35</t>
  </si>
  <si>
    <t>12/25/2019 02:00:27</t>
  </si>
  <si>
    <t>12/25/2019 02:04:36</t>
  </si>
  <si>
    <t>12/25/2019 02:02:58</t>
  </si>
  <si>
    <t>12/25/2019 02:05:36</t>
  </si>
  <si>
    <t>12/25/2019 02:06:44</t>
  </si>
  <si>
    <t>12/25/2019 02:08:35</t>
  </si>
  <si>
    <t>12/25/2019 02:05:44</t>
  </si>
  <si>
    <t>12/25/2019 02:09:36</t>
  </si>
  <si>
    <t>12/25/2019 02:06:48</t>
  </si>
  <si>
    <t>12/25/2019 02:10:36</t>
  </si>
  <si>
    <t>12/25/2019 02:09:03</t>
  </si>
  <si>
    <t>12/25/2019 02:13:36</t>
  </si>
  <si>
    <t>12/25/2019 02:24:31</t>
  </si>
  <si>
    <t>12/25/2019 02:27:36</t>
  </si>
  <si>
    <t>12/25/2019 02:22:31</t>
  </si>
  <si>
    <t>12/25/2019 02:24:30</t>
  </si>
  <si>
    <t>12/25/2019 02:28:45</t>
  </si>
  <si>
    <t>12/25/2019 02:30:36</t>
  </si>
  <si>
    <t>12/25/2019 02:28:57</t>
  </si>
  <si>
    <t>12/25/2019 02:31:36</t>
  </si>
  <si>
    <t>12/25/2019 02:28:29</t>
  </si>
  <si>
    <t>12/25/2019 02:36:35</t>
  </si>
  <si>
    <t>12/25/2019 02:40:36</t>
  </si>
  <si>
    <t>12/25/2019 02:45:33</t>
  </si>
  <si>
    <t>12/25/2019 02:47:36</t>
  </si>
  <si>
    <t>12/25/2019 02:58:32</t>
  </si>
  <si>
    <t>12/25/2019 02:59:36</t>
  </si>
  <si>
    <t>12/25/2019 03:22:47</t>
  </si>
  <si>
    <t>12/25/2019 03:23:37</t>
  </si>
  <si>
    <t>12/25/2019 03:23:28</t>
  </si>
  <si>
    <t>12/25/2019 03:25:37</t>
  </si>
  <si>
    <t>12/25/2019 03:25:43</t>
  </si>
  <si>
    <t>12/25/2019 03:27:37</t>
  </si>
  <si>
    <t>12/25/2019 03:25:01</t>
  </si>
  <si>
    <t>12/25/2019 03:26:43</t>
  </si>
  <si>
    <t>12/25/2019 03:28:37</t>
  </si>
  <si>
    <t>12/25/2019 03:28:32</t>
  </si>
  <si>
    <t>12/25/2019 03:29:37</t>
  </si>
  <si>
    <t>12/25/2019 03:29:14</t>
  </si>
  <si>
    <t>12/25/2019 03:30:37</t>
  </si>
  <si>
    <t>12/25/2019 03:31:27</t>
  </si>
  <si>
    <t>12/25/2019 03:33:37</t>
  </si>
  <si>
    <t>12/25/2019 03:32:04</t>
  </si>
  <si>
    <t>12/25/2019 03:35:37</t>
  </si>
  <si>
    <t>12/25/2019 03:32:26</t>
  </si>
  <si>
    <t>12/25/2019 03:36:37</t>
  </si>
  <si>
    <t>12/25/2019 03:32:10</t>
  </si>
  <si>
    <t>12/25/2019 03:38:48</t>
  </si>
  <si>
    <t>12/25/2019 03:43:37</t>
  </si>
  <si>
    <t>12/25/2019 03:44:20</t>
  </si>
  <si>
    <t>12/25/2019 03:44:38</t>
  </si>
  <si>
    <t>12/25/2019 03:43:49</t>
  </si>
  <si>
    <t>12/25/2019 03:47:38</t>
  </si>
  <si>
    <t>12/25/2019 03:51:13</t>
  </si>
  <si>
    <t>12/25/2019 03:56:38</t>
  </si>
  <si>
    <t>12/25/2019 04:01:30</t>
  </si>
  <si>
    <t>12/25/2019 04:02:38</t>
  </si>
  <si>
    <t>12/25/2019 04:07:13</t>
  </si>
  <si>
    <t>12/25/2019 04:08:37</t>
  </si>
  <si>
    <t>12/25/2019 04:11:23</t>
  </si>
  <si>
    <t>12/25/2019 04:13:38</t>
  </si>
  <si>
    <t>12/25/2019 04:14:20</t>
  </si>
  <si>
    <t>12/25/2019 04:17:39</t>
  </si>
  <si>
    <t>12/25/2019 04:17:54</t>
  </si>
  <si>
    <t>12/25/2019 04:22:38</t>
  </si>
  <si>
    <t>12/25/2019 04:19:01</t>
  </si>
  <si>
    <t>12/25/2019 04:21:40</t>
  </si>
  <si>
    <t>12/25/2019 04:23:39</t>
  </si>
  <si>
    <t>12/25/2019 04:19:51</t>
  </si>
  <si>
    <t>12/25/2019 04:24:39</t>
  </si>
  <si>
    <t>12/25/2019 04:20:36</t>
  </si>
  <si>
    <t>12/25/2019 04:25:49</t>
  </si>
  <si>
    <t>12/25/2019 04:26:39</t>
  </si>
  <si>
    <t>12/25/2019 04:24:44</t>
  </si>
  <si>
    <t>12/25/2019 04:27:39</t>
  </si>
  <si>
    <t>12/25/2019 04:26:30</t>
  </si>
  <si>
    <t>12/25/2019 04:31:38</t>
  </si>
  <si>
    <t>12/25/2019 04:30:47</t>
  </si>
  <si>
    <t>12/25/2019 04:32:39</t>
  </si>
  <si>
    <t>12/25/2019 04:30:34</t>
  </si>
  <si>
    <t>12/25/2019 04:33:38</t>
  </si>
  <si>
    <t>12/25/2019 04:35:19</t>
  </si>
  <si>
    <t>12/25/2019 04:37:38</t>
  </si>
  <si>
    <t>12/25/2019 04:34:56</t>
  </si>
  <si>
    <t>12/25/2019 04:34:04</t>
  </si>
  <si>
    <t>12/25/2019 04:37:36</t>
  </si>
  <si>
    <t>12/25/2019 04:39:38</t>
  </si>
  <si>
    <t>12/25/2019 04:41:43</t>
  </si>
  <si>
    <t>12/25/2019 04:42:38</t>
  </si>
  <si>
    <t>12/25/2019 04:40:11</t>
  </si>
  <si>
    <t>12/25/2019 04:45:38</t>
  </si>
  <si>
    <t>12/25/2019 04:45:26</t>
  </si>
  <si>
    <t>12/25/2019 04:48:39</t>
  </si>
  <si>
    <t>12/25/2019 04:48:50</t>
  </si>
  <si>
    <t>12/25/2019 04:50:38</t>
  </si>
  <si>
    <t>12/25/2019 04:46:20</t>
  </si>
  <si>
    <t>12/25/2019 04:56:00</t>
  </si>
  <si>
    <t>12/25/2019 04:56:39</t>
  </si>
  <si>
    <t>12/25/2019 04:55:46</t>
  </si>
  <si>
    <t>12/25/2019 05:03:06</t>
  </si>
  <si>
    <t>12/25/2019 05:08:39</t>
  </si>
  <si>
    <t>12/25/2019 05:05:36</t>
  </si>
  <si>
    <t>12/25/2019 05:10:38</t>
  </si>
  <si>
    <t>12/25/2019 05:10:33</t>
  </si>
  <si>
    <t>12/25/2019 05:12:38</t>
  </si>
  <si>
    <t>12/25/2019 05:11:20</t>
  </si>
  <si>
    <t>12/25/2019 05:13:39</t>
  </si>
  <si>
    <t>12/25/2019 05:12:21</t>
  </si>
  <si>
    <t>12/25/2019 05:14:38</t>
  </si>
  <si>
    <t>12/25/2019 05:17:46</t>
  </si>
  <si>
    <t>12/25/2019 05:20:38</t>
  </si>
  <si>
    <t>12/25/2019 05:22:09</t>
  </si>
  <si>
    <t>12/25/2019 05:22:38</t>
  </si>
  <si>
    <t>12/25/2019 05:20:13</t>
  </si>
  <si>
    <t>12/25/2019 05:24:38</t>
  </si>
  <si>
    <t>12/25/2019 05:24:29</t>
  </si>
  <si>
    <t>12/25/2019 05:25:38</t>
  </si>
  <si>
    <t>12/25/2019 05:44:55</t>
  </si>
  <si>
    <t>12/25/2019 05:47:38</t>
  </si>
  <si>
    <t>12/25/2019 05:52:42</t>
  </si>
  <si>
    <t>12/25/2019 05:54:38</t>
  </si>
  <si>
    <t>12/25/2019 06:00:48</t>
  </si>
  <si>
    <t>12/25/2019 06:03:37</t>
  </si>
  <si>
    <t>12/25/2019 06:06:28</t>
  </si>
  <si>
    <t>12/25/2019 06:07:37</t>
  </si>
  <si>
    <t>12/25/2019 06:12:02</t>
  </si>
  <si>
    <t>12/25/2019 06:15:38</t>
  </si>
  <si>
    <t>12/25/2019 06:15:56</t>
  </si>
  <si>
    <t>12/25/2019 06:17:38</t>
  </si>
  <si>
    <t>12/25/2019 06:21:27</t>
  </si>
  <si>
    <t>12/25/2019 06:22:39</t>
  </si>
  <si>
    <t>12/25/2019 06:32:31</t>
  </si>
  <si>
    <t>12/25/2019 06:37:38</t>
  </si>
  <si>
    <t>12/25/2019 06:38:26</t>
  </si>
  <si>
    <t>12/25/2019 06:41:37</t>
  </si>
  <si>
    <t>12/25/2019 06:44:17</t>
  </si>
  <si>
    <t>12/25/2019 06:47:38</t>
  </si>
  <si>
    <t>12/25/2019 06:52:33</t>
  </si>
  <si>
    <t>12/25/2019 06:55:38</t>
  </si>
  <si>
    <t>12/25/2019 06:58:43</t>
  </si>
  <si>
    <t>12/25/2019 07:01:38</t>
  </si>
  <si>
    <t>a1a0dde8-fb89-41b3-98b9-599c9e04583a.tmp</t>
  </si>
  <si>
    <t>\\acsfs\profiles$\vivianalds\Downloads\a1a0dde8-fb89-41b3-98b9-599c9e04583a.tmp</t>
  </si>
  <si>
    <t>12/25/2019 06:58:57</t>
  </si>
  <si>
    <t>12/25/2019 07:00:04</t>
  </si>
  <si>
    <t>b9d5c4be-a5a8-4298-b9eb-8a427732a713.tmp</t>
  </si>
  <si>
    <t>\\acsfs\profiles$\vivianalds\Downloads\b9d5c4be-a5a8-4298-b9eb-8a427732a713.tmp</t>
  </si>
  <si>
    <t>12/25/2019 07:00:05</t>
  </si>
  <si>
    <t>12/25/2019 07:04:39</t>
  </si>
  <si>
    <t>josiascdsj@algartech.com</t>
  </si>
  <si>
    <t>12/25/2019 07:00:11</t>
  </si>
  <si>
    <t>12/25/2019 07:00:15</t>
  </si>
  <si>
    <t>katia.cardoso@bv.com.br;</t>
  </si>
  <si>
    <t>katia.cardoso@bv.com.br</t>
  </si>
  <si>
    <t>12/25/2019 07:00:22</t>
  </si>
  <si>
    <t>12/25/2019 07:01:34</t>
  </si>
  <si>
    <t>12/25/2019 07:01:39</t>
  </si>
  <si>
    <t>12/25/2019 07:01:50</t>
  </si>
  <si>
    <t>12/25/2019 07:01:55</t>
  </si>
  <si>
    <t>12/25/2019 07:03:59</t>
  </si>
  <si>
    <t>12/25/2019 07:04:03</t>
  </si>
  <si>
    <t>12/25/2019 07:04:11</t>
  </si>
  <si>
    <t>12/25/2019 07:04:12</t>
  </si>
  <si>
    <t>12/25/2019 07:10:58</t>
  </si>
  <si>
    <t>12/25/2019 07:11:38</t>
  </si>
  <si>
    <t>12/25/2019 07:10:19</t>
  </si>
  <si>
    <t>12/25/2019 07:14:38</t>
  </si>
  <si>
    <t>34-E6-D7-FC-A1-E5</t>
  </si>
  <si>
    <t>VOTORANT-WB021</t>
  </si>
  <si>
    <t>danielac</t>
  </si>
  <si>
    <t>\\acsfs\profiles$\danielac\Contacts\</t>
  </si>
  <si>
    <t>DANIELA COSTA (9).contact</t>
  </si>
  <si>
    <t>\\acsfs\profiles$\danielac\Contacts\DANIELA COSTA (9).contact</t>
  </si>
  <si>
    <t>12/25/2019 07:10:46</t>
  </si>
  <si>
    <t>\\acsfs\profiles$\danielac\My Documents\My Videos\</t>
  </si>
  <si>
    <t>\\acsfs\profiles$\danielac\My Documents\My Videos\desktop.ini</t>
  </si>
  <si>
    <t>12/25/2019 07:10:47</t>
  </si>
  <si>
    <t>12/25/2019 07:10:48</t>
  </si>
  <si>
    <t>12/25/2019 07:10:49</t>
  </si>
  <si>
    <t>12/25/2019 07:10:50</t>
  </si>
  <si>
    <t>\\acsfs\profiles$\danielac\My Documents\My Pictures\</t>
  </si>
  <si>
    <t>\\acsfs\profiles$\danielac\My Documents\My Pictures\desktop.ini</t>
  </si>
  <si>
    <t>12/25/2019 07:10:51</t>
  </si>
  <si>
    <t>12/25/2019 07:10:52</t>
  </si>
  <si>
    <t>12/25/2019 07:10:53</t>
  </si>
  <si>
    <t>12/25/2019 07:10:55</t>
  </si>
  <si>
    <t>\\acsfs\profiles$\danielac\Contacts\desktop.ini</t>
  </si>
  <si>
    <t>12/25/2019 07:10:56</t>
  </si>
  <si>
    <t>12/25/2019 07:10:57</t>
  </si>
  <si>
    <t>\\acsfs\profiles$\danielac\Favorites\</t>
  </si>
  <si>
    <t>\\acsfs\profiles$\danielac\Favorites\desktop.ini</t>
  </si>
  <si>
    <t>12/25/2019 07:10:59</t>
  </si>
  <si>
    <t>12/25/2019 07:11:00</t>
  </si>
  <si>
    <t>\\acsfs\profiles$\danielac\My Documents\My Music\</t>
  </si>
  <si>
    <t>\\acsfs\profiles$\danielac\My Documents\My Music\desktop.ini</t>
  </si>
  <si>
    <t>12/25/2019 07:11:01</t>
  </si>
  <si>
    <t>12/25/2019 07:11:02</t>
  </si>
  <si>
    <t>12/25/2019 07:11:03</t>
  </si>
  <si>
    <t>12/25/2019 07:11:05</t>
  </si>
  <si>
    <t>\\acsfs\profiles$\danielac\Searches\</t>
  </si>
  <si>
    <t>\\acsfs\profiles$\danielac\Searches\desktop.ini</t>
  </si>
  <si>
    <t>12/25/2019 07:11:06</t>
  </si>
  <si>
    <t>\\acsfs\profiles$\danielac\Downloads\</t>
  </si>
  <si>
    <t>\\acsfs\profiles$\danielac\Downloads\desktop.ini</t>
  </si>
  <si>
    <t>12/25/2019 07:11:07</t>
  </si>
  <si>
    <t>12/25/2019 07:11:09</t>
  </si>
  <si>
    <t>\\acsfs\profiles$\danielac\My Documents\</t>
  </si>
  <si>
    <t>\\acsfs\profiles$\danielac\My Documents\desktop.ini</t>
  </si>
  <si>
    <t>12/25/2019 07:11:10</t>
  </si>
  <si>
    <t>12/25/2019 07:11:11</t>
  </si>
  <si>
    <t>12/25/2019 07:11:13</t>
  </si>
  <si>
    <t>\\acsfs\profiles$\danielac\Saved Games\</t>
  </si>
  <si>
    <t>\\acsfs\profiles$\danielac\Saved Games\desktop.ini</t>
  </si>
  <si>
    <t>12/25/2019 07:11:14</t>
  </si>
  <si>
    <t>12/25/2019 07:11:49</t>
  </si>
  <si>
    <t>\\acsfs\profiles$\danielac\Favorites\Links for Brasil\</t>
  </si>
  <si>
    <t>\\acsfs\profiles$\danielac\Favorites\Links for Brasil\desktop.ini</t>
  </si>
  <si>
    <t>12/25/2019 07:11:51</t>
  </si>
  <si>
    <t>\\acsfs\profiles$\danielac\Favorites\Links for Brasil\Microsoft Brasil.url</t>
  </si>
  <si>
    <t>12/25/2019 07:11:52</t>
  </si>
  <si>
    <t>12/25/2019 07:11:54</t>
  </si>
  <si>
    <t>\\acsfs\profiles$\danielac\Favorites\Links for Brasil\Windows Brasil.url</t>
  </si>
  <si>
    <t>12/25/2019 07:11:55</t>
  </si>
  <si>
    <t>12/25/2019 07:11:57</t>
  </si>
  <si>
    <t>\\acsfs\profiles$\danielac\Favorites\Links for Brasil\MSN Brasil.url</t>
  </si>
  <si>
    <t>12/25/2019 07:11:58</t>
  </si>
  <si>
    <t>12/25/2019 07:11:18</t>
  </si>
  <si>
    <t>12/25/2019 07:11:22</t>
  </si>
  <si>
    <t>12/25/2019 07:11:26</t>
  </si>
  <si>
    <t>12/25/2019 07:11:32</t>
  </si>
  <si>
    <t>12/25/2019 07:11:50</t>
  </si>
  <si>
    <t>joaogvc@algartech.com;marianadjc@algartech.com;rafaelggs@algartech.com;taysdss@algartech.com;viniciussg@algartech.com;</t>
  </si>
  <si>
    <t>joaogvc@algartech.com,marianadjc@algartech.com,rafaelggs@algartech.com,taysdss@algartech.com,viniciussg@algartech.com</t>
  </si>
  <si>
    <t>12/25/2019 07:12:02</t>
  </si>
  <si>
    <t>Range.xlsx</t>
  </si>
  <si>
    <t>\\acsfs\DEPTOS\Operacao\PCP\5 - Comum\PLANEJAMENTO BV\14 - ACOMPANHAMENTO\1 - REPORT ACOMPANHAMENTO\12 - Dezembro\CARTÕES\Range.xlsx</t>
  </si>
  <si>
    <t>12/25/2019 07:12:11</t>
  </si>
  <si>
    <t>12/25/2019 07:12:14</t>
  </si>
  <si>
    <t>12/25/2019 07:13:05</t>
  </si>
  <si>
    <t>12/25/2019 07:13:09</t>
  </si>
  <si>
    <t>12/25/2019 07:14:08</t>
  </si>
  <si>
    <t>12/25/2019 07:18:38</t>
  </si>
  <si>
    <t>12/25/2019 07:17:19</t>
  </si>
  <si>
    <t>12/25/2019 07:19:39</t>
  </si>
  <si>
    <t>13108e43-def3-44dd-8ba2-eb9cb72e3227.tmp</t>
  </si>
  <si>
    <t>\\acsfs\profiles$\danielac\Downloads\13108e43-def3-44dd-8ba2-eb9cb72e3227.tmp</t>
  </si>
  <si>
    <t>12/25/2019 07:18:32</t>
  </si>
  <si>
    <t>21dd85c1-417c-4acf-93ec-4143dad5ef29.tmp</t>
  </si>
  <si>
    <t>\\acsfs\profiles$\danielac\Downloads\21dd85c1-417c-4acf-93ec-4143dad5ef29.tmp</t>
  </si>
  <si>
    <t>12/25/2019 07:14:41</t>
  </si>
  <si>
    <t>12/25/2019 07:21:59</t>
  </si>
  <si>
    <t>12/25/2019 07:22:38</t>
  </si>
  <si>
    <t>12/25/2019 07:19:15</t>
  </si>
  <si>
    <t>12/25/2019 07:24:39</t>
  </si>
  <si>
    <t>99e3d261-1875-435b-8a83-9b329dc10b4b.tmp</t>
  </si>
  <si>
    <t>\\acsfs\profiles$\danielac\Downloads\99e3d261-1875-435b-8a83-9b329dc10b4b.tmp</t>
  </si>
  <si>
    <t>12/25/2019 07:21:52</t>
  </si>
  <si>
    <t>12/25/2019 07:22:48</t>
  </si>
  <si>
    <t>12/25/2019 07:20:30</t>
  </si>
  <si>
    <t>12/25/2019 07:25:39</t>
  </si>
  <si>
    <t>12/25/2019 07:24:41</t>
  </si>
  <si>
    <t>12/25/2019 07:28:39</t>
  </si>
  <si>
    <t>12/25/2019 07:31:50</t>
  </si>
  <si>
    <t>12/25/2019 07:35:39</t>
  </si>
  <si>
    <t>10.200.67.219</t>
  </si>
  <si>
    <t>D0-94-66-B5-5D-AC</t>
  </si>
  <si>
    <t>VOTORANT-SB017</t>
  </si>
  <si>
    <t>12/25/2019 07:35:50</t>
  </si>
  <si>
    <t>12/25/2019 07:39:39</t>
  </si>
  <si>
    <t>12/25/2019 07:35:20</t>
  </si>
  <si>
    <t>12/25/2019 07:40:39</t>
  </si>
  <si>
    <t>12/25/2019 07:38:54</t>
  </si>
  <si>
    <t>12/25/2019 07:39:17</t>
  </si>
  <si>
    <t>12/25/2019 07:44:38</t>
  </si>
  <si>
    <t>12/25/2019 07:39:20</t>
  </si>
  <si>
    <t>12/25/2019 07:39:23</t>
  </si>
  <si>
    <t>12/25/2019 07:39:25</t>
  </si>
  <si>
    <t>12/25/2019 07:39:33</t>
  </si>
  <si>
    <t>12/25/2019 07:39:40</t>
  </si>
  <si>
    <t>12/25/2019 07:39:47</t>
  </si>
  <si>
    <t>joaogvc@algartech.com;marianadjc@algartech.com;planejamentodeoperacoesetrafego@bv.com.br;rafaelggs@algartech.com;taysdss@algartech.com;viniciussg@algartech.com;</t>
  </si>
  <si>
    <t>joaogvc@algartech.com,marianadjc@algartech.com,planejamentodeoperacoesetrafego@bv.com.br,rafaelggs@algartech.com,taysdss@algartech.com,viniciussg@algartech.com</t>
  </si>
  <si>
    <t>12/25/2019 07:39:53</t>
  </si>
  <si>
    <t>12/25/2019 07:41:54</t>
  </si>
  <si>
    <t>12/25/2019 07:45:39</t>
  </si>
  <si>
    <t>12/25/2019 07:42:01</t>
  </si>
  <si>
    <t>12/25/2019 07:42:15</t>
  </si>
  <si>
    <t>12/25/2019 07:46:22</t>
  </si>
  <si>
    <t>12/25/2019 07:47:39</t>
  </si>
  <si>
    <t>12/25/2019 07:45:25</t>
  </si>
  <si>
    <t>c42cc09f-30d0-493d-88a4-82844c55eb56.tmp</t>
  </si>
  <si>
    <t>\\acsfs\profiles$\danielac\Downloads\c42cc09f-30d0-493d-88a4-82844c55eb56.tmp</t>
  </si>
  <si>
    <t>12/25/2019 07:44:41</t>
  </si>
  <si>
    <t>12/25/2019 07:49:39</t>
  </si>
  <si>
    <t>https://links.services.disqus.com/api/optimize</t>
  </si>
  <si>
    <t>12/25/2019 07:47:14</t>
  </si>
  <si>
    <t>12/25/2019 07:47:16</t>
  </si>
  <si>
    <t>100035125381406;</t>
  </si>
  <si>
    <t>https://100035125381406</t>
  </si>
  <si>
    <t>12/25/2019 07:47:47</t>
  </si>
  <si>
    <t>12/25/2019 07:52:38</t>
  </si>
  <si>
    <t>387e5274-7fe6-4eef-88c7-683b18d4c0f7.tmp</t>
  </si>
  <si>
    <t>\\acsfs\profiles$\danielac\Downloads\387e5274-7fe6-4eef-88c7-683b18d4c0f7.tmp</t>
  </si>
  <si>
    <t>12/25/2019 07:50:56</t>
  </si>
  <si>
    <t>12/25/2019 07:53:39</t>
  </si>
  <si>
    <t>12/25/2019 07:53:59</t>
  </si>
  <si>
    <t>12/25/2019 07:55:38</t>
  </si>
  <si>
    <t>72410a80-3c15-440b-a4be-c31d2ccde75b.tmp</t>
  </si>
  <si>
    <t>\\acsfs\profiles$\valeriasda\Downloads\72410a80-3c15-440b-a4be-c31d2ccde75b.tmp</t>
  </si>
  <si>
    <t>12/25/2019 07:56:04</t>
  </si>
  <si>
    <t>12/25/2019 07:58:39</t>
  </si>
  <si>
    <t>12/24/2019 20:22:36</t>
  </si>
  <si>
    <t>12/25/2019 08:03:38</t>
  </si>
  <si>
    <t>12/25/2019 08:03:07</t>
  </si>
  <si>
    <t>12/25/2019 08:03:08</t>
  </si>
  <si>
    <t>12/25/2019 08:03:09</t>
  </si>
  <si>
    <t>12/25/2019 08:03:10</t>
  </si>
  <si>
    <t>12/25/2019 08:01:11</t>
  </si>
  <si>
    <t>12/25/2019 08:05:37</t>
  </si>
  <si>
    <t>12/25/2019 08:01:16</t>
  </si>
  <si>
    <t>12/25/2019 08:01:32</t>
  </si>
  <si>
    <t>12/25/2019 08:00:56</t>
  </si>
  <si>
    <t>12/25/2019 08:01:01</t>
  </si>
  <si>
    <t>12/25/2019 08:01:07</t>
  </si>
  <si>
    <t>12/25/2019 08:01:08</t>
  </si>
  <si>
    <t>12/25/2019 08:01:09</t>
  </si>
  <si>
    <t>12/25/2019 08:01:12</t>
  </si>
  <si>
    <t>12/25/2019 08:01:14</t>
  </si>
  <si>
    <t>12/25/2019 08:01:15</t>
  </si>
  <si>
    <t>12/25/2019 08:01:18</t>
  </si>
  <si>
    <t>12/25/2019 08:01:19</t>
  </si>
  <si>
    <t>12/25/2019 08:01:20</t>
  </si>
  <si>
    <t>12/25/2019 08:01:21</t>
  </si>
  <si>
    <t>12/25/2019 08:01:23</t>
  </si>
  <si>
    <t>12/25/2019 08:01:25</t>
  </si>
  <si>
    <t>12/25/2019 08:01:27</t>
  </si>
  <si>
    <t>12/25/2019 08:01:29</t>
  </si>
  <si>
    <t>12/25/2019 08:01:31</t>
  </si>
  <si>
    <t>12/25/2019 08:01:33</t>
  </si>
  <si>
    <t>12/25/2019 08:01:34</t>
  </si>
  <si>
    <t>12/25/2019 08:01:35</t>
  </si>
  <si>
    <t>12/25/2019 08:01:37</t>
  </si>
  <si>
    <t>12/25/2019 08:01:39</t>
  </si>
  <si>
    <t>12/25/2019 08:01:40</t>
  </si>
  <si>
    <t>12/25/2019 08:01:41</t>
  </si>
  <si>
    <t>12/25/2019 08:01:42</t>
  </si>
  <si>
    <t>12/25/2019 08:01:45</t>
  </si>
  <si>
    <t>12/25/2019 08:01:46</t>
  </si>
  <si>
    <t>12/25/2019 08:01:48</t>
  </si>
  <si>
    <t>12/25/2019 08:01:49</t>
  </si>
  <si>
    <t>12/25/2019 08:01:50</t>
  </si>
  <si>
    <t>12/25/2019 08:01:52</t>
  </si>
  <si>
    <t>12/25/2019 08:01:53</t>
  </si>
  <si>
    <t>12/25/2019 08:01:55</t>
  </si>
  <si>
    <t>12/25/2019 08:01:58</t>
  </si>
  <si>
    <t>12/25/2019 08:01:59</t>
  </si>
  <si>
    <t>12/25/2019 08:02:00</t>
  </si>
  <si>
    <t>12/25/2019 08:02:02</t>
  </si>
  <si>
    <t>12/25/2019 08:02:03</t>
  </si>
  <si>
    <t>12/25/2019 08:02:05</t>
  </si>
  <si>
    <t>12/25/2019 08:02:06</t>
  </si>
  <si>
    <t>12/25/2019 08:02:11</t>
  </si>
  <si>
    <t>12/25/2019 08:02:33</t>
  </si>
  <si>
    <t>12/25/2019 08:04:21</t>
  </si>
  <si>
    <t>0df57737-f4f3-485a-8d29-285f5015e984.tmp</t>
  </si>
  <si>
    <t>\\acsfs\profiles$\geovanaasa\Downloads\0df57737-f4f3-485a-8d29-285f5015e984.tmp</t>
  </si>
  <si>
    <t>12/25/2019 08:03:13</t>
  </si>
  <si>
    <t>12/25/2019 08:08:38</t>
  </si>
  <si>
    <t>12/25/2019 08:03:15</t>
  </si>
  <si>
    <t>12/25/2019 08:03:17</t>
  </si>
  <si>
    <t>12/25/2019 08:03:18</t>
  </si>
  <si>
    <t>12/25/2019 08:03:19</t>
  </si>
  <si>
    <t>12/25/2019 08:03:21</t>
  </si>
  <si>
    <t>12/25/2019 08:03:27</t>
  </si>
  <si>
    <t>12/25/2019 08:03:29</t>
  </si>
  <si>
    <t>12/25/2019 08:03:30</t>
  </si>
  <si>
    <t>12/25/2019 08:03:33</t>
  </si>
  <si>
    <t>12/25/2019 08:03:35</t>
  </si>
  <si>
    <t>12/25/2019 08:03:36</t>
  </si>
  <si>
    <t>12/25/2019 08:03:39</t>
  </si>
  <si>
    <t>12/25/2019 08:03:47</t>
  </si>
  <si>
    <t>12/25/2019 08:03:48</t>
  </si>
  <si>
    <t>12/25/2019 08:03:53</t>
  </si>
  <si>
    <t>12/25/2019 08:03:54</t>
  </si>
  <si>
    <t>12/25/2019 08:04:12</t>
  </si>
  <si>
    <t>12/25/2019 08:04:15</t>
  </si>
  <si>
    <t>12/25/2019 08:04:16</t>
  </si>
  <si>
    <t>12/25/2019 08:04:19</t>
  </si>
  <si>
    <t>12/25/2019 08:04:23</t>
  </si>
  <si>
    <t>12/25/2019 08:04:26</t>
  </si>
  <si>
    <t>12/25/2019 08:04:27</t>
  </si>
  <si>
    <t>12/25/2019 08:04:29</t>
  </si>
  <si>
    <t>12/25/2019 08:04:31</t>
  </si>
  <si>
    <t>12/25/2019 08:04:32</t>
  </si>
  <si>
    <t>12/25/2019 08:04:33</t>
  </si>
  <si>
    <t>12/25/2019 08:04:37</t>
  </si>
  <si>
    <t>12/25/2019 08:04:38</t>
  </si>
  <si>
    <t>12/25/2019 08:04:40</t>
  </si>
  <si>
    <t>12/25/2019 08:04:43</t>
  </si>
  <si>
    <t>12/25/2019 08:04:44</t>
  </si>
  <si>
    <t>12/25/2019 08:04:45</t>
  </si>
  <si>
    <t>12/25/2019 08:04:49</t>
  </si>
  <si>
    <t>12/25/2019 08:04:51</t>
  </si>
  <si>
    <t>12/25/2019 08:04:55</t>
  </si>
  <si>
    <t>12/25/2019 08:04:57</t>
  </si>
  <si>
    <t>12/25/2019 08:05:31</t>
  </si>
  <si>
    <t>12/25/2019 08:05:50</t>
  </si>
  <si>
    <t>12/25/2019 08:10:38</t>
  </si>
  <si>
    <t>62b5ce03-d2b9-43b8-ae72-e48aa828e72f.tmp</t>
  </si>
  <si>
    <t>\\acsfs\profiles$\geovanaasa\Downloads\62b5ce03-d2b9-43b8-ae72-e48aa828e72f.tmp</t>
  </si>
  <si>
    <t>12/25/2019 08:08:57</t>
  </si>
  <si>
    <t>12/25/2019 08:13:38</t>
  </si>
  <si>
    <t>8e13ce22-768c-42d7-ab1b-4500a5968a4d.tmp</t>
  </si>
  <si>
    <t>\\acsfs\profiles$\vivianalds\Downloads\8e13ce22-768c-42d7-ab1b-4500a5968a4d.tmp</t>
  </si>
  <si>
    <t>12/25/2019 08:10:19</t>
  </si>
  <si>
    <t>fbb8a491-fdaa-48a4-b96a-c7ef7242891c.tmp</t>
  </si>
  <si>
    <t>\\acsfs\profiles$\vivianalds\Downloads\fbb8a491-fdaa-48a4-b96a-c7ef7242891c.tmp</t>
  </si>
  <si>
    <t>12/25/2019 08:10:57</t>
  </si>
  <si>
    <t>12/25/2019 08:12:37</t>
  </si>
  <si>
    <t>12/25/2019 08:14:38</t>
  </si>
  <si>
    <t>12/25/2019 08:12:43</t>
  </si>
  <si>
    <t>12/25/2019 08:10:18</t>
  </si>
  <si>
    <t>12/25/2019 08:11:34</t>
  </si>
  <si>
    <t>12/25/2019 08:15:38</t>
  </si>
  <si>
    <t>12/25/2019 08:11:37</t>
  </si>
  <si>
    <t>12/25/2019 08:11:42</t>
  </si>
  <si>
    <t>12/25/2019 08:11:45</t>
  </si>
  <si>
    <t>12/25/2019 08:14:32</t>
  </si>
  <si>
    <t>12/25/2019 08:15:04</t>
  </si>
  <si>
    <t>12/25/2019 08:12:07</t>
  </si>
  <si>
    <t>12/25/2019 08:16:38</t>
  </si>
  <si>
    <t>2ecbcff3-ad56-4739-9544-b823ff56f071.tmp</t>
  </si>
  <si>
    <t>\\acsfs\profiles$\quindaizaagds\Downloads\2ecbcff3-ad56-4739-9544-b823ff56f071.tmp</t>
  </si>
  <si>
    <t>12/25/2019 08:13:18</t>
  </si>
  <si>
    <t>4898a61f-055a-43f2-a466-f4a4fe13b73a.tmp</t>
  </si>
  <si>
    <t>\\acsfs\profiles$\quindaizaagds\Downloads\4898a61f-055a-43f2-a466-f4a4fe13b73a.tmp</t>
  </si>
  <si>
    <t>12/25/2019 08:13:20</t>
  </si>
  <si>
    <t>96e8f2e8-3c00-4606-a141-2d08e1c64af1.tmp</t>
  </si>
  <si>
    <t>\\acsfs\profiles$\quindaizaagds\Downloads\96e8f2e8-3c00-4606-a141-2d08e1c64af1.tmp</t>
  </si>
  <si>
    <t>12/25/2019 08:17:16</t>
  </si>
  <si>
    <t>12/25/2019 08:18:38</t>
  </si>
  <si>
    <t>12/25/2019 08:14:37</t>
  </si>
  <si>
    <t>68473bce-4b72-4cc1-ab18-6ace153b57bd.tmp</t>
  </si>
  <si>
    <t>\\acsfs\profiles$\kellzylenneasr\Downloads\68473bce-4b72-4cc1-ab18-6ace153b57bd.tmp</t>
  </si>
  <si>
    <t>12/25/2019 08:15:06</t>
  </si>
  <si>
    <t>12/25/2019 08:17:54</t>
  </si>
  <si>
    <t>31807646-9dba-4b5a-a819-0791f51c6d0f.tmp</t>
  </si>
  <si>
    <t>\\acsfs\profiles$\kellzylenneasr\Downloads\31807646-9dba-4b5a-a819-0791f51c6d0f.tmp</t>
  </si>
  <si>
    <t>12/25/2019 08:19:08</t>
  </si>
  <si>
    <t>12/25/2019 08:19:38</t>
  </si>
  <si>
    <t>12/25/2019 08:17:20</t>
  </si>
  <si>
    <t>12/25/2019 08:22:38</t>
  </si>
  <si>
    <t>12/25/2019 08:21:08</t>
  </si>
  <si>
    <t>12/25/2019 08:23:38</t>
  </si>
  <si>
    <t>12/25/2019 08:20:16</t>
  </si>
  <si>
    <t>12/25/2019 08:25:38</t>
  </si>
  <si>
    <t>12/25/2019 08:23:45</t>
  </si>
  <si>
    <t>12/25/2019 08:28:38</t>
  </si>
  <si>
    <t>12/25/2019 08:28:56</t>
  </si>
  <si>
    <t>12/25/2019 08:30:38</t>
  </si>
  <si>
    <t>12/24/2019 14:18:21</t>
  </si>
  <si>
    <t>12/25/2019 08:31:39</t>
  </si>
  <si>
    <t>12/24/2019 14:18:23</t>
  </si>
  <si>
    <t>12/25/2019 08:31:44</t>
  </si>
  <si>
    <t>12/25/2019 08:34:38</t>
  </si>
  <si>
    <t>34-E6-D7-FC-B7-87</t>
  </si>
  <si>
    <t>VOTORANT-VB015</t>
  </si>
  <si>
    <t>\\acsfs\profiles$\Flaviojmm\Contacts\</t>
  </si>
  <si>
    <t>FLAVIO JUNIO MENDES MOREIRA (7).contact</t>
  </si>
  <si>
    <t>\\acsfs\profiles$\Flaviojmm\Contacts\FLAVIO JUNIO MENDES MOREIRA (7).contact</t>
  </si>
  <si>
    <t>12/25/2019 08:31:45</t>
  </si>
  <si>
    <t>12/25/2019 08:31:55</t>
  </si>
  <si>
    <t>\\acsfs\profiles$\Flaviojmm\My Documents\My Videos\</t>
  </si>
  <si>
    <t>\\acsfs\profiles$\Flaviojmm\My Documents\My Videos\desktop.ini</t>
  </si>
  <si>
    <t>12/25/2019 08:31:56</t>
  </si>
  <si>
    <t>\\acsfs\profiles$\Flaviojmm\My Documents\My Pictures\</t>
  </si>
  <si>
    <t>\\acsfs\profiles$\Flaviojmm\My Documents\My Pictures\desktop.ini</t>
  </si>
  <si>
    <t>12/25/2019 08:31:57</t>
  </si>
  <si>
    <t>\\acsfs\profiles$\Flaviojmm\Contacts\desktop.ini</t>
  </si>
  <si>
    <t>\\acsfs\profiles$\Flaviojmm\Favorites\</t>
  </si>
  <si>
    <t>\\acsfs\profiles$\Flaviojmm\Favorites\desktop.ini</t>
  </si>
  <si>
    <t>12/25/2019 08:31:58</t>
  </si>
  <si>
    <t>\\acsfs\profiles$\Flaviojmm\My Documents\My Music\</t>
  </si>
  <si>
    <t>\\acsfs\profiles$\Flaviojmm\My Documents\My Music\desktop.ini</t>
  </si>
  <si>
    <t>12/25/2019 08:31:59</t>
  </si>
  <si>
    <t>12/25/2019 08:32:00</t>
  </si>
  <si>
    <t>\\acsfs\profiles$\Flaviojmm\Searches\desktop.ini</t>
  </si>
  <si>
    <t>\\acsfs\profiles$\Flaviojmm\Downloads\desktop.ini</t>
  </si>
  <si>
    <t>12/25/2019 08:32:01</t>
  </si>
  <si>
    <t>\\acsfs\profiles$\Flaviojmm\My Documents\desktop.ini</t>
  </si>
  <si>
    <t>12/25/2019 08:32:02</t>
  </si>
  <si>
    <t>\\acsfs\profiles$\Flaviojmm\Saved Games\</t>
  </si>
  <si>
    <t>\\acsfs\profiles$\Flaviojmm\Saved Games\desktop.ini</t>
  </si>
  <si>
    <t>12/25/2019 08:32:03</t>
  </si>
  <si>
    <t>12/25/2019 08:32:13</t>
  </si>
  <si>
    <t>\\acsfs\profiles$\FLAVIOJMM\Favorites\Links for Brasil\</t>
  </si>
  <si>
    <t>\\acsfs\profiles$\FLAVIOJMM\Favorites\Links for Brasil\desktop.ini</t>
  </si>
  <si>
    <t>\\acsfs\profiles$\FLAVIOJMM\Favorites\Links for Brasil\Microsoft Brasil.url</t>
  </si>
  <si>
    <t>12/25/2019 08:32:14</t>
  </si>
  <si>
    <t>\\acsfs\profiles$\FLAVIOJMM\Favorites\Links for Brasil\Windows Brasil.url</t>
  </si>
  <si>
    <t>\\acsfs\profiles$\FLAVIOJMM\Favorites\Links for Brasil\MSN Brasil.url</t>
  </si>
  <si>
    <t>12/25/2019 08:31:48</t>
  </si>
  <si>
    <t>12/25/2019 08:35:38</t>
  </si>
  <si>
    <t>12/25/2019 08:33:17</t>
  </si>
  <si>
    <t>12/25/2019 08:36:39</t>
  </si>
  <si>
    <t>12/25/2019 08:35:04</t>
  </si>
  <si>
    <t>12/25/2019 08:34:10</t>
  </si>
  <si>
    <t>12/25/2019 08:39:39</t>
  </si>
  <si>
    <t>336ba233-a54a-460d-988d-202e1ba1029c.tmp</t>
  </si>
  <si>
    <t>\\acsfs\profiles$\Flaviojmm\Downloads\336ba233-a54a-460d-988d-202e1ba1029c.tmp</t>
  </si>
  <si>
    <t>12/25/2019 08:35:35</t>
  </si>
  <si>
    <t>1cafd1fc-9624-4268-8c7e-64be89aad615.tmp</t>
  </si>
  <si>
    <t>\\acsfs\profiles$\Flaviojmm\Downloads\1cafd1fc-9624-4268-8c7e-64be89aad615.tmp</t>
  </si>
  <si>
    <t>12/25/2019 08:36:49</t>
  </si>
  <si>
    <t>12/25/2019 08:40:38</t>
  </si>
  <si>
    <t>12/25/2019 08:36:25</t>
  </si>
  <si>
    <t>12/25/2019 08:38:01</t>
  </si>
  <si>
    <t>08df0895-476e-4e48-bb9e-cd31c06e9593.tmp</t>
  </si>
  <si>
    <t>\\acsfs\profiles$\joycemmdl\Downloads\08df0895-476e-4e48-bb9e-cd31c06e9593.tmp</t>
  </si>
  <si>
    <t>12/25/2019 08:39:13</t>
  </si>
  <si>
    <t>4372fd7f-de16-4214-86b8-618c0241cd8d.tmp</t>
  </si>
  <si>
    <t>\\acsfs\profiles$\joycemmdl\Downloads\4372fd7f-de16-4214-86b8-618c0241cd8d.tmp</t>
  </si>
  <si>
    <t>12/25/2019 08:39:25</t>
  </si>
  <si>
    <t>49225132-95a5-4462-97ef-9348ac8bffd6.tmp</t>
  </si>
  <si>
    <t>\\acsfs\profiles$\joycemmdl\Downloads\49225132-95a5-4462-97ef-9348ac8bffd6.tmp</t>
  </si>
  <si>
    <t>12/25/2019 08:42:18</t>
  </si>
  <si>
    <t>12/25/2019 08:44:39</t>
  </si>
  <si>
    <t>adelvinsonle</t>
  </si>
  <si>
    <t>\\acsfs\profiles$\adelvinsonle\Downloads\</t>
  </si>
  <si>
    <t>0cd1540d-92de-4c45-b451-009e3b38d644.tmp</t>
  </si>
  <si>
    <t>\\acsfs\profiles$\adelvinsonle\Downloads\0cd1540d-92de-4c45-b451-009e3b38d644.tmp</t>
  </si>
  <si>
    <t>12/25/2019 08:42:28</t>
  </si>
  <si>
    <t>Q29udHJvbGxlci5DYWxjdWxhZG9yYURlVmVuY2lt (7).ica</t>
  </si>
  <si>
    <t>\\acsfs\profiles$\adelvinsonle\Downloads\Q29udHJvbGxlci5DYWxjdWxhZG9yYURlVmVuY2lt (7).ica</t>
  </si>
  <si>
    <t>12/25/2019 08:46:04</t>
  </si>
  <si>
    <t>12/25/2019 08:46:38</t>
  </si>
  <si>
    <t>12/25/2019 08:44:16</t>
  </si>
  <si>
    <t>12/25/2019 08:49:38</t>
  </si>
  <si>
    <t>abce024d-7cde-4a6b-a7e8-89de60ee471e.tmp</t>
  </si>
  <si>
    <t>\\acsfs\profiles$\adelvinsonle\Downloads\abce024d-7cde-4a6b-a7e8-89de60ee471e.tmp</t>
  </si>
  <si>
    <t>12/25/2019 08:49:44</t>
  </si>
  <si>
    <t>12/25/2019 08:50:39</t>
  </si>
  <si>
    <t>12/25/2019 08:51:25</t>
  </si>
  <si>
    <t>12/25/2019 08:56:39</t>
  </si>
  <si>
    <t>12/25/2019 08:55:27</t>
  </si>
  <si>
    <t>12/25/2019 09:00:39</t>
  </si>
  <si>
    <t>mail.google.com/_/upload?authuser=0&amp;dcp=asu-n&amp;upload_id=AEnB2Uo-kIksuhTvIzSayF-Y6hPz2seaHx29tduurXraBWgiXIHXhy6H-IrJA0jeQncQZLm4dUUv4hSti23spoRgZq3cPmnJ6WNX5tbpW3s17MAw6V4uPnw&amp;upload_protocol=resumable</t>
  </si>
  <si>
    <t>12/25/2019 08:58:01</t>
  </si>
  <si>
    <t>12/25/2019 09:01:39</t>
  </si>
  <si>
    <t>b8f8cb3c-52da-4e5b-b022-ff699abb24f4.tmp</t>
  </si>
  <si>
    <t>\\acsfs\profiles$\nataliacsl\Downloads\b8f8cb3c-52da-4e5b-b022-ff699abb24f4.tmp</t>
  </si>
  <si>
    <t>12/25/2019 08:59:33</t>
  </si>
  <si>
    <t>6c58eb9d-5ef4-46f9-b545-0fe4a316407c.tmp</t>
  </si>
  <si>
    <t>\\acsfs\profiles$\nataliacsl\Downloads\6c58eb9d-5ef4-46f9-b545-0fe4a316407c.tmp</t>
  </si>
  <si>
    <t>12/25/2019 08:58:59</t>
  </si>
  <si>
    <t>12/25/2019 09:04:39</t>
  </si>
  <si>
    <t>12/25/2019 08:59:53</t>
  </si>
  <si>
    <t>12/25/2019 09:00:00</t>
  </si>
  <si>
    <t>12/25/2019 09:00:01</t>
  </si>
  <si>
    <t>12/25/2019 09:00:04</t>
  </si>
  <si>
    <t>12/25/2019 09:00:08</t>
  </si>
  <si>
    <t>12/25/2019 09:00:12</t>
  </si>
  <si>
    <t>12/25/2019 09:00:14</t>
  </si>
  <si>
    <t>12/25/2019 09:00:15</t>
  </si>
  <si>
    <t>12/25/2019 09:00:16</t>
  </si>
  <si>
    <t>12/25/2019 09:00:18</t>
  </si>
  <si>
    <t>12/25/2019 09:00:21</t>
  </si>
  <si>
    <t>12/25/2019 09:00:35</t>
  </si>
  <si>
    <t>12/25/2019 09:00:42</t>
  </si>
  <si>
    <t>12/25/2019 09:00:43</t>
  </si>
  <si>
    <t>12/25/2019 09:00:48</t>
  </si>
  <si>
    <t>12/25/2019 09:00:49</t>
  </si>
  <si>
    <t>12/25/2019 09:00:54</t>
  </si>
  <si>
    <t>12/25/2019 09:00:55</t>
  </si>
  <si>
    <t>12/25/2019 09:01:07</t>
  </si>
  <si>
    <t>12/25/2019 09:01:10</t>
  </si>
  <si>
    <t>12/25/2019 09:01:11</t>
  </si>
  <si>
    <t>12/25/2019 09:01:20</t>
  </si>
  <si>
    <t>12/25/2019 09:01:21</t>
  </si>
  <si>
    <t>12/25/2019 09:01:29</t>
  </si>
  <si>
    <t>12/25/2019 09:01:30</t>
  </si>
  <si>
    <t>12/25/2019 09:01:34</t>
  </si>
  <si>
    <t>12/25/2019 09:01:36</t>
  </si>
  <si>
    <t>12/25/2019 09:01:38</t>
  </si>
  <si>
    <t>12/25/2019 09:01:41</t>
  </si>
  <si>
    <t>12/25/2019 09:01:43</t>
  </si>
  <si>
    <t>12/25/2019 09:01:44</t>
  </si>
  <si>
    <t>12/25/2019 09:01:45</t>
  </si>
  <si>
    <t>12/25/2019 09:01:47</t>
  </si>
  <si>
    <t>12/25/2019 09:01:48</t>
  </si>
  <si>
    <t>12/25/2019 09:01:49</t>
  </si>
  <si>
    <t>12/25/2019 09:01:50</t>
  </si>
  <si>
    <t>12/25/2019 09:01:51</t>
  </si>
  <si>
    <t>12/25/2019 09:01:52</t>
  </si>
  <si>
    <t>12/25/2019 09:01:53</t>
  </si>
  <si>
    <t>12/25/2019 09:02:20</t>
  </si>
  <si>
    <t>12/25/2019 09:05:38</t>
  </si>
  <si>
    <t>12/25/2019 09:02:50</t>
  </si>
  <si>
    <t>56cfbc6f-637b-4f02-9f62-655b38435dbd.tmp</t>
  </si>
  <si>
    <t>\\acsfs\profiles$\PEDROHAB\Downloads\56cfbc6f-637b-4f02-9f62-655b38435dbd.tmp</t>
  </si>
  <si>
    <t>08f9f3e2-d3ba-4126-883a-af81c59fa25f.tmp</t>
  </si>
  <si>
    <t>\\acsfs\profiles$\PEDROHAB\Downloads\08f9f3e2-d3ba-4126-883a-af81c59fa25f.tmp</t>
  </si>
  <si>
    <t>12/25/2019 09:05:49</t>
  </si>
  <si>
    <t>12/25/2019 09:07:40</t>
  </si>
  <si>
    <t>12/25/2019 09:07:33</t>
  </si>
  <si>
    <t>12/25/2019 09:08:39</t>
  </si>
  <si>
    <t>12/25/2019 09:06:27</t>
  </si>
  <si>
    <t>12/25/2019 09:10:39</t>
  </si>
  <si>
    <t>12/25/2019 09:07:12</t>
  </si>
  <si>
    <t>12/25/2019 09:11:21</t>
  </si>
  <si>
    <t>12/25/2019 09:12:39</t>
  </si>
  <si>
    <t>12/25/2019 09:09:13</t>
  </si>
  <si>
    <t>12/25/2019 09:14:39</t>
  </si>
  <si>
    <t>363b64ea-3cec-416c-a20b-c8e836fb6130.tmp</t>
  </si>
  <si>
    <t>\\acsfs\profiles$\dhiulliananads\Downloads\363b64ea-3cec-416c-a20b-c8e836fb6130.tmp</t>
  </si>
  <si>
    <t>12/25/2019 09:10:15</t>
  </si>
  <si>
    <t>c79662cd-bb30-4f2e-b934-bb362a75d6b0.tmp</t>
  </si>
  <si>
    <t>\\acsfs\profiles$\dhiulliananads\Downloads\c79662cd-bb30-4f2e-b934-bb362a75d6b0.tmp</t>
  </si>
  <si>
    <t>12/25/2019 09:11:19</t>
  </si>
  <si>
    <t>12/25/2019 09:11:44</t>
  </si>
  <si>
    <t>12/25/2019 09:11:45</t>
  </si>
  <si>
    <t>lu14032h60z.tmp</t>
  </si>
  <si>
    <t>\\acsfs\profiles$\dhiulliananads\My Documents\lu14032h60z.tmp</t>
  </si>
  <si>
    <t>\\acsfs\profiles$\dhiulliananads\My Documents\lu14032h60z.tmp\</t>
  </si>
  <si>
    <t>\\acsfs\profiles$\dhiulliananads\My Documents\lu14032h60z.tmp\META-INF\</t>
  </si>
  <si>
    <t>\\acsfs\profiles$\dhiulliananads\My Documents\lu14032h60z.tmp\Thumbnails\</t>
  </si>
  <si>
    <t>12/25/2019 09:13:05</t>
  </si>
  <si>
    <t>12/25/2019 09:13:09</t>
  </si>
  <si>
    <t>12/25/2019 09:13:11</t>
  </si>
  <si>
    <t>12/25/2019 09:13:18</t>
  </si>
  <si>
    <t>12/25/2019 09:13:32</t>
  </si>
  <si>
    <t>bvcartes-supervisores@algarnet.onmicrosoft.com;bvs-centralcartoes@bv.com.br;daniela.ribeiro@bv.com.br;eduardo.santana@bv.com.br;fabio.ernest@bv.com.br;leonardoao@algartech.com;marcus.pelegrine@bv.com.br;marcus.pellegrini@bv.com.br;paulacn@algartech.com;planejamentodeoperacoesetrafego@bv.com.br;thiagordu@algartech.com;</t>
  </si>
  <si>
    <t>bvcartes-supervisores@algarnet.onmicrosoft.com,bvs-centralcartoes@bv.com.br,daniela.ribeiro@bv.com.br,eduardo.santana@bv.com.br,fabio.ernest@bv.com.br,leonardoao@algartech.com,marcus.pelegrine@bv.com.br,marcus.pellegrini@bv.com.br,paulacn@algartech.com,planejamentodeoperacoesetrafego@bv.com.br,thiagordu@algartech.com</t>
  </si>
  <si>
    <t>12/25/2019 09:13:37</t>
  </si>
  <si>
    <t>12/25/2019 09:13:42</t>
  </si>
  <si>
    <t>12/25/2019 09:11:51</t>
  </si>
  <si>
    <t>12/25/2019 09:15:39</t>
  </si>
  <si>
    <t>12/25/2019 09:13:34</t>
  </si>
  <si>
    <t>12/25/2019 09:16:26</t>
  </si>
  <si>
    <t>12/25/2019 09:17:39</t>
  </si>
  <si>
    <t>eduardofss</t>
  </si>
  <si>
    <t>\\acsfs\profiles$\eduardofss\Downloads\</t>
  </si>
  <si>
    <t>df2ae7f1-65e9-440b-bd0e-75d97fbffa9b.tmp</t>
  </si>
  <si>
    <t>\\acsfs\profiles$\eduardofss\Downloads\df2ae7f1-65e9-440b-bd0e-75d97fbffa9b.tmp</t>
  </si>
  <si>
    <t>12/25/2019 09:18:29</t>
  </si>
  <si>
    <t>12/25/2019 09:21:38</t>
  </si>
  <si>
    <t>12/25/2019 09:22:46</t>
  </si>
  <si>
    <t>12/25/2019 09:23:39</t>
  </si>
  <si>
    <t>12/25/2019 09:21:20</t>
  </si>
  <si>
    <t>d02c635d-b5c4-4192-97b3-99bc5bdd02d7.tmp</t>
  </si>
  <si>
    <t>\\acsfs\profiles$\milenaas\Downloads\d02c635d-b5c4-4192-97b3-99bc5bdd02d7.tmp</t>
  </si>
  <si>
    <t>12/25/2019 09:22:38</t>
  </si>
  <si>
    <t>ccc465bb-8810-4664-a781-f526ee75faa1.tmp</t>
  </si>
  <si>
    <t>\\acsfs\profiles$\milenaas\Downloads\ccc465bb-8810-4664-a781-f526ee75faa1.tmp</t>
  </si>
  <si>
    <t>12/25/2019 09:23:06</t>
  </si>
  <si>
    <t>a3c1be31-55ee-4e9a-8d6c-2adc79b1a0ea.tmp</t>
  </si>
  <si>
    <t>\\acsfs\profiles$\milenaas\Downloads\a3c1be31-55ee-4e9a-8d6c-2adc79b1a0ea.tmp</t>
  </si>
  <si>
    <t>12/25/2019 09:20:23</t>
  </si>
  <si>
    <t>12/25/2019 09:24:38</t>
  </si>
  <si>
    <t>12/25/2019 09:20:19</t>
  </si>
  <si>
    <t>12/25/2019 09:22:06</t>
  </si>
  <si>
    <t>12/25/2019 09:25:39</t>
  </si>
  <si>
    <t>12/25/2019 09:23:31</t>
  </si>
  <si>
    <t>12/25/2019 09:28:39</t>
  </si>
  <si>
    <t>0da57a57-ec54-49ad-a606-bd35c993f0e1.tmp</t>
  </si>
  <si>
    <t>\\acsfs\profiles$\milenaas\Downloads\0da57a57-ec54-49ad-a606-bd35c993f0e1.tmp</t>
  </si>
  <si>
    <t>12/25/2019 09:31:44</t>
  </si>
  <si>
    <t>12/25/2019 09:33:39</t>
  </si>
  <si>
    <t>709b9abb-17a2-40e9-b4cf-700bdb926ce3.tmp</t>
  </si>
  <si>
    <t>\\acsfs\profiles$\milenaas\Downloads\709b9abb-17a2-40e9-b4cf-700bdb926ce3.tmp</t>
  </si>
  <si>
    <t>12/25/2019 09:31:09</t>
  </si>
  <si>
    <t>12/25/2019 09:30:14</t>
  </si>
  <si>
    <t>12/25/2019 09:35:39</t>
  </si>
  <si>
    <t>12/25/2019 09:32:02</t>
  </si>
  <si>
    <t>12/25/2019 09:35:02</t>
  </si>
  <si>
    <t>12/25/2019 09:32:56</t>
  </si>
  <si>
    <t>12/25/2019 09:36:38</t>
  </si>
  <si>
    <t>12/25/2019 09:37:39</t>
  </si>
  <si>
    <t>12/25/2019 09:36:44</t>
  </si>
  <si>
    <t>12/25/2019 09:40:39</t>
  </si>
  <si>
    <t>12/25/2019 09:39:44</t>
  </si>
  <si>
    <t>12/25/2019 09:42:39</t>
  </si>
  <si>
    <t>12/25/2019 09:40:10</t>
  </si>
  <si>
    <t>12/25/2019 09:45:39</t>
  </si>
  <si>
    <t>laisr</t>
  </si>
  <si>
    <t>\\acsfs\profiles$\laisr\My Documents\My Pictures\</t>
  </si>
  <si>
    <t>\\acsfs\profiles$\laisr\My Documents\My Videos\desktop.ini</t>
  </si>
  <si>
    <t>\\acsfs\profiles$\laisr\My Documents\My Videos\</t>
  </si>
  <si>
    <t>12/25/2019 09:40:11</t>
  </si>
  <si>
    <t>12/25/2019 09:40:14</t>
  </si>
  <si>
    <t>12/25/2019 09:40:15</t>
  </si>
  <si>
    <t>12/25/2019 09:40:16</t>
  </si>
  <si>
    <t>\\acsfs\profiles$\laisr\My Documents\My Music\</t>
  </si>
  <si>
    <t>\\acsfs\profiles$\laisr\My Documents\My Pictures\desktop.ini</t>
  </si>
  <si>
    <t>12/25/2019 09:40:18</t>
  </si>
  <si>
    <t>12/25/2019 09:40:19</t>
  </si>
  <si>
    <t>12/25/2019 09:40:21</t>
  </si>
  <si>
    <t>12/25/2019 09:40:29</t>
  </si>
  <si>
    <t>12/25/2019 09:40:30</t>
  </si>
  <si>
    <t>\\acsfs\profiles$\laisr\Contacts\</t>
  </si>
  <si>
    <t>\\acsfs\profiles$\laisr\Contacts\desktop.ini</t>
  </si>
  <si>
    <t>12/25/2019 09:40:31</t>
  </si>
  <si>
    <t>12/25/2019 09:40:32</t>
  </si>
  <si>
    <t>12/25/2019 09:40:34</t>
  </si>
  <si>
    <t>12/25/2019 09:40:35</t>
  </si>
  <si>
    <t>12/25/2019 09:40:37</t>
  </si>
  <si>
    <t>12/25/2019 09:40:38</t>
  </si>
  <si>
    <t>\\acsfs\profiles$\laisr\My Documents\</t>
  </si>
  <si>
    <t>\\acsfs\profiles$\laisr\Favorites\desktop.ini</t>
  </si>
  <si>
    <t>12/25/2019 09:40:41</t>
  </si>
  <si>
    <t>12/25/2019 09:40:42</t>
  </si>
  <si>
    <t>12/25/2019 09:40:43</t>
  </si>
  <si>
    <t>12/25/2019 09:40:46</t>
  </si>
  <si>
    <t>12/25/2019 09:40:47</t>
  </si>
  <si>
    <t>12/25/2019 09:40:48</t>
  </si>
  <si>
    <t>\\acsfs\profiles$\laisr\My Documents\My Music\desktop.ini</t>
  </si>
  <si>
    <t>12/25/2019 09:40:50</t>
  </si>
  <si>
    <t>12/25/2019 09:40:51</t>
  </si>
  <si>
    <t>12/25/2019 09:40:52</t>
  </si>
  <si>
    <t>12/25/2019 09:40:53</t>
  </si>
  <si>
    <t>12/25/2019 09:40:54</t>
  </si>
  <si>
    <t>\\acsfs\profiles$\laisr\Searches\</t>
  </si>
  <si>
    <t>\\acsfs\profiles$\laisr\Searches\desktop.ini</t>
  </si>
  <si>
    <t>12/25/2019 09:40:55</t>
  </si>
  <si>
    <t>12/25/2019 09:40:58</t>
  </si>
  <si>
    <t>12/25/2019 09:40:59</t>
  </si>
  <si>
    <t>12/25/2019 09:41:00</t>
  </si>
  <si>
    <t>12/25/2019 09:41:01</t>
  </si>
  <si>
    <t>\\acsfs\profiles$\laisr\Downloads\</t>
  </si>
  <si>
    <t>\\acsfs\profiles$\laisr\Downloads\desktop.ini</t>
  </si>
  <si>
    <t>12/25/2019 09:41:03</t>
  </si>
  <si>
    <t>12/25/2019 09:41:05</t>
  </si>
  <si>
    <t>\\acsfs\profiles$\laisr\Favorites\</t>
  </si>
  <si>
    <t>\\acsfs\profiles$\laisr\My Documents\desktop.ini</t>
  </si>
  <si>
    <t>12/25/2019 09:41:07</t>
  </si>
  <si>
    <t>12/25/2019 09:41:08</t>
  </si>
  <si>
    <t>12/25/2019 09:41:09</t>
  </si>
  <si>
    <t>12/25/2019 09:41:12</t>
  </si>
  <si>
    <t>12/25/2019 09:41:13</t>
  </si>
  <si>
    <t>12/25/2019 09:41:15</t>
  </si>
  <si>
    <t>\\acsfs\profiles$\laisr\Saved Games\desktop.ini</t>
  </si>
  <si>
    <t>12/25/2019 09:41:17</t>
  </si>
  <si>
    <t>12/25/2019 09:41:42</t>
  </si>
  <si>
    <t>winrt--{S-1-5-21-602162358-764733703-839522115-355812}-.searchconnector-ms</t>
  </si>
  <si>
    <t>\\acsfs\profiles$\laisr\Searches\winrt--{S-1-5-21-602162358-764733703-839522115-355812}-.searchconnector-ms</t>
  </si>
  <si>
    <t>12/25/2019 09:41:43</t>
  </si>
  <si>
    <t>12/25/2019 09:41:36</t>
  </si>
  <si>
    <t>12/25/2019 09:50:53</t>
  </si>
  <si>
    <t>12/25/2019 09:52:39</t>
  </si>
  <si>
    <t>84167c1d-9178-44ea-a8a7-c5349e2b739b.tmp</t>
  </si>
  <si>
    <t>\\acsfs\profiles$\eduardofss\Downloads\84167c1d-9178-44ea-a8a7-c5349e2b739b.tmp</t>
  </si>
  <si>
    <t>12/25/2019 09:50:56</t>
  </si>
  <si>
    <t>Q29udHJvbGxlci5DYWxjdWxhZG9yYURlVmVuY2lt (26).ica</t>
  </si>
  <si>
    <t>\\acsfs\profiles$\eduardofss\Downloads\Q29udHJvbGxlci5DYWxjdWxhZG9yYURlVmVuY2lt (26).ica</t>
  </si>
  <si>
    <t>12/25/2019 09:54:30</t>
  </si>
  <si>
    <t>12/25/2019 09:55:39</t>
  </si>
  <si>
    <t>12/25/2019 09:51:13</t>
  </si>
  <si>
    <t>12/25/2019 09:56:39</t>
  </si>
  <si>
    <t>12/25/2019 09:59:33</t>
  </si>
  <si>
    <t>12/25/2019 10:00:39</t>
  </si>
  <si>
    <t>12/25/2019 10:02:27</t>
  </si>
  <si>
    <t>12/25/2019 10:07:40</t>
  </si>
  <si>
    <t>db7ccc8a-fcf6-4fc4-9eb8-0a8df4fe74b1.tmp</t>
  </si>
  <si>
    <t>\\acsfs\profiles$\danielac\Downloads\db7ccc8a-fcf6-4fc4-9eb8-0a8df4fe74b1.tmp</t>
  </si>
  <si>
    <t>12/25/2019 10:11:28</t>
  </si>
  <si>
    <t>12/25/2019 10:12:40</t>
  </si>
  <si>
    <t>12/25/2019 10:09:32</t>
  </si>
  <si>
    <t>12/25/2019 10:12:22</t>
  </si>
  <si>
    <t>12/25/2019 10:13:40</t>
  </si>
  <si>
    <t>12/25/2019 10:13:45</t>
  </si>
  <si>
    <t>12/25/2019 10:14:40</t>
  </si>
  <si>
    <t>12/25/2019 10:12:10</t>
  </si>
  <si>
    <t>12/25/2019 10:15:39</t>
  </si>
  <si>
    <t>12/25/2019 10:12:37</t>
  </si>
  <si>
    <t>12/25/2019 10:13:10</t>
  </si>
  <si>
    <t>12/25/2019 10:17:40</t>
  </si>
  <si>
    <t>12/25/2019 10:16:52</t>
  </si>
  <si>
    <t>12/25/2019 10:19:40</t>
  </si>
  <si>
    <t>c77eceda-74dc-4860-95e0-235a8dbecf40.tmp</t>
  </si>
  <si>
    <t>\\acsfs\profiles$\vivianibfs\Downloads\c77eceda-74dc-4860-95e0-235a8dbecf40.tmp</t>
  </si>
  <si>
    <t>12/25/2019 10:18:07</t>
  </si>
  <si>
    <t>048cf2b0-8dff-4d46-aa6c-fe29bbf70aea.tmp</t>
  </si>
  <si>
    <t>\\acsfs\profiles$\vivianibfs\Downloads\048cf2b0-8dff-4d46-aa6c-fe29bbf70aea.tmp</t>
  </si>
  <si>
    <t>12/25/2019 10:18:55</t>
  </si>
  <si>
    <t>060a35f7-8013-4469-ba62-c1aeee7f412e.tmp</t>
  </si>
  <si>
    <t>\\acsfs\profiles$\vivianibfs\Downloads\060a35f7-8013-4469-ba62-c1aeee7f412e.tmp</t>
  </si>
  <si>
    <t>12/25/2019 10:21:12</t>
  </si>
  <si>
    <t>12/25/2019 10:23:41</t>
  </si>
  <si>
    <t>1763a13b-0946-4d11-abde-084e7ca953c3.tmp</t>
  </si>
  <si>
    <t>\\acsfs\profiles$\gisellyador\Downloads\1763a13b-0946-4d11-abde-084e7ca953c3.tmp</t>
  </si>
  <si>
    <t>12/25/2019 10:21:20</t>
  </si>
  <si>
    <t>a69dcfcc-9c8c-4255-b928-592867c1823d.tmp</t>
  </si>
  <si>
    <t>\\acsfs\profiles$\gisellyador\Downloads\a69dcfcc-9c8c-4255-b928-592867c1823d.tmp</t>
  </si>
  <si>
    <t>12/25/2019 10:21:27</t>
  </si>
  <si>
    <t>c055b15f-7803-49b6-ad23-0143d0d4c2a7.tmp</t>
  </si>
  <si>
    <t>\\acsfs\profiles$\gisellyador\Downloads\c055b15f-7803-49b6-ad23-0143d0d4c2a7.tmp</t>
  </si>
  <si>
    <t>12/25/2019 10:21:34</t>
  </si>
  <si>
    <t>00c4c41a-d84c-45fc-bd4b-983466925a2b.tmp</t>
  </si>
  <si>
    <t>\\acsfs\profiles$\gisellyador\Downloads\00c4c41a-d84c-45fc-bd4b-983466925a2b.tmp</t>
  </si>
  <si>
    <t>12/25/2019 10:21:38</t>
  </si>
  <si>
    <t>130d1a3e-c1d4-49ea-9cdf-ed2c439513af.tmp</t>
  </si>
  <si>
    <t>\\acsfs\profiles$\gisellyador\Downloads\130d1a3e-c1d4-49ea-9cdf-ed2c439513af.tmp</t>
  </si>
  <si>
    <t>12/25/2019 10:23:00</t>
  </si>
  <si>
    <t>f2a30a8a-2b06-40d4-966a-e8dfd8e39db0.tmp</t>
  </si>
  <si>
    <t>\\acsfs\profiles$\gisellyador\Downloads\f2a30a8a-2b06-40d4-966a-e8dfd8e39db0.tmp</t>
  </si>
  <si>
    <t>12/25/2019 10:19:42</t>
  </si>
  <si>
    <t>12/25/2019 10:24:40</t>
  </si>
  <si>
    <t>b3c6b843-e599-4f6e-ad0c-157790294d19.tmp</t>
  </si>
  <si>
    <t>\\acsfs\profiles$\vivianibfs\Downloads\b3c6b843-e599-4f6e-ad0c-157790294d19.tmp</t>
  </si>
  <si>
    <t>12/25/2019 10:23:57</t>
  </si>
  <si>
    <t>12/25/2019 10:27:41</t>
  </si>
  <si>
    <t>12/25/2019 10:23:18</t>
  </si>
  <si>
    <t>12/25/2019 10:24:44</t>
  </si>
  <si>
    <t>12/25/2019 10:28:40</t>
  </si>
  <si>
    <t>12/25/2019 10:25:00</t>
  </si>
  <si>
    <t>12/25/2019 10:25:04</t>
  </si>
  <si>
    <t>12/25/2019 10:25:05</t>
  </si>
  <si>
    <t>12/25/2019 10:25:06</t>
  </si>
  <si>
    <t>12/25/2019 10:25:07</t>
  </si>
  <si>
    <t>12/25/2019 10:25:10</t>
  </si>
  <si>
    <t>12/25/2019 10:25:11</t>
  </si>
  <si>
    <t>12/25/2019 10:25:12</t>
  </si>
  <si>
    <t>12/25/2019 10:25:13</t>
  </si>
  <si>
    <t>12/25/2019 10:25:14</t>
  </si>
  <si>
    <t>12/25/2019 10:25:15</t>
  </si>
  <si>
    <t>12/25/2019 10:25:16</t>
  </si>
  <si>
    <t>12/25/2019 10:25:17</t>
  </si>
  <si>
    <t>12/25/2019 10:25:18</t>
  </si>
  <si>
    <t>12/25/2019 10:25:20</t>
  </si>
  <si>
    <t>12/25/2019 10:25:21</t>
  </si>
  <si>
    <t>12/25/2019 10:25:27</t>
  </si>
  <si>
    <t>12/25/2019 10:25:28</t>
  </si>
  <si>
    <t>12/25/2019 10:25:33</t>
  </si>
  <si>
    <t>12/25/2019 10:25:36</t>
  </si>
  <si>
    <t>12/25/2019 10:25:37</t>
  </si>
  <si>
    <t>12/25/2019 10:25:42</t>
  </si>
  <si>
    <t>12/25/2019 10:25:44</t>
  </si>
  <si>
    <t>12/25/2019 10:25:45</t>
  </si>
  <si>
    <t>12/25/2019 10:25:46</t>
  </si>
  <si>
    <t>12/25/2019 10:25:59</t>
  </si>
  <si>
    <t>12/25/2019 10:26:00</t>
  </si>
  <si>
    <t>12/25/2019 10:26:01</t>
  </si>
  <si>
    <t>12/25/2019 10:26:02</t>
  </si>
  <si>
    <t>12/25/2019 10:26:03</t>
  </si>
  <si>
    <t>12/25/2019 10:26:05</t>
  </si>
  <si>
    <t>12/25/2019 10:26:06</t>
  </si>
  <si>
    <t>12/25/2019 10:26:13</t>
  </si>
  <si>
    <t>12/25/2019 10:26:14</t>
  </si>
  <si>
    <t>12/25/2019 10:26:15</t>
  </si>
  <si>
    <t>12/25/2019 10:26:16</t>
  </si>
  <si>
    <t>12/25/2019 10:26:17</t>
  </si>
  <si>
    <t>12/25/2019 10:26:18</t>
  </si>
  <si>
    <t>12/25/2019 10:26:19</t>
  </si>
  <si>
    <t>12/25/2019 10:26:20</t>
  </si>
  <si>
    <t>12/25/2019 10:26:22</t>
  </si>
  <si>
    <t>12/25/2019 10:26:25</t>
  </si>
  <si>
    <t>12/25/2019 10:26:50</t>
  </si>
  <si>
    <t>12/25/2019 10:26:44</t>
  </si>
  <si>
    <t>12/25/2019 10:29:41</t>
  </si>
  <si>
    <t>12/25/2019 10:30:41</t>
  </si>
  <si>
    <t>12/25/2019 10:26:08</t>
  </si>
  <si>
    <t>12/25/2019 10:26:31</t>
  </si>
  <si>
    <t>12/25/2019 10:28:57</t>
  </si>
  <si>
    <t>12/25/2019 10:31:41</t>
  </si>
  <si>
    <t>12/25/2019 10:31:01</t>
  </si>
  <si>
    <t>12/25/2019 10:32:41</t>
  </si>
  <si>
    <t>12/25/2019 10:30:04</t>
  </si>
  <si>
    <t>12/25/2019 10:33:40</t>
  </si>
  <si>
    <t>12/25/2019 10:31:59</t>
  </si>
  <si>
    <t>e70e57da-7550-459b-861c-5e986275cb85.tmp</t>
  </si>
  <si>
    <t>\\acsfs\profiles$\dhiulliananads\Downloads\e70e57da-7550-459b-861c-5e986275cb85.tmp</t>
  </si>
  <si>
    <t>12/25/2019 10:31:37</t>
  </si>
  <si>
    <t>12/25/2019 10:34:41</t>
  </si>
  <si>
    <t>10.200.67.133</t>
  </si>
  <si>
    <t>anapdsb</t>
  </si>
  <si>
    <t>\\acsfs\profiles$\ANAPDSB\Downloads\</t>
  </si>
  <si>
    <t>18c42d12-287a-4fcd-b9c0-ec4e5b364aec.tmp</t>
  </si>
  <si>
    <t>\\acsfs\profiles$\ANAPDSB\Downloads\18c42d12-287a-4fcd-b9c0-ec4e5b364aec.tmp</t>
  </si>
  <si>
    <t>12/25/2019 10:31:47</t>
  </si>
  <si>
    <t>Q29udHJvbGxlci5QYXl3YXJlXzEtMg-- (15).ica</t>
  </si>
  <si>
    <t>\\acsfs\profiles$\ANAPDSB\Downloads\Q29udHJvbGxlci5QYXl3YXJlXzEtMg-- (15).ica</t>
  </si>
  <si>
    <t>12/25/2019 10:34:00</t>
  </si>
  <si>
    <t>c9d928f1-f5a9-452a-9a5b-56c245aae67e.tmp</t>
  </si>
  <si>
    <t>\\acsfs\profiles$\ANAPDSB\Downloads\c9d928f1-f5a9-452a-9a5b-56c245aae67e.tmp</t>
  </si>
  <si>
    <t>12/25/2019 10:34:51</t>
  </si>
  <si>
    <t>12/25/2019 10:35:40</t>
  </si>
  <si>
    <t>12/25/2019 10:34:59</t>
  </si>
  <si>
    <t>12/25/2019 10:31:40</t>
  </si>
  <si>
    <t>12/25/2019 10:36:41</t>
  </si>
  <si>
    <t>12/25/2019 10:40:05</t>
  </si>
  <si>
    <t>12/25/2019 10:41:41</t>
  </si>
  <si>
    <t>12/24/2019 21:20:57</t>
  </si>
  <si>
    <t>12/25/2019 10:42:40</t>
  </si>
  <si>
    <t>12/25/2019 10:41:50</t>
  </si>
  <si>
    <t>12/25/2019 10:43:41</t>
  </si>
  <si>
    <t>12/25/2019 10:44:10</t>
  </si>
  <si>
    <t>12/25/2019 10:45:41</t>
  </si>
  <si>
    <t>10.200.66.126</t>
  </si>
  <si>
    <t>34-E6-D7-FC-B7-64</t>
  </si>
  <si>
    <t>VOTORANT-WB015</t>
  </si>
  <si>
    <t>laylaams</t>
  </si>
  <si>
    <t>\\acsfs\profiles$\laylaams\Contacts\</t>
  </si>
  <si>
    <t>LAYLA APARECIDA MACEDO SILVEIRA (14).contact</t>
  </si>
  <si>
    <t>\\acsfs\profiles$\laylaams\Contacts\LAYLA APARECIDA MACEDO SILVEIRA (14).contact</t>
  </si>
  <si>
    <t>12/25/2019 10:44:22</t>
  </si>
  <si>
    <t>\\acsfs\profiles$\laylaams\My Documents\My Videos\</t>
  </si>
  <si>
    <t>\\acsfs\profiles$\laylaams\My Documents\My Videos\desktop.ini</t>
  </si>
  <si>
    <t>12/25/2019 10:44:23</t>
  </si>
  <si>
    <t>\\acsfs\profiles$\laylaams\My Documents\My Pictures\</t>
  </si>
  <si>
    <t>\\acsfs\profiles$\laylaams\My Documents\My Pictures\desktop.ini</t>
  </si>
  <si>
    <t>12/25/2019 10:44:24</t>
  </si>
  <si>
    <t>12/25/2019 10:44:25</t>
  </si>
  <si>
    <t>\\acsfs\profiles$\laylaams\Contacts\desktop.ini</t>
  </si>
  <si>
    <t>\\acsfs\profiles$\laylaams\Favorites\</t>
  </si>
  <si>
    <t>\\acsfs\profiles$\laylaams\Favorites\desktop.ini</t>
  </si>
  <si>
    <t>12/25/2019 10:44:26</t>
  </si>
  <si>
    <t>12/25/2019 10:44:27</t>
  </si>
  <si>
    <t>\\acsfs\profiles$\laylaams\My Documents\My Music\</t>
  </si>
  <si>
    <t>\\acsfs\profiles$\laylaams\My Documents\My Music\desktop.ini</t>
  </si>
  <si>
    <t>12/25/2019 10:44:28</t>
  </si>
  <si>
    <t>12/25/2019 10:44:29</t>
  </si>
  <si>
    <t>\\acsfs\profiles$\laylaams\Searches\</t>
  </si>
  <si>
    <t>\\acsfs\profiles$\laylaams\Searches\desktop.ini</t>
  </si>
  <si>
    <t>\\acsfs\profiles$\laylaams\Downloads\</t>
  </si>
  <si>
    <t>\\acsfs\profiles$\laylaams\Downloads\desktop.ini</t>
  </si>
  <si>
    <t>12/25/2019 10:44:30</t>
  </si>
  <si>
    <t>12/25/2019 10:44:31</t>
  </si>
  <si>
    <t>\\acsfs\profiles$\laylaams\My Documents\</t>
  </si>
  <si>
    <t>\\acsfs\profiles$\laylaams\My Documents\desktop.ini</t>
  </si>
  <si>
    <t>12/25/2019 10:44:32</t>
  </si>
  <si>
    <t>\\acsfs\profiles$\laylaams\Saved Games\</t>
  </si>
  <si>
    <t>\\acsfs\profiles$\laylaams\Saved Games\desktop.ini</t>
  </si>
  <si>
    <t>12/25/2019 10:44:33</t>
  </si>
  <si>
    <t>12/25/2019 10:44:46</t>
  </si>
  <si>
    <t>\\acsfs\profiles$\laylaams\Favorites\Links for Brasil\</t>
  </si>
  <si>
    <t>\\acsfs\profiles$\laylaams\Favorites\Links for Brasil\desktop.ini</t>
  </si>
  <si>
    <t>\\acsfs\profiles$\laylaams\Favorites\Links for Brasil\Microsoft Brasil.url</t>
  </si>
  <si>
    <t>12/25/2019 10:44:47</t>
  </si>
  <si>
    <t>\\acsfs\profiles$\laylaams\Favorites\Links for Brasil\Windows Brasil.url</t>
  </si>
  <si>
    <t>12/25/2019 10:44:48</t>
  </si>
  <si>
    <t>\\acsfs\profiles$\laylaams\Favorites\Links for Brasil\MSN Brasil.url</t>
  </si>
  <si>
    <t>12/25/2019 10:43:55</t>
  </si>
  <si>
    <t>12/25/2019 10:47:41</t>
  </si>
  <si>
    <t>12/25/2019 10:44:41</t>
  </si>
  <si>
    <t>d2016855-ef97-469f-86d3-7fa22bc5a735.tmp</t>
  </si>
  <si>
    <t>\\acsfs\profiles$\philipegsf\Downloads\d2016855-ef97-469f-86d3-7fa22bc5a735.tmp</t>
  </si>
  <si>
    <t>12/25/2019 10:46:06</t>
  </si>
  <si>
    <t>5b921ab5-756f-4e04-a09d-250a238f32e0.tmp</t>
  </si>
  <si>
    <t>\\acsfs\profiles$\philipegsf\Downloads\5b921ab5-756f-4e04-a09d-250a238f32e0.tmp</t>
  </si>
  <si>
    <t>12/25/2019 10:44:57</t>
  </si>
  <si>
    <t>12/25/2019 10:48:41</t>
  </si>
  <si>
    <t>12/25/2019 10:47:02</t>
  </si>
  <si>
    <t>12/25/2019 10:50:41</t>
  </si>
  <si>
    <t>6b9411c7-b828-4a49-b576-e5128e98ba11.tmp</t>
  </si>
  <si>
    <t>\\acsfs\profiles$\laylaams\Downloads\6b9411c7-b828-4a49-b576-e5128e98ba11.tmp</t>
  </si>
  <si>
    <t>12/25/2019 10:47:24</t>
  </si>
  <si>
    <t>Não confirmado 304275.crdownload</t>
  </si>
  <si>
    <t>\\acsfs\profiles$\laylaams\Downloads\Não confirmado 304275.crdownload</t>
  </si>
  <si>
    <t>12/25/2019 10:47:37</t>
  </si>
  <si>
    <t>8481cdb3-33e2-43c5-a886-1a9037cd9351.tmp</t>
  </si>
  <si>
    <t>\\acsfs\profiles$\laylaams\Downloads\8481cdb3-33e2-43c5-a886-1a9037cd9351.tmp</t>
  </si>
  <si>
    <t>Q29udHJvbGxlci5DYWxjdWxhZG9yYURlVmVuY2lt (8).ica</t>
  </si>
  <si>
    <t>\\acsfs\profiles$\laylaams\Downloads\Q29udHJvbGxlci5DYWxjdWxhZG9yYURlVmVuY2lt (8).ica</t>
  </si>
  <si>
    <t>12/25/2019 10:48:00</t>
  </si>
  <si>
    <t>1c721f55-191c-4436-b18f-fab1f5b35420.tmp</t>
  </si>
  <si>
    <t>\\acsfs\profiles$\laylaams\Downloads\1c721f55-191c-4436-b18f-fab1f5b35420.tmp</t>
  </si>
  <si>
    <t>12/25/2019 10:48:23</t>
  </si>
  <si>
    <t>84b1fa8b-23fa-4efd-889d-f80460909f7f.tmp</t>
  </si>
  <si>
    <t>\\acsfs\profiles$\laylaams\Downloads\84b1fa8b-23fa-4efd-889d-f80460909f7f.tmp</t>
  </si>
  <si>
    <t>12/25/2019 10:48:56</t>
  </si>
  <si>
    <t>12/25/2019 10:52:41</t>
  </si>
  <si>
    <t>12/25/2019 10:49:38</t>
  </si>
  <si>
    <t>12/25/2019 10:54:41</t>
  </si>
  <si>
    <t>12/25/2019 10:57:16</t>
  </si>
  <si>
    <t>12/25/2019 11:02:41</t>
  </si>
  <si>
    <t>12/25/2019 11:00:26</t>
  </si>
  <si>
    <t>12/25/2019 11:00:06</t>
  </si>
  <si>
    <t>12/25/2019 11:05:41</t>
  </si>
  <si>
    <t>12/25/2019 11:10:59</t>
  </si>
  <si>
    <t>12/25/2019 11:11:41</t>
  </si>
  <si>
    <t>12/25/2019 11:11:12</t>
  </si>
  <si>
    <t>12/25/2019 11:12:41</t>
  </si>
  <si>
    <t>12/25/2019 11:12:22</t>
  </si>
  <si>
    <t>12/25/2019 11:13:41</t>
  </si>
  <si>
    <t>12/25/2019 11:13:04</t>
  </si>
  <si>
    <t>12/25/2019 11:17:41</t>
  </si>
  <si>
    <t>12/25/2019 11:16:06</t>
  </si>
  <si>
    <t>12/25/2019 11:20:41</t>
  </si>
  <si>
    <t>12/25/2019 11:20:23</t>
  </si>
  <si>
    <t>12/25/2019 11:21:41</t>
  </si>
  <si>
    <t>12/25/2019 11:20:07</t>
  </si>
  <si>
    <t>12/25/2019 11:22:42</t>
  </si>
  <si>
    <t>12/25/2019 11:20:12</t>
  </si>
  <si>
    <t>12/25/2019 11:24:42</t>
  </si>
  <si>
    <t>12/25/2019 11:25:06</t>
  </si>
  <si>
    <t>12/25/2019 11:28:42</t>
  </si>
  <si>
    <t>12/25/2019 11:30:14</t>
  </si>
  <si>
    <t>12/25/2019 11:34:42</t>
  </si>
  <si>
    <t>12/25/2019 11:30:18</t>
  </si>
  <si>
    <t>12/25/2019 11:30:23</t>
  </si>
  <si>
    <t>12/25/2019 11:30:32</t>
  </si>
  <si>
    <t>12/25/2019 11:30:49</t>
  </si>
  <si>
    <t>12/25/2019 11:30:57</t>
  </si>
  <si>
    <t>12/25/2019 11:31:11</t>
  </si>
  <si>
    <t>12/25/2019 11:39:53</t>
  </si>
  <si>
    <t>12/25/2019 11:42:41</t>
  </si>
  <si>
    <t>12/25/2019 11:40:38</t>
  </si>
  <si>
    <t>12/25/2019 11:43:42</t>
  </si>
  <si>
    <t>12/25/2019 11:43:24</t>
  </si>
  <si>
    <t>12/25/2019 11:44:41</t>
  </si>
  <si>
    <t>12/25/2019 11:43:27</t>
  </si>
  <si>
    <t>12/25/2019 11:43:30</t>
  </si>
  <si>
    <t>12/25/2019 11:43:35</t>
  </si>
  <si>
    <t>12/25/2019 11:42:42</t>
  </si>
  <si>
    <t>12/25/2019 11:46:41</t>
  </si>
  <si>
    <t>12/25/2019 11:42:16</t>
  </si>
  <si>
    <t>12/25/2019 11:42:20</t>
  </si>
  <si>
    <t>12/25/2019 11:47:41</t>
  </si>
  <si>
    <t>12/25/2019 11:49:05</t>
  </si>
  <si>
    <t>12/25/2019 11:50:41</t>
  </si>
  <si>
    <t>12/25/2019 11:51:11</t>
  </si>
  <si>
    <t>12/25/2019 11:51:41</t>
  </si>
  <si>
    <t>12/25/2019 11:48:55</t>
  </si>
  <si>
    <t>12/25/2019 11:52:41</t>
  </si>
  <si>
    <t>12/25/2019 11:49:10</t>
  </si>
  <si>
    <t>12/25/2019 11:53:41</t>
  </si>
  <si>
    <t>12/25/2019 11:52:12</t>
  </si>
  <si>
    <t>12/25/2019 11:54:41</t>
  </si>
  <si>
    <t>12/25/2019 11:52:14</t>
  </si>
  <si>
    <t>12/25/2019 11:52:15</t>
  </si>
  <si>
    <t>12/25/2019 11:52:17</t>
  </si>
  <si>
    <t>12/25/2019 11:52:19</t>
  </si>
  <si>
    <t>12/25/2019 11:52:24</t>
  </si>
  <si>
    <t>12/25/2019 11:52:25</t>
  </si>
  <si>
    <t>12/25/2019 11:52:26</t>
  </si>
  <si>
    <t>12/25/2019 11:52:27</t>
  </si>
  <si>
    <t>12/25/2019 11:52:29</t>
  </si>
  <si>
    <t>12/25/2019 11:52:30</t>
  </si>
  <si>
    <t>12/25/2019 11:52:31</t>
  </si>
  <si>
    <t>12/25/2019 11:52:33</t>
  </si>
  <si>
    <t>12/25/2019 11:52:34</t>
  </si>
  <si>
    <t>12/25/2019 11:52:35</t>
  </si>
  <si>
    <t>12/25/2019 11:52:38</t>
  </si>
  <si>
    <t>12/25/2019 11:52:40</t>
  </si>
  <si>
    <t>12/25/2019 11:52:42</t>
  </si>
  <si>
    <t>12/25/2019 11:52:43</t>
  </si>
  <si>
    <t>12/25/2019 11:52:44</t>
  </si>
  <si>
    <t>12/25/2019 11:52:45</t>
  </si>
  <si>
    <t>12/25/2019 11:52:49</t>
  </si>
  <si>
    <t>12/25/2019 11:52:51</t>
  </si>
  <si>
    <t>12/25/2019 11:52:53</t>
  </si>
  <si>
    <t>12/25/2019 11:52:56</t>
  </si>
  <si>
    <t>12/25/2019 11:53:00</t>
  </si>
  <si>
    <t>12/25/2019 11:53:01</t>
  </si>
  <si>
    <t>12/25/2019 11:53:02</t>
  </si>
  <si>
    <t>12/25/2019 11:53:03</t>
  </si>
  <si>
    <t>12/25/2019 11:53:05</t>
  </si>
  <si>
    <t>12/25/2019 11:56:38</t>
  </si>
  <si>
    <t>12/25/2019 11:58:42</t>
  </si>
  <si>
    <t>12/25/2019 11:54:22</t>
  </si>
  <si>
    <t>12/25/2019 11:59:41</t>
  </si>
  <si>
    <t>12/25/2019 11:54:44</t>
  </si>
  <si>
    <t>61ea7d20-e2bf-41c4-8dde-1960da37e226.tmp</t>
  </si>
  <si>
    <t>\\acsfs\profiles$\henriqueco\Downloads\61ea7d20-e2bf-41c4-8dde-1960da37e226.tmp</t>
  </si>
  <si>
    <t>12/25/2019 11:56:53</t>
  </si>
  <si>
    <t>12/25/2019 12:00:41</t>
  </si>
  <si>
    <t>12/25/2019 12:01:19</t>
  </si>
  <si>
    <t>12/25/2019 12:04:41</t>
  </si>
  <si>
    <t>lu11436e115.tmp</t>
  </si>
  <si>
    <t>\\acsfs\profiles$\kamillacr\My Documents\lu11436e115.tmp</t>
  </si>
  <si>
    <t>\\acsfs\profiles$\kamillacr\My Documents\lu11436e115.tmp\</t>
  </si>
  <si>
    <t>\\acsfs\profiles$\kamillacr\My Documents\lu11436e115.tmp\META-INF\</t>
  </si>
  <si>
    <t>\\acsfs\profiles$\kamillacr\My Documents\lu11436e115.tmp\Thumbnails\</t>
  </si>
  <si>
    <t>12/25/2019 12:01:29</t>
  </si>
  <si>
    <t>12/25/2019 12:06:46</t>
  </si>
  <si>
    <t>12/25/2019 12:09:42</t>
  </si>
  <si>
    <t>12/25/2019 12:08:59</t>
  </si>
  <si>
    <t>12/25/2019 12:10:42</t>
  </si>
  <si>
    <t>12/25/2019 12:12:34</t>
  </si>
  <si>
    <t>12/25/2019 12:14:43</t>
  </si>
  <si>
    <t>f3666f0e-8888-4c19-a8b1-834a608170ea.tmp</t>
  </si>
  <si>
    <t>\\acsfs\profiles$\henriqueco\Downloads\f3666f0e-8888-4c19-a8b1-834a608170ea.tmp</t>
  </si>
  <si>
    <t>12/25/2019 12:12:07</t>
  </si>
  <si>
    <t>12/25/2019 12:15:43</t>
  </si>
  <si>
    <t>12/25/2019 12:18:32</t>
  </si>
  <si>
    <t>12/25/2019 12:19:43</t>
  </si>
  <si>
    <t>4c933ad1-5d17-4696-b440-00238a564abd.tmp</t>
  </si>
  <si>
    <t>\\acsfs\profiles$\henriqueco\Downloads\4c933ad1-5d17-4696-b440-00238a564abd.tmp</t>
  </si>
  <si>
    <t>12/25/2019 12:16:37</t>
  </si>
  <si>
    <t>12/25/2019 12:20:43</t>
  </si>
  <si>
    <t>12/25/2019 12:21:33</t>
  </si>
  <si>
    <t>12/25/2019 12:22:43</t>
  </si>
  <si>
    <t>12/25/2019 12:24:24</t>
  </si>
  <si>
    <t>12/25/2019 12:25:43</t>
  </si>
  <si>
    <t>12/25/2019 12:28:08</t>
  </si>
  <si>
    <t>12/25/2019 12:28:44</t>
  </si>
  <si>
    <t>12/25/2019 12:31:53</t>
  </si>
  <si>
    <t>12/25/2019 12:33:44</t>
  </si>
  <si>
    <t>a427222e-177d-4d21-9a1d-6ad42326f1b6.tmp</t>
  </si>
  <si>
    <t>\\acsfs\profiles$\dhiulliananads\Downloads\a427222e-177d-4d21-9a1d-6ad42326f1b6.tmp</t>
  </si>
  <si>
    <t>12/25/2019 12:36:00</t>
  </si>
  <si>
    <t>12/25/2019 12:36:43</t>
  </si>
  <si>
    <t>12/25/2019 12:36:22</t>
  </si>
  <si>
    <t>12/25/2019 12:40:43</t>
  </si>
  <si>
    <t>12/25/2019 12:35:17</t>
  </si>
  <si>
    <t>12/25/2019 12:37:21</t>
  </si>
  <si>
    <t>12/25/2019 12:41:43</t>
  </si>
  <si>
    <t>12/25/2019 12:38:54</t>
  </si>
  <si>
    <t>12/25/2019 12:42:43</t>
  </si>
  <si>
    <t>12/25/2019 12:39:21</t>
  </si>
  <si>
    <t>12/25/2019 12:44:43</t>
  </si>
  <si>
    <t>12/25/2019 12:43:44</t>
  </si>
  <si>
    <t>12/25/2019 12:46:13</t>
  </si>
  <si>
    <t>12/25/2019 12:49:42</t>
  </si>
  <si>
    <t>4b2e60d4-9f27-4d2a-8533-7851cc94b7f7.tmp</t>
  </si>
  <si>
    <t>\\acsfs\profiles$\henriqueco\Downloads\4b2e60d4-9f27-4d2a-8533-7851cc94b7f7.tmp</t>
  </si>
  <si>
    <t>12/25/2019 12:53:21</t>
  </si>
  <si>
    <t>12/25/2019 12:54:42</t>
  </si>
  <si>
    <t>12/25/2019 12:53:48</t>
  </si>
  <si>
    <t>12/25/2019 12:57:42</t>
  </si>
  <si>
    <t>12/25/2019 12:53:42</t>
  </si>
  <si>
    <t>12/25/2019 13:02:09</t>
  </si>
  <si>
    <t>12/25/2019 13:06:41</t>
  </si>
  <si>
    <t>12/25/2019 13:15:44</t>
  </si>
  <si>
    <t>12/25/2019 13:16:41</t>
  </si>
  <si>
    <t>12/25/2019 13:13:04</t>
  </si>
  <si>
    <t>12/25/2019 13:17:41</t>
  </si>
  <si>
    <t>12/25/2019 13:16:24</t>
  </si>
  <si>
    <t>12/25/2019 13:18:41</t>
  </si>
  <si>
    <t>12/25/2019 13:19:25</t>
  </si>
  <si>
    <t>12/25/2019 13:22:41</t>
  </si>
  <si>
    <t>12/25/2019 13:19:55</t>
  </si>
  <si>
    <t>12/25/2019 13:24:42</t>
  </si>
  <si>
    <t>12/25/2019 13:23:41</t>
  </si>
  <si>
    <t>12/25/2019 13:27:41</t>
  </si>
  <si>
    <t>12/25/2019 13:25:07</t>
  </si>
  <si>
    <t>12/25/2019 13:26:06</t>
  </si>
  <si>
    <t>12/25/2019 13:29:55</t>
  </si>
  <si>
    <t>12/25/2019 13:30:42</t>
  </si>
  <si>
    <t>12/25/2019 13:34:00</t>
  </si>
  <si>
    <t>12/25/2019 13:35:42</t>
  </si>
  <si>
    <t>12/25/2019 13:38:04</t>
  </si>
  <si>
    <t>12/25/2019 13:38:42</t>
  </si>
  <si>
    <t>12/25/2019 13:36:36</t>
  </si>
  <si>
    <t>12/25/2019 13:40:41</t>
  </si>
  <si>
    <t>12/25/2019 13:42:51</t>
  </si>
  <si>
    <t>12/25/2019 13:43:42</t>
  </si>
  <si>
    <t>cb86568a-871b-4221-bb66-1a98071ff9b2.tmp</t>
  </si>
  <si>
    <t>\\acsfs\profiles$\vivianalds\Downloads\cb86568a-871b-4221-bb66-1a98071ff9b2.tmp</t>
  </si>
  <si>
    <t>12/25/2019 13:40:35</t>
  </si>
  <si>
    <t>12/25/2019 13:45:42</t>
  </si>
  <si>
    <t>12/25/2019 13:46:15</t>
  </si>
  <si>
    <t>12/25/2019 13:47:41</t>
  </si>
  <si>
    <t>12/25/2019 13:48:20</t>
  </si>
  <si>
    <t>12/25/2019 13:50:41</t>
  </si>
  <si>
    <t>12/25/2019 13:54:35</t>
  </si>
  <si>
    <t>12/25/2019 13:57:42</t>
  </si>
  <si>
    <t>12/25/2019 13:52:33</t>
  </si>
  <si>
    <t>12/25/2019 13:55:34</t>
  </si>
  <si>
    <t>12/25/2019 13:59:42</t>
  </si>
  <si>
    <t>12/25/2019 13:56:41</t>
  </si>
  <si>
    <t>12/25/2019 14:00:41</t>
  </si>
  <si>
    <t>12/25/2019 14:01:29</t>
  </si>
  <si>
    <t>12/25/2019 14:05:42</t>
  </si>
  <si>
    <t>12/25/2019 14:03:40</t>
  </si>
  <si>
    <t>a8b40187-e435-48ed-9160-c1efc801fa7a.tmp</t>
  </si>
  <si>
    <t>\\acsfs\profiles$\fabianobmf\Downloads\a8b40187-e435-48ed-9160-c1efc801fa7a.tmp</t>
  </si>
  <si>
    <t>12/25/2019 14:04:31</t>
  </si>
  <si>
    <t>c4217ffa-86b5-456a-b19b-161b76dba15f.tmp</t>
  </si>
  <si>
    <t>\\acsfs\profiles$\fabianobmf\Downloads\c4217ffa-86b5-456a-b19b-161b76dba15f.tmp</t>
  </si>
  <si>
    <t>12/25/2019 14:05:47</t>
  </si>
  <si>
    <t>12/25/2019 14:10:42</t>
  </si>
  <si>
    <t>12/25/2019 14:05:40</t>
  </si>
  <si>
    <t>44e5ddea-f034-4a07-baa5-52886c3ef6e2.tmp</t>
  </si>
  <si>
    <t>\\acsfs\profiles$\fabianobmf\Downloads\44e5ddea-f034-4a07-baa5-52886c3ef6e2.tmp</t>
  </si>
  <si>
    <t>12/25/2019 14:06:27</t>
  </si>
  <si>
    <t>8cf815b6-2672-42aa-99ae-ed3248c4d77d.tmp</t>
  </si>
  <si>
    <t>\\acsfs\profiles$\fabianobmf\Downloads\8cf815b6-2672-42aa-99ae-ed3248c4d77d.tmp</t>
  </si>
  <si>
    <t>12/25/2019 14:08:04</t>
  </si>
  <si>
    <t>12/25/2019 14:10:32</t>
  </si>
  <si>
    <t>12/25/2019 14:12:42</t>
  </si>
  <si>
    <t>12/25/2019 14:14:04</t>
  </si>
  <si>
    <t>12/25/2019 14:16:43</t>
  </si>
  <si>
    <t>12/25/2019 14:18:08</t>
  </si>
  <si>
    <t>12/25/2019 14:21:42</t>
  </si>
  <si>
    <t>edicarlosdl</t>
  </si>
  <si>
    <t>\\acsfs\profiles$\EDICARLOSDL\My Documents\</t>
  </si>
  <si>
    <t>.~lock.NOVO ACESSO.odt#</t>
  </si>
  <si>
    <t>\\acsfs\profiles$\EDICARLOSDL\My Documents\.~lock.NOVO ACESSO.odt#</t>
  </si>
  <si>
    <t>12/25/2019 14:18:59</t>
  </si>
  <si>
    <t>\\acsfs\profiles$\edicarlosdl\Downloads\</t>
  </si>
  <si>
    <t>c7cbaf4f-74d1-4f43-8774-4a83107b1a75.tmp</t>
  </si>
  <si>
    <t>\\acsfs\profiles$\edicarlosdl\Downloads\c7cbaf4f-74d1-4f43-8774-4a83107b1a75.tmp</t>
  </si>
  <si>
    <t>12/25/2019 14:19:05</t>
  </si>
  <si>
    <t>221ff3e9-812e-464b-8de1-54714b87dae3.tmp</t>
  </si>
  <si>
    <t>\\acsfs\profiles$\edicarlosdl\Downloads\221ff3e9-812e-464b-8de1-54714b87dae3.tmp</t>
  </si>
  <si>
    <t>12/25/2019 14:20:29</t>
  </si>
  <si>
    <t>29a124b7-5a89-41d6-8a67-1d924f19f5a4.tmp</t>
  </si>
  <si>
    <t>\\acsfs\profiles$\edicarlosdl\Downloads\29a124b7-5a89-41d6-8a67-1d924f19f5a4.tmp</t>
  </si>
  <si>
    <t>12/25/2019 14:17:01</t>
  </si>
  <si>
    <t>12/25/2019 14:22:43</t>
  </si>
  <si>
    <t>12/25/2019 14:21:08</t>
  </si>
  <si>
    <t>12/25/2019 14:23:42</t>
  </si>
  <si>
    <t>12/25/2019 14:21:40</t>
  </si>
  <si>
    <t>12/25/2019 14:25:43</t>
  </si>
  <si>
    <t>12/25/2019 14:22:31</t>
  </si>
  <si>
    <t>12/25/2019 14:26:43</t>
  </si>
  <si>
    <t>12/25/2019 14:27:42</t>
  </si>
  <si>
    <t>12/25/2019 14:30:42</t>
  </si>
  <si>
    <t>12/25/2019 14:26:33</t>
  </si>
  <si>
    <t>12/25/2019 14:31:43</t>
  </si>
  <si>
    <t>12/25/2019 14:28:46</t>
  </si>
  <si>
    <t>12/25/2019 14:29:24</t>
  </si>
  <si>
    <t>12/25/2019 14:29:25</t>
  </si>
  <si>
    <t>lu145321dchu0.tmp</t>
  </si>
  <si>
    <t>\\acsfs\profiles$\KELLZYLENNEASR\My Documents\lu145321dchu0.tmp</t>
  </si>
  <si>
    <t>\\acsfs\profiles$\KELLZYLENNEASR\My Documents\lu145321dchu0.tmp\</t>
  </si>
  <si>
    <t>\\acsfs\profiles$\KELLZYLENNEASR\My Documents\lu145321dchu0.tmp\META-INF\</t>
  </si>
  <si>
    <t>\\acsfs\profiles$\KELLZYLENNEASR\My Documents\lu145321dchu0.tmp\Thumbnails\</t>
  </si>
  <si>
    <t>12/25/2019 14:31:28</t>
  </si>
  <si>
    <t>12/25/2019 14:32:42</t>
  </si>
  <si>
    <t>12/25/2019 14:35:08</t>
  </si>
  <si>
    <t>12/25/2019 14:35:43</t>
  </si>
  <si>
    <t>12/25/2019 14:32:37</t>
  </si>
  <si>
    <t>12/25/2019 14:36:44</t>
  </si>
  <si>
    <t>12/25/2019 14:38:00</t>
  </si>
  <si>
    <t>12/25/2019 14:38:43</t>
  </si>
  <si>
    <t>12/25/2019 14:35:15</t>
  </si>
  <si>
    <t>12/25/2019 14:39:43</t>
  </si>
  <si>
    <t>12/25/2019 14:36:39</t>
  </si>
  <si>
    <t>12/25/2019 14:41:43</t>
  </si>
  <si>
    <t>12/25/2019 14:38:44</t>
  </si>
  <si>
    <t>12/25/2019 14:43:07</t>
  </si>
  <si>
    <t>12/25/2019 14:44:44</t>
  </si>
  <si>
    <t>12/25/2019 14:46:43</t>
  </si>
  <si>
    <t>12/25/2019 14:46:03</t>
  </si>
  <si>
    <t>12/25/2019 14:51:43</t>
  </si>
  <si>
    <t>12/25/2019 14:51:06</t>
  </si>
  <si>
    <t>12/25/2019 14:52:48</t>
  </si>
  <si>
    <t>12/25/2019 14:55:42</t>
  </si>
  <si>
    <t>12/25/2019 14:52:46</t>
  </si>
  <si>
    <t>12/25/2019 14:57:42</t>
  </si>
  <si>
    <t>12/25/2019 14:53:57</t>
  </si>
  <si>
    <t>12/25/2019 14:53:42</t>
  </si>
  <si>
    <t>12/25/2019 14:57:11</t>
  </si>
  <si>
    <t>12/25/2019 15:02:43</t>
  </si>
  <si>
    <t>12/25/2019 15:01:38</t>
  </si>
  <si>
    <t>12/25/2019 15:00:42</t>
  </si>
  <si>
    <t>12/25/2019 15:03:43</t>
  </si>
  <si>
    <t>12/25/2019 14:59:37</t>
  </si>
  <si>
    <t>12/25/2019 15:04:42</t>
  </si>
  <si>
    <t>48c475e4-0c7e-4baf-aa44-1978eff3edba.tmp</t>
  </si>
  <si>
    <t>\\acsfs\profiles$\fabianafv\Downloads\48c475e4-0c7e-4baf-aa44-1978eff3edba.tmp</t>
  </si>
  <si>
    <t>12/25/2019 14:59:40</t>
  </si>
  <si>
    <t>12/25/2019 15:03:28</t>
  </si>
  <si>
    <t>12/25/2019 15:08:39</t>
  </si>
  <si>
    <t>12/25/2019 15:09:43</t>
  </si>
  <si>
    <t>4a5f150e-eede-4156-b0c3-20c47e2aed93.tmp</t>
  </si>
  <si>
    <t>\\acsfs\profiles$\fabianafv\Downloads\4a5f150e-eede-4156-b0c3-20c47e2aed93.tmp</t>
  </si>
  <si>
    <t>12/25/2019 15:06:47</t>
  </si>
  <si>
    <t>12/25/2019 15:10:42</t>
  </si>
  <si>
    <t>12/25/2019 15:10:02</t>
  </si>
  <si>
    <t>12/25/2019 15:12:42</t>
  </si>
  <si>
    <t>12/25/2019 15:08:23</t>
  </si>
  <si>
    <t>12/25/2019 15:13:43</t>
  </si>
  <si>
    <t>12/25/2019 15:10:49</t>
  </si>
  <si>
    <t>12/25/2019 15:10:46</t>
  </si>
  <si>
    <t>12/25/2019 15:14:42</t>
  </si>
  <si>
    <t>9c285595-019a-47c8-b661-6f1c1851f0ab.tmp</t>
  </si>
  <si>
    <t>\\acsfs\profiles$\fabianafv\Downloads\9c285595-019a-47c8-b661-6f1c1851f0ab.tmp</t>
  </si>
  <si>
    <t>12/25/2019 15:12:29</t>
  </si>
  <si>
    <t>12/25/2019 15:14:33</t>
  </si>
  <si>
    <t>12/25/2019 15:16:42</t>
  </si>
  <si>
    <t>12/25/2019 15:13:38</t>
  </si>
  <si>
    <t>12/25/2019 15:17:43</t>
  </si>
  <si>
    <t>12/25/2019 15:15:28</t>
  </si>
  <si>
    <t>12/25/2019 15:20:43</t>
  </si>
  <si>
    <t>12/25/2019 15:18:37</t>
  </si>
  <si>
    <t>12/25/2019 15:19:17</t>
  </si>
  <si>
    <t>12/25/2019 15:22:43</t>
  </si>
  <si>
    <t>60ff6264-17b5-4592-b0f0-2021fb828a42.tmp</t>
  </si>
  <si>
    <t>\\acsfs\profiles$\andreapdsg\Downloads\60ff6264-17b5-4592-b0f0-2021fb828a42.tmp</t>
  </si>
  <si>
    <t>12/25/2019 15:19:19</t>
  </si>
  <si>
    <t>Q29udHJvbGxlci5QYXl3YXJl (18).ica</t>
  </si>
  <si>
    <t>\\acsfs\profiles$\andreapdsg\Downloads\Q29udHJvbGxlci5QYXl3YXJl (18).ica</t>
  </si>
  <si>
    <t>12/25/2019 15:19:45</t>
  </si>
  <si>
    <t>12/25/2019 15:20:33</t>
  </si>
  <si>
    <t>8bbbcc03-4f6b-44fc-b5ad-58440f657b62.tmp</t>
  </si>
  <si>
    <t>\\acsfs\profiles$\andreapdsg\Downloads\8bbbcc03-4f6b-44fc-b5ad-58440f657b62.tmp</t>
  </si>
  <si>
    <t>12/25/2019 15:22:20</t>
  </si>
  <si>
    <t>12/25/2019 15:20:41</t>
  </si>
  <si>
    <t>12/25/2019 15:24:43</t>
  </si>
  <si>
    <t>12/25/2019 15:24:16</t>
  </si>
  <si>
    <t>12/25/2019 15:25:43</t>
  </si>
  <si>
    <t>12/25/2019 15:21:17</t>
  </si>
  <si>
    <t>12/25/2019 15:24:35</t>
  </si>
  <si>
    <t>12/25/2019 15:23:33</t>
  </si>
  <si>
    <t>12/25/2019 15:26:43</t>
  </si>
  <si>
    <t>12/25/2019 15:22:40</t>
  </si>
  <si>
    <t>12/25/2019 15:27:43</t>
  </si>
  <si>
    <t>70a0e8df-fa3f-425e-b8f6-8c22a290190b.tmp</t>
  </si>
  <si>
    <t>\\acsfs\profiles$\laurandos\Downloads\70a0e8df-fa3f-425e-b8f6-8c22a290190b.tmp</t>
  </si>
  <si>
    <t>12/25/2019 15:23:47</t>
  </si>
  <si>
    <t>f7c37725-6195-4c65-8c3c-a9c56392637c.tmp</t>
  </si>
  <si>
    <t>\\acsfs\profiles$\laurandos\Downloads\f7c37725-6195-4c65-8c3c-a9c56392637c.tmp</t>
  </si>
  <si>
    <t>12/25/2019 15:29:25</t>
  </si>
  <si>
    <t>12/25/2019 15:30:43</t>
  </si>
  <si>
    <t>12/25/2019 15:27:19</t>
  </si>
  <si>
    <t>12/25/2019 15:32:44</t>
  </si>
  <si>
    <t>12/25/2019 15:27:50</t>
  </si>
  <si>
    <t>12/25/2019 15:33:05</t>
  </si>
  <si>
    <t>12/25/2019 15:34:43</t>
  </si>
  <si>
    <t>12/25/2019 15:37:25</t>
  </si>
  <si>
    <t>12/25/2019 15:40:43</t>
  </si>
  <si>
    <t>12/25/2019 15:39:08</t>
  </si>
  <si>
    <t>12/25/2019 15:43:43</t>
  </si>
  <si>
    <t>12/25/2019 15:41:19</t>
  </si>
  <si>
    <t>12/25/2019 15:45:42</t>
  </si>
  <si>
    <t>952e0900-1330-47a0-ad8b-4d2a15aad4e2.tmp</t>
  </si>
  <si>
    <t>\\acsfs\profiles$\joycemmdl\Downloads\952e0900-1330-47a0-ad8b-4d2a15aad4e2.tmp</t>
  </si>
  <si>
    <t>12/25/2019 15:50:01</t>
  </si>
  <si>
    <t>12/25/2019 15:51:43</t>
  </si>
  <si>
    <t>nayaranao</t>
  </si>
  <si>
    <t>\\acsfs\profiles$\Nayaranao\My Documents\My Pictures\</t>
  </si>
  <si>
    <t>\\acsfs\profiles$\Nayaranao\My Documents\My Videos\desktop.ini</t>
  </si>
  <si>
    <t>\\acsfs\profiles$\Nayaranao\My Documents\My Videos\</t>
  </si>
  <si>
    <t>12/25/2019 15:50:02</t>
  </si>
  <si>
    <t>12/25/2019 15:50:03</t>
  </si>
  <si>
    <t>12/25/2019 15:50:05</t>
  </si>
  <si>
    <t>12/25/2019 15:50:07</t>
  </si>
  <si>
    <t>\\acsfs\profiles$\Nayaranao\My Documents\My Music\</t>
  </si>
  <si>
    <t>\\acsfs\profiles$\Nayaranao\My Documents\My Pictures\desktop.ini</t>
  </si>
  <si>
    <t>12/25/2019 15:50:08</t>
  </si>
  <si>
    <t>12/25/2019 15:50:10</t>
  </si>
  <si>
    <t>\\acsfs\profiles$\Nayaranao\Contacts\</t>
  </si>
  <si>
    <t>\\acsfs\profiles$\Nayaranao\Contacts\desktop.ini</t>
  </si>
  <si>
    <t>12/25/2019 15:50:12</t>
  </si>
  <si>
    <t>12/25/2019 15:50:13</t>
  </si>
  <si>
    <t>12/25/2019 15:50:14</t>
  </si>
  <si>
    <t>12/25/2019 15:50:15</t>
  </si>
  <si>
    <t>12/25/2019 15:50:16</t>
  </si>
  <si>
    <t>\\acsfs\profiles$\Nayaranao\My Documents\</t>
  </si>
  <si>
    <t>\\acsfs\profiles$\Nayaranao\Favorites\desktop.ini</t>
  </si>
  <si>
    <t>12/25/2019 15:50:18</t>
  </si>
  <si>
    <t>12/25/2019 15:50:19</t>
  </si>
  <si>
    <t>12/25/2019 15:50:21</t>
  </si>
  <si>
    <t>12/25/2019 15:50:22</t>
  </si>
  <si>
    <t>12/25/2019 15:50:24</t>
  </si>
  <si>
    <t>\\acsfs\profiles$\Nayaranao\My Documents\My Music\desktop.ini</t>
  </si>
  <si>
    <t>12/25/2019 15:50:26</t>
  </si>
  <si>
    <t>12/25/2019 15:50:27</t>
  </si>
  <si>
    <t>12/25/2019 15:50:29</t>
  </si>
  <si>
    <t>12/25/2019 15:50:31</t>
  </si>
  <si>
    <t>\\acsfs\profiles$\Nayaranao\Searches\</t>
  </si>
  <si>
    <t>\\acsfs\profiles$\Nayaranao\Searches\desktop.ini</t>
  </si>
  <si>
    <t>12/25/2019 15:50:32</t>
  </si>
  <si>
    <t>12/25/2019 15:50:35</t>
  </si>
  <si>
    <t>12/25/2019 15:50:36</t>
  </si>
  <si>
    <t>12/25/2019 15:50:37</t>
  </si>
  <si>
    <t>12/25/2019 15:50:38</t>
  </si>
  <si>
    <t>\\acsfs\profiles$\Nayaranao\Downloads\</t>
  </si>
  <si>
    <t>\\acsfs\profiles$\Nayaranao\Downloads\desktop.ini</t>
  </si>
  <si>
    <t>12/25/2019 15:50:39</t>
  </si>
  <si>
    <t>12/25/2019 15:50:42</t>
  </si>
  <si>
    <t>\\acsfs\profiles$\Nayaranao\Favorites\</t>
  </si>
  <si>
    <t>\\acsfs\profiles$\Nayaranao\My Documents\desktop.ini</t>
  </si>
  <si>
    <t>12/25/2019 15:50:43</t>
  </si>
  <si>
    <t>12/25/2019 15:50:44</t>
  </si>
  <si>
    <t>12/25/2019 15:50:45</t>
  </si>
  <si>
    <t>12/25/2019 15:50:47</t>
  </si>
  <si>
    <t>12/25/2019 15:50:48</t>
  </si>
  <si>
    <t>12/25/2019 15:50:49</t>
  </si>
  <si>
    <t>\\acsfs\profiles$\Nayaranao\Saved Games\desktop.ini</t>
  </si>
  <si>
    <t>12/25/2019 15:50:50</t>
  </si>
  <si>
    <t>12/25/2019 15:51:51</t>
  </si>
  <si>
    <t>12/25/2019 15:56:43</t>
  </si>
  <si>
    <t>12/25/2019 16:00:47</t>
  </si>
  <si>
    <t>12/25/2019 16:01:43</t>
  </si>
  <si>
    <t>\\acsfs\profiles$\edicarlosdl\My Documents\</t>
  </si>
  <si>
    <t>NOTAS SYNERGY.txt</t>
  </si>
  <si>
    <t>\\acsfs\profiles$\edicarlosdl\My Documents\NOTAS SYNERGY.txt</t>
  </si>
  <si>
    <t>12/25/2019 16:01:54</t>
  </si>
  <si>
    <t>12/25/2019 16:03:43</t>
  </si>
  <si>
    <t>12/25/2019 16:00:20</t>
  </si>
  <si>
    <t>12/25/2019 16:05:43</t>
  </si>
  <si>
    <t>12/25/2019 16:04:50</t>
  </si>
  <si>
    <t>12/25/2019 16:04:27</t>
  </si>
  <si>
    <t>12/25/2019 16:06:43</t>
  </si>
  <si>
    <t>12/25/2019 16:05:45</t>
  </si>
  <si>
    <t>12/25/2019 16:08:43</t>
  </si>
  <si>
    <t>12/25/2019 16:06:23</t>
  </si>
  <si>
    <t>12/25/2019 16:07:57</t>
  </si>
  <si>
    <t>12/25/2019 16:12:43</t>
  </si>
  <si>
    <t>12/25/2019 16:10:26</t>
  </si>
  <si>
    <t>12/25/2019 16:13:43</t>
  </si>
  <si>
    <t>12/25/2019 16:14:11</t>
  </si>
  <si>
    <t>12/25/2019 16:15:43</t>
  </si>
  <si>
    <t>12/25/2019 16:15:13</t>
  </si>
  <si>
    <t>12/25/2019 16:17:43</t>
  </si>
  <si>
    <t>12/25/2019 16:14:14</t>
  </si>
  <si>
    <t>12/25/2019 16:18:44</t>
  </si>
  <si>
    <t>12/25/2019 16:15:36</t>
  </si>
  <si>
    <t>12/25/2019 16:20:44</t>
  </si>
  <si>
    <t>12/25/2019 16:23:43</t>
  </si>
  <si>
    <t>12/25/2019 16:18:37</t>
  </si>
  <si>
    <t>12/25/2019 16:20:23</t>
  </si>
  <si>
    <t>12/25/2019 16:21:54</t>
  </si>
  <si>
    <t>12/25/2019 16:20:54</t>
  </si>
  <si>
    <t>12/25/2019 16:24:43</t>
  </si>
  <si>
    <t>12/25/2019 16:23:57</t>
  </si>
  <si>
    <t>12/25/2019 16:25:43</t>
  </si>
  <si>
    <t>12/25/2019 16:26:04</t>
  </si>
  <si>
    <t>12/25/2019 16:30:43</t>
  </si>
  <si>
    <t>bvcartes-supervisores@algarnet.onmicrosoft.com;joaogvc@algartech.com;josiascdsj@algartech.com;leonardoao@algartech.com;marianadjc@algartech.com;rafaelggs@algartech.com;taysdss@algartech.com;viniciussg@algartech.com;</t>
  </si>
  <si>
    <t>bvcartes-supervisores@algarnet.onmicrosoft.com,joaogvc@algartech.com,josiascdsj@algartech.com,leonardoao@algartech.com,marianadjc@algartech.com,rafaelggs@algartech.com,taysdss@algartech.com,viniciussg@algartech.com</t>
  </si>
  <si>
    <t>bvcartes-supervisores@algarnet.onmicrosoft.com;joaogvc@algartech.com;josiascdsj@algartech.com;leonardoao@algartech.com;marianadjc@algartech.com;rafaelggs@algartech.com;taysdss@algartech.com;thiagordu@algartech.com;viniciussg@algartech.com;</t>
  </si>
  <si>
    <t>bvcartes-supervisores@algarnet.onmicrosoft.com,joaogvc@algartech.com,josiascdsj@algartech.com,leonardoao@algartech.com,marianadjc@algartech.com,rafaelggs@algartech.com,taysdss@algartech.com,thiagordu@algartech.com,viniciussg@algartech.com</t>
  </si>
  <si>
    <t>12/25/2019 16:26:34</t>
  </si>
  <si>
    <t>12/25/2019 16:26:36</t>
  </si>
  <si>
    <t>12/25/2019 16:26:57</t>
  </si>
  <si>
    <t>12/25/2019 16:27:26</t>
  </si>
  <si>
    <t>12/25/2019 16:27:30</t>
  </si>
  <si>
    <t>12/25/2019 16:27:54</t>
  </si>
  <si>
    <t>12/25/2019 16:27:56</t>
  </si>
  <si>
    <t>12/25/2019 16:25:57</t>
  </si>
  <si>
    <t>12/25/2019 16:30:20</t>
  </si>
  <si>
    <t>12/25/2019 16:31:43</t>
  </si>
  <si>
    <t>12/25/2019 16:29:09</t>
  </si>
  <si>
    <t>12/25/2019 16:33:43</t>
  </si>
  <si>
    <t>12/25/2019 16:33:01</t>
  </si>
  <si>
    <t>12/25/2019 16:35:43</t>
  </si>
  <si>
    <t>12/25/2019 16:36:01</t>
  </si>
  <si>
    <t>12/25/2019 16:37:43</t>
  </si>
  <si>
    <t>12/25/2019 16:33:55</t>
  </si>
  <si>
    <t>12/25/2019 16:38:43</t>
  </si>
  <si>
    <t>12/25/2019 16:34:28</t>
  </si>
  <si>
    <t>12/25/2019 16:37:53</t>
  </si>
  <si>
    <t>12/25/2019 16:41:43</t>
  </si>
  <si>
    <t>12/25/2019 16:43:17</t>
  </si>
  <si>
    <t>12/25/2019 16:45:43</t>
  </si>
  <si>
    <t>12/25/2019 16:46:24</t>
  </si>
  <si>
    <t>12/25/2019 16:49:42</t>
  </si>
  <si>
    <t>12/25/2019 16:46:29</t>
  </si>
  <si>
    <t>12/25/2019 17:00:47</t>
  </si>
  <si>
    <t>12/25/2019 17:02:42</t>
  </si>
  <si>
    <t>12/25/2019 16:58:14</t>
  </si>
  <si>
    <t>12/25/2019 17:03:43</t>
  </si>
  <si>
    <t>12/25/2019 17:03:39</t>
  </si>
  <si>
    <t>12/25/2019 17:05:42</t>
  </si>
  <si>
    <t>12/25/2019 17:10:34</t>
  </si>
  <si>
    <t>12/25/2019 17:15:44</t>
  </si>
  <si>
    <t>12/25/2019 17:10:45</t>
  </si>
  <si>
    <t>12/25/2019 17:12:06</t>
  </si>
  <si>
    <t>12/25/2019 17:17:44</t>
  </si>
  <si>
    <t>12/25/2019 17:17:26</t>
  </si>
  <si>
    <t>12/25/2019 17:19:44</t>
  </si>
  <si>
    <t>12/25/2019 17:19:46</t>
  </si>
  <si>
    <t>12/25/2019 17:22:44</t>
  </si>
  <si>
    <t>12/25/2019 17:21:50</t>
  </si>
  <si>
    <t>12/25/2019 17:23:28</t>
  </si>
  <si>
    <t>12/25/2019 17:24:44</t>
  </si>
  <si>
    <t>12/25/2019 17:24:47</t>
  </si>
  <si>
    <t>12/25/2019 17:25:43</t>
  </si>
  <si>
    <t>12/25/2019 17:23:03</t>
  </si>
  <si>
    <t>12/25/2019 17:24:55</t>
  </si>
  <si>
    <t>12/25/2019 17:29:43</t>
  </si>
  <si>
    <t>12/25/2019 17:31:53</t>
  </si>
  <si>
    <t>12/25/2019 17:32:43</t>
  </si>
  <si>
    <t>12/25/2019 17:37:04</t>
  </si>
  <si>
    <t>12/25/2019 17:37:43</t>
  </si>
  <si>
    <t>12/25/2019 17:37:59</t>
  </si>
  <si>
    <t>12/25/2019 17:39:42</t>
  </si>
  <si>
    <t>d8859039-f361-41d2-9c2b-35c934f1ce53.tmp</t>
  </si>
  <si>
    <t>\\acsfs\profiles$\fabianafv\Downloads\d8859039-f361-41d2-9c2b-35c934f1ce53.tmp</t>
  </si>
  <si>
    <t>12/25/2019 17:38:27</t>
  </si>
  <si>
    <t>12/25/2019 17:40:43</t>
  </si>
  <si>
    <t>12/25/2019 17:39:40</t>
  </si>
  <si>
    <t>12/25/2019 17:41:43</t>
  </si>
  <si>
    <t>12/25/2019 17:40:50</t>
  </si>
  <si>
    <t>12/25/2019 17:42:42</t>
  </si>
  <si>
    <t>d518dd59-442b-4103-bf6b-68f8f18d1d13.tmp</t>
  </si>
  <si>
    <t>\\acsfs\profiles$\laurandos\Downloads\d518dd59-442b-4103-bf6b-68f8f18d1d13.tmp</t>
  </si>
  <si>
    <t>12/25/2019 17:40:32</t>
  </si>
  <si>
    <t>12/25/2019 17:41:25</t>
  </si>
  <si>
    <t>12/25/2019 17:44:42</t>
  </si>
  <si>
    <t>12/25/2019 17:50:34</t>
  </si>
  <si>
    <t>12/25/2019 17:51:42</t>
  </si>
  <si>
    <t>12/25/2019 17:50:59</t>
  </si>
  <si>
    <t>12/25/2019 17:55:43</t>
  </si>
  <si>
    <t>12/25/2019 17:51:54</t>
  </si>
  <si>
    <t>12/25/2019 17:54:44</t>
  </si>
  <si>
    <t>12/25/2019 17:56:42</t>
  </si>
  <si>
    <t>12/25/2019 17:53:31</t>
  </si>
  <si>
    <t>12/25/2019 17:58:43</t>
  </si>
  <si>
    <t>12/25/2019 17:58:45</t>
  </si>
  <si>
    <t>12/25/2019 18:03:43</t>
  </si>
  <si>
    <t>https://fresnel.vimeocdn.com/add/player-stats?beacon=1&amp;session-id=3ac641cab7316d45741d43f0e972743896fb6b241577307206</t>
  </si>
  <si>
    <t>12/25/2019 18:00:44</t>
  </si>
  <si>
    <t>12/25/2019 18:01:49</t>
  </si>
  <si>
    <t>12/25/2019 18:04:43</t>
  </si>
  <si>
    <t>12/25/2019 18:04:20</t>
  </si>
  <si>
    <t>12/25/2019 18:08:43</t>
  </si>
  <si>
    <t>12/25/2019 18:07:14</t>
  </si>
  <si>
    <t>12/25/2019 18:09:43</t>
  </si>
  <si>
    <t>12/25/2019 18:10:06</t>
  </si>
  <si>
    <t>12/25/2019 18:10:42</t>
  </si>
  <si>
    <t>12/25/2019 18:10:54</t>
  </si>
  <si>
    <t>12/25/2019 18:13:42</t>
  </si>
  <si>
    <t>12/25/2019 18:14:05</t>
  </si>
  <si>
    <t>12/25/2019 18:16:42</t>
  </si>
  <si>
    <t>12/25/2019 18:16:41</t>
  </si>
  <si>
    <t>12/25/2019 18:17:43</t>
  </si>
  <si>
    <t>12/25/2019 18:15:33</t>
  </si>
  <si>
    <t>12/25/2019 18:18:42</t>
  </si>
  <si>
    <t>12/25/2019 18:19:00</t>
  </si>
  <si>
    <t>12/25/2019 18:20:42</t>
  </si>
  <si>
    <t>12/25/2019 18:20:06</t>
  </si>
  <si>
    <t>12/25/2019 18:24:42</t>
  </si>
  <si>
    <t>12/25/2019 18:24:24</t>
  </si>
  <si>
    <t>12/25/2019 18:28:43</t>
  </si>
  <si>
    <t>12/25/2019 18:26:59</t>
  </si>
  <si>
    <t>12/25/2019 18:29:43</t>
  </si>
  <si>
    <t>12/25/2019 18:27:22</t>
  </si>
  <si>
    <t>brunogdsi</t>
  </si>
  <si>
    <t>\\acsfs\profiles$\brunogdsi\My Documents\My Pictures\</t>
  </si>
  <si>
    <t>\\acsfs\profiles$\brunogdsi\My Documents\My Videos\desktop.ini</t>
  </si>
  <si>
    <t>12/25/2019 18:27:24</t>
  </si>
  <si>
    <t>\\acsfs\profiles$\brunogdsi\My Documents\My Videos\</t>
  </si>
  <si>
    <t>12/25/2019 18:27:25</t>
  </si>
  <si>
    <t>12/25/2019 18:27:26</t>
  </si>
  <si>
    <t>12/25/2019 18:27:28</t>
  </si>
  <si>
    <t>\\acsfs\profiles$\brunogdsi\My Documents\My Music\</t>
  </si>
  <si>
    <t>\\acsfs\profiles$\brunogdsi\My Documents\My Pictures\desktop.ini</t>
  </si>
  <si>
    <t>12/25/2019 18:27:29</t>
  </si>
  <si>
    <t>12/25/2019 18:27:30</t>
  </si>
  <si>
    <t>12/25/2019 18:27:31</t>
  </si>
  <si>
    <t>\\acsfs\profiles$\brunogdsi\Contacts\</t>
  </si>
  <si>
    <t>\\acsfs\profiles$\brunogdsi\Contacts\desktop.ini</t>
  </si>
  <si>
    <t>12/25/2019 18:27:32</t>
  </si>
  <si>
    <t>12/25/2019 18:27:33</t>
  </si>
  <si>
    <t>12/25/2019 18:27:34</t>
  </si>
  <si>
    <t>12/25/2019 18:27:35</t>
  </si>
  <si>
    <t>\\acsfs\profiles$\brunogdsi\My Documents\</t>
  </si>
  <si>
    <t>\\acsfs\profiles$\brunogdsi\Favorites\desktop.ini</t>
  </si>
  <si>
    <t>12/25/2019 18:27:36</t>
  </si>
  <si>
    <t>12/25/2019 18:27:37</t>
  </si>
  <si>
    <t>12/25/2019 18:27:38</t>
  </si>
  <si>
    <t>12/25/2019 18:27:39</t>
  </si>
  <si>
    <t>12/25/2019 18:27:41</t>
  </si>
  <si>
    <t>12/25/2019 18:27:42</t>
  </si>
  <si>
    <t>\\acsfs\profiles$\brunogdsi\My Documents\My Music\desktop.ini</t>
  </si>
  <si>
    <t>12/25/2019 18:27:43</t>
  </si>
  <si>
    <t>12/25/2019 18:27:45</t>
  </si>
  <si>
    <t>12/25/2019 18:27:46</t>
  </si>
  <si>
    <t>12/25/2019 18:27:47</t>
  </si>
  <si>
    <t>\\acsfs\profiles$\brunogdsi\Searches\</t>
  </si>
  <si>
    <t>\\acsfs\profiles$\brunogdsi\Searches\desktop.ini</t>
  </si>
  <si>
    <t>12/25/2019 18:27:48</t>
  </si>
  <si>
    <t>12/25/2019 18:27:49</t>
  </si>
  <si>
    <t>12/25/2019 18:27:50</t>
  </si>
  <si>
    <t>12/25/2019 18:27:51</t>
  </si>
  <si>
    <t>\\acsfs\profiles$\brunogdsi\Downloads\</t>
  </si>
  <si>
    <t>\\acsfs\profiles$\brunogdsi\Downloads\desktop.ini</t>
  </si>
  <si>
    <t>12/25/2019 18:27:52</t>
  </si>
  <si>
    <t>12/25/2019 18:27:53</t>
  </si>
  <si>
    <t>\\acsfs\profiles$\brunogdsi\Favorites\</t>
  </si>
  <si>
    <t>\\acsfs\profiles$\brunogdsi\My Documents\desktop.ini</t>
  </si>
  <si>
    <t>12/25/2019 18:27:54</t>
  </si>
  <si>
    <t>12/25/2019 18:27:55</t>
  </si>
  <si>
    <t>12/25/2019 18:27:56</t>
  </si>
  <si>
    <t>12/25/2019 18:27:57</t>
  </si>
  <si>
    <t>12/25/2019 18:27:58</t>
  </si>
  <si>
    <t>\\acsfs\profiles$\brunogdsi\Saved Games\desktop.ini</t>
  </si>
  <si>
    <t>12/25/2019 18:27:59</t>
  </si>
  <si>
    <t>12/25/2019 18:28:26</t>
  </si>
  <si>
    <t>winrt--{S-1-5-21-602162358-764733703-839522115-352945}-.searchconnector-ms</t>
  </si>
  <si>
    <t>\\acsfs\profiles$\brunogdsi\Searches\winrt--{S-1-5-21-602162358-764733703-839522115-352945}-.searchconnector-ms</t>
  </si>
  <si>
    <t>12/25/2019 18:28:57</t>
  </si>
  <si>
    <t>12/25/2019 18:33:44</t>
  </si>
  <si>
    <t>12/25/2019 18:37:49</t>
  </si>
  <si>
    <t>12/25/2019 18:38:43</t>
  </si>
  <si>
    <t>12/25/2019 18:43:10</t>
  </si>
  <si>
    <t>12/25/2019 18:45:44</t>
  </si>
  <si>
    <t>12/25/2019 18:45:23</t>
  </si>
  <si>
    <t>12/25/2019 18:49:44</t>
  </si>
  <si>
    <t>12/25/2019 18:57:28</t>
  </si>
  <si>
    <t>12/25/2019 18:57:44</t>
  </si>
  <si>
    <t>taylaedoa</t>
  </si>
  <si>
    <t>\\acsfs\profiles$\taylaedoa\My Documents\My Pictures\</t>
  </si>
  <si>
    <t>\\acsfs\profiles$\taylaedoa\My Documents\My Videos\desktop.ini</t>
  </si>
  <si>
    <t>12/25/2019 18:57:31</t>
  </si>
  <si>
    <t>\\acsfs\profiles$\taylaedoa\My Documents\My Videos\</t>
  </si>
  <si>
    <t>12/25/2019 18:57:32</t>
  </si>
  <si>
    <t>12/25/2019 18:56:13</t>
  </si>
  <si>
    <t>12/25/2019 18:58:44</t>
  </si>
  <si>
    <t>12/25/2019 18:57:56</t>
  </si>
  <si>
    <t>12/25/2019 18:57:34</t>
  </si>
  <si>
    <t>12/25/2019 19:02:44</t>
  </si>
  <si>
    <t>12/25/2019 18:57:35</t>
  </si>
  <si>
    <t>12/25/2019 18:57:38</t>
  </si>
  <si>
    <t>\\acsfs\profiles$\taylaedoa\My Documents\My Music\</t>
  </si>
  <si>
    <t>\\acsfs\profiles$\taylaedoa\My Documents\My Pictures\desktop.ini</t>
  </si>
  <si>
    <t>12/25/2019 18:57:39</t>
  </si>
  <si>
    <t>12/25/2019 18:57:40</t>
  </si>
  <si>
    <t>12/25/2019 18:57:41</t>
  </si>
  <si>
    <t>12/25/2019 18:57:42</t>
  </si>
  <si>
    <t>\\acsfs\profiles$\taylaedoa\Contacts\</t>
  </si>
  <si>
    <t>\\acsfs\profiles$\taylaedoa\Contacts\desktop.ini</t>
  </si>
  <si>
    <t>12/25/2019 18:57:43</t>
  </si>
  <si>
    <t>12/25/2019 18:57:45</t>
  </si>
  <si>
    <t>12/25/2019 18:57:50</t>
  </si>
  <si>
    <t>12/25/2019 18:57:51</t>
  </si>
  <si>
    <t>\\acsfs\profiles$\taylaedoa\My Documents\</t>
  </si>
  <si>
    <t>\\acsfs\profiles$\taylaedoa\Favorites\desktop.ini</t>
  </si>
  <si>
    <t>12/25/2019 18:57:53</t>
  </si>
  <si>
    <t>12/25/2019 18:57:55</t>
  </si>
  <si>
    <t>12/25/2019 18:57:58</t>
  </si>
  <si>
    <t>12/25/2019 18:57:59</t>
  </si>
  <si>
    <t>12/25/2019 18:58:00</t>
  </si>
  <si>
    <t>12/25/2019 18:58:01</t>
  </si>
  <si>
    <t>\\acsfs\profiles$\taylaedoa\My Documents\My Music\desktop.ini</t>
  </si>
  <si>
    <t>12/25/2019 18:58:02</t>
  </si>
  <si>
    <t>12/25/2019 18:58:03</t>
  </si>
  <si>
    <t>12/25/2019 18:58:04</t>
  </si>
  <si>
    <t>12/25/2019 18:58:06</t>
  </si>
  <si>
    <t>12/25/2019 18:58:09</t>
  </si>
  <si>
    <t>\\acsfs\profiles$\taylaedoa\Searches\</t>
  </si>
  <si>
    <t>\\acsfs\profiles$\taylaedoa\Searches\desktop.ini</t>
  </si>
  <si>
    <t>12/25/2019 18:58:10</t>
  </si>
  <si>
    <t>12/25/2019 18:58:11</t>
  </si>
  <si>
    <t>12/25/2019 18:58:12</t>
  </si>
  <si>
    <t>12/25/2019 18:58:13</t>
  </si>
  <si>
    <t>\\acsfs\profiles$\taylaedoa\Downloads\</t>
  </si>
  <si>
    <t>\\acsfs\profiles$\taylaedoa\Downloads\desktop.ini</t>
  </si>
  <si>
    <t>12/25/2019 18:58:14</t>
  </si>
  <si>
    <t>12/25/2019 18:58:15</t>
  </si>
  <si>
    <t>\\acsfs\profiles$\taylaedoa\Favorites\</t>
  </si>
  <si>
    <t>\\acsfs\profiles$\taylaedoa\My Documents\desktop.ini</t>
  </si>
  <si>
    <t>12/25/2019 18:58:17</t>
  </si>
  <si>
    <t>12/25/2019 18:58:18</t>
  </si>
  <si>
    <t>12/25/2019 18:58:19</t>
  </si>
  <si>
    <t>12/25/2019 18:58:21</t>
  </si>
  <si>
    <t>12/25/2019 18:58:22</t>
  </si>
  <si>
    <t>12/25/2019 18:58:25</t>
  </si>
  <si>
    <t>\\acsfs\profiles$\taylaedoa\Saved Games\desktop.ini</t>
  </si>
  <si>
    <t>12/25/2019 18:58:27</t>
  </si>
  <si>
    <t>12/25/2019 18:58:56</t>
  </si>
  <si>
    <t>winrt--{S-1-5-21-602162358-764733703-839522115-358552}-.searchconnector-ms</t>
  </si>
  <si>
    <t>\\acsfs\profiles$\taylaedoa\Searches\winrt--{S-1-5-21-602162358-764733703-839522115-358552}-.searchconnector-ms</t>
  </si>
  <si>
    <t>12/25/2019 19:01:03</t>
  </si>
  <si>
    <t>ca9750a8-ce72-453c-94a6-e2537c16328c.tmp</t>
  </si>
  <si>
    <t>\\acsfs\profiles$\taylaedoa\Downloads\ca9750a8-ce72-453c-94a6-e2537c16328c.tmp</t>
  </si>
  <si>
    <t>12/25/2019 19:02:22</t>
  </si>
  <si>
    <t>bb1f34c8-d1d2-4796-a5ad-71851224d8cc.tmp</t>
  </si>
  <si>
    <t>\\acsfs\profiles$\taylaedoa\Downloads\bb1f34c8-d1d2-4796-a5ad-71851224d8cc.tmp</t>
  </si>
  <si>
    <t>12/25/2019 19:01:17</t>
  </si>
  <si>
    <t>12/25/2019 19:06:44</t>
  </si>
  <si>
    <t>12/25/2019 19:01:29</t>
  </si>
  <si>
    <t>12/25/2019 19:05:14</t>
  </si>
  <si>
    <t>12/25/2019 19:09:43</t>
  </si>
  <si>
    <t>12/25/2019 19:06:02</t>
  </si>
  <si>
    <t>12/25/2019 19:10:43</t>
  </si>
  <si>
    <t>12/25/2019 19:09:38</t>
  </si>
  <si>
    <t>12/25/2019 19:11:44</t>
  </si>
  <si>
    <t>12/25/2019 19:12:10</t>
  </si>
  <si>
    <t>12/25/2019 19:14:44</t>
  </si>
  <si>
    <t>12/25/2019 19:13:02</t>
  </si>
  <si>
    <t>12/25/2019 19:15:43</t>
  </si>
  <si>
    <t>12/25/2019 19:15:33</t>
  </si>
  <si>
    <t>12/25/2019 19:16:42</t>
  </si>
  <si>
    <t>12/25/2019 19:16:51</t>
  </si>
  <si>
    <t>12/25/2019 19:17:43</t>
  </si>
  <si>
    <t>12/25/2019 19:30:24</t>
  </si>
  <si>
    <t>12/25/2019 19:32:44</t>
  </si>
  <si>
    <t>12/25/2019 19:43:29</t>
  </si>
  <si>
    <t>12/25/2019 19:44:44</t>
  </si>
  <si>
    <t>12/25/2019 19:40:26</t>
  </si>
  <si>
    <t>12/25/2019 19:45:44</t>
  </si>
  <si>
    <t>12/25/2019 19:41:09</t>
  </si>
  <si>
    <t>12/25/2019 19:42:59</t>
  </si>
  <si>
    <t>12/25/2019 19:46:44</t>
  </si>
  <si>
    <t>12/25/2019 19:45:22</t>
  </si>
  <si>
    <t>12/25/2019 19:49:44</t>
  </si>
  <si>
    <t>12/25/2019 20:00:23</t>
  </si>
  <si>
    <t>12/25/2019 20:03:44</t>
  </si>
  <si>
    <t>12/25/2019 20:05:17</t>
  </si>
  <si>
    <t>12/25/2019 20:06:44</t>
  </si>
  <si>
    <t>12/25/2019 20:05:42</t>
  </si>
  <si>
    <t>12/25/2019 20:10:44</t>
  </si>
  <si>
    <t>12/25/2019 20:11:49</t>
  </si>
  <si>
    <t>12/25/2019 20:12:43</t>
  </si>
  <si>
    <t>12/25/2019 20:13:31</t>
  </si>
  <si>
    <t>12/25/2019 20:15:44</t>
  </si>
  <si>
    <t>12/25/2019 20:14:55</t>
  </si>
  <si>
    <t>12/25/2019 20:18:44</t>
  </si>
  <si>
    <t>12/25/2019 20:15:39</t>
  </si>
  <si>
    <t>12/25/2019 20:19:43</t>
  </si>
  <si>
    <t>12/25/2019 20:20:55</t>
  </si>
  <si>
    <t>12/25/2019 20:23:43</t>
  </si>
  <si>
    <t>12/25/2019 20:28:11</t>
  </si>
  <si>
    <t>12/25/2019 20:28:44</t>
  </si>
  <si>
    <t>12/25/2019 20:28:55</t>
  </si>
  <si>
    <t>12/25/2019 20:30:44</t>
  </si>
  <si>
    <t>12/25/2019 20:29:03</t>
  </si>
  <si>
    <t>12/25/2019 20:32:44</t>
  </si>
  <si>
    <t>12/25/2019 20:29:50</t>
  </si>
  <si>
    <t>372c1880-d198-4534-84af-ed707f9cfb94.tmp</t>
  </si>
  <si>
    <t>\\acsfs\profiles$\laurandos\Downloads\372c1880-d198-4534-84af-ed707f9cfb94.tmp</t>
  </si>
  <si>
    <t>12/25/2019 20:29:55</t>
  </si>
  <si>
    <t>59ec6c85-319a-4f30-87a2-48dad412cbc2.tmp</t>
  </si>
  <si>
    <t>\\acsfs\profiles$\laurandos\Downloads\59ec6c85-319a-4f30-87a2-48dad412cbc2.tmp</t>
  </si>
  <si>
    <t>12/25/2019 20:30:42</t>
  </si>
  <si>
    <t>e8be36b8-264a-4883-a21f-13dc1af02e80.tmp</t>
  </si>
  <si>
    <t>\\acsfs\profiles$\laurandos\Downloads\e8be36b8-264a-4883-a21f-13dc1af02e80.tmp</t>
  </si>
  <si>
    <t>12/25/2019 20:32:36</t>
  </si>
  <si>
    <t>12/25/2019 20:37:44</t>
  </si>
  <si>
    <t>12/25/2019 20:48:54</t>
  </si>
  <si>
    <t>12/25/2019 20:50:44</t>
  </si>
  <si>
    <t>12/25/2019 20:50:53</t>
  </si>
  <si>
    <t>12/25/2019 20:54:44</t>
  </si>
  <si>
    <t>12/25/2019 20:54:17</t>
  </si>
  <si>
    <t>12/25/2019 20:54:14</t>
  </si>
  <si>
    <t>12/25/2019 20:56:43</t>
  </si>
  <si>
    <t>12/25/2019 20:59:08</t>
  </si>
  <si>
    <t>12/25/2019 20:59:44</t>
  </si>
  <si>
    <t>1156cd7d-4f12-4e8a-bea3-8853769c8ac6.tmp</t>
  </si>
  <si>
    <t>\\acsfs\profiles$\fabianafv\Downloads\1156cd7d-4f12-4e8a-bea3-8853769c8ac6.tmp</t>
  </si>
  <si>
    <t>12/25/2019 20:57:18</t>
  </si>
  <si>
    <t>12/25/2019 21:01:44</t>
  </si>
  <si>
    <t>12/25/2019 21:04:45</t>
  </si>
  <si>
    <t>12/25/2019 21:06:44</t>
  </si>
  <si>
    <t>12/25/2019 21:06:45</t>
  </si>
  <si>
    <t>12/25/2019 21:10:44</t>
  </si>
  <si>
    <t>12/25/2019 21:13:05</t>
  </si>
  <si>
    <t>12/25/2019 21:14:45</t>
  </si>
  <si>
    <t>12/25/2019 21:12:40</t>
  </si>
  <si>
    <t>12/25/2019 21:11:04</t>
  </si>
  <si>
    <t>12/25/2019 21:15:44</t>
  </si>
  <si>
    <t>12/25/2019 21:13:32</t>
  </si>
  <si>
    <t>12/25/2019 21:10:56</t>
  </si>
  <si>
    <t>12/25/2019 21:16:45</t>
  </si>
  <si>
    <t>mail.google.com/sync/u/0/i/s?hl=pt-BR&amp;c=1717</t>
  </si>
  <si>
    <t>12/25/2019 21:11:11</t>
  </si>
  <si>
    <t>mail.google.com/sync/u/0/i/s?hl=pt-BR&amp;c=1721</t>
  </si>
  <si>
    <t>12/25/2019 21:11:14</t>
  </si>
  <si>
    <t>12/25/2019 21:11:30</t>
  </si>
  <si>
    <t>12/25/2019 21:11:41</t>
  </si>
  <si>
    <t>12/25/2019 21:11:52</t>
  </si>
  <si>
    <t>mail.google.com/_/upload?authuser=0&amp;dcp=asu-n&amp;upload_id=AEnB2Ur__EZHkbBFb2PsfVC36bpSEfo5z89D6L_2k297E4NrrAj9bKxUF2Ranx0LhXxKYfgArxof8yED2DiPd4S8p0b-_49QAkR66OvACmG88BADN4EFcjA&amp;upload_protocol=resumable</t>
  </si>
  <si>
    <t>Contatos Reneg Manual 24.12.xlsx</t>
  </si>
  <si>
    <t>12/25/2019 21:15:05</t>
  </si>
  <si>
    <t>mail.google.com/sync/u/0/i/s?hl=pt-BR&amp;c=1756</t>
  </si>
  <si>
    <t>ouvidoria@algar.com.br;thiagordu@algartech.com;</t>
  </si>
  <si>
    <t>ouvidoria@algar.com.br,thiagordu@algartech.com</t>
  </si>
  <si>
    <t>12/25/2019 21:18:53</t>
  </si>
  <si>
    <t>12/25/2019 21:20:45</t>
  </si>
  <si>
    <t>12/25/2019 21:18:56</t>
  </si>
  <si>
    <t>12/25/2019 21:22:51</t>
  </si>
  <si>
    <t>12/25/2019 21:26:45</t>
  </si>
  <si>
    <t>12/25/2019 21:24:57</t>
  </si>
  <si>
    <t>12/25/2019 21:32:03</t>
  </si>
  <si>
    <t>12/25/2019 21:35:46</t>
  </si>
  <si>
    <t>12/25/2019 21:33:55</t>
  </si>
  <si>
    <t>12/25/2019 21:36:46</t>
  </si>
  <si>
    <t>12/25/2019 21:36:25</t>
  </si>
  <si>
    <t>12/25/2019 21:37:46</t>
  </si>
  <si>
    <t>12/25/2019 21:38:05</t>
  </si>
  <si>
    <t>12/25/2019 21:39:46</t>
  </si>
  <si>
    <t>12/25/2019 21:43:12</t>
  </si>
  <si>
    <t>12/25/2019 21:45:47</t>
  </si>
  <si>
    <t>12/25/2019 21:43:31</t>
  </si>
  <si>
    <t>12/25/2019 21:43:34</t>
  </si>
  <si>
    <t>joaogvc@algartech.com;josiascdsj@algartech.com;marianadjc@algartech.com;rafaelggs@algartech.com;taysdss@algartech.com;viniciussg@algartech.com;</t>
  </si>
  <si>
    <t>joaogvc@algartech.com,josiascdsj@algartech.com,marianadjc@algartech.com,rafaelggs@algartech.com,taysdss@algartech.com,viniciussg@algartech.com</t>
  </si>
  <si>
    <t>12/25/2019 21:43:51</t>
  </si>
  <si>
    <t>12/25/2019 21:43:55</t>
  </si>
  <si>
    <t>12/25/2019 21:44:11</t>
  </si>
  <si>
    <t>12/25/2019 21:44:12</t>
  </si>
  <si>
    <t>12/25/2019 21:44:32</t>
  </si>
  <si>
    <t>12/25/2019 21:46:46</t>
  </si>
  <si>
    <t>12/25/2019 21:45:42</t>
  </si>
  <si>
    <t>12/25/2019 21:49:47</t>
  </si>
  <si>
    <t>12/25/2019 21:51:16</t>
  </si>
  <si>
    <t>12/25/2019 21:56:47</t>
  </si>
  <si>
    <t>12/25/2019 21:57:56</t>
  </si>
  <si>
    <t>12/25/2019 22:02:47</t>
  </si>
  <si>
    <t>12/25/2019 22:02:37</t>
  </si>
  <si>
    <t>12/25/2019 22:05:46</t>
  </si>
  <si>
    <t>12/25/2019 22:01:25</t>
  </si>
  <si>
    <t>12/25/2019 22:03:12</t>
  </si>
  <si>
    <t>12/25/2019 22:06:47</t>
  </si>
  <si>
    <t>10.200.67.224</t>
  </si>
  <si>
    <t>D0-94-66-B5-4E-B0</t>
  </si>
  <si>
    <t>VOTORANT-PB019</t>
  </si>
  <si>
    <t>12/25/2019 22:02:35</t>
  </si>
  <si>
    <t>12/25/2019 22:09:47</t>
  </si>
  <si>
    <t>12/25/2019 22:02:39</t>
  </si>
  <si>
    <t>12/25/2019 22:02:44</t>
  </si>
  <si>
    <t>12/25/2019 22:19:11</t>
  </si>
  <si>
    <t>12/25/2019 22:23:46</t>
  </si>
  <si>
    <t>12/25/2019 22:26:35</t>
  </si>
  <si>
    <t>12/25/2019 22:27:45</t>
  </si>
  <si>
    <t>12/25/2019 22:26:00</t>
  </si>
  <si>
    <t>12/25/2019 22:31:46</t>
  </si>
  <si>
    <t>12/25/2019 22:38:04</t>
  </si>
  <si>
    <t>12/25/2019 22:40:46</t>
  </si>
  <si>
    <t>12/25/2019 22:39:42</t>
  </si>
  <si>
    <t>12/25/2019 22:41:12</t>
  </si>
  <si>
    <t>12/25/2019 22:44:46</t>
  </si>
  <si>
    <t>12/25/2019 22:41:23</t>
  </si>
  <si>
    <t>12/25/2019 22:45:45</t>
  </si>
  <si>
    <t>12/25/2019 22:44:29</t>
  </si>
  <si>
    <t>12/25/2019 22:46:14</t>
  </si>
  <si>
    <t>12/25/2019 22:49:46</t>
  </si>
  <si>
    <t>12/25/2019 22:48:01</t>
  </si>
  <si>
    <t>12/25/2019 22:50:46</t>
  </si>
  <si>
    <t>12/25/2019 23:04:14</t>
  </si>
  <si>
    <t>12/25/2019 23:05:47</t>
  </si>
  <si>
    <t>12/25/2019 23:11:02</t>
  </si>
  <si>
    <t>12/25/2019 23:12:47</t>
  </si>
  <si>
    <t>12/25/2019 23:14:18</t>
  </si>
  <si>
    <t>12/25/2019 23:15:47</t>
  </si>
  <si>
    <t>12/25/2019 23:15:54</t>
  </si>
  <si>
    <t>12/25/2019 23:18:47</t>
  </si>
  <si>
    <t>12/25/2019 23:16:01</t>
  </si>
  <si>
    <t>12/25/2019 23:19:47</t>
  </si>
  <si>
    <t>12/25/2019 23:15:35</t>
  </si>
  <si>
    <t>12/25/2019 23:20:46</t>
  </si>
  <si>
    <t>12/25/2019 23:21:06</t>
  </si>
  <si>
    <t>12/25/2019 23:22:47</t>
  </si>
  <si>
    <t>12/25/2019 23:22:10</t>
  </si>
  <si>
    <t>12/25/2019 23:23:46</t>
  </si>
  <si>
    <t>12/25/2019 23:24:18</t>
  </si>
  <si>
    <t>12/25/2019 23:27:46</t>
  </si>
  <si>
    <t>6f1347a1-ed54-4311-99af-2e3c3e662ca2.tmp</t>
  </si>
  <si>
    <t>\\acsfs\profiles$\taylaedoa\Downloads\6f1347a1-ed54-4311-99af-2e3c3e662ca2.tmp</t>
  </si>
  <si>
    <t>12/25/2019 23:28:16</t>
  </si>
  <si>
    <t>12/25/2019 23:30:47</t>
  </si>
  <si>
    <t>12/25/2019 23:30:28</t>
  </si>
  <si>
    <t>12/25/2019 23:32:47</t>
  </si>
  <si>
    <t>12/25/2019 23:38:24</t>
  </si>
  <si>
    <t>12/25/2019 23:42:46</t>
  </si>
  <si>
    <t>34-E6-D7-FC-BF-4C</t>
  </si>
  <si>
    <t>VOTORANT-VB018</t>
  </si>
  <si>
    <t>adrieledgc</t>
  </si>
  <si>
    <t>\\acsfs\profiles$\Adrieledgc\Downloads\</t>
  </si>
  <si>
    <t>76c6bec3-2ce9-4405-827e-91e5f1179ad4.tmp</t>
  </si>
  <si>
    <t>\\acsfs\profiles$\Adrieledgc\Downloads\76c6bec3-2ce9-4405-827e-91e5f1179ad4.tmp</t>
  </si>
  <si>
    <t>12/25/2019 23:39:20</t>
  </si>
  <si>
    <t>afc76d02-400f-489c-adff-f4ea0fc0d369.tmp</t>
  </si>
  <si>
    <t>\\acsfs\profiles$\Adrieledgc\Downloads\afc76d02-400f-489c-adff-f4ea0fc0d369.tmp</t>
  </si>
  <si>
    <t>12/25/2019 23:40:14</t>
  </si>
  <si>
    <t>12/25/2019 23:41:15</t>
  </si>
  <si>
    <t>12/25/2019 23:45:46</t>
  </si>
  <si>
    <t>12/25/2019 23:44:35</t>
  </si>
  <si>
    <t>12/25/2019 23:46:47</t>
  </si>
  <si>
    <t>12/25/2019 23:43:14</t>
  </si>
  <si>
    <t>12/25/2019 23:47:46</t>
  </si>
  <si>
    <t>12/25/2019 23:49:30</t>
  </si>
  <si>
    <t>12/25/2019 23:50:47</t>
  </si>
  <si>
    <t>12/25/2019 23:50:39</t>
  </si>
  <si>
    <t>12/25/2019 23:51:46</t>
  </si>
  <si>
    <t>rogeriofd</t>
  </si>
  <si>
    <t>\\acsfs\profiles$\rogeriofd\Downloads\</t>
  </si>
  <si>
    <t>c785d9db-4661-4d1a-be3a-3c157cead036.tmp</t>
  </si>
  <si>
    <t>\\acsfs\profiles$\rogeriofd\Downloads\c785d9db-4661-4d1a-be3a-3c157cead036.tmp</t>
  </si>
  <si>
    <t>12/25/2019 23:50:14</t>
  </si>
  <si>
    <t>12/25/2019 23:54:47</t>
  </si>
  <si>
    <t>12/25/2019 23:51:38</t>
  </si>
  <si>
    <t>12/25/2019 23:56:47</t>
  </si>
  <si>
    <t>cd4dcca9-2e2a-4e74-ad08-ab7c6e440528.tmp</t>
  </si>
  <si>
    <t>\\acsfs\profiles$\rogeriofd\Downloads\cd4dcca9-2e2a-4e74-ad08-ab7c6e440528.tmp</t>
  </si>
  <si>
    <t>12/25/2019 23:57:02</t>
  </si>
  <si>
    <t>12/25/2019 23:59:46</t>
  </si>
  <si>
    <t>12/25/2019 23:56:46</t>
  </si>
  <si>
    <t>12/26/2019 00:01:46</t>
  </si>
  <si>
    <t>12/26/2019 00:02:12</t>
  </si>
  <si>
    <t>12/26/2019 00:03:46</t>
  </si>
  <si>
    <t>12/26/2019 00:03:51</t>
  </si>
  <si>
    <t>12/26/2019 00:05:47</t>
  </si>
  <si>
    <t>12/26/2019 00:04:41</t>
  </si>
  <si>
    <t>12/26/2019 00:02:28</t>
  </si>
  <si>
    <t>12/26/2019 00:04:51</t>
  </si>
  <si>
    <t>12/26/2019 00:03:13</t>
  </si>
  <si>
    <t>12/26/2019 00:06:46</t>
  </si>
  <si>
    <t>12/26/2019 00:04:31</t>
  </si>
  <si>
    <t>12/26/2019 00:04:59</t>
  </si>
  <si>
    <t>12/26/2019 00:03:32</t>
  </si>
  <si>
    <t>12/26/2019 00:07:46</t>
  </si>
  <si>
    <t>10.200.67.207</t>
  </si>
  <si>
    <t>D0-94-66-B5-52-D2</t>
  </si>
  <si>
    <t>VOTORANT-RB016</t>
  </si>
  <si>
    <t>12/26/2019 00:05:52</t>
  </si>
  <si>
    <t>12/26/2019 00:09:47</t>
  </si>
  <si>
    <t>12/26/2019 00:07:54</t>
  </si>
  <si>
    <t>12/26/2019 00:06:58</t>
  </si>
  <si>
    <t>12/26/2019 00:10:46</t>
  </si>
  <si>
    <t>12/26/2019 00:09:36</t>
  </si>
  <si>
    <t>12/26/2019 00:11:46</t>
  </si>
  <si>
    <t>12/26/2019 00:10:31</t>
  </si>
  <si>
    <t>12/26/2019 00:12:46</t>
  </si>
  <si>
    <t>12/26/2019 00:10:57</t>
  </si>
  <si>
    <t>12/26/2019 00:12:26</t>
  </si>
  <si>
    <t>12/26/2019 00:13:46</t>
  </si>
  <si>
    <t>12/26/2019 00:13:05</t>
  </si>
  <si>
    <t>12/26/2019 00:14:47</t>
  </si>
  <si>
    <t>12/26/2019 00:13:12</t>
  </si>
  <si>
    <t>12/26/2019 00:15:46</t>
  </si>
  <si>
    <t>12/26/2019 00:13:08</t>
  </si>
  <si>
    <t>12/26/2019 00:13:53</t>
  </si>
  <si>
    <t>12/26/2019 00:14:26</t>
  </si>
  <si>
    <t>12/26/2019 00:12:13</t>
  </si>
  <si>
    <t>12/26/2019 00:17:46</t>
  </si>
  <si>
    <t>12/26/2019 00:15:38</t>
  </si>
  <si>
    <t>12/26/2019 00:14:36</t>
  </si>
  <si>
    <t>12/26/2019 00:19:46</t>
  </si>
  <si>
    <t>12/26/2019 00:17:34</t>
  </si>
  <si>
    <t>12/26/2019 00:21:46</t>
  </si>
  <si>
    <t>12/26/2019 00:21:27</t>
  </si>
  <si>
    <t>12/26/2019 00:22:45</t>
  </si>
  <si>
    <t>12/26/2019 00:24:25</t>
  </si>
  <si>
    <t>12/26/2019 00:27:46</t>
  </si>
  <si>
    <t>12/26/2019 00:26:11</t>
  </si>
  <si>
    <t>12/26/2019 00:28:46</t>
  </si>
  <si>
    <t>12/26/2019 00:34:21</t>
  </si>
  <si>
    <t>12/26/2019 00:36:46</t>
  </si>
  <si>
    <t>12/26/2019 00:42:41</t>
  </si>
  <si>
    <t>12/26/2019 00:44:46</t>
  </si>
  <si>
    <t>12/26/2019 00:42:02</t>
  </si>
  <si>
    <t>12/26/2019 00:45:46</t>
  </si>
  <si>
    <t>12/26/2019 00:43:09</t>
  </si>
  <si>
    <t>12/26/2019 00:47:32</t>
  </si>
  <si>
    <t>12/26/2019 00:49:47</t>
  </si>
  <si>
    <t>12/26/2019 00:45:39</t>
  </si>
  <si>
    <t>12/26/2019 00:50:46</t>
  </si>
  <si>
    <t>12/26/2019 00:50:40</t>
  </si>
  <si>
    <t>12/26/2019 00:55:46</t>
  </si>
  <si>
    <t>12/26/2019 00:54:46</t>
  </si>
  <si>
    <t>12/26/2019 00:56:53</t>
  </si>
  <si>
    <t>12/26/2019 00:58:47</t>
  </si>
  <si>
    <t>12/26/2019 01:02:42</t>
  </si>
  <si>
    <t>12/26/2019 01:13:48</t>
  </si>
  <si>
    <t>12/26/2019 01:10:36</t>
  </si>
  <si>
    <t>12/26/2019 01:15:48</t>
  </si>
  <si>
    <t>12/26/2019 01:15:01</t>
  </si>
  <si>
    <t>12/26/2019 01:16:48</t>
  </si>
  <si>
    <t>12/26/2019 01:24:53</t>
  </si>
  <si>
    <t>12/26/2019 01:25:48</t>
  </si>
  <si>
    <t>12/26/2019 01:23:53</t>
  </si>
  <si>
    <t>12/26/2019 01:27:48</t>
  </si>
  <si>
    <t>12/26/2019 01:25:54</t>
  </si>
  <si>
    <t>12/26/2019 01:35:30</t>
  </si>
  <si>
    <t>12/26/2019 01:37:48</t>
  </si>
  <si>
    <t>12/26/2019 01:40:32</t>
  </si>
  <si>
    <t>12/26/2019 01:41:49</t>
  </si>
  <si>
    <t>12/26/2019 01:43:44</t>
  </si>
  <si>
    <t>12/26/2019 01:48:48</t>
  </si>
  <si>
    <t>12/26/2019 02:00:36</t>
  </si>
  <si>
    <t>12/26/2019 02:02:48</t>
  </si>
  <si>
    <t>a9f848a5-2688-40e7-aa20-10afa288d913.tmp</t>
  </si>
  <si>
    <t>\\acsfs\profiles$\Adrieledgc\Downloads\a9f848a5-2688-40e7-aa20-10afa288d913.tmp</t>
  </si>
  <si>
    <t>12/26/2019 02:00:55</t>
  </si>
  <si>
    <t>a579bcd3-76af-4f04-b952-ba2a2cd2e5a9.tmp</t>
  </si>
  <si>
    <t>\\acsfs\profiles$\Adrieledgc\Downloads\a579bcd3-76af-4f04-b952-ba2a2cd2e5a9.tmp</t>
  </si>
  <si>
    <t>12/26/2019 02:02:33</t>
  </si>
  <si>
    <t>12/26/2019 02:06:47</t>
  </si>
  <si>
    <t>12/26/2019 02:04:05</t>
  </si>
  <si>
    <t>12/26/2019 02:07:47</t>
  </si>
  <si>
    <t>12/26/2019 02:05:13</t>
  </si>
  <si>
    <t>23a5abb0-cbc4-4541-af50-e2570ea83aca.tmp</t>
  </si>
  <si>
    <t>\\acsfs\profiles$\Adrieledgc\Downloads\23a5abb0-cbc4-4541-af50-e2570ea83aca.tmp</t>
  </si>
  <si>
    <t>12/26/2019 02:05:46</t>
  </si>
  <si>
    <t>12/26/2019 02:10:47</t>
  </si>
  <si>
    <t>12/26/2019 02:07:40</t>
  </si>
  <si>
    <t>12/26/2019 02:12:48</t>
  </si>
  <si>
    <t>12/26/2019 02:12:44</t>
  </si>
  <si>
    <t>12/26/2019 02:14:48</t>
  </si>
  <si>
    <t>12/26/2019 02:13:31</t>
  </si>
  <si>
    <t>12/26/2019 02:16:48</t>
  </si>
  <si>
    <t>12/26/2019 02:15:14</t>
  </si>
  <si>
    <t>b2b16416-c96a-448a-9db6-b160a86e0cd2.tmp</t>
  </si>
  <si>
    <t>\\acsfs\profiles$\rogeriofd\Downloads\b2b16416-c96a-448a-9db6-b160a86e0cd2.tmp</t>
  </si>
  <si>
    <t>12/26/2019 02:19:01</t>
  </si>
  <si>
    <t>12/26/2019 02:19:48</t>
  </si>
  <si>
    <t>12/26/2019 02:21:06</t>
  </si>
  <si>
    <t>12/26/2019 02:23:48</t>
  </si>
  <si>
    <t>12/26/2019 02:24:35</t>
  </si>
  <si>
    <t>12/26/2019 02:25:49</t>
  </si>
  <si>
    <t>12/26/2019 02:25:00</t>
  </si>
  <si>
    <t>12/26/2019 02:27:48</t>
  </si>
  <si>
    <t>12/26/2019 02:26:09</t>
  </si>
  <si>
    <t>12/26/2019 02:30:48</t>
  </si>
  <si>
    <t>12/26/2019 02:28:57</t>
  </si>
  <si>
    <t>12/26/2019 02:31:48</t>
  </si>
  <si>
    <t>12/26/2019 02:34:15</t>
  </si>
  <si>
    <t>12/26/2019 02:37:48</t>
  </si>
  <si>
    <t>12/26/2019 02:36:35</t>
  </si>
  <si>
    <t>12/26/2019 02:40:48</t>
  </si>
  <si>
    <t>12/26/2019 02:49:11</t>
  </si>
  <si>
    <t>12/26/2019 02:51:49</t>
  </si>
  <si>
    <t>12/26/2019 02:53:58</t>
  </si>
  <si>
    <t>12/26/2019 02:56:49</t>
  </si>
  <si>
    <t>12/26/2019 03:06:43</t>
  </si>
  <si>
    <t>12/26/2019 03:10:49</t>
  </si>
  <si>
    <t>12/26/2019 03:12:17</t>
  </si>
  <si>
    <t>12/26/2019 03:13:48</t>
  </si>
  <si>
    <t>12/26/2019 03:13:06</t>
  </si>
  <si>
    <t>12/26/2019 03:14:49</t>
  </si>
  <si>
    <t>12/26/2019 03:10:32</t>
  </si>
  <si>
    <t>12/26/2019 03:15:48</t>
  </si>
  <si>
    <t>12/26/2019 03:14:13</t>
  </si>
  <si>
    <t>12/26/2019 03:16:58</t>
  </si>
  <si>
    <t>12/26/2019 03:19:48</t>
  </si>
  <si>
    <t>12/26/2019 03:18:56</t>
  </si>
  <si>
    <t>12/26/2019 03:20:49</t>
  </si>
  <si>
    <t>12/26/2019 03:19:16</t>
  </si>
  <si>
    <t>12/26/2019 03:21:48</t>
  </si>
  <si>
    <t>12/26/2019 03:21:21</t>
  </si>
  <si>
    <t>12/26/2019 03:25:48</t>
  </si>
  <si>
    <t>12/26/2019 03:29:15</t>
  </si>
  <si>
    <t>12/26/2019 03:29:49</t>
  </si>
  <si>
    <t>12/26/2019 03:26:01</t>
  </si>
  <si>
    <t>12/26/2019 03:31:49</t>
  </si>
  <si>
    <t>12/26/2019 03:32:02</t>
  </si>
  <si>
    <t>12/26/2019 03:35:48</t>
  </si>
  <si>
    <t>12/26/2019 03:33:35</t>
  </si>
  <si>
    <t>12/26/2019 03:36:48</t>
  </si>
  <si>
    <t>12/26/2019 03:36:56</t>
  </si>
  <si>
    <t>12/26/2019 03:41:48</t>
  </si>
  <si>
    <t>12/26/2019 03:43:33</t>
  </si>
  <si>
    <t>12/26/2019 03:45:48</t>
  </si>
  <si>
    <t>12/26/2019 03:45:15</t>
  </si>
  <si>
    <t>12/26/2019 03:47:48</t>
  </si>
  <si>
    <t>12/26/2019 03:45:42</t>
  </si>
  <si>
    <t>12/26/2019 03:48:49</t>
  </si>
  <si>
    <t>12/26/2019 03:48:51</t>
  </si>
  <si>
    <t>12/26/2019 03:49:48</t>
  </si>
  <si>
    <t>12/26/2019 03:50:02</t>
  </si>
  <si>
    <t>12/26/2019 03:53:48</t>
  </si>
  <si>
    <t>12/26/2019 03:49:31</t>
  </si>
  <si>
    <t>12/26/2019 03:54:48</t>
  </si>
  <si>
    <t>12/26/2019 03:51:14</t>
  </si>
  <si>
    <t>12/26/2019 03:56:48</t>
  </si>
  <si>
    <t>12/26/2019 03:54:23</t>
  </si>
  <si>
    <t>12/26/2019 03:57:47</t>
  </si>
  <si>
    <t>12/26/2019 03:57:28</t>
  </si>
  <si>
    <t>12/26/2019 03:58:48</t>
  </si>
  <si>
    <t>12/26/2019 03:56:09</t>
  </si>
  <si>
    <t>12/26/2019 03:59:48</t>
  </si>
  <si>
    <t>12/26/2019 03:57:39</t>
  </si>
  <si>
    <t>12/26/2019 04:01:48</t>
  </si>
  <si>
    <t>12/26/2019 04:01:01</t>
  </si>
  <si>
    <t>12/26/2019 04:02:47</t>
  </si>
  <si>
    <t>12/26/2019 04:01:03</t>
  </si>
  <si>
    <t>12/26/2019 04:01:59</t>
  </si>
  <si>
    <t>12/26/2019 04:04:47</t>
  </si>
  <si>
    <t>12/26/2019 04:05:06</t>
  </si>
  <si>
    <t>12/26/2019 04:05:48</t>
  </si>
  <si>
    <t>12/26/2019 04:04:14</t>
  </si>
  <si>
    <t>12/26/2019 04:06:48</t>
  </si>
  <si>
    <t>12/26/2019 04:04:41</t>
  </si>
  <si>
    <t>12/26/2019 04:10:33</t>
  </si>
  <si>
    <t>12/26/2019 04:11:48</t>
  </si>
  <si>
    <t>12/26/2019 04:08:08</t>
  </si>
  <si>
    <t>12/26/2019 04:12:48</t>
  </si>
  <si>
    <t>12/26/2019 04:09:00</t>
  </si>
  <si>
    <t>12/26/2019 04:11:23</t>
  </si>
  <si>
    <t>12/26/2019 04:14:49</t>
  </si>
  <si>
    <t>12/26/2019 04:13:00</t>
  </si>
  <si>
    <t>12/26/2019 04:15:48</t>
  </si>
  <si>
    <t>12/26/2019 04:17:59</t>
  </si>
  <si>
    <t>12/26/2019 04:20:48</t>
  </si>
  <si>
    <t>12/26/2019 04:17:45</t>
  </si>
  <si>
    <t>12/26/2019 04:18:56</t>
  </si>
  <si>
    <t>12/26/2019 04:22:34</t>
  </si>
  <si>
    <t>12/26/2019 04:24:49</t>
  </si>
  <si>
    <t>12/26/2019 04:30:12</t>
  </si>
  <si>
    <t>12/26/2019 04:35:50</t>
  </si>
  <si>
    <t>12/26/2019 04:36:02</t>
  </si>
  <si>
    <t>12/26/2019 04:36:51</t>
  </si>
  <si>
    <t>12/26/2019 04:35:28</t>
  </si>
  <si>
    <t>12/26/2019 04:38:51</t>
  </si>
  <si>
    <t>12/26/2019 04:39:02</t>
  </si>
  <si>
    <t>12/26/2019 04:40:50</t>
  </si>
  <si>
    <t>12/26/2019 04:36:42</t>
  </si>
  <si>
    <t>12/26/2019 04:41:50</t>
  </si>
  <si>
    <t>12/26/2019 04:39:32</t>
  </si>
  <si>
    <t>12/26/2019 04:42:38</t>
  </si>
  <si>
    <t>12/26/2019 04:46:50</t>
  </si>
  <si>
    <t>12/26/2019 04:47:25</t>
  </si>
  <si>
    <t>12/26/2019 04:51:50</t>
  </si>
  <si>
    <t>12/26/2019 04:51:18</t>
  </si>
  <si>
    <t>12/26/2019 04:54:41</t>
  </si>
  <si>
    <t>12/26/2019 04:57:49</t>
  </si>
  <si>
    <t>12/26/2019 04:58:01</t>
  </si>
  <si>
    <t>12/26/2019 05:00:49</t>
  </si>
  <si>
    <t>12/26/2019 05:10:46</t>
  </si>
  <si>
    <t>12/26/2019 05:11:49</t>
  </si>
  <si>
    <t>12/26/2019 05:12:19</t>
  </si>
  <si>
    <t>12/26/2019 05:13:49</t>
  </si>
  <si>
    <t>12/26/2019 05:12:30</t>
  </si>
  <si>
    <t>12/26/2019 05:14:49</t>
  </si>
  <si>
    <t>12/26/2019 05:17:30</t>
  </si>
  <si>
    <t>12/26/2019 05:18:49</t>
  </si>
  <si>
    <t>12/26/2019 05:23:38</t>
  </si>
  <si>
    <t>12/26/2019 05:25:50</t>
  </si>
  <si>
    <t>12/26/2019 05:21:35</t>
  </si>
  <si>
    <t>12/26/2019 05:33:21</t>
  </si>
  <si>
    <t>12/26/2019 05:35:50</t>
  </si>
  <si>
    <t>12/26/2019 05:36:04</t>
  </si>
  <si>
    <t>12/26/2019 05:41:49</t>
  </si>
  <si>
    <t>12/26/2019 05:39:24</t>
  </si>
  <si>
    <t>12/26/2019 05:42:49</t>
  </si>
  <si>
    <t>12/26/2019 05:48:16</t>
  </si>
  <si>
    <t>12/26/2019 05:49:49</t>
  </si>
  <si>
    <t>12/26/2019 05:50:14</t>
  </si>
  <si>
    <t>12/26/2019 05:54:50</t>
  </si>
  <si>
    <t>12/26/2019 05:56:13</t>
  </si>
  <si>
    <t>12/26/2019 05:57:49</t>
  </si>
  <si>
    <t>12/26/2019 05:52:51</t>
  </si>
  <si>
    <t>12/26/2019 05:55:07</t>
  </si>
  <si>
    <t>12/26/2019 05:59:50</t>
  </si>
  <si>
    <t>12/26/2019 05:58:29</t>
  </si>
  <si>
    <t>12/26/2019 06:01:50</t>
  </si>
  <si>
    <t>12/26/2019 06:00:25</t>
  </si>
  <si>
    <t>12/26/2019 06:05:26</t>
  </si>
  <si>
    <t>12/26/2019 06:10:49</t>
  </si>
  <si>
    <t>12/26/2019 06:09:38</t>
  </si>
  <si>
    <t>12/26/2019 06:11:50</t>
  </si>
  <si>
    <t>12/26/2019 06:07:20</t>
  </si>
  <si>
    <t>10.200.67.1</t>
  </si>
  <si>
    <t>lucasqdss</t>
  </si>
  <si>
    <t>\\acsfs\profiles$\lucasqdss\Downloads\</t>
  </si>
  <si>
    <t>16ad1d08-a25c-48a5-9d62-2497e9b4a20b.tmp</t>
  </si>
  <si>
    <t>\\acsfs\profiles$\lucasqdss\Downloads\16ad1d08-a25c-48a5-9d62-2497e9b4a20b.tmp</t>
  </si>
  <si>
    <t>12/26/2019 06:09:36</t>
  </si>
  <si>
    <t>368d954d-1435-4739-89c5-2b400263b630.tmp</t>
  </si>
  <si>
    <t>\\acsfs\profiles$\lucasqdss\Downloads\368d954d-1435-4739-89c5-2b400263b630.tmp</t>
  </si>
  <si>
    <t>12/26/2019 06:12:16</t>
  </si>
  <si>
    <t>12/26/2019 06:15:50</t>
  </si>
  <si>
    <t>12/26/2019 06:15:16</t>
  </si>
  <si>
    <t>12/26/2019 06:18:51</t>
  </si>
  <si>
    <t>12/26/2019 06:39:31</t>
  </si>
  <si>
    <t>12/26/2019 06:40:49</t>
  </si>
  <si>
    <t>12/26/2019 06:42:03</t>
  </si>
  <si>
    <t>12/26/2019 06:45:49</t>
  </si>
  <si>
    <t>12/26/2019 06:42:47</t>
  </si>
  <si>
    <t>12/26/2019 06:46:49</t>
  </si>
  <si>
    <t>12/26/2019 06:41:39</t>
  </si>
  <si>
    <t>\\acsfs\profiles$\albertofn\Contacts\</t>
  </si>
  <si>
    <t>ALBERTO FERREIRA NETO (7053).contact</t>
  </si>
  <si>
    <t>\\acsfs\profiles$\albertofn\Contacts\ALBERTO FERREIRA NETO (7053).contact</t>
  </si>
  <si>
    <t>12/26/2019 06:41:52</t>
  </si>
  <si>
    <t>\\acsfs\profiles$\albertofn\My Documents\My Videos\</t>
  </si>
  <si>
    <t>\\acsfs\profiles$\albertofn\My Documents\My Videos\desktop.ini</t>
  </si>
  <si>
    <t>12/26/2019 06:41:53</t>
  </si>
  <si>
    <t>\\acsfs\profiles$\albertofn\My Documents\My Pictures\</t>
  </si>
  <si>
    <t>\\acsfs\profiles$\albertofn\My Documents\My Pictures\desktop.ini</t>
  </si>
  <si>
    <t>\\acsfs\profiles$\albertofn\Contacts\desktop.ini</t>
  </si>
  <si>
    <t>12/26/2019 06:41:54</t>
  </si>
  <si>
    <t>\\acsfs\profiles$\albertofn\Favorites\</t>
  </si>
  <si>
    <t>\\acsfs\profiles$\albertofn\Favorites\desktop.ini</t>
  </si>
  <si>
    <t>\\acsfs\profiles$\albertofn\My Documents\My Music\</t>
  </si>
  <si>
    <t>\\acsfs\profiles$\albertofn\My Documents\My Music\desktop.ini</t>
  </si>
  <si>
    <t>12/26/2019 06:41:55</t>
  </si>
  <si>
    <t>\\acsfs\profiles$\albertofn\Searches\</t>
  </si>
  <si>
    <t>\\acsfs\profiles$\albertofn\Searches\desktop.ini</t>
  </si>
  <si>
    <t>12/26/2019 06:41:56</t>
  </si>
  <si>
    <t>\\acsfs\profiles$\albertofn\Downloads\desktop.ini</t>
  </si>
  <si>
    <t>\\acsfs\profiles$\albertofn\My Documents\</t>
  </si>
  <si>
    <t>\\acsfs\profiles$\albertofn\My Documents\desktop.ini</t>
  </si>
  <si>
    <t>12/26/2019 06:41:57</t>
  </si>
  <si>
    <t>\\acsfs\profiles$\albertofn\Saved Games\</t>
  </si>
  <si>
    <t>\\acsfs\profiles$\albertofn\Saved Games\desktop.ini</t>
  </si>
  <si>
    <t>12/26/2019 06:41:58</t>
  </si>
  <si>
    <t>12/26/2019 06:42:07</t>
  </si>
  <si>
    <t>\\acsfs\profiles$\albertofn\Favorites\Links for Brasil\</t>
  </si>
  <si>
    <t>\\acsfs\profiles$\albertofn\Favorites\Links for Brasil\desktop.ini</t>
  </si>
  <si>
    <t>\\acsfs\profiles$\albertofn\Favorites\Links for Brasil\Microsoft Brasil.url</t>
  </si>
  <si>
    <t>\\acsfs\profiles$\albertofn\Favorites\Links for Brasil\Windows Brasil.url</t>
  </si>
  <si>
    <t>12/26/2019 06:42:08</t>
  </si>
  <si>
    <t>\\acsfs\profiles$\albertofn\Favorites\Links for Brasil\MSN Brasil.url</t>
  </si>
  <si>
    <t>12/26/2019 06:43:51</t>
  </si>
  <si>
    <t>\\acsfs\profiles$\albertofn\Favorites\Links\Citrix Receiver.url\</t>
  </si>
  <si>
    <t>\\acsfs\profiles$\albertofn\Favorites\Links\Citrix Receiver.url\:favicon:$DATA</t>
  </si>
  <si>
    <t>12/26/2019 06:46:15</t>
  </si>
  <si>
    <t>12/26/2019 06:48:49</t>
  </si>
  <si>
    <t>$IKL3NJ4.pdf</t>
  </si>
  <si>
    <t>\\acsfs\profiles$\brendavdoa\My Documents\$RECYCLE.BIN\$IKL3NJ4.pdf</t>
  </si>
  <si>
    <t>12/26/2019 06:46:31</t>
  </si>
  <si>
    <t>12/26/2019 06:46:32</t>
  </si>
  <si>
    <t>12/26/2019 06:46:53</t>
  </si>
  <si>
    <t>12/26/2019 06:49:50</t>
  </si>
  <si>
    <t>12/26/2019 06:47:30</t>
  </si>
  <si>
    <t>12/26/2019 06:51:50</t>
  </si>
  <si>
    <t>296c170a-2d4c-4fe3-b302-e7194a8ef1ba.tmp</t>
  </si>
  <si>
    <t>\\acsfs\profiles$\nathaliadf\Downloads\296c170a-2d4c-4fe3-b302-e7194a8ef1ba.tmp</t>
  </si>
  <si>
    <t>12/26/2019 06:48:43</t>
  </si>
  <si>
    <t>2263b4d2-ce13-41a4-b1ce-2b97d0c3aa0f.tmp</t>
  </si>
  <si>
    <t>\\acsfs\profiles$\nathaliadf\Downloads\2263b4d2-ce13-41a4-b1ce-2b97d0c3aa0f.tmp</t>
  </si>
  <si>
    <t>12/26/2019 06:49:15</t>
  </si>
  <si>
    <t>4e102ab1-98c7-4ea4-940c-566d209de8a0.tmp</t>
  </si>
  <si>
    <t>\\acsfs\profiles$\nathaliadf\Downloads\4e102ab1-98c7-4ea4-940c-566d209de8a0.tmp</t>
  </si>
  <si>
    <t>12/26/2019 06:49:58</t>
  </si>
  <si>
    <t>c14bc457-1306-4f53-b34d-f413f32bf7cf.tmp</t>
  </si>
  <si>
    <t>\\acsfs\profiles$\nathaliadf\Downloads\c14bc457-1306-4f53-b34d-f413f32bf7cf.tmp</t>
  </si>
  <si>
    <t>12/26/2019 06:50:47</t>
  </si>
  <si>
    <t>12/26/2019 06:53:50</t>
  </si>
  <si>
    <t>12/26/2019 06:52:37</t>
  </si>
  <si>
    <t>12/26/2019 06:52:38</t>
  </si>
  <si>
    <t>12/26/2019 06:53:36</t>
  </si>
  <si>
    <t>12/26/2019 06:57:50</t>
  </si>
  <si>
    <t>8ebf97e3-b4ea-4339-896b-2fc6676c7290.tmp</t>
  </si>
  <si>
    <t>\\acsfs\profiles$\vivianealda\Downloads\8ebf97e3-b4ea-4339-896b-2fc6676c7290.tmp</t>
  </si>
  <si>
    <t>12/26/2019 06:55:44</t>
  </si>
  <si>
    <t>5e785cbe-2cab-4770-9398-99dfd954def6.tmp</t>
  </si>
  <si>
    <t>\\acsfs\profiles$\vivianealda\Downloads\5e785cbe-2cab-4770-9398-99dfd954def6.tmp</t>
  </si>
  <si>
    <t>12/26/2019 06:56:27</t>
  </si>
  <si>
    <t>3c762fe9-8b2d-450f-a61a-2cdc6cb88c7c.tmp</t>
  </si>
  <si>
    <t>\\acsfs\profiles$\vivianealda\Downloads\3c762fe9-8b2d-450f-a61a-2cdc6cb88c7c.tmp</t>
  </si>
  <si>
    <t>12/26/2019 06:53:35</t>
  </si>
  <si>
    <t>12/26/2019 06:58:50</t>
  </si>
  <si>
    <t>10.200.67.159</t>
  </si>
  <si>
    <t>D0-94-66-B5-5C-AB</t>
  </si>
  <si>
    <t>VOTORANT-ZB014</t>
  </si>
  <si>
    <t>12/26/2019 06:58:40</t>
  </si>
  <si>
    <t>12/26/2019 07:02:50</t>
  </si>
  <si>
    <t>12/26/2019 07:01:46</t>
  </si>
  <si>
    <t>74644260-e3a8-4b4c-9d32-12ce3fcf73b7.tmp</t>
  </si>
  <si>
    <t>\\acsfs\profiles$\vivianealda\Downloads\74644260-e3a8-4b4c-9d32-12ce3fcf73b7.tmp</t>
  </si>
  <si>
    <t>12/26/2019 06:59:11</t>
  </si>
  <si>
    <t>12/26/2019 07:03:50</t>
  </si>
  <si>
    <t>12/26/2019 06:59:29</t>
  </si>
  <si>
    <t>brunaar</t>
  </si>
  <si>
    <t>\\acsfs\profiles$\BRUNAAR\Downloads\</t>
  </si>
  <si>
    <t>0acc7409-9ee4-456a-a3f3-73119429b2a5.tmp</t>
  </si>
  <si>
    <t>\\acsfs\profiles$\BRUNAAR\Downloads\0acc7409-9ee4-456a-a3f3-73119429b2a5.tmp</t>
  </si>
  <si>
    <t>12/26/2019 07:00:55</t>
  </si>
  <si>
    <t>94b778bc-cdb6-4053-9bec-e6c443d1a847.tmp</t>
  </si>
  <si>
    <t>\\acsfs\profiles$\BRUNAAR\Downloads\94b778bc-cdb6-4053-9bec-e6c443d1a847.tmp</t>
  </si>
  <si>
    <t>12/26/2019 07:03:07</t>
  </si>
  <si>
    <t>12/26/2019 07:05:50</t>
  </si>
  <si>
    <t>12/26/2019 07:12:50</t>
  </si>
  <si>
    <t>df9zq0ojwlhrr00ia15cxllfsuvbvkybfwthrf5yvhuzqvpgfwcrvejevv05rffvrg0l;</t>
  </si>
  <si>
    <t>df9zq0ojwlhrr00ia15cxllfsuvbvkybfwthrf5yvhuzqvpgfwcrvejevv05rffvrg0l</t>
  </si>
  <si>
    <t>mail.google.com/_/upload?authuser=0&amp;dcp=asu-n&amp;upload_id=AEnB2Uoh5YnpSncFH1ggn_E8OvzzxwmxevLWhrk0pUnTFNC1IFjqFUTzI4yXqFbbAKoI7TkR5Uqtsx4iUmJlrcwlbOqRvkUNHTedQG5aLa1o-2YQZ7IB1bk&amp;upload_protocol=resumable</t>
  </si>
  <si>
    <t>12/24/2019 11:58:14</t>
  </si>
  <si>
    <t>12/24/2019 12:00:08</t>
  </si>
  <si>
    <t>12/24/2019 12:00:59</t>
  </si>
  <si>
    <t>12/24/2019 12:01:01</t>
  </si>
  <si>
    <t>12/24/2019 12:01:43</t>
  </si>
  <si>
    <t>12/24/2019 12:02:46</t>
  </si>
  <si>
    <t>12/26/2019 07:09:03</t>
  </si>
  <si>
    <t>4266d79a-ebcb-4d62-9359-3a75bc339f5f.tmp</t>
  </si>
  <si>
    <t>\\acsfs\profiles$\vivianealda\Downloads\4266d79a-ebcb-4d62-9359-3a75bc339f5f.tmp</t>
  </si>
  <si>
    <t>12/26/2019 07:09:45</t>
  </si>
  <si>
    <t>12/26/2019 07:14:50</t>
  </si>
  <si>
    <t>mail.google.com/sync/u/0/i/s?hl=pt-BR&amp;c=417</t>
  </si>
  <si>
    <t>12/26/2019 07:09:49</t>
  </si>
  <si>
    <t>12/26/2019 07:09:55</t>
  </si>
  <si>
    <t>12/26/2019 07:10:24</t>
  </si>
  <si>
    <t>12/26/2019 07:11:17</t>
  </si>
  <si>
    <t>12/26/2019 07:11:26</t>
  </si>
  <si>
    <t>12/26/2019 07:12:56</t>
  </si>
  <si>
    <t>12/26/2019 07:13:00</t>
  </si>
  <si>
    <t>12/26/2019 07:12:41</t>
  </si>
  <si>
    <t>12/26/2019 07:11:12</t>
  </si>
  <si>
    <t>12/26/2019 07:15:50</t>
  </si>
  <si>
    <t>12/26/2019 07:13:08</t>
  </si>
  <si>
    <t>12/26/2019 07:17:50</t>
  </si>
  <si>
    <t>12/26/2019 07:12:37</t>
  </si>
  <si>
    <t>12/26/2019 07:12:39</t>
  </si>
  <si>
    <t>12/26/2019 07:13:48</t>
  </si>
  <si>
    <t>b3724381-af57-4cac-bc99-3daf788a1c69.tmp</t>
  </si>
  <si>
    <t>\\acsfs\profiles$\deboraaa\Downloads\b3724381-af57-4cac-bc99-3daf788a1c69.tmp</t>
  </si>
  <si>
    <t>12/26/2019 07:15:10</t>
  </si>
  <si>
    <t>6c8295f5-6391-4b7a-b441-8c5c3ca7e497.tmp</t>
  </si>
  <si>
    <t>\\acsfs\profiles$\deboraaa\Downloads\6c8295f5-6391-4b7a-b441-8c5c3ca7e497.tmp</t>
  </si>
  <si>
    <t>12/26/2019 07:15:40</t>
  </si>
  <si>
    <t>48e75f0a-c781-46b1-9e33-f64b5ac8858d.tmp</t>
  </si>
  <si>
    <t>\\acsfs\profiles$\deboraaa\Downloads\48e75f0a-c781-46b1-9e33-f64b5ac8858d.tmp</t>
  </si>
  <si>
    <t>12/26/2019 07:15:47</t>
  </si>
  <si>
    <t>12/26/2019 07:18:50</t>
  </si>
  <si>
    <t>12/26/2019 07:15:12</t>
  </si>
  <si>
    <t>12/26/2019 07:20:44</t>
  </si>
  <si>
    <t>12/26/2019 07:21:50</t>
  </si>
  <si>
    <t>12/26/2019 07:22:51</t>
  </si>
  <si>
    <t>12/26/2019 07:22:37</t>
  </si>
  <si>
    <t>12/26/2019 07:23:50</t>
  </si>
  <si>
    <t>BRUNA LARA ARAUJO SANTOS_1_6770051773608573683_1_32.wav</t>
  </si>
  <si>
    <t>\\acsfs\Deptos\EDUCACAO EMPRESARIAL\KÉSIA\Ligações 3º ciclo - Késia\BRUNA LARA ARAUJO SANTOS_1_6770051773608573683_1_32.wav</t>
  </si>
  <si>
    <t>12/26/2019 07:22:47</t>
  </si>
  <si>
    <t>12/26/2019 07:24:50</t>
  </si>
  <si>
    <t>12/26/2019 07:21:56</t>
  </si>
  <si>
    <t>12/26/2019 07:25:50</t>
  </si>
  <si>
    <t>12/26/2019 07:24:13</t>
  </si>
  <si>
    <t>12/26/2019 07:27:50</t>
  </si>
  <si>
    <t>45ad0f1d-a486-43d5-b54a-9fb12bc685f5.tmp</t>
  </si>
  <si>
    <t>\\acsfs\profiles$\deboraaa\Downloads\45ad0f1d-a486-43d5-b54a-9fb12bc685f5.tmp</t>
  </si>
  <si>
    <t>12/26/2019 07:25:00</t>
  </si>
  <si>
    <t>12/26/2019 07:29:50</t>
  </si>
  <si>
    <t>03c529a6-7324-4688-958f-1c476b632539.tmp</t>
  </si>
  <si>
    <t>\\acsfs\profiles$\websondsa\Downloads\03c529a6-7324-4688-958f-1c476b632539.tmp</t>
  </si>
  <si>
    <t>12/26/2019 07:25:01</t>
  </si>
  <si>
    <t>ade18c86-f4ba-40c5-8f29-ccf271906861.tmp</t>
  </si>
  <si>
    <t>\\acsfs\profiles$\websondsa\Downloads\ade18c86-f4ba-40c5-8f29-ccf271906861.tmp</t>
  </si>
  <si>
    <t>12/26/2019 07:25:16</t>
  </si>
  <si>
    <t>34936c66-fa80-4488-94fa-8d76429398b6.tmp</t>
  </si>
  <si>
    <t>\\acsfs\profiles$\websondsa\Downloads\34936c66-fa80-4488-94fa-8d76429398b6.tmp</t>
  </si>
  <si>
    <t>12/26/2019 07:26:53</t>
  </si>
  <si>
    <t>d33bfc17-de2d-4c72-8a73-1b18d3f3d26f.tmp</t>
  </si>
  <si>
    <t>\\acsfs\profiles$\websondsa\Downloads\d33bfc17-de2d-4c72-8a73-1b18d3f3d26f.tmp</t>
  </si>
  <si>
    <t>12/26/2019 07:28:46</t>
  </si>
  <si>
    <t>d7b1d4d1-59fa-4231-b65d-36967e5d30e1.tmp</t>
  </si>
  <si>
    <t>\\acsfs\profiles$\websondsa\Downloads\d7b1d4d1-59fa-4231-b65d-36967e5d30e1.tmp</t>
  </si>
  <si>
    <t>12/26/2019 07:28:21</t>
  </si>
  <si>
    <t>12/26/2019 07:30:50</t>
  </si>
  <si>
    <t>12/26/2019 07:27:44</t>
  </si>
  <si>
    <t>12/26/2019 07:30:54</t>
  </si>
  <si>
    <t>12/26/2019 07:31:50</t>
  </si>
  <si>
    <t>12/26/2019 07:31:25</t>
  </si>
  <si>
    <t>12/26/2019 07:33:50</t>
  </si>
  <si>
    <t>\\acsfs\profiles$\BRUNAAR\Numero\</t>
  </si>
  <si>
    <t>.~lock.Transferencia.docx#</t>
  </si>
  <si>
    <t>\\acsfs\profiles$\BRUNAAR\Numero\.~lock.Transferencia.docx#</t>
  </si>
  <si>
    <t>12/26/2019 07:34:15</t>
  </si>
  <si>
    <t>12/26/2019 07:34:49</t>
  </si>
  <si>
    <t>12/26/2019 07:34:23</t>
  </si>
  <si>
    <t>12/26/2019 07:31:20</t>
  </si>
  <si>
    <t>12/26/2019 07:35:50</t>
  </si>
  <si>
    <t>6995a9be-9b4d-4756-b552-117d46e8dc15.tmp</t>
  </si>
  <si>
    <t>\\acsfs\profiles$\sarahbal\Downloads\6995a9be-9b4d-4756-b552-117d46e8dc15.tmp</t>
  </si>
  <si>
    <t>12/26/2019 07:32:32</t>
  </si>
  <si>
    <t>8ff961ab-4c39-43b3-be7d-59fc78a98f37.tmp</t>
  </si>
  <si>
    <t>\\acsfs\profiles$\sarahbal\Downloads\8ff961ab-4c39-43b3-be7d-59fc78a98f37.tmp</t>
  </si>
  <si>
    <t>12/26/2019 07:33:04</t>
  </si>
  <si>
    <t>a6419042-53f9-4c91-bc3f-3bdaca29a0cb.tmp</t>
  </si>
  <si>
    <t>\\acsfs\profiles$\sarahbal\Downloads\a6419042-53f9-4c91-bc3f-3bdaca29a0cb.tmp</t>
  </si>
  <si>
    <t>12/26/2019 07:32:02</t>
  </si>
  <si>
    <t>12/26/2019 07:36:50</t>
  </si>
  <si>
    <t>d4de610a-8761-432e-8501-b6d67912f024.tmp</t>
  </si>
  <si>
    <t>\\acsfs\profiles$\lucasqdss\Downloads\d4de610a-8761-432e-8501-b6d67912f024.tmp</t>
  </si>
  <si>
    <t>12/26/2019 07:38:50</t>
  </si>
  <si>
    <t>12/26/2019 07:34:29</t>
  </si>
  <si>
    <t>12/26/2019 07:39:50</t>
  </si>
  <si>
    <t>12/26/2019 07:34:45</t>
  </si>
  <si>
    <t>12/26/2019 07:34:50</t>
  </si>
  <si>
    <t>12/26/2019 07:37:40</t>
  </si>
  <si>
    <t>12/26/2019 07:37:47</t>
  </si>
  <si>
    <t>12/26/2019 07:38:19</t>
  </si>
  <si>
    <t>mail.google.com/sync/u/0/i/s?hl=pt-BR&amp;c=478</t>
  </si>
  <si>
    <t>12/26/2019 07:38:22</t>
  </si>
  <si>
    <t>12/26/2019 07:38:55</t>
  </si>
  <si>
    <t>12/26/2019 07:38:59</t>
  </si>
  <si>
    <t>mail.google.com/sync/u/0/i/s?hl=pt-BR&amp;c=486</t>
  </si>
  <si>
    <t>12/26/2019 07:35:31</t>
  </si>
  <si>
    <t>12/26/2019 07:37:53</t>
  </si>
  <si>
    <t>jonathanwap</t>
  </si>
  <si>
    <t>\\acsfs\profiles$\jonathanwap\</t>
  </si>
  <si>
    <t>\\acsfs\profiles$\jonathanwap\.~lock.Vendas.ods#</t>
  </si>
  <si>
    <t>12/26/2019 07:37:44</t>
  </si>
  <si>
    <t>12/26/2019 07:40:50</t>
  </si>
  <si>
    <t>514452b5-3d96-4a93-b6d9-78e392bbaf26.tmp</t>
  </si>
  <si>
    <t>\\acsfs\profiles$\sarahbal\Downloads\514452b5-3d96-4a93-b6d9-78e392bbaf26.tmp</t>
  </si>
  <si>
    <t>12/26/2019 07:39:46</t>
  </si>
  <si>
    <t>12/26/2019 07:41:50</t>
  </si>
  <si>
    <t>12/26/2019 07:43:50</t>
  </si>
  <si>
    <t>12/26/2019 07:40:16</t>
  </si>
  <si>
    <t>12/26/2019 07:44:50</t>
  </si>
  <si>
    <t>12/26/2019 07:40:27</t>
  </si>
  <si>
    <t>12/26/2019 07:42:06</t>
  </si>
  <si>
    <t>12/26/2019 07:42:12</t>
  </si>
  <si>
    <t>12/26/2019 07:42:25</t>
  </si>
  <si>
    <t>12/26/2019 07:42:34</t>
  </si>
  <si>
    <t>12/26/2019 07:43:16</t>
  </si>
  <si>
    <t>12/26/2019 07:43:23</t>
  </si>
  <si>
    <t>12/26/2019 07:43:24</t>
  </si>
  <si>
    <t>12/26/2019 07:48:50</t>
  </si>
  <si>
    <t>ERIC HENRIQUE DA SILVA_1_6771180113056834898_1_32.wav</t>
  </si>
  <si>
    <t>\\acsfs\Deptos\EDUCACAO EMPRESARIAL\KÉSIA\Ligações 3º ciclo - Késia\ERIC HENRIQUE DA SILVA_1_6771180113056834898_1_32.wav</t>
  </si>
  <si>
    <t>12/26/2019 07:46:48</t>
  </si>
  <si>
    <t>12/26/2019 07:45:57</t>
  </si>
  <si>
    <t>12/26/2019 07:49:50</t>
  </si>
  <si>
    <t>mail.google.com/sync/u/0/i/s?hl=pt-BR&amp;c=517</t>
  </si>
  <si>
    <t>12/26/2019 07:46:01</t>
  </si>
  <si>
    <t>mail.google.com/sync/u/0/i/s?hl=pt-BR&amp;c=519</t>
  </si>
  <si>
    <t>12/26/2019 07:48:12</t>
  </si>
  <si>
    <t>mail.google.com/sync/u/0/i/s?hl=pt-BR&amp;c=524</t>
  </si>
  <si>
    <t>12/26/2019 07:48:21</t>
  </si>
  <si>
    <t>12/26/2019 07:49:07</t>
  </si>
  <si>
    <t>12/26/2019 07:50:01</t>
  </si>
  <si>
    <t>12/26/2019 07:50:50</t>
  </si>
  <si>
    <t>12/26/2019 07:47:33</t>
  </si>
  <si>
    <t>12/26/2019 07:51:49</t>
  </si>
  <si>
    <t>\\acsfs\Deptos\Operacao\Banco_Votorantim\Comum\00 - COMUM - BV CARTÕES\EQUIPE ANA VITORIA\</t>
  </si>
  <si>
    <t>Controle de vendas.ods</t>
  </si>
  <si>
    <t>\\acsfs\profiles$\LUCASQDSS\My Documents\Controle de vendas.ods</t>
  </si>
  <si>
    <t>\\acsfs\Deptos\Operacao\Banco_Votorantim\Comum\00 - COMUM - BV CARTÕES\EQUIPE ANA VITORIA\Controle de vendas.ods\</t>
  </si>
  <si>
    <t>\\acsfs\Deptos\Operacao\Banco_Votorantim\Comum\00 - COMUM - BV CARTÕES\EQUIPE ANA VITORIA\Controle de vendas.ods\META-INF\</t>
  </si>
  <si>
    <t>\\acsfs\Deptos\Operacao\Banco_Votorantim\Comum\00 - COMUM - BV CARTÕES\EQUIPE ANA VITORIA\Controle de vendas.ods\Thumbnails\</t>
  </si>
  <si>
    <t>12/26/2019 07:50:38</t>
  </si>
  <si>
    <t>12/26/2019 07:52:50</t>
  </si>
  <si>
    <t>12/26/2019 07:50:45</t>
  </si>
  <si>
    <t>12/26/2019 07:52:20</t>
  </si>
  <si>
    <t>Q29udHJvbGxlci5Hb29nbGUtQ2hyb21lXzE-.ica.crdownload</t>
  </si>
  <si>
    <t>\\acsfs\ACS\001 - Qualidade Lilian\PAULO\FAROL DE QUALIDADE\DEZEMBRO\Q29udHJvbGxlci5Hb29nbGUtQ2hyb21lXzE-.ica.crdownload</t>
  </si>
  <si>
    <t>12/26/2019 07:52:22</t>
  </si>
  <si>
    <t>Q29udHJvbGxlci5Hb29nbGUtQ2hyb21lXzE-.ica:Zone.Identifier</t>
  </si>
  <si>
    <t>\\acsfs\ACS\001 - Qualidade Lilian\PAULO\FAROL DE QUALIDADE\DEZEMBRO\Q29udHJvbGxlci5Hb29nbGUtQ2hyb21lXzE-.ica:Zone.Identifier</t>
  </si>
  <si>
    <t>12/26/2019 07:53:49</t>
  </si>
  <si>
    <t>12/26/2019 07:53:07</t>
  </si>
  <si>
    <t>12/26/2019 07:55:50</t>
  </si>
  <si>
    <t>12/26/2019 07:53:55</t>
  </si>
  <si>
    <t>d480381b-9cb6-4cd9-a52f-99d5ac720760.tmp</t>
  </si>
  <si>
    <t>\\acsfs\profiles$\luanarda\Downloads\d480381b-9cb6-4cd9-a52f-99d5ac720760.tmp</t>
  </si>
  <si>
    <t>12/26/2019 07:54:47</t>
  </si>
  <si>
    <t>12/26/2019 07:56:49</t>
  </si>
  <si>
    <t>12/26/2019 07:55:21</t>
  </si>
  <si>
    <t>12/26/2019 07:55:29</t>
  </si>
  <si>
    <t>12/26/2019 07:57:50</t>
  </si>
  <si>
    <t>Q29udHJvbGxlci5TQUNBLVNBQw--.ica.crdownload</t>
  </si>
  <si>
    <t>\\acsfs\ACS\001 - Qualidade Lilian\PAULO\FAROL DE QUALIDADE\DEZEMBRO\Q29udHJvbGxlci5TQUNBLVNBQw--.ica.crdownload</t>
  </si>
  <si>
    <t>\\acsfs\ACS\001 - Qualidade Lilian\PAULO\FAROL DE QUALIDADE\DEZEMBRO\Q29udHJvbGxlci5TQUNBLVNBQw--.ica:Zone.Identifier</t>
  </si>
  <si>
    <t>12/26/2019 07:56:20</t>
  </si>
  <si>
    <t>12/26/2019 07:58:50</t>
  </si>
  <si>
    <t>12/26/2019 07:57:33</t>
  </si>
  <si>
    <t>12/26/2019 07:59:50</t>
  </si>
  <si>
    <t>12/26/2019 07:58:31</t>
  </si>
  <si>
    <t>12/26/2019 07:59:13</t>
  </si>
  <si>
    <t>8602808e-e2e8-4af1-b33f-0c5c780f32f8.tmp</t>
  </si>
  <si>
    <t>\\acsfs\profiles$\mariliafplb\Downloads\8602808e-e2e8-4af1-b33f-0c5c780f32f8.tmp</t>
  </si>
  <si>
    <t>12/26/2019 07:59:29</t>
  </si>
  <si>
    <t>12/26/2019 08:00:50</t>
  </si>
  <si>
    <t>421bdbc5-9bc1-40ba-b057-6658a75ab415.tmp</t>
  </si>
  <si>
    <t>\\acsfs\profiles$\valeriasda\Downloads\421bdbc5-9bc1-40ba-b057-6658a75ab415.tmp</t>
  </si>
  <si>
    <t>12/26/2019 07:59:35</t>
  </si>
  <si>
    <t>cf31a4fd-e70c-449f-98db-8901e31fae07.tmp</t>
  </si>
  <si>
    <t>\\acsfs\profiles$\valeriasda\Downloads\cf31a4fd-e70c-449f-98db-8901e31fae07.tmp</t>
  </si>
  <si>
    <t>0b91fa48-87fb-4510-be7a-782ea6eac537.tmp</t>
  </si>
  <si>
    <t>\\acsfs\profiles$\valeriasda\Downloads\0b91fa48-87fb-4510-be7a-782ea6eac537.tmp</t>
  </si>
  <si>
    <t>12/26/2019 08:00:06</t>
  </si>
  <si>
    <t>12/26/2019 07:57:54</t>
  </si>
  <si>
    <t>2a43dc2e-8b79-43f0-bf1c-e57f630ea4af.tmp</t>
  </si>
  <si>
    <t>\\acsfs\profiles$\luanarda\Downloads\2a43dc2e-8b79-43f0-bf1c-e57f630ea4af.tmp</t>
  </si>
  <si>
    <t>12/26/2019 07:58:52</t>
  </si>
  <si>
    <t>12/26/2019 07:55:59</t>
  </si>
  <si>
    <t>12/26/2019 08:00:16</t>
  </si>
  <si>
    <t>278a63a8-feff-457a-abb0-9897d5fecae2.tmp</t>
  </si>
  <si>
    <t>\\acsfs\profiles$\marcellewdl\Downloads\278a63a8-feff-457a-abb0-9897d5fecae2.tmp</t>
  </si>
  <si>
    <t>12/26/2019 07:58:13</t>
  </si>
  <si>
    <t>a258f804-167e-44db-9832-be15092322c1.tmp</t>
  </si>
  <si>
    <t>\\acsfs\profiles$\paulovadc\Downloads\a258f804-167e-44db-9832-be15092322c1.tmp</t>
  </si>
  <si>
    <t>12/26/2019 07:58:57</t>
  </si>
  <si>
    <t>12/26/2019 07:59:07</t>
  </si>
  <si>
    <t>948aa7c7-6b19-43f4-a4ee-6779b7f4fa86.tmp</t>
  </si>
  <si>
    <t>\\acsfs\profiles$\paulovadc\Downloads\948aa7c7-6b19-43f4-a4ee-6779b7f4fa86.tmp</t>
  </si>
  <si>
    <t>12/26/2019 08:00:07</t>
  </si>
  <si>
    <t>12/26/2019 08:01:50</t>
  </si>
  <si>
    <t>dd789b12-f663-474c-807e-7e5c5c01fb8b.tmp</t>
  </si>
  <si>
    <t>\\acsfs\profiles$\quindaizaagds\Downloads\dd789b12-f663-474c-807e-7e5c5c01fb8b.tmp</t>
  </si>
  <si>
    <t>12/26/2019 08:00:20</t>
  </si>
  <si>
    <t>297fa849-8976-4569-a7ae-23618d79baad.tmp</t>
  </si>
  <si>
    <t>\\acsfs\profiles$\lucasqdss\Downloads\297fa849-8976-4569-a7ae-23618d79baad.tmp</t>
  </si>
  <si>
    <t>12/26/2019 08:00:12</t>
  </si>
  <si>
    <t>ulog_AcroARM2_Reader_22bb18ef-a0cc-4985-b2f1-d8449a05e1d0_0275cca0-2475-422a-a779-73530afb9c53_0.log</t>
  </si>
  <si>
    <t>C:\Users\Jordanarb\AppData\Roaming\Adobe\LogTransport2\Logs\ulog_AcroARM2_Reader_22bb18ef-a0cc-4985-b2f1-d8449a05e1d0_0275cca0-2475-422a-a779-73530afb9c53_0.log\</t>
  </si>
  <si>
    <t>12/26/2019 08:00:13</t>
  </si>
  <si>
    <t>12/26/2019 08:02:49</t>
  </si>
  <si>
    <t>12/26/2019 08:00:14</t>
  </si>
  <si>
    <t>12/26/2019 08:00:15</t>
  </si>
  <si>
    <t>12/26/2019 08:00:19</t>
  </si>
  <si>
    <t>12/26/2019 08:00:21</t>
  </si>
  <si>
    <t>12/26/2019 08:00:22</t>
  </si>
  <si>
    <t>12/26/2019 08:00:23</t>
  </si>
  <si>
    <t>12/26/2019 08:00:36</t>
  </si>
  <si>
    <t>12/26/2019 08:00:37</t>
  </si>
  <si>
    <t>12/26/2019 08:00:38</t>
  </si>
  <si>
    <t>12/26/2019 08:00:39</t>
  </si>
  <si>
    <t>12/26/2019 07:58:11</t>
  </si>
  <si>
    <t>12/26/2019 08:03:50</t>
  </si>
  <si>
    <t>12/26/2019 07:59:26</t>
  </si>
  <si>
    <t>2463ece2-7336-4c29-8ec7-bba5431a3993.tmp</t>
  </si>
  <si>
    <t>\\acsfs\profiles$\jonatanls\Downloads\2463ece2-7336-4c29-8ec7-bba5431a3993.tmp</t>
  </si>
  <si>
    <t>12/26/2019 08:00:55</t>
  </si>
  <si>
    <t>fe2ec891-cb0a-4b78-ab94-5a3fc1682ac6.tmp</t>
  </si>
  <si>
    <t>\\acsfs\profiles$\jonatanls\Downloads\fe2ec891-cb0a-4b78-ab94-5a3fc1682ac6.tmp</t>
  </si>
  <si>
    <t>12/26/2019 07:58:35</t>
  </si>
  <si>
    <t>02c2a146-7e93-426d-8c5a-505fd6f1a440.tmp</t>
  </si>
  <si>
    <t>\\acsfs\profiles$\vivianalds\Downloads\02c2a146-7e93-426d-8c5a-505fd6f1a440.tmp</t>
  </si>
  <si>
    <t>12/26/2019 07:58:41</t>
  </si>
  <si>
    <t>JUCELIA OLIVEIRA DE AMORIM_1_6770739376397815162_1_32.wav</t>
  </si>
  <si>
    <t>\\acsfs\Deptos\EDUCACAO EMPRESARIAL\KÉSIA\Ligações 3º ciclo - Késia\JUCELIA OLIVEIRA DE AMORIM_1_6770739376397815162_1_32.wav</t>
  </si>
  <si>
    <t>12/26/2019 07:59:19</t>
  </si>
  <si>
    <t>12/26/2019 07:59:49</t>
  </si>
  <si>
    <t>5ca0757d-b1c5-4f58-8cf7-b24c2a4996d5.tmp</t>
  </si>
  <si>
    <t>\\acsfs\profiles$\vivianalds\Downloads\5ca0757d-b1c5-4f58-8cf7-b24c2a4996d5.tmp</t>
  </si>
  <si>
    <t>12/26/2019 08:03:05</t>
  </si>
  <si>
    <t>12/26/2019 08:04:50</t>
  </si>
  <si>
    <t>12/26/2019 07:59:36</t>
  </si>
  <si>
    <t>ee1a969e-3846-4674-a037-8895ad966c65.tmp</t>
  </si>
  <si>
    <t>\\acsfs\profiles$\mariliafplb\Downloads\ee1a969e-3846-4674-a037-8895ad966c65.tmp</t>
  </si>
  <si>
    <t>12/26/2019 08:00:42</t>
  </si>
  <si>
    <t>12/26/2019 08:01:02</t>
  </si>
  <si>
    <t>12/26/2019 08:05:50</t>
  </si>
  <si>
    <t>10.200.66.27</t>
  </si>
  <si>
    <t>D0-94-66-B5-4E-28</t>
  </si>
  <si>
    <t>VOTORANT-YB020</t>
  </si>
  <si>
    <t>12/26/2019 08:01:36</t>
  </si>
  <si>
    <t>e7d4eb3a-4366-4f5e-9bf9-5cabd9654fbc.tmp</t>
  </si>
  <si>
    <t>\\acsfs\profiles$\dhiulliananads\Downloads\e7d4eb3a-4366-4f5e-9bf9-5cabd9654fbc.tmp</t>
  </si>
  <si>
    <t>12/26/2019 08:02:11</t>
  </si>
  <si>
    <t>89e27b99-e6c9-4f4f-b122-3f41a5e47963.tmp</t>
  </si>
  <si>
    <t>\\acsfs\profiles$\dhiulliananads\Downloads\89e27b99-e6c9-4f4f-b122-3f41a5e47963.tmp</t>
  </si>
  <si>
    <t>12/26/2019 08:01:34</t>
  </si>
  <si>
    <t>12/26/2019 08:02:58</t>
  </si>
  <si>
    <t>12/26/2019 08:01:43</t>
  </si>
  <si>
    <t>12/26/2019 08:02:15</t>
  </si>
  <si>
    <t>c50ae174-bc47-420e-afe2-d4f0d0111654.tmp</t>
  </si>
  <si>
    <t>\\acsfs\profiles$\marcellewdl\Downloads\c50ae174-bc47-420e-afe2-d4f0d0111654.tmp</t>
  </si>
  <si>
    <t>12/26/2019 08:04:08</t>
  </si>
  <si>
    <t>12/26/2019 08:05:20</t>
  </si>
  <si>
    <t>12/26/2019 08:02:06</t>
  </si>
  <si>
    <t>12/26/2019 08:06:49</t>
  </si>
  <si>
    <t>9f912c66-2c64-4249-95ca-8c75ab699dbd.tmp</t>
  </si>
  <si>
    <t>\\acsfs\profiles$\quindaizaagds\Downloads\9f912c66-2c64-4249-95ca-8c75ab699dbd.tmp</t>
  </si>
  <si>
    <t>12/26/2019 08:02:18</t>
  </si>
  <si>
    <t>ccbfe938-fb9b-406b-a15c-06a98cb21ae7.tmp</t>
  </si>
  <si>
    <t>\\acsfs\profiles$\quindaizaagds\Downloads\ccbfe938-fb9b-406b-a15c-06a98cb21ae7.tmp</t>
  </si>
  <si>
    <t>12/26/2019 08:03:57</t>
  </si>
  <si>
    <t>12/26/2019 08:01:55</t>
  </si>
  <si>
    <t>10.200.67.101</t>
  </si>
  <si>
    <t>D0-94-66-B5-4E-58</t>
  </si>
  <si>
    <t>VOTORANT-ZB015</t>
  </si>
  <si>
    <t>rafaelamsv</t>
  </si>
  <si>
    <t>\\acsfs\profiles$\rafaelamsv\Downloads\</t>
  </si>
  <si>
    <t>07e67a3c-40e2-4c87-8212-d10ded25ea97.tmp</t>
  </si>
  <si>
    <t>\\acsfs\profiles$\rafaelamsv\Downloads\07e67a3c-40e2-4c87-8212-d10ded25ea97.tmp</t>
  </si>
  <si>
    <t>12/26/2019 08:02:00</t>
  </si>
  <si>
    <t>db364142-e5cc-4882-8031-624f1979f9a2.tmp</t>
  </si>
  <si>
    <t>\\acsfs\profiles$\rafaelamsv\Downloads\db364142-e5cc-4882-8031-624f1979f9a2.tmp</t>
  </si>
  <si>
    <t>12/26/2019 08:03:24</t>
  </si>
  <si>
    <t>5cef7ec4-5b5c-4c19-bf7f-c75ca1e16fa7.tmp</t>
  </si>
  <si>
    <t>\\acsfs\profiles$\rafaelamsv\Downloads\5cef7ec4-5b5c-4c19-bf7f-c75ca1e16fa7.tmp</t>
  </si>
  <si>
    <t>12/26/2019 08:05:57</t>
  </si>
  <si>
    <t>12/26/2019 08:07:50</t>
  </si>
  <si>
    <t>12/26/2019 08:04:30</t>
  </si>
  <si>
    <t>f2c224c8-88f5-4e45-9c8a-1cc7079dcfdd.tmp</t>
  </si>
  <si>
    <t>\\acsfs\profiles$\deborahsi\Downloads\f2c224c8-88f5-4e45-9c8a-1cc7079dcfdd.tmp</t>
  </si>
  <si>
    <t>12/26/2019 08:05:48</t>
  </si>
  <si>
    <t>f5d0af7c-29c9-4059-98dd-f25fe8049179.tmp</t>
  </si>
  <si>
    <t>\\acsfs\profiles$\deborahsi\Downloads\f5d0af7c-29c9-4059-98dd-f25fe8049179.tmp</t>
  </si>
  <si>
    <t>12/26/2019 08:03:08</t>
  </si>
  <si>
    <t>12/26/2019 08:03:09</t>
  </si>
  <si>
    <t>12/26/2019 08:03:10</t>
  </si>
  <si>
    <t>12/26/2019 08:03:11</t>
  </si>
  <si>
    <t>12/26/2019 08:03:12</t>
  </si>
  <si>
    <t>12/26/2019 08:03:13</t>
  </si>
  <si>
    <t>12/26/2019 08:03:14</t>
  </si>
  <si>
    <t>12/26/2019 08:03:15</t>
  </si>
  <si>
    <t>12/26/2019 08:03:16</t>
  </si>
  <si>
    <t>12/26/2019 08:03:17</t>
  </si>
  <si>
    <t>12/26/2019 08:03:18</t>
  </si>
  <si>
    <t>12/26/2019 08:03:20</t>
  </si>
  <si>
    <t>12/26/2019 08:03:21</t>
  </si>
  <si>
    <t>12/26/2019 08:03:22</t>
  </si>
  <si>
    <t>12/26/2019 08:08:49</t>
  </si>
  <si>
    <t>12/26/2019 08:03:23</t>
  </si>
  <si>
    <t>12/26/2019 08:03:25</t>
  </si>
  <si>
    <t>12/26/2019 08:03:26</t>
  </si>
  <si>
    <t>12/26/2019 08:03:27</t>
  </si>
  <si>
    <t>12/26/2019 08:03:28</t>
  </si>
  <si>
    <t>12/26/2019 08:03:29</t>
  </si>
  <si>
    <t>12/26/2019 08:03:30</t>
  </si>
  <si>
    <t>12/26/2019 08:03:31</t>
  </si>
  <si>
    <t>12/26/2019 08:03:32</t>
  </si>
  <si>
    <t>12/26/2019 08:03:33</t>
  </si>
  <si>
    <t>12/26/2019 08:03:36</t>
  </si>
  <si>
    <t>12/26/2019 08:06:47</t>
  </si>
  <si>
    <t>12/26/2019 08:06:19</t>
  </si>
  <si>
    <t>12/26/2019 08:09:50</t>
  </si>
  <si>
    <t>12/26/2019 08:06:21</t>
  </si>
  <si>
    <t>12/26/2019 08:06:24</t>
  </si>
  <si>
    <t>12/26/2019 08:06:03</t>
  </si>
  <si>
    <t>12/26/2019 08:08:35</t>
  </si>
  <si>
    <t>12/26/2019 08:10:49</t>
  </si>
  <si>
    <t>10.200.57.41</t>
  </si>
  <si>
    <t>Laudas_URA Ecohouse To Be - 23.12.19.xlsx</t>
  </si>
  <si>
    <t>12/26/2019 08:05:44</t>
  </si>
  <si>
    <t>12/26/2019 08:08:39</t>
  </si>
  <si>
    <t>12/26/2019 08:11:57</t>
  </si>
  <si>
    <t>12/26/2019 08:12:49</t>
  </si>
  <si>
    <t>12/26/2019 08:11:23</t>
  </si>
  <si>
    <t>c:\users\adilsonloj\desktop\medidas disciplinares\</t>
  </si>
  <si>
    <t>formulário - feedback registrado dhiulliana.doc</t>
  </si>
  <si>
    <t>12/26/2019 08:11:50</t>
  </si>
  <si>
    <t>formulário - aviso de 1ª advertência disciplinar wender.doc</t>
  </si>
  <si>
    <t>12/26/2019 08:09:28</t>
  </si>
  <si>
    <t>12/26/2019 08:13:50</t>
  </si>
  <si>
    <t>lista de presença nr17- prime (26-12-2019).xls</t>
  </si>
  <si>
    <t>12/26/2019 08:10:58</t>
  </si>
  <si>
    <t>12/26/2019 08:12:01</t>
  </si>
  <si>
    <t>12/26/2019 08:09:37</t>
  </si>
  <si>
    <t>12/26/2019 08:14:49</t>
  </si>
  <si>
    <t>12/26/2019 08:12:23</t>
  </si>
  <si>
    <t>12/26/2019 08:11:58</t>
  </si>
  <si>
    <t>12/26/2019 08:14:23</t>
  </si>
  <si>
    <t>12/26/2019 08:15:50</t>
  </si>
  <si>
    <t>anavbg</t>
  </si>
  <si>
    <t>\\acsfs\DEPTOS\Operacao\Banco_Votorantim\Supervisao\SUPERS BV CARTÕES\ANA VITORIA\APOIO\</t>
  </si>
  <si>
    <t>.~lock.Filas Rafael.ods#</t>
  </si>
  <si>
    <t>\\acsfs\DEPTOS\Operacao\Banco_Votorantim\Supervisao\SUPERS BV CARTÕES\ANA VITORIA\APOIO\.~lock.Filas Rafael.ods#</t>
  </si>
  <si>
    <t>12/26/2019 08:15:14</t>
  </si>
  <si>
    <t>https://udpmailboxap01.acs.com.br:8443/h/search;jsessionid=1l8asuxur3tr21xzdqtghhn0h7?si=0&amp;so=0&amp;sc=52903&amp;st=conversation&amp;action=compose</t>
  </si>
  <si>
    <t>12/26/2019 08:11:47</t>
  </si>
  <si>
    <t>12/26/2019 08:16:50</t>
  </si>
  <si>
    <t>12/26/2019 08:11:37</t>
  </si>
  <si>
    <t>12/26/2019 08:12:40</t>
  </si>
  <si>
    <t>12/26/2019 08:13:16</t>
  </si>
  <si>
    <t>34-E6-D7-FC-5D-7E</t>
  </si>
  <si>
    <t>VOTORANT-VB017</t>
  </si>
  <si>
    <t>henriquehmdo</t>
  </si>
  <si>
    <t>\\acsfs\profiles$\henriquehmdo\Downloads\</t>
  </si>
  <si>
    <t>6427c720-e889-45b1-b205-2535c452e888.tmp</t>
  </si>
  <si>
    <t>\\acsfs\profiles$\henriquehmdo\Downloads\6427c720-e889-45b1-b205-2535c452e888.tmp</t>
  </si>
  <si>
    <t>12/26/2019 08:14:59</t>
  </si>
  <si>
    <t>7c2b06c3-36e0-44fb-bbf7-054bb5193a7e.tmp</t>
  </si>
  <si>
    <t>\\acsfs\profiles$\henriquehmdo\Downloads\7c2b06c3-36e0-44fb-bbf7-054bb5193a7e.tmp</t>
  </si>
  <si>
    <t>12/26/2019 08:12:42</t>
  </si>
  <si>
    <t>12/26/2019 08:17:50</t>
  </si>
  <si>
    <t>formulário - feedback registrado kamilla.doc</t>
  </si>
  <si>
    <t>12/26/2019 08:14:06</t>
  </si>
  <si>
    <t>Q29udHJvbGxlci5JRS1Qb3J0YWw-.ica.crdownload</t>
  </si>
  <si>
    <t>\\acsfs\ACS\001 - Qualidade Lilian\PAULO\FAROL DE QUALIDADE\DEZEMBRO\Q29udHJvbGxlci5JRS1Qb3J0YWw-.ica.crdownload</t>
  </si>
  <si>
    <t>\\acsfs\ACS\001 - Qualidade Lilian\PAULO\FAROL DE QUALIDADE\DEZEMBRO\Q29udHJvbGxlci5JRS1Qb3J0YWw-.ica:Zone.Identifier</t>
  </si>
  <si>
    <t>12/26/2019 08:16:10</t>
  </si>
  <si>
    <t>12/26/2019 08:19:50</t>
  </si>
  <si>
    <t>12/26/2019 08:15:05</t>
  </si>
  <si>
    <t>12/26/2019 08:16:44</t>
  </si>
  <si>
    <t>12/26/2019 08:20:50</t>
  </si>
  <si>
    <t>12/26/2019 08:17:14</t>
  </si>
  <si>
    <t>12/26/2019 08:20:48</t>
  </si>
  <si>
    <t>12/26/2019 08:21:50</t>
  </si>
  <si>
    <t>b21d262b-51bc-4a03-9774-8ab1531cfb88.tmp</t>
  </si>
  <si>
    <t>\\acsfs\profiles$\felipetds\Downloads\b21d262b-51bc-4a03-9774-8ab1531cfb88.tmp</t>
  </si>
  <si>
    <t>12/26/2019 08:17:57</t>
  </si>
  <si>
    <t>12/26/2019 08:22:49</t>
  </si>
  <si>
    <t>12/26/2019 08:19:22</t>
  </si>
  <si>
    <t>affbaa2d-ca0a-4bc2-9604-86f8bf7334ba.tmp</t>
  </si>
  <si>
    <t>\\acsfs\profiles$\deborahsi\Downloads\affbaa2d-ca0a-4bc2-9604-86f8bf7334ba.tmp</t>
  </si>
  <si>
    <t>12/26/2019 08:21:55</t>
  </si>
  <si>
    <t>12/26/2019 08:23:50</t>
  </si>
  <si>
    <t>12/26/2019 08:21:56</t>
  </si>
  <si>
    <t>12/26/2019 08:22:35</t>
  </si>
  <si>
    <t>12/26/2019 08:24:49</t>
  </si>
  <si>
    <t>01049444-a25c-41ab-a58d-fb4adcef1b28.tmp</t>
  </si>
  <si>
    <t>\\acsfs\profiles$\nayarasds\Downloads\01049444-a25c-41ab-a58d-fb4adcef1b28.tmp</t>
  </si>
  <si>
    <t>12/26/2019 08:22:57</t>
  </si>
  <si>
    <t>7a2e881c-f62e-47e2-9f1b-908d41149f16.tmp</t>
  </si>
  <si>
    <t>\\acsfs\profiles$\nayarasds\Downloads\7a2e881c-f62e-47e2-9f1b-908d41149f16.tmp</t>
  </si>
  <si>
    <t>12/26/2019 08:23:33</t>
  </si>
  <si>
    <t>19b021bc-e0f4-41d3-8b6e-b8a32e24fa6d.tmp</t>
  </si>
  <si>
    <t>\\acsfs\profiles$\nayarasds\Downloads\19b021bc-e0f4-41d3-8b6e-b8a32e24fa6d.tmp</t>
  </si>
  <si>
    <t>12/26/2019 08:23:45</t>
  </si>
  <si>
    <t>57d15ebc-f8b9-4002-8aa4-6ef4fe13569a.tmp</t>
  </si>
  <si>
    <t>\\acsfs\profiles$\nayarasds\Downloads\57d15ebc-f8b9-4002-8aa4-6ef4fe13569a.tmp</t>
  </si>
  <si>
    <t>12/26/2019 08:23:56</t>
  </si>
  <si>
    <t>9520c587-24cf-4a84-93ba-72a35189b195.tmp</t>
  </si>
  <si>
    <t>\\acsfs\profiles$\nayarasds\Downloads\9520c587-24cf-4a84-93ba-72a35189b195.tmp</t>
  </si>
  <si>
    <t>12/26/2019 08:21:19</t>
  </si>
  <si>
    <t>12/26/2019 08:21:36</t>
  </si>
  <si>
    <t>12/26/2019 08:22:04</t>
  </si>
  <si>
    <t>12/26/2019 08:20:49</t>
  </si>
  <si>
    <t>12/26/2019 08:25:50</t>
  </si>
  <si>
    <t>12/26/2019 08:21:44</t>
  </si>
  <si>
    <t>12/26/2019 08:23:42</t>
  </si>
  <si>
    <t>12/26/2019 08:24:14</t>
  </si>
  <si>
    <t>D4-AE-52-FC-8F-DA</t>
  </si>
  <si>
    <t>VOTORANTE-ZB021</t>
  </si>
  <si>
    <t>\\acsfs\DEPTOS\Operacao\Banco_Votorantim\Supervisao\Flávia Constantina Nogueira\</t>
  </si>
  <si>
    <t>12/26/2019 08:21:11</t>
  </si>
  <si>
    <t>12/26/2019 08:26:49</t>
  </si>
  <si>
    <t>19515f8f-8a36-4253-b8b3-90b7d17281b5.tmp</t>
  </si>
  <si>
    <t>\\acsfs\profiles$\ayalabfi\Downloads\19515f8f-8a36-4253-b8b3-90b7d17281b5.tmp</t>
  </si>
  <si>
    <t>12/26/2019 08:21:14</t>
  </si>
  <si>
    <t>376640bd-57df-493e-92cc-27bb7c24bf8b.tmp</t>
  </si>
  <si>
    <t>\\acsfs\profiles$\ayalabfi\Downloads\376640bd-57df-493e-92cc-27bb7c24bf8b.tmp</t>
  </si>
  <si>
    <t>12/26/2019 08:21:15</t>
  </si>
  <si>
    <t>0ea17de3-0bdc-443c-8cdf-98a6390157d4.tmp</t>
  </si>
  <si>
    <t>\\acsfs\profiles$\ayalabfi\Downloads\0ea17de3-0bdc-443c-8cdf-98a6390157d4.tmp</t>
  </si>
  <si>
    <t>12/26/2019 08:23:07</t>
  </si>
  <si>
    <t>d732c07e-87d5-4de4-9944-476564c071c2.tmp</t>
  </si>
  <si>
    <t>\\acsfs\profiles$\ayalabfi\Downloads\d732c07e-87d5-4de4-9944-476564c071c2.tmp</t>
  </si>
  <si>
    <t>12/26/2019 08:21:45</t>
  </si>
  <si>
    <t>9b74dd13-f3f5-4d6d-ad9f-285472791172.tmp</t>
  </si>
  <si>
    <t>\\acsfs\profiles$\felipetds\Downloads\9b74dd13-f3f5-4d6d-ad9f-285472791172.tmp</t>
  </si>
  <si>
    <t>12/26/2019 08:24:02</t>
  </si>
  <si>
    <t>e48c38e6-cbad-4bff-b0df-e18023b56537.tmp</t>
  </si>
  <si>
    <t>\\acsfs\profiles$\nathaliadf\Downloads\e48c38e6-cbad-4bff-b0df-e18023b56537.tmp</t>
  </si>
  <si>
    <t>12/26/2019 08:25:55</t>
  </si>
  <si>
    <t>5c6ec370-347e-4e34-af37-fb79abe1e237.tmp</t>
  </si>
  <si>
    <t>\\acsfs\profiles$\milenaas\Downloads\5c6ec370-347e-4e34-af37-fb79abe1e237.tmp</t>
  </si>
  <si>
    <t>894b0417-7018-446c-9d3b-5c0e1b85faa6.tmp</t>
  </si>
  <si>
    <t>\\acsfs\profiles$\milenaas\Downloads\894b0417-7018-446c-9d3b-5c0e1b85faa6.tmp</t>
  </si>
  <si>
    <t>12/26/2019 08:23:57</t>
  </si>
  <si>
    <t>12/26/2019 08:27:50</t>
  </si>
  <si>
    <t>12/26/2019 08:23:30</t>
  </si>
  <si>
    <t>12/26/2019 08:28:04</t>
  </si>
  <si>
    <t>12/26/2019 08:28:49</t>
  </si>
  <si>
    <t>LAURA NICOLAU DE OLIVEIRA SANTOS_1_6771171686330996632_1_32.wav</t>
  </si>
  <si>
    <t>\\acsfs\Deptos\EDUCACAO EMPRESARIAL\KÉSIA\Ligações 3º ciclo - Késia\LAURA NICOLAU DE OLIVEIRA SANTOS_1_6771171686330996632_1_32.wav</t>
  </si>
  <si>
    <t>12/26/2019 08:25:37</t>
  </si>
  <si>
    <t>12/26/2019 08:25:38</t>
  </si>
  <si>
    <t>lu45281304mw.tmp</t>
  </si>
  <si>
    <t>\\acsfs\profiles$\VIVIANALDS\My Documents\lu45281304mw.tmp</t>
  </si>
  <si>
    <t>\\acsfs\profiles$\VIVIANALDS\My Documents\lu45281304mw.tmp\</t>
  </si>
  <si>
    <t>\\acsfs\profiles$\VIVIANALDS\My Documents\lu45281304mw.tmp\META-INF\</t>
  </si>
  <si>
    <t>\\acsfs\profiles$\VIVIANALDS\My Documents\lu45281304mw.tmp\Thumbnails\</t>
  </si>
  <si>
    <t>12/26/2019 08:24:55</t>
  </si>
  <si>
    <t>12/26/2019 08:29:49</t>
  </si>
  <si>
    <t>c656ca0f-27a1-4804-8f5a-f07b08a3de01.tmp</t>
  </si>
  <si>
    <t>\\acsfs\profiles$\nayarasds\Downloads\c656ca0f-27a1-4804-8f5a-f07b08a3de01.tmp</t>
  </si>
  <si>
    <t>12/26/2019 08:28:07</t>
  </si>
  <si>
    <t>9deee2b0-0431-4a1b-ba67-1f2251c5f041.tmp</t>
  </si>
  <si>
    <t>\\acsfs\profiles$\nayarasds\Downloads\9deee2b0-0431-4a1b-ba67-1f2251c5f041.tmp</t>
  </si>
  <si>
    <t>12/26/2019 08:28:20</t>
  </si>
  <si>
    <t>12/26/2019 08:30:49</t>
  </si>
  <si>
    <t>94b92772-2a07-4593-9bbd-a5df84c218eb.tmp</t>
  </si>
  <si>
    <t>\\acsfs\profiles$\ERICALSR\Downloads\94b92772-2a07-4593-9bbd-a5df84c218eb.tmp</t>
  </si>
  <si>
    <t>12/26/2019 08:28:21</t>
  </si>
  <si>
    <t>12/26/2019 08:29:37</t>
  </si>
  <si>
    <t>f4fa9b3e-f6b9-4a7c-bc89-1aef99b0ba0a.tmp</t>
  </si>
  <si>
    <t>\\acsfs\profiles$\ERICALSR\Downloads\f4fa9b3e-f6b9-4a7c-bc89-1aef99b0ba0a.tmp</t>
  </si>
  <si>
    <t>12/26/2019 08:31:50</t>
  </si>
  <si>
    <t>ffc38b0c-4991-4644-80a3-84d05c1c5476.tmp</t>
  </si>
  <si>
    <t>\\acsfs\profiles$\ayalabfi\Downloads\ffc38b0c-4991-4644-80a3-84d05c1c5476.tmp</t>
  </si>
  <si>
    <t>12/26/2019 08:30:01</t>
  </si>
  <si>
    <t>c5dc18f0-55bc-4523-9bb5-9962d9133b67.tmp</t>
  </si>
  <si>
    <t>\\acsfs\profiles$\ayalabfi\Downloads\c5dc18f0-55bc-4523-9bb5-9962d9133b67.tmp</t>
  </si>
  <si>
    <t>12/26/2019 08:27:39</t>
  </si>
  <si>
    <t>a5fc816d-e7db-474c-99f0-3e02998f0b37.tmp</t>
  </si>
  <si>
    <t>\\acsfs\profiles$\milenaas\Downloads\a5fc816d-e7db-474c-99f0-3e02998f0b37.tmp</t>
  </si>
  <si>
    <t>12/26/2019 08:27:47</t>
  </si>
  <si>
    <t>bdb02508-271e-401f-ae89-69c48f824015.tmp</t>
  </si>
  <si>
    <t>\\acsfs\profiles$\milenaas\Downloads\bdb02508-271e-401f-ae89-69c48f824015.tmp</t>
  </si>
  <si>
    <t>12/26/2019 08:29:58</t>
  </si>
  <si>
    <t>12/26/2019 08:32:49</t>
  </si>
  <si>
    <t>12/26/2019 08:31:46</t>
  </si>
  <si>
    <t>7203f249-5106-4486-9229-139b518165b6.tmp</t>
  </si>
  <si>
    <t>\\acsfs\profiles$\deboraaa\Downloads\7203f249-5106-4486-9229-139b518165b6.tmp</t>
  </si>
  <si>
    <t>12/26/2019 08:32:30</t>
  </si>
  <si>
    <t>12/26/2019 08:33:50</t>
  </si>
  <si>
    <t>lu45281304n0.tmp</t>
  </si>
  <si>
    <t>\\acsfs\profiles$\VIVIANALDS\My Documents\lu45281304n0.tmp</t>
  </si>
  <si>
    <t>\\acsfs\profiles$\VIVIANALDS\My Documents\lu45281304n0.tmp\</t>
  </si>
  <si>
    <t>\\acsfs\profiles$\VIVIANALDS\My Documents\lu45281304n0.tmp\META-INF\</t>
  </si>
  <si>
    <t>\\acsfs\profiles$\VIVIANALDS\My Documents\lu45281304n0.tmp\Thumbnails\</t>
  </si>
  <si>
    <t>12/26/2019 08:29:03</t>
  </si>
  <si>
    <t>12/26/2019 08:29:04</t>
  </si>
  <si>
    <t>12/26/2019 08:29:05</t>
  </si>
  <si>
    <t>12/26/2019 08:34:49</t>
  </si>
  <si>
    <t>12/26/2019 08:29:06</t>
  </si>
  <si>
    <t>12/26/2019 08:29:07</t>
  </si>
  <si>
    <t>12/26/2019 08:29:08</t>
  </si>
  <si>
    <t>12/26/2019 08:29:09</t>
  </si>
  <si>
    <t>12/26/2019 08:29:10</t>
  </si>
  <si>
    <t>12/26/2019 08:29:11</t>
  </si>
  <si>
    <t>12/26/2019 08:29:12</t>
  </si>
  <si>
    <t>12/26/2019 08:29:13</t>
  </si>
  <si>
    <t>12/26/2019 08:29:14</t>
  </si>
  <si>
    <t>12/26/2019 08:29:15</t>
  </si>
  <si>
    <t>12/26/2019 08:29:16</t>
  </si>
  <si>
    <t>12/26/2019 08:29:17</t>
  </si>
  <si>
    <t>12/26/2019 08:29:18</t>
  </si>
  <si>
    <t>12/26/2019 08:29:19</t>
  </si>
  <si>
    <t>12/26/2019 08:29:20</t>
  </si>
  <si>
    <t>12/26/2019 08:29:21</t>
  </si>
  <si>
    <t>12/26/2019 08:29:22</t>
  </si>
  <si>
    <t>12/26/2019 08:29:23</t>
  </si>
  <si>
    <t>12/26/2019 08:29:24</t>
  </si>
  <si>
    <t>12/26/2019 08:29:25</t>
  </si>
  <si>
    <t>12/26/2019 08:29:26</t>
  </si>
  <si>
    <t>12/26/2019 08:29:50</t>
  </si>
  <si>
    <t>12/26/2019 08:32:52</t>
  </si>
  <si>
    <t>a755b920-865f-4417-9182-1a81a0ab5390.tmp</t>
  </si>
  <si>
    <t>\\acsfs\profiles$\YASMINSC\Downloads\a755b920-865f-4417-9182-1a81a0ab5390.tmp</t>
  </si>
  <si>
    <t>mail.google.com/_/upload?authuser=0&amp;dcp=asu-n&amp;upload_id=AEnB2UrYgvwl5i5xrrjlX6xX28iyFYzgwCFTwgwV61ysgIlcp7HCLxp4AG0iYPGs_PGHnSW7Z6TOJ4OvolS3WMEe3Vsgw7IlRNMyn1UfKDDEfHXxvbmhBwk&amp;upload_protocol=resumable</t>
  </si>
  <si>
    <t>12/26/2019 08:31:39</t>
  </si>
  <si>
    <t>d8d60523-bf6c-4db2-9236-fd59bbaa66b6.tmp</t>
  </si>
  <si>
    <t>\\acsfs\profiles$\nataliacsl\Downloads\d8d60523-bf6c-4db2-9236-fd59bbaa66b6.tmp</t>
  </si>
  <si>
    <t>12/26/2019 08:34:20</t>
  </si>
  <si>
    <t>12/26/2019 08:32:53</t>
  </si>
  <si>
    <t>c518dc32-d74c-446d-a623-9cbf10dc3dae.tmp</t>
  </si>
  <si>
    <t>\\acsfs\profiles$\nataliacsl\Downloads\c518dc32-d74c-446d-a623-9cbf10dc3dae.tmp</t>
  </si>
  <si>
    <t>12/26/2019 08:30:45</t>
  </si>
  <si>
    <t>12/26/2019 08:35:49</t>
  </si>
  <si>
    <t>12/26/2019 08:31:15</t>
  </si>
  <si>
    <t>12/26/2019 08:33:45</t>
  </si>
  <si>
    <t>12/26/2019 08:34:15</t>
  </si>
  <si>
    <t>12/26/2019 08:35:15</t>
  </si>
  <si>
    <t>12/26/2019 08:31:26</t>
  </si>
  <si>
    <t>a7312e9e-ea7f-4c82-bcd9-b211ac360749.tmp</t>
  </si>
  <si>
    <t>\\acsfs\profiles$\PEDROHAB\Downloads\a7312e9e-ea7f-4c82-bcd9-b211ac360749.tmp</t>
  </si>
  <si>
    <t>12/26/2019 08:31:28</t>
  </si>
  <si>
    <t>4457d304-03f7-4821-9c14-51ec72f08558.tmp</t>
  </si>
  <si>
    <t>\\acsfs\profiles$\PEDROHAB\Downloads\4457d304-03f7-4821-9c14-51ec72f08558.tmp</t>
  </si>
  <si>
    <t>12/26/2019 08:36:49</t>
  </si>
  <si>
    <t>12/26/2019 08:31:32</t>
  </si>
  <si>
    <t>42514669-5d45-427c-b551-2cac68f2dcb4.tmp</t>
  </si>
  <si>
    <t>\\acsfs\profiles$\laianear\Downloads\42514669-5d45-427c-b551-2cac68f2dcb4.tmp</t>
  </si>
  <si>
    <t>12/26/2019 08:31:34</t>
  </si>
  <si>
    <t>40fa167e-b24f-4b21-a630-c28677b98cd5.tmp</t>
  </si>
  <si>
    <t>\\acsfs\profiles$\laianear\Downloads\40fa167e-b24f-4b21-a630-c28677b98cd5.tmp</t>
  </si>
  <si>
    <t>12/26/2019 08:32:03</t>
  </si>
  <si>
    <t>fb5da53e-d5d0-40bb-aa37-c97efa1bf17d.tmp</t>
  </si>
  <si>
    <t>\\acsfs\profiles$\laianear\Downloads\fb5da53e-d5d0-40bb-aa37-c97efa1bf17d.tmp</t>
  </si>
  <si>
    <t>12/26/2019 08:33:49</t>
  </si>
  <si>
    <t>f5977d8b-89ad-46ff-89fc-676fbd4382fe.tmp</t>
  </si>
  <si>
    <t>\\acsfs\profiles$\laianear\Downloads\f5977d8b-89ad-46ff-89fc-676fbd4382fe.tmp</t>
  </si>
  <si>
    <t>12/26/2019 08:35:07</t>
  </si>
  <si>
    <t>lucasgpe</t>
  </si>
  <si>
    <t>\\acsfs\profiles$\lucasgpe\Downloads\</t>
  </si>
  <si>
    <t>dc78a0eb-807a-431e-bd3f-214622c7563c.tmp</t>
  </si>
  <si>
    <t>\\acsfs\profiles$\lucasgpe\Downloads\dc78a0eb-807a-431e-bd3f-214622c7563c.tmp</t>
  </si>
  <si>
    <t>12/26/2019 08:36:36</t>
  </si>
  <si>
    <t>76245ef8-6977-491f-882d-156e859f2c58.tmp</t>
  </si>
  <si>
    <t>\\acsfs\profiles$\lucasgpe\Downloads\76245ef8-6977-491f-882d-156e859f2c58.tmp</t>
  </si>
  <si>
    <t>12/26/2019 08:35:58</t>
  </si>
  <si>
    <t>12/26/2019 08:37:49</t>
  </si>
  <si>
    <t>12/26/2019 08:36:32</t>
  </si>
  <si>
    <t>c:\users\raicdf\documents\medidas diciplinar\</t>
  </si>
  <si>
    <t>feedback registrado.docx</t>
  </si>
  <si>
    <t>2b72a2b0-f5d2-48a2-832a-906dee7296bd.tmp</t>
  </si>
  <si>
    <t>\\acsfs\profiles$\deborahsi\Downloads\2b72a2b0-f5d2-48a2-832a-906dee7296bd.tmp</t>
  </si>
  <si>
    <t>12/26/2019 08:37:36</t>
  </si>
  <si>
    <t>12/26/2019 08:38:49</t>
  </si>
  <si>
    <t>MYLLENA RIBEIRO DE LIMA_1_6770398429008959428_1_32.wav</t>
  </si>
  <si>
    <t>\\acsfs\Deptos\EDUCACAO EMPRESARIAL\KÉSIA\Ligações 3º ciclo - Késia\MYLLENA RIBEIRO DE LIMA_1_6770398429008959428_1_32.wav</t>
  </si>
  <si>
    <t>12/26/2019 08:33:27</t>
  </si>
  <si>
    <t>ab5fffd9-af37-4416-b608-8a227951a887.tmp</t>
  </si>
  <si>
    <t>\\acsfs\profiles$\geovannasm\Downloads\ab5fffd9-af37-4416-b608-8a227951a887.tmp</t>
  </si>
  <si>
    <t>12/26/2019 08:37:32</t>
  </si>
  <si>
    <t>a3572959-c29d-4c3e-b24b-69b8bf504109.tmp</t>
  </si>
  <si>
    <t>\\acsfs\profiles$\geovannasm\Downloads\a3572959-c29d-4c3e-b24b-69b8bf504109.tmp</t>
  </si>
  <si>
    <t>12/26/2019 08:37:58</t>
  </si>
  <si>
    <t>5b48f415-dac8-4e88-b5cd-68e7e1a506e4.tmp</t>
  </si>
  <si>
    <t>\\acsfs\profiles$\geovannasm\Downloads\5b48f415-dac8-4e88-b5cd-68e7e1a506e4.tmp</t>
  </si>
  <si>
    <t>12/26/2019 08:34:50</t>
  </si>
  <si>
    <t>12/26/2019 08:39:49</t>
  </si>
  <si>
    <t>ac2850a3-0492-4cbc-b947-5667b6235920.tmp</t>
  </si>
  <si>
    <t>\\acsfs\profiles$\YASMINSC\Downloads\ac2850a3-0492-4cbc-b947-5667b6235920.tmp</t>
  </si>
  <si>
    <t>12/26/2019 08:35:28</t>
  </si>
  <si>
    <t>4fa60d1f-95b4-4114-a056-2c2af151f161.tmp</t>
  </si>
  <si>
    <t>\\acsfs\profiles$\YASMINSC\Downloads\4fa60d1f-95b4-4114-a056-2c2af151f161.tmp</t>
  </si>
  <si>
    <t>12/26/2019 08:36:58</t>
  </si>
  <si>
    <t>a6a75a48-1144-4904-8082-cd05f687f57d.tmp</t>
  </si>
  <si>
    <t>\\acsfs\profiles$\nayarasds\Downloads\a6a75a48-1144-4904-8082-cd05f687f57d.tmp</t>
  </si>
  <si>
    <t>12/26/2019 08:35:14</t>
  </si>
  <si>
    <t>mail.google.com/_/upload?authuser=0&amp;dcp=asu-n&amp;upload_id=AEnB2UoaTQd9Tr3HPlew-9APpKMpgKEPsjzGGlcR03NWxlh1PPWcdjYDAfqzXOC2F5A8hhyi4hV7TA-2FcrJCsV0JSJwkUd-Y17K7lBKv4fLFqGONRtyl6Y&amp;upload_protocol=resumable</t>
  </si>
  <si>
    <t>12/26/2019 08:34:34</t>
  </si>
  <si>
    <t>victoriaksr</t>
  </si>
  <si>
    <t>\\acsfs\profiles$\victoriaksr\Downloads\</t>
  </si>
  <si>
    <t>02e5cced-762f-4020-8928-250aec5231bd.tmp</t>
  </si>
  <si>
    <t>\\acsfs\profiles$\victoriaksr\Downloads\02e5cced-762f-4020-8928-250aec5231bd.tmp</t>
  </si>
  <si>
    <t>12/26/2019 08:34:59</t>
  </si>
  <si>
    <t>daf901f8-013b-4f5c-8a49-9edd4b011e40.tmp</t>
  </si>
  <si>
    <t>\\acsfs\profiles$\victoriaksr\Downloads\daf901f8-013b-4f5c-8a49-9edd4b011e40.tmp</t>
  </si>
  <si>
    <t>12/26/2019 08:35:20</t>
  </si>
  <si>
    <t>96879b29-97db-42c2-bd89-2a66275d01a0.tmp</t>
  </si>
  <si>
    <t>\\acsfs\profiles$\victoriaksr\Downloads\96879b29-97db-42c2-bd89-2a66275d01a0.tmp</t>
  </si>
  <si>
    <t>f7efdb99-9ce9-442f-84c3-33f275af40b5.tmp</t>
  </si>
  <si>
    <t>\\acsfs\profiles$\victoriaksr\Downloads\f7efdb99-9ce9-442f-84c3-33f275af40b5.tmp</t>
  </si>
  <si>
    <t>12/26/2019 08:36:45</t>
  </si>
  <si>
    <t>4eee083b-42d0-4b55-9399-0225ce6491dd.tmp</t>
  </si>
  <si>
    <t>\\acsfs\profiles$\victoriaksr\Downloads\4eee083b-42d0-4b55-9399-0225ce6491dd.tmp</t>
  </si>
  <si>
    <t>12/26/2019 08:35:45</t>
  </si>
  <si>
    <t>12/26/2019 08:40:49</t>
  </si>
  <si>
    <t>12/26/2019 08:37:45</t>
  </si>
  <si>
    <t>12/26/2019 08:38:45</t>
  </si>
  <si>
    <t>12/26/2019 08:39:06</t>
  </si>
  <si>
    <t>https://udpmailboxap01.acs.com.br:8443/h/search?si=0&amp;so=0&amp;sc=52973&amp;sfi=2&amp;st=conversation&amp;action=compose&amp;paction=paneview</t>
  </si>
  <si>
    <t>thiagolrc@bv.algartech.com;</t>
  </si>
  <si>
    <t>https://thiagolrc@bv.algartech.com</t>
  </si>
  <si>
    <t>12/26/2019 08:39:36</t>
  </si>
  <si>
    <t>12/26/2019 08:39:42</t>
  </si>
  <si>
    <t>12/26/2019 08:40:15</t>
  </si>
  <si>
    <t>12/24/2019 16:59:26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Subscribed%2Ctrashing</t>
  </si>
  <si>
    <t>12/26/2019 08:41:50</t>
  </si>
  <si>
    <t>12/26/2019 08:39:35</t>
  </si>
  <si>
    <t>\\acsfs\profiles$\lucasgpe\Desktop\</t>
  </si>
  <si>
    <t>Portal top.txt</t>
  </si>
  <si>
    <t>\\acsfs\profiles$\lucasgpe\Desktop\Portal top.txt</t>
  </si>
  <si>
    <t>12/26/2019 08:41:58</t>
  </si>
  <si>
    <t>12/26/2019 08:42:50</t>
  </si>
  <si>
    <t>12/26/2019 08:38:39</t>
  </si>
  <si>
    <t>ade391d0-2c35-495e-99a4-056dc283eed2.tmp</t>
  </si>
  <si>
    <t>\\acsfs\profiles$\eduardofss\Downloads\ade391d0-2c35-495e-99a4-056dc283eed2.tmp</t>
  </si>
  <si>
    <t>12/26/2019 08:38:47</t>
  </si>
  <si>
    <t>Q29udHJvbGxlci5QYXl3YXJlXzEtMg-- (39).ica</t>
  </si>
  <si>
    <t>\\acsfs\profiles$\eduardofss\Downloads\Q29udHJvbGxlci5QYXl3YXJlXzEtMg-- (39).ica</t>
  </si>
  <si>
    <t>12/26/2019 08:40:14</t>
  </si>
  <si>
    <t>78590111-8b39-49fb-a29f-e3ae415dff49.tmp</t>
  </si>
  <si>
    <t>\\acsfs\profiles$\eduardofss\Downloads\78590111-8b39-49fb-a29f-e3ae415dff49.tmp</t>
  </si>
  <si>
    <t>12/26/2019 08:42:51</t>
  </si>
  <si>
    <t>12/26/2019 08:43:50</t>
  </si>
  <si>
    <t>12/26/2019 08:38:53</t>
  </si>
  <si>
    <t>3ca7ee27-ba5c-4fd7-a141-827004c7eeef.tmp</t>
  </si>
  <si>
    <t>\\acsfs\profiles$\geovannasm\Downloads\3ca7ee27-ba5c-4fd7-a141-827004c7eeef.tmp</t>
  </si>
  <si>
    <t>12/26/2019 08:39:23</t>
  </si>
  <si>
    <t>12/26/2019 08:41:48</t>
  </si>
  <si>
    <t>12/26/2019 08:44:50</t>
  </si>
  <si>
    <t>12/23/2019 10:19:12</t>
  </si>
  <si>
    <t>12/26/2019 08:45:49</t>
  </si>
  <si>
    <t>Dispêndio - SPOF Geração_ 191217.xlsx</t>
  </si>
  <si>
    <t>12/26/2019 08:41:15</t>
  </si>
  <si>
    <t>12/26/2019 08:41:45</t>
  </si>
  <si>
    <t>12/26/2019 08:42:45</t>
  </si>
  <si>
    <t>12/26/2019 08:43:45</t>
  </si>
  <si>
    <t>12/26/2019 08:45:44</t>
  </si>
  <si>
    <t>12/26/2019 08:46:50</t>
  </si>
  <si>
    <t>59f6b7a3-f3c6-4211-9da9-bfe767519a20.tmp</t>
  </si>
  <si>
    <t>\\acsfs\profiles$\adelvinsonle\Downloads\59f6b7a3-f3c6-4211-9da9-bfe767519a20.tmp</t>
  </si>
  <si>
    <t>12/26/2019 08:43:02</t>
  </si>
  <si>
    <t>12/26/2019 08:42:58</t>
  </si>
  <si>
    <t>12/26/2019 08:43:59</t>
  </si>
  <si>
    <t>9b1d8b19-6e62-448e-9887-5e0df87d1f8a.tmp</t>
  </si>
  <si>
    <t>\\acsfs\profiles$\lucasgpe\Downloads\9b1d8b19-6e62-448e-9887-5e0df87d1f8a.tmp</t>
  </si>
  <si>
    <t>12/26/2019 08:45:27</t>
  </si>
  <si>
    <t>12/26/2019 08:47:49</t>
  </si>
  <si>
    <t>12/26/2019 08:44:56</t>
  </si>
  <si>
    <t>12/26/2019 08:48:50</t>
  </si>
  <si>
    <t>de426af4-96ff-43c0-a987-bff4da812411.tmp</t>
  </si>
  <si>
    <t>\\acsfs\profiles$\geovannasm\Downloads\de426af4-96ff-43c0-a987-bff4da812411.tmp</t>
  </si>
  <si>
    <t>12/26/2019 08:48:15</t>
  </si>
  <si>
    <t>12/26/2019 08:50:50</t>
  </si>
  <si>
    <t>12/26/2019 08:46:55</t>
  </si>
  <si>
    <t>12/26/2019 08:51:50</t>
  </si>
  <si>
    <t>Q29udHJvbGxlci5QYXl3YXJlXzEtMg-- (69).ica</t>
  </si>
  <si>
    <t>\\acsfs\profiles$\adelvinsonle\Downloads\Q29udHJvbGxlci5QYXl3YXJlXzEtMg-- (69).ica</t>
  </si>
  <si>
    <t>12/26/2019 08:47:53</t>
  </si>
  <si>
    <t>7d682580-eb0c-44c0-b717-bb9695ba690a.tmp</t>
  </si>
  <si>
    <t>\\acsfs\profiles$\adelvinsonle\Downloads\7d682580-eb0c-44c0-b717-bb9695ba690a.tmp</t>
  </si>
  <si>
    <t>12/24/2019 08:38:18</t>
  </si>
  <si>
    <t>12/26/2019 08:52:50</t>
  </si>
  <si>
    <t>C:\Users\luizedp\Documents\Flow-Produção\Iguatemi\Documentos\Instruções_Entidades\</t>
  </si>
  <si>
    <t>Impressora.xlsx</t>
  </si>
  <si>
    <t>12/26/2019 08:47:58</t>
  </si>
  <si>
    <t>12/26/2019 08:48:18</t>
  </si>
  <si>
    <t>12/26/2019 08:48:22</t>
  </si>
  <si>
    <t>12/26/2019 08:50:19</t>
  </si>
  <si>
    <t>62ffe485-e834-4fef-aeb4-38011715bff6.tmp</t>
  </si>
  <si>
    <t>\\acsfs\profiles$\LUCASBS\Downloads\62ffe485-e834-4fef-aeb4-38011715bff6.tmp</t>
  </si>
  <si>
    <t>12/26/2019 08:51:52</t>
  </si>
  <si>
    <t>10296b3c-e10b-466d-a36a-e257b610cb03.tmp</t>
  </si>
  <si>
    <t>\\acsfs\profiles$\LUCASBS\Downloads\10296b3c-e10b-466d-a36a-e257b610cb03.tmp</t>
  </si>
  <si>
    <t>12/26/2019 08:51:01</t>
  </si>
  <si>
    <t>12/26/2019 08:53:51</t>
  </si>
  <si>
    <t>12/26/2019 08:53:37</t>
  </si>
  <si>
    <t>12/26/2019 08:54:50</t>
  </si>
  <si>
    <t>mail.google.com/_/upload?authuser=0&amp;dcp=asu-n&amp;upload_id=AEnB2UoSALQSxeVFDc-PN_uO7C7-AMsb_PKaxGcGjpNEATKCqXpt6m9OlInDT3pLBmuOYuxsY9q_9hwGEaXrLiKtI39BkVVNlpr6073aaG0d3HNdpWsuYKI&amp;upload_protocol=resumable</t>
  </si>
  <si>
    <t>denerbb@algartech.com;diegorg@algartech.com;</t>
  </si>
  <si>
    <t>\\acsfs\deptos\PMO Governança\03 - ACOMPANHAMENTO DE PROJETOS\ELECTROLUX\PMO - STATUS DE GOVERNANÇA - PROJETOS GOVERNADOS 2019 - RFP ELECTROLUX - 19-12-20.pptx\</t>
  </si>
  <si>
    <t>denerbb@algartech.com,diegorg@algartech.com</t>
  </si>
  <si>
    <t>12/26/2019 08:53:38</t>
  </si>
  <si>
    <t>mail.google.com/_/upload?authuser=0&amp;dcp=asu-n&amp;upload_id=AEnB2Up388bqA9mIDy2Lm1Q-XaMA_lvX7DuVmQyuxIvVqPfrrr8icrMMAs6XXtaNWDa8yiTwnhlip76LMVfExbSrXqoYCBzEWdRaaJRH1EP1r2GXx9E5lZs&amp;upload_protocol=resumable</t>
  </si>
  <si>
    <t>\\acsfs\deptos\PMO Governança\03 - ACOMPANHAMENTO DE PROJETOS\ELECTROLUX\</t>
  </si>
  <si>
    <t>Alavancas Electrolux.xlsx</t>
  </si>
  <si>
    <t>12/26/2019 08:50:44</t>
  </si>
  <si>
    <t>Inclusão Empresas na UNE Amex - 1912 (227 KB).msg\s1\</t>
  </si>
  <si>
    <t>12/26/2019 08:55:51</t>
  </si>
  <si>
    <t>3070881d-e88e-40b0-bba4-958e9e664b6e.tmp</t>
  </si>
  <si>
    <t>\\acsfs\profiles$\sarahbal\Downloads\3070881d-e88e-40b0-bba4-958e9e664b6e.tmp</t>
  </si>
  <si>
    <t>12/26/2019 08:52:15</t>
  </si>
  <si>
    <t>12/26/2019 08:53:15</t>
  </si>
  <si>
    <t>12/26/2019 08:53:45</t>
  </si>
  <si>
    <t>12/26/2019 08:54:15</t>
  </si>
  <si>
    <t>12/26/2019 08:51:35</t>
  </si>
  <si>
    <t>12/26/2019 08:55:08</t>
  </si>
  <si>
    <t>12/26/2019 08:56:51</t>
  </si>
  <si>
    <t>b9254bcd-4105-4df0-a8da-17d56c248438.tmp</t>
  </si>
  <si>
    <t>\\acsfs\profiles$\quindaizaagds\Downloads\b9254bcd-4105-4df0-a8da-17d56c248438.tmp</t>
  </si>
  <si>
    <t>12/26/2019 08:53:58</t>
  </si>
  <si>
    <t>12/26/2019 08:53:22</t>
  </si>
  <si>
    <t>12/26/2019 08:57:51</t>
  </si>
  <si>
    <t>12/26/2019 08:55:24</t>
  </si>
  <si>
    <t>12/26/2019 08:57:44</t>
  </si>
  <si>
    <t>12/26/2019 08:58:51</t>
  </si>
  <si>
    <t>12/26/2019 08:56:25</t>
  </si>
  <si>
    <t>NYCOLLE EDUARDA MARTINS DE JESUS_1_6769334565609749790_1_32.wav</t>
  </si>
  <si>
    <t>\\acsfs\Deptos\EDUCACAO EMPRESARIAL\KÉSIA\Ligações 3º ciclo - Késia\NYCOLLE EDUARDA MARTINS DE JESUS_1_6769334565609749790_1_32.wav</t>
  </si>
  <si>
    <t>12/26/2019 08:57:37</t>
  </si>
  <si>
    <t>10.200.66.81</t>
  </si>
  <si>
    <t>64-1C-67-9D-1B-E7</t>
  </si>
  <si>
    <t>VOTORANT-JB016</t>
  </si>
  <si>
    <t>\\acsfs\profiles$\karendsr\My Documents\My Pictures\</t>
  </si>
  <si>
    <t>12/26/2019 08:58:07</t>
  </si>
  <si>
    <t>12/26/2019 08:58:08</t>
  </si>
  <si>
    <t>12/26/2019 08:58:09</t>
  </si>
  <si>
    <t>12/26/2019 08:58:10</t>
  </si>
  <si>
    <t>\\acsfs\profiles$\karendsr\My Documents\My Music\</t>
  </si>
  <si>
    <t>12/26/2019 08:58:11</t>
  </si>
  <si>
    <t>\\acsfs\profiles$\karendsr\My Documents\My Videos\</t>
  </si>
  <si>
    <t>12/26/2019 08:58:13</t>
  </si>
  <si>
    <t>12/26/2019 08:58:14</t>
  </si>
  <si>
    <t>12/26/2019 08:58:16</t>
  </si>
  <si>
    <t>12/26/2019 08:58:17</t>
  </si>
  <si>
    <t>12/26/2019 08:58:18</t>
  </si>
  <si>
    <t>12/26/2019 08:58:19</t>
  </si>
  <si>
    <t>12/26/2019 08:58:20</t>
  </si>
  <si>
    <t>12/26/2019 08:58:21</t>
  </si>
  <si>
    <t>\\acsfs\profiles$\karendsr\My Documents\</t>
  </si>
  <si>
    <t>12/26/2019 08:58:22</t>
  </si>
  <si>
    <t>12/26/2019 08:58:23</t>
  </si>
  <si>
    <t>12/26/2019 08:58:25</t>
  </si>
  <si>
    <t>12/26/2019 08:58:26</t>
  </si>
  <si>
    <t>12/26/2019 08:58:27</t>
  </si>
  <si>
    <t>12/26/2019 08:58:28</t>
  </si>
  <si>
    <t>12/26/2019 08:58:29</t>
  </si>
  <si>
    <t>12/26/2019 08:58:30</t>
  </si>
  <si>
    <t>12/26/2019 08:58:31</t>
  </si>
  <si>
    <t>12/26/2019 08:58:32</t>
  </si>
  <si>
    <t>12/26/2019 08:58:33</t>
  </si>
  <si>
    <t>12/26/2019 08:58:35</t>
  </si>
  <si>
    <t>12/26/2019 08:58:37</t>
  </si>
  <si>
    <t>12/26/2019 08:58:38</t>
  </si>
  <si>
    <t>\\acsfs\profiles$\karendsr\Favorites\</t>
  </si>
  <si>
    <t>12/26/2019 08:58:39</t>
  </si>
  <si>
    <t>12/26/2019 08:58:40</t>
  </si>
  <si>
    <t>12/26/2019 08:58:41</t>
  </si>
  <si>
    <t>\\acsfs\profiles$\karendsr\Saved Games\</t>
  </si>
  <si>
    <t>\\acsfs\profiles$\karendsr\Downloads\</t>
  </si>
  <si>
    <t>12/26/2019 08:55:07</t>
  </si>
  <si>
    <t>12/26/2019 08:59:51</t>
  </si>
  <si>
    <t>4b396dcd-c955-4534-9fe9-69da63c2403c.tmp</t>
  </si>
  <si>
    <t>\\acsfs\profiles$\victoriaksr\Downloads\4b396dcd-c955-4534-9fe9-69da63c2403c.tmp</t>
  </si>
  <si>
    <t>12/26/2019 08:55:25</t>
  </si>
  <si>
    <t>.~lock.1721 1724 ate 24122019.xlsx#</t>
  </si>
  <si>
    <t>\\acsfs\profiles$\victoriaksr\Downloads\.~lock.1721 1724 ate 24122019.xlsx#</t>
  </si>
  <si>
    <t>12/26/2019 08:59:18</t>
  </si>
  <si>
    <t>\\acsfs\profiles$\victoriaksr\My Documents\</t>
  </si>
  <si>
    <t>.~lock.1721 Consolidado.xlsx#</t>
  </si>
  <si>
    <t>\\acsfs\profiles$\victoriaksr\My Documents\.~lock.1721 Consolidado.xlsx#</t>
  </si>
  <si>
    <t>12/26/2019 08:57:07</t>
  </si>
  <si>
    <t>12/26/2019 09:00:51</t>
  </si>
  <si>
    <t>422b5146-5cf3-4e80-9ba3-220345183444.tmp</t>
  </si>
  <si>
    <t>\\acsfs\profiles$\sarahbal\Downloads\422b5146-5cf3-4e80-9ba3-220345183444.tmp</t>
  </si>
  <si>
    <t>12/26/2019 08:57:15</t>
  </si>
  <si>
    <t>12/26/2019 08:57:45</t>
  </si>
  <si>
    <t>12/26/2019 08:58:15</t>
  </si>
  <si>
    <t>12/26/2019 08:58:45</t>
  </si>
  <si>
    <t>12/26/2019 08:58:56</t>
  </si>
  <si>
    <t>12/26/2019 09:01:51</t>
  </si>
  <si>
    <t>12/26/2019 08:59:42</t>
  </si>
  <si>
    <t>b4c12ab9-e4f4-41f6-8f8d-b3da9a294220.tmp</t>
  </si>
  <si>
    <t>\\acsfs\profiles$\henriquehmdo\Downloads\b4c12ab9-e4f4-41f6-8f8d-b3da9a294220.tmp</t>
  </si>
  <si>
    <t>12/26/2019 08:59:24</t>
  </si>
  <si>
    <t>51053953-650f-4c8e-a4b2-a5dee0fdea83.tmp</t>
  </si>
  <si>
    <t>\\acsfs\profiles$\gabrielhca\Downloads\51053953-650f-4c8e-a4b2-a5dee0fdea83.tmp</t>
  </si>
  <si>
    <t>12/26/2019 08:59:56</t>
  </si>
  <si>
    <t>d087b568-f84e-40db-b209-4afc9dc93c70.tmp</t>
  </si>
  <si>
    <t>\\acsfs\profiles$\gabrielhca\Downloads\d087b568-f84e-40db-b209-4afc9dc93c70.tmp</t>
  </si>
  <si>
    <t>12/26/2019 09:00:05</t>
  </si>
  <si>
    <t>1d309589-1000-43df-88d3-4a2eaf3671cc.tmp</t>
  </si>
  <si>
    <t>\\acsfs\profiles$\gabrielhca\Downloads\1d309589-1000-43df-88d3-4a2eaf3671cc.tmp</t>
  </si>
  <si>
    <t>12/26/2019 09:00:10</t>
  </si>
  <si>
    <t>35fcbedf-e896-46d6-9541-7b70a7077908.tmp</t>
  </si>
  <si>
    <t>\\acsfs\profiles$\gabrielhca\Downloads\35fcbedf-e896-46d6-9541-7b70a7077908.tmp</t>
  </si>
  <si>
    <t>12/26/2019 09:01:29</t>
  </si>
  <si>
    <t>b53ff776-7c1e-4d3e-8a7a-3d104897bdd5.tmp</t>
  </si>
  <si>
    <t>\\acsfs\profiles$\gabrielhca\Downloads\b53ff776-7c1e-4d3e-8a7a-3d104897bdd5.tmp</t>
  </si>
  <si>
    <t>12/26/2019 08:57:21</t>
  </si>
  <si>
    <t>12/26/2019 08:57:22</t>
  </si>
  <si>
    <t>12/26/2019 08:57:23</t>
  </si>
  <si>
    <t>12/26/2019 08:57:24</t>
  </si>
  <si>
    <t>12/26/2019 08:57:25</t>
  </si>
  <si>
    <t>12/26/2019 08:57:26</t>
  </si>
  <si>
    <t>12/26/2019 08:57:27</t>
  </si>
  <si>
    <t>12/26/2019 08:57:28</t>
  </si>
  <si>
    <t>12/26/2019 09:02:51</t>
  </si>
  <si>
    <t>12/26/2019 08:57:29</t>
  </si>
  <si>
    <t>12/26/2019 08:57:30</t>
  </si>
  <si>
    <t>12/26/2019 08:57:31</t>
  </si>
  <si>
    <t>12/26/2019 08:57:32</t>
  </si>
  <si>
    <t>12/26/2019 08:57:33</t>
  </si>
  <si>
    <t>12/26/2019 08:57:34</t>
  </si>
  <si>
    <t>12/26/2019 08:57:35</t>
  </si>
  <si>
    <t>12/26/2019 08:57:36</t>
  </si>
  <si>
    <t>12/26/2019 08:57:38</t>
  </si>
  <si>
    <t>12/26/2019 08:57:39</t>
  </si>
  <si>
    <t>12/26/2019 08:57:40</t>
  </si>
  <si>
    <t>12/26/2019 08:57:41</t>
  </si>
  <si>
    <t>12/26/2019 08:57:42</t>
  </si>
  <si>
    <t>12/26/2019 08:57:43</t>
  </si>
  <si>
    <t>12/26/2019 09:00:44</t>
  </si>
  <si>
    <t>0764a63a-e222-4dde-b175-6c0061ef6e67.tmp</t>
  </si>
  <si>
    <t>\\acsfs\profiles$\vivianealda\Downloads\0764a63a-e222-4dde-b175-6c0061ef6e67.tmp</t>
  </si>
  <si>
    <t>12/26/2019 09:00:49</t>
  </si>
  <si>
    <t>c8636633-1b2c-4e11-a0ef-65e76b16e9c6.tmp</t>
  </si>
  <si>
    <t>\\acsfs\profiles$\vivianealda\Downloads\c8636633-1b2c-4e11-a0ef-65e76b16e9c6.tmp</t>
  </si>
  <si>
    <t>12/26/2019 08:59:58</t>
  </si>
  <si>
    <t>12/26/2019 09:01:42</t>
  </si>
  <si>
    <t>12/23/2019 13:41:19</t>
  </si>
  <si>
    <t>alessiors@algartech.com;antoniocoj@algartech.com;diegoiao@algartech.com;gilsonsj@algartech.com;higorbp@algartech.com;higorbp@algartech.com.br;humbertopj@algartech.com;lucianocle@algartech.com;rafaeltt@algartech.com;</t>
  </si>
  <si>
    <t>alessiors@algartech.com,antoniocoj@algartech.com,diegoiao@algartech.com,gilsonsj@algartech.com,higorbp@algartech.com,higorbp@algartech.com.br,humbertopj@algartech.com,lucianocle@algartech.com,rafaeltt@algartech.com</t>
  </si>
  <si>
    <t>12/26/2019 09:03:51</t>
  </si>
  <si>
    <t>10.200.32.20</t>
  </si>
  <si>
    <t>78-2B-CB-C1-07-01</t>
  </si>
  <si>
    <t>VOTORANT-CB015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7361480517&amp;time-delta-to-apply-millis=use-collector-delta</t>
  </si>
  <si>
    <t>12/26/2019 08:59:01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7361540622&amp;time-delta-to-apply-millis=use-collector-delta</t>
  </si>
  <si>
    <t>12/23/2019 19:29:45</t>
  </si>
  <si>
    <t>12/26/2019 08:59:12</t>
  </si>
  <si>
    <t>winrt--{S-1-5-21-602162358-764733703-839522115-352969}-.searchconnector-ms</t>
  </si>
  <si>
    <t>\\acsfs\profiles$\KARENDSR\Searches\winrt--{S-1-5-21-602162358-764733703-839522115-352969}-.searchconnector-ms</t>
  </si>
  <si>
    <t>12/26/2019 09:00:36</t>
  </si>
  <si>
    <t>e3847860-6b56-4f61-9c68-cbee76c35f12.tmp</t>
  </si>
  <si>
    <t>\\acsfs\profiles$\KARENDSR\Downloads\e3847860-6b56-4f61-9c68-cbee76c35f12.tmp</t>
  </si>
  <si>
    <t>12/26/2019 09:01:50</t>
  </si>
  <si>
    <t>e46283db-47e6-4891-a0cb-d803446409f6.tmp</t>
  </si>
  <si>
    <t>\\acsfs\profiles$\KARENDSR\Downloads\e46283db-47e6-4891-a0cb-d803446409f6.tmp</t>
  </si>
  <si>
    <t>12/26/2019 09:04:51</t>
  </si>
  <si>
    <t>12/26/2019 09:00:41</t>
  </si>
  <si>
    <t>12/26/2019 09:00:55</t>
  </si>
  <si>
    <t>12/26/2019 09:04:09</t>
  </si>
  <si>
    <t>12/26/2019 09:02:31</t>
  </si>
  <si>
    <t>12/26/2019 09:05:51</t>
  </si>
  <si>
    <t>12/26/2019 09:06:51</t>
  </si>
  <si>
    <t>12/26/2019 09:04:23</t>
  </si>
  <si>
    <t>b89b7624-16d3-41f2-b602-c48679214455.tmp</t>
  </si>
  <si>
    <t>\\acsfs\profiles$\gabrielhca\Downloads\b89b7624-16d3-41f2-b602-c48679214455.tmp</t>
  </si>
  <si>
    <t>12/26/2019 09:05:58</t>
  </si>
  <si>
    <t>12/26/2019 09:07:50</t>
  </si>
  <si>
    <t>12/26/2019 09:05:45</t>
  </si>
  <si>
    <t>\\acsfs\profiles$\katiahmdj\Favorites\$RECYCLE.BIN\</t>
  </si>
  <si>
    <t>$IPVO2Y1.url</t>
  </si>
  <si>
    <t>\\acsfs\profiles$\katiahmdj\Favorites\$RECYCLE.BIN\$IPVO2Y1.url</t>
  </si>
  <si>
    <t>12/26/2019 09:04:39</t>
  </si>
  <si>
    <t>12/26/2019 09:08:51</t>
  </si>
  <si>
    <t>bf0b05ff-0b45-4786-b426-95d87770449c.tmp</t>
  </si>
  <si>
    <t>\\acsfs\profiles$\KARENDSR\Downloads\bf0b05ff-0b45-4786-b426-95d87770449c.tmp</t>
  </si>
  <si>
    <t>12/26/2019 09:05:56</t>
  </si>
  <si>
    <t>12/26/2019 09:09:50</t>
  </si>
  <si>
    <t>12/26/2019 09:06:00</t>
  </si>
  <si>
    <t>12/26/2019 09:07:05</t>
  </si>
  <si>
    <t>12/26/2019 09:09:04</t>
  </si>
  <si>
    <t>12/26/2019 09:08:15</t>
  </si>
  <si>
    <t>12/26/2019 09:10:51</t>
  </si>
  <si>
    <t>12/26/2019 09:06:44</t>
  </si>
  <si>
    <t>12/26/2019 09:09:15</t>
  </si>
  <si>
    <t>12/26/2019 09:09:45</t>
  </si>
  <si>
    <t>12/26/2019 09:07:32</t>
  </si>
  <si>
    <t>12/26/2019 09:06:27</t>
  </si>
  <si>
    <t>Eduardo Freitas Simoes_1_6771469499363296600_1_32.wav</t>
  </si>
  <si>
    <t>\\acsfs\Deptos\EDUCACAO EMPRESARIAL\FERNANDA MONIT\Ligação para Mutant terceiro Ciclo\Eduardo Freitas Simoes_1_6771469499363296600_1_32.wav</t>
  </si>
  <si>
    <t>12/26/2019 09:08:26</t>
  </si>
  <si>
    <t>12/26/2019 09:11:50</t>
  </si>
  <si>
    <t>6b6f8691-f19b-44f0-8d48-ab9da152585d.tmp</t>
  </si>
  <si>
    <t>\\acsfs\profiles$\nathaliadf\Downloads\6b6f8691-f19b-44f0-8d48-ab9da152585d.tmp</t>
  </si>
  <si>
    <t>12/26/2019 09:08:03</t>
  </si>
  <si>
    <t>12/26/2019 09:09:47</t>
  </si>
  <si>
    <t>12/26/2019 09:11:58</t>
  </si>
  <si>
    <t>12/26/2019 09:12:51</t>
  </si>
  <si>
    <t>12/26/2019 09:12:11</t>
  </si>
  <si>
    <t>c273259e-c03a-4857-8ee8-24b1472efa74.tmp</t>
  </si>
  <si>
    <t>\\acsfs\profiles$\deborahsi\Downloads\c273259e-c03a-4857-8ee8-24b1472efa74.tmp</t>
  </si>
  <si>
    <t>12/26/2019 09:12:01</t>
  </si>
  <si>
    <t>12/26/2019 09:13:51</t>
  </si>
  <si>
    <t>PAMELA MARIA CRISTINA MACEDO DA SILVA GUEDES_1_6769902222847313416_1_32.wav</t>
  </si>
  <si>
    <t>\\acsfs\Deptos\EDUCACAO EMPRESARIAL\KÉSIA\Ligações 3º ciclo - Késia\PAMELA MARIA CRISTINA MACEDO DA SILVA GUEDES_1_6769902222847313416_1_32.wav</t>
  </si>
  <si>
    <t>12/26/2019 09:09:33</t>
  </si>
  <si>
    <t>12/26/2019 09:12:10</t>
  </si>
  <si>
    <t>12/26/2019 09:14:51</t>
  </si>
  <si>
    <t>claudineiavc@algartech.com;equipefabi@algartech.com.br;fabianapm@algartech.com;tecnicospj@algartech.com.br;</t>
  </si>
  <si>
    <t>RES: Filas de Retorno _ Correção Urgente</t>
  </si>
  <si>
    <t>Vol Filas de Retorno.xlsx</t>
  </si>
  <si>
    <t>claudineiavc@algartech.com,equipefabi@algartech.com.br,fabianapm@algartech.com,tecnicospj@algartech.com.br</t>
  </si>
  <si>
    <t>12/26/2019 09:13:05</t>
  </si>
  <si>
    <t>12/26/2019 09:11:41</t>
  </si>
  <si>
    <t>12/26/2019 09:14:54</t>
  </si>
  <si>
    <t>12/26/2019 09:16:51</t>
  </si>
  <si>
    <t>e89c0ae3-36b5-4bb0-8ac7-2e989cff196c.tmp</t>
  </si>
  <si>
    <t>\\acsfs\profiles$\gabrielhca\Downloads\e89c0ae3-36b5-4bb0-8ac7-2e989cff196c.tmp</t>
  </si>
  <si>
    <t>12/26/2019 09:15:53</t>
  </si>
  <si>
    <t>51fd9ec9-0a40-414a-849a-0c379b85498a.tmp</t>
  </si>
  <si>
    <t>\\acsfs\profiles$\gabrielhca\Downloads\51fd9ec9-0a40-414a-849a-0c379b85498a.tmp</t>
  </si>
  <si>
    <t>12/26/2019 09:16:00</t>
  </si>
  <si>
    <t>ef7cc7a7-6ae4-42a6-b0fb-3b1392a6d750.tmp</t>
  </si>
  <si>
    <t>\\acsfs\profiles$\gabrielhca\Downloads\ef7cc7a7-6ae4-42a6-b0fb-3b1392a6d750.tmp</t>
  </si>
  <si>
    <t>12/26/2019 09:12:33</t>
  </si>
  <si>
    <t>12/26/2019 09:17:50</t>
  </si>
  <si>
    <t>cdd5f066-f424-4947-b7a0-ff7c4b66d281.tmp</t>
  </si>
  <si>
    <t>\\acsfs\profiles$\deborahsi\Downloads\cdd5f066-f424-4947-b7a0-ff7c4b66d281.tmp</t>
  </si>
  <si>
    <t>12/26/2019 09:14:59</t>
  </si>
  <si>
    <t>12/26/2019 09:15:00</t>
  </si>
  <si>
    <t>lu169121b67gd.tmp</t>
  </si>
  <si>
    <t>\\acsfs\profiles$\LUCASBS\lu169121b67gd.tmp</t>
  </si>
  <si>
    <t>\\acsfs\profiles$\LUCASBS\lu169121b67gd.tmp\</t>
  </si>
  <si>
    <t>\\acsfs\profiles$\LUCASBS\lu169121b67gd.tmp\META-INF\</t>
  </si>
  <si>
    <t>\\acsfs\profiles$\LUCASBS\lu169121b67gd.tmp\Thumbnails\</t>
  </si>
  <si>
    <t>12/26/2019 09:16:04</t>
  </si>
  <si>
    <t>12/26/2019 09:18:51</t>
  </si>
  <si>
    <t>12/26/2019 09:18:00</t>
  </si>
  <si>
    <t>12/26/2019 09:19:50</t>
  </si>
  <si>
    <t>12/26/2019 09:16:14</t>
  </si>
  <si>
    <t>12/26/2019 09:20:51</t>
  </si>
  <si>
    <t>5357adbe-88ca-47c6-af12-1f0ddcabcc0d.tmp</t>
  </si>
  <si>
    <t>\\acsfs\profiles$\valeriasda\Downloads\5357adbe-88ca-47c6-af12-1f0ddcabcc0d.tmp</t>
  </si>
  <si>
    <t>d9316274-6b0c-4968-a409-652a9a19312c.tmp</t>
  </si>
  <si>
    <t>\\acsfs\profiles$\valeriasda\Downloads\d9316274-6b0c-4968-a409-652a9a19312c.tmp</t>
  </si>
  <si>
    <t>12/26/2019 09:16:22</t>
  </si>
  <si>
    <t>3b2cd3b1-6550-459e-939f-18cd0b578c6b.tmp</t>
  </si>
  <si>
    <t>\\acsfs\profiles$\valeriasda\Downloads\3b2cd3b1-6550-459e-939f-18cd0b578c6b.tmp</t>
  </si>
  <si>
    <t>12/26/2019 09:17:18</t>
  </si>
  <si>
    <t>e8ca8db2-0cbb-47aa-b834-59dcaeb8dcbe.tmp</t>
  </si>
  <si>
    <t>\\acsfs\profiles$\valeriasda\Downloads\e8ca8db2-0cbb-47aa-b834-59dcaeb8dcbe.tmp</t>
  </si>
  <si>
    <t>12/26/2019 09:17:23</t>
  </si>
  <si>
    <t>5b95299a-e9ec-4caa-9840-cb4091bfec9c.tmp</t>
  </si>
  <si>
    <t>\\acsfs\profiles$\valeriasda\Downloads\5b95299a-e9ec-4caa-9840-cb4091bfec9c.tmp</t>
  </si>
  <si>
    <t>12/26/2019 09:17:57</t>
  </si>
  <si>
    <t>76e1b82c-5a35-4348-a809-cd00e0f5036d.tmp</t>
  </si>
  <si>
    <t>\\acsfs\profiles$\alessandraan\Downloads\76e1b82c-5a35-4348-a809-cd00e0f5036d.tmp</t>
  </si>
  <si>
    <t>12/26/2019 09:17:59</t>
  </si>
  <si>
    <t>8bdd8b4d-68d4-420a-a763-182cc2dfba86.tmp</t>
  </si>
  <si>
    <t>\\acsfs\profiles$\alessandraan\Downloads\8bdd8b4d-68d4-420a-a763-182cc2dfba86.tmp</t>
  </si>
  <si>
    <t>12/26/2019 09:18:02</t>
  </si>
  <si>
    <t>f5c746ca-736a-411a-accb-7549d9ea690a.tmp</t>
  </si>
  <si>
    <t>\\acsfs\profiles$\alessandraan\Downloads\f5c746ca-736a-411a-accb-7549d9ea690a.tmp</t>
  </si>
  <si>
    <t>12/26/2019 09:18:03</t>
  </si>
  <si>
    <t>a1c03f90-f14f-4251-b621-158bb7ebca3c.tmp</t>
  </si>
  <si>
    <t>\\acsfs\profiles$\alessandraan\Downloads\a1c03f90-f14f-4251-b621-158bb7ebca3c.tmp</t>
  </si>
  <si>
    <t>12/26/2019 09:19:05</t>
  </si>
  <si>
    <t>d3910352-76a9-4715-8ba6-5d9a135e205d.tmp</t>
  </si>
  <si>
    <t>\\acsfs\profiles$\alessandraan\Downloads\d3910352-76a9-4715-8ba6-5d9a135e205d.tmp</t>
  </si>
  <si>
    <t>12/26/2019 09:17:45</t>
  </si>
  <si>
    <t>12/26/2019 09:18:15</t>
  </si>
  <si>
    <t>12/26/2019 09:19:45</t>
  </si>
  <si>
    <t>12/26/2019 09:20:15</t>
  </si>
  <si>
    <t>12/26/2019 09:19:47</t>
  </si>
  <si>
    <t>12/26/2019 09:20:27</t>
  </si>
  <si>
    <t>12/24/2019 12:44:48</t>
  </si>
  <si>
    <t>12/26/2019 09:21:51</t>
  </si>
  <si>
    <t>10.200.57.128</t>
  </si>
  <si>
    <t>BKO WHPv2.xlsx</t>
  </si>
  <si>
    <t>12/26/2019 09:16:45</t>
  </si>
  <si>
    <t>7bc1c374-3e79-4f37-9564-9d837fa1a52a.tmp</t>
  </si>
  <si>
    <t>\\acsfs\profiles$\kellzylenneasr\Downloads\7bc1c374-3e79-4f37-9564-9d837fa1a52a.tmp</t>
  </si>
  <si>
    <t>12/26/2019 09:17:25</t>
  </si>
  <si>
    <t>8b49bf98-a9ea-48e8-a4b8-b7e1094ee16e.tmp</t>
  </si>
  <si>
    <t>\\acsfs\profiles$\kellzylenneasr\Downloads\8b49bf98-a9ea-48e8-a4b8-b7e1094ee16e.tmp</t>
  </si>
  <si>
    <t>12/26/2019 09:22:51</t>
  </si>
  <si>
    <t>12/26/2019 09:21:42</t>
  </si>
  <si>
    <t>12/23/2019 09:53:04</t>
  </si>
  <si>
    <t>D:\RODRIGO\PARTICULAR\karla - AADL\</t>
  </si>
  <si>
    <t>F:\karla - AADL\Lista de presença 2019.xlsx vertical fevereiro.xlsx</t>
  </si>
  <si>
    <t>F:\karla - AADL\Lista de presença 2019.xlsx VERTICAL.xlsx</t>
  </si>
  <si>
    <t>F:\karla - AADL\Lista final do ônibus.xlsx</t>
  </si>
  <si>
    <t>12/23/2019 09:53:05</t>
  </si>
  <si>
    <t>F:\karla - AADL\pedido_detalhado_269_1000066261.xls</t>
  </si>
  <si>
    <t>12/23/2019 09:53:43</t>
  </si>
  <si>
    <t>D:\RODRIGO\PARTICULAR\karla - AADL\pen drive\karla - AADL\</t>
  </si>
  <si>
    <t>F:\karla - AADL\pen drive\karla - AADL\Lista de presença 2019.xlsx AADL.xlsx</t>
  </si>
  <si>
    <t>12/23/2019 09:53:44</t>
  </si>
  <si>
    <t>F:\karla - AADL\pen drive\karla - AADL\Lista de presença 2019.xlsx AADL.xlsx Março.xlsx</t>
  </si>
  <si>
    <t>F:\karla - AADL\pen drive\karla - AADL\Lista de presença 2019.xlsx Fevereiro.xlsx</t>
  </si>
  <si>
    <t>12/23/2019 11:33:41</t>
  </si>
  <si>
    <t>D:\PROGRAMAS\apache-jmeter-5.1.1.zip\apache-jmeter-5.1.1\bin\examples\</t>
  </si>
  <si>
    <t>CSVSample_actions.csv</t>
  </si>
  <si>
    <t>F:\BKP NOTE RODRIGO - FULL\PROGRAMAS\apache-jmeter-5.1.1.zip</t>
  </si>
  <si>
    <t>CSVSample_user.csv</t>
  </si>
  <si>
    <t>12/23/2019 11:37:59</t>
  </si>
  <si>
    <t>12/23/2019 11:39:03</t>
  </si>
  <si>
    <t>D:\ALGAR TECH\001 - Cloud MSP\CÉU\</t>
  </si>
  <si>
    <t>Orçamento CÉU e PLATAFORMA TEMP.xlsx</t>
  </si>
  <si>
    <t>F:\BKP NOTE RODRIGO - FULL\ALGAR TECH\001 - Cloud MSP\CÉU\Orçamento CÉU e PLATAFORMA TEMP.xlsx</t>
  </si>
  <si>
    <t>12/23/2019 11:39:24</t>
  </si>
  <si>
    <t>F:\BKP NOTE RODRIGO - FULL\ALGAR TECH\001 - Cloud MSP\Eventos\2019\Microsoft Ignite\cotações_microsoft.xlsx</t>
  </si>
  <si>
    <t>F:\BKP NOTE RODRIGO - FULL\ALGAR TECH\001 - Cloud MSP\Eventos\2019\Microsoft Ignite\Pasta1.xlsx</t>
  </si>
  <si>
    <t>12/23/2019 11:40:08</t>
  </si>
  <si>
    <t>F:\BKP NOTE RODRIGO - FULL\ALGAR TECH\001 - Cloud MSP\Parcerias\Cloud Provider\AWS\Oportunidades\OPPS.xlsx</t>
  </si>
  <si>
    <t>12/23/2019 11:51:02</t>
  </si>
  <si>
    <t>12/23/2019 11:59:25</t>
  </si>
  <si>
    <t>F:\BKP NOTE RODRIGO - FULL\ALGAR TECH\004 - Projetos Cloud\03 - CCoE\documentation\01-Projetos\AlgarTech-BradescoAntiFraude\04 - Arquivos\PoC_-_Investimento-v1-Bradesco.xlsx</t>
  </si>
  <si>
    <t>12/23/2019 11:59:43</t>
  </si>
  <si>
    <t>D:\ALGAR TECH\004 - Projetos Cloud\03 - CCoE\documentation\01-Projetos\AlgarTech-Prudential\04 - Arquivos\</t>
  </si>
  <si>
    <t>F:\BKP NOTE RODRIGO - FULL\ALGAR TECH\004 - Projetos Cloud\03 - CCoE\documentation\01-Projetos\AlgarTech-Prudential\04 - Arquivos\Calculadora AWS_v.1.3.xlsx</t>
  </si>
  <si>
    <t>F:\BKP NOTE RODRIGO - FULL\ALGAR TECH\004 - Projetos Cloud\03 - CCoE\documentation\01-Projetos\AlgarTech-Voice-Bots\04 - Arquivos\Calculadora AWS_v.1.3-VoiceBotsDEV.xlsx</t>
  </si>
  <si>
    <t>12/26/2019 09:17:58</t>
  </si>
  <si>
    <t>12/26/2019 09:20:24</t>
  </si>
  <si>
    <t>12/26/2019 09:20:44</t>
  </si>
  <si>
    <t>12/26/2019 09:24:51</t>
  </si>
  <si>
    <t>12/26/2019 09:22:14</t>
  </si>
  <si>
    <t>12/26/2019 09:23:06</t>
  </si>
  <si>
    <t>12/26/2019 09:25:50</t>
  </si>
  <si>
    <t>12/26/2019 09:22:16</t>
  </si>
  <si>
    <t>12/26/2019 09:20:45</t>
  </si>
  <si>
    <t>12/26/2019 09:21:15</t>
  </si>
  <si>
    <t>12/26/2019 09:22:15</t>
  </si>
  <si>
    <t>12/26/2019 09:23:45</t>
  </si>
  <si>
    <t>12/26/2019 09:24:15</t>
  </si>
  <si>
    <t>12/26/2019 09:24:45</t>
  </si>
  <si>
    <t>12/26/2019 09:25:15</t>
  </si>
  <si>
    <t>12/26/2019 09:21:50</t>
  </si>
  <si>
    <t>12/26/2019 09:26:51</t>
  </si>
  <si>
    <t>12/26/2019 09:27:50</t>
  </si>
  <si>
    <t>12/26/2019 09:23:58</t>
  </si>
  <si>
    <t>12/26/2019 09:26:26</t>
  </si>
  <si>
    <t>12/26/2019 09:29:50</t>
  </si>
  <si>
    <t>12/26/2019 09:26:10</t>
  </si>
  <si>
    <t>12/26/2019 09:30:51</t>
  </si>
  <si>
    <t>CURVA NORMAL - 24/12/2019</t>
  </si>
  <si>
    <t>12/26/2019 09:28:02</t>
  </si>
  <si>
    <t>12/26/2019 09:29:28</t>
  </si>
  <si>
    <t>12/26/2019 09:29:29</t>
  </si>
  <si>
    <t>12/26/2019 09:25:45</t>
  </si>
  <si>
    <t>12/26/2019 09:26:15</t>
  </si>
  <si>
    <t>12/26/2019 09:26:45</t>
  </si>
  <si>
    <t>12/26/2019 09:27:15</t>
  </si>
  <si>
    <t>12/26/2019 09:28:45</t>
  </si>
  <si>
    <t>12/26/2019 09:29:15</t>
  </si>
  <si>
    <t>12/26/2019 09:29:03</t>
  </si>
  <si>
    <t>12/26/2019 09:31:51</t>
  </si>
  <si>
    <t>53ada97d-1203-4775-8657-f12b35a38727.tmp</t>
  </si>
  <si>
    <t>\\acsfs\profiles$\nathaliadf\Downloads\53ada97d-1203-4775-8657-f12b35a38727.tmp</t>
  </si>
  <si>
    <t>12/24/2019 14:53:04</t>
  </si>
  <si>
    <t>12/26/2019 09:32:51</t>
  </si>
  <si>
    <t>12/26/2019 09:29:58</t>
  </si>
  <si>
    <t>12/26/2019 09:29:17</t>
  </si>
  <si>
    <t>12/26/2019 09:33:51</t>
  </si>
  <si>
    <t>12/26/2019 09:28:46</t>
  </si>
  <si>
    <t>lu363804bm603.tmp</t>
  </si>
  <si>
    <t>\\acsfs\profiles$\jonatanls\My Documents\lu363804bm603.tmp</t>
  </si>
  <si>
    <t>12/26/2019 09:31:33</t>
  </si>
  <si>
    <t>lu363804bm609.tmp</t>
  </si>
  <si>
    <t>\\acsfs\profiles$\jonatanls\My Documents\lu363804bm609.tmp</t>
  </si>
  <si>
    <t>12/26/2019 09:32:22</t>
  </si>
  <si>
    <t>RAFAELA CRISTINA DE OLIVEIRA CLEMENTINO_1_6771157482874158020_1_32.wav</t>
  </si>
  <si>
    <t>\\acsfs\Deptos\EDUCACAO EMPRESARIAL\KÉSIA\Ligações 3º ciclo - Késia\RAFAELA CRISTINA DE OLIVEIRA CLEMENTINO_1_6771157482874158020_1_32.wav</t>
  </si>
  <si>
    <t>12/26/2019 09:30:56</t>
  </si>
  <si>
    <t>435fe174-500a-4214-bf9e-6d81ea12de7b.tmp</t>
  </si>
  <si>
    <t>\\acsfs\profiles$\KARENDSR\Downloads\435fe174-500a-4214-bf9e-6d81ea12de7b.tmp</t>
  </si>
  <si>
    <t>12/26/2019 09:32:20</t>
  </si>
  <si>
    <t>12/26/2019 09:34:51</t>
  </si>
  <si>
    <t>mail.google.com/sync/u/0/i/s?hl=pt-BR&amp;c=604</t>
  </si>
  <si>
    <t>12/26/2019 09:32:49</t>
  </si>
  <si>
    <t>bvcartes-supervisores@algarnet.onmicrosoft.com;joaogvc@algartech.com;leonardoao@algartech.com;mirianppb@algartech.com;paulacn@algartech.com;rafaelggs@algartech.com;taysdss@algartech.com;viniciussg@algartech.com;</t>
  </si>
  <si>
    <t>bvcartes-supervisores@algarnet.onmicrosoft.com,joaogvc@algartech.com,leonardoao@algartech.com,mirianppb@algartech.com,paulacn@algartech.com,rafaelggs@algartech.com,taysdss@algartech.com,viniciussg@algartech.com</t>
  </si>
  <si>
    <t>12/26/2019 09:33:31</t>
  </si>
  <si>
    <t>12/26/2019 09:34:22</t>
  </si>
  <si>
    <t>mail.google.com/sync/u/0/i/s?hl=pt-BR&amp;c=613</t>
  </si>
  <si>
    <t>12/26/2019 09:33:25</t>
  </si>
  <si>
    <t>12/26/2019 09:33:35</t>
  </si>
  <si>
    <t>25052a46-8bc9-4e8b-8d36-01096e4263e9.tmp</t>
  </si>
  <si>
    <t>\\acsfs\profiles$\mariliafplb\Downloads\25052a46-8bc9-4e8b-8d36-01096e4263e9.tmp</t>
  </si>
  <si>
    <t>12/26/2019 09:33:56</t>
  </si>
  <si>
    <t>2ab84134-b410-454e-b21e-e9dab6a85b49.tmp</t>
  </si>
  <si>
    <t>\\acsfs\profiles$\mariliafplb\Downloads\2ab84134-b410-454e-b21e-e9dab6a85b49.tmp</t>
  </si>
  <si>
    <t>12/26/2019 09:31:39</t>
  </si>
  <si>
    <t>12/26/2019 09:30:36</t>
  </si>
  <si>
    <t>12/26/2019 09:35:52</t>
  </si>
  <si>
    <t>12/26/2019 09:31:46</t>
  </si>
  <si>
    <t>12/26/2019 09:32:15</t>
  </si>
  <si>
    <t>12/26/2019 09:33:13</t>
  </si>
  <si>
    <t>12/26/2019 09:33:14</t>
  </si>
  <si>
    <t>lu146321g6v6v.tmp</t>
  </si>
  <si>
    <t>\\acsfs\profiles$\dhiulliananads\My Documents\lu146321g6v6v.tmp</t>
  </si>
  <si>
    <t>\\acsfs\profiles$\dhiulliananads\My Documents\lu146321g6v6v.tmp\</t>
  </si>
  <si>
    <t>\\acsfs\profiles$\dhiulliananads\My Documents\lu146321g6v6v.tmp\META-INF\</t>
  </si>
  <si>
    <t>\\acsfs\profiles$\dhiulliananads\My Documents\lu146321g6v6v.tmp\Thumbnails\</t>
  </si>
  <si>
    <t>12/26/2019 09:35:14</t>
  </si>
  <si>
    <t>lu146321g6v6z.tmp</t>
  </si>
  <si>
    <t>\\acsfs\profiles$\dhiulliananads\My Documents\lu146321g6v6z.tmp</t>
  </si>
  <si>
    <t>\\acsfs\profiles$\dhiulliananads\My Documents\lu146321g6v6z.tmp\</t>
  </si>
  <si>
    <t>\\acsfs\profiles$\dhiulliananads\My Documents\lu146321g6v6z.tmp\META-INF\</t>
  </si>
  <si>
    <t>\\acsfs\profiles$\dhiulliananads\My Documents\lu146321g6v6z.tmp\Thumbnails\</t>
  </si>
  <si>
    <t>12/26/2019 09:37:51</t>
  </si>
  <si>
    <t>12/26/2019 09:35:58</t>
  </si>
  <si>
    <t>12/26/2019 09:34:07</t>
  </si>
  <si>
    <t>12/26/2019 09:38:51</t>
  </si>
  <si>
    <t>\\acsfs\profiles$\leticiala\Contacts\</t>
  </si>
  <si>
    <t>LETICIA LIMA ALVES (38).contact</t>
  </si>
  <si>
    <t>\\acsfs\profiles$\leticiala\Contacts\LETICIA LIMA ALVES (38).contact</t>
  </si>
  <si>
    <t>12/26/2019 09:34:08</t>
  </si>
  <si>
    <t>12/26/2019 09:34:17</t>
  </si>
  <si>
    <t>\\acsfs\profiles$\leticiala\My Documents\My Videos\</t>
  </si>
  <si>
    <t>\\acsfs\profiles$\leticiala\My Documents\My Videos\desktop.ini</t>
  </si>
  <si>
    <t>\\acsfs\profiles$\leticiala\My Documents\My Pictures\</t>
  </si>
  <si>
    <t>\\acsfs\profiles$\leticiala\My Documents\My Pictures\desktop.ini</t>
  </si>
  <si>
    <t>12/26/2019 09:34:18</t>
  </si>
  <si>
    <t>12/26/2019 09:34:19</t>
  </si>
  <si>
    <t>\\acsfs\profiles$\leticiala\Contacts\desktop.ini</t>
  </si>
  <si>
    <t>\\acsfs\profiles$\leticiala\Favorites\</t>
  </si>
  <si>
    <t>\\acsfs\profiles$\leticiala\Favorites\desktop.ini</t>
  </si>
  <si>
    <t>12/26/2019 09:34:20</t>
  </si>
  <si>
    <t>12/26/2019 09:34:21</t>
  </si>
  <si>
    <t>\\acsfs\profiles$\leticiala\My Documents\My Music\</t>
  </si>
  <si>
    <t>\\acsfs\profiles$\leticiala\My Documents\My Music\desktop.ini</t>
  </si>
  <si>
    <t>\\acsfs\profiles$\leticiala\Searches\</t>
  </si>
  <si>
    <t>\\acsfs\profiles$\leticiala\Searches\desktop.ini</t>
  </si>
  <si>
    <t>\\acsfs\profiles$\leticiala\Downloads\desktop.ini</t>
  </si>
  <si>
    <t>\\acsfs\profiles$\leticiala\My Documents\</t>
  </si>
  <si>
    <t>\\acsfs\profiles$\leticiala\My Documents\desktop.ini</t>
  </si>
  <si>
    <t>12/26/2019 09:34:23</t>
  </si>
  <si>
    <t>\\acsfs\profiles$\leticiala\Saved Games\</t>
  </si>
  <si>
    <t>\\acsfs\profiles$\leticiala\Saved Games\desktop.ini</t>
  </si>
  <si>
    <t>12/26/2019 09:34:37</t>
  </si>
  <si>
    <t>\\acsfs\profiles$\leticiala\Favorites\Links for Brasil\desktop.ini</t>
  </si>
  <si>
    <t>12/26/2019 09:34:38</t>
  </si>
  <si>
    <t>12/26/2019 09:34:35</t>
  </si>
  <si>
    <t>12/26/2019 09:39:51</t>
  </si>
  <si>
    <t>mail.google.com/sync/u/0/i/s?hl=pt-BR&amp;c=618</t>
  </si>
  <si>
    <t>12/26/2019 09:34:44</t>
  </si>
  <si>
    <t>mail.google.com/sync/u/0/i/s?hl=pt-BR&amp;c=620</t>
  </si>
  <si>
    <t>12/26/2019 09:34:47</t>
  </si>
  <si>
    <t>12/26/2019 09:35:02</t>
  </si>
  <si>
    <t>mail.google.com/sync/u/0/i/s?hl=pt-BR&amp;c=625</t>
  </si>
  <si>
    <t>12/26/2019 09:35:04</t>
  </si>
  <si>
    <t>mail.google.com/sync/u/0/i/s?hl=pt-BR&amp;c=627</t>
  </si>
  <si>
    <t>12/26/2019 09:36:41</t>
  </si>
  <si>
    <t>12/26/2019 09:34:39</t>
  </si>
  <si>
    <t>8aded1b6-ee3f-4df7-a83a-732b98f6d953.tmp</t>
  </si>
  <si>
    <t>\\acsfs\profiles$\mariliafplb\Downloads\8aded1b6-ee3f-4df7-a83a-732b98f6d953.tmp</t>
  </si>
  <si>
    <t>12/26/2019 09:36:32</t>
  </si>
  <si>
    <t>6ad8796a-26ac-4896-8ee9-70ff546f8a23.tmp</t>
  </si>
  <si>
    <t>\\acsfs\profiles$\mariliafplb\Downloads\6ad8796a-26ac-4896-8ee9-70ff546f8a23.tmp</t>
  </si>
  <si>
    <t>12/26/2019 09:40:15</t>
  </si>
  <si>
    <t>12/26/2019 09:40:51</t>
  </si>
  <si>
    <t>12/26/2019 09:37:22</t>
  </si>
  <si>
    <t>Erica Luziana Silva Ribeiro_1_6769254245426339923_1_32.wav</t>
  </si>
  <si>
    <t>\\acsfs\Deptos\EDUCACAO EMPRESARIAL\FERNANDA MONIT\Ligação para Mutant terceiro Ciclo\Erica Luziana Silva Ribeiro_1_6769254245426339923_1_32.wav</t>
  </si>
  <si>
    <t>12/26/2019 09:37:35</t>
  </si>
  <si>
    <t>12/26/2019 09:41:51</t>
  </si>
  <si>
    <t>3b31a537-8e13-4e2b-809c-7c66ab7dd7c4.tmp</t>
  </si>
  <si>
    <t>\\acsfs\profiles$\nathaliadf\Downloads\3b31a537-8e13-4e2b-809c-7c66ab7dd7c4.tmp</t>
  </si>
  <si>
    <t>12/26/2019 09:39:25</t>
  </si>
  <si>
    <t>12/26/2019 09:42:52</t>
  </si>
  <si>
    <t>12/26/2019 09:39:12</t>
  </si>
  <si>
    <t>12/26/2019 09:39:18</t>
  </si>
  <si>
    <t>12/26/2019 09:40:11</t>
  </si>
  <si>
    <t>12/26/2019 09:40:23</t>
  </si>
  <si>
    <t>12/26/2019 09:40:52</t>
  </si>
  <si>
    <t>12/26/2019 09:41:12</t>
  </si>
  <si>
    <t>12/26/2019 09:41:13</t>
  </si>
  <si>
    <t>12/26/2019 09:41:59</t>
  </si>
  <si>
    <t>12/26/2019 09:41:35</t>
  </si>
  <si>
    <t>e5a68b53-73bb-4b8d-a6b8-e959c3cae42b.tmp</t>
  </si>
  <si>
    <t>\\acsfs\profiles$\Flaviojmm\Downloads\e5a68b53-73bb-4b8d-a6b8-e959c3cae42b.tmp</t>
  </si>
  <si>
    <t>12/26/2019 09:41:42</t>
  </si>
  <si>
    <t>12/26/2019 09:41:34</t>
  </si>
  <si>
    <t>12/26/2019 09:42:38</t>
  </si>
  <si>
    <t>12/26/2019 09:43:51</t>
  </si>
  <si>
    <t>lu363804bm60k.tmp</t>
  </si>
  <si>
    <t>\\acsfs\profiles$\jonatanls\My Documents\lu363804bm60k.tmp</t>
  </si>
  <si>
    <t>12/26/2019 09:38:18</t>
  </si>
  <si>
    <t>12/26/2019 09:39:05</t>
  </si>
  <si>
    <t>16f1b7ab-721d-4d53-a8ff-32f23b177e32.tmp</t>
  </si>
  <si>
    <t>\\acsfs\profiles$\geovannasm\Downloads\16f1b7ab-721d-4d53-a8ff-32f23b177e32.tmp</t>
  </si>
  <si>
    <t>12/26/2019 09:41:38</t>
  </si>
  <si>
    <t>12/26/2019 09:44:51</t>
  </si>
  <si>
    <t>12/26/2019 09:41:39</t>
  </si>
  <si>
    <t>lu208202laf2l.tmp</t>
  </si>
  <si>
    <t>\\acsfs\profiles$\geovanaasa\My Documents\lu208202laf2l.tmp</t>
  </si>
  <si>
    <t>\\acsfs\profiles$\geovanaasa\My Documents\lu208202laf2l.tmp\</t>
  </si>
  <si>
    <t>\\acsfs\profiles$\geovanaasa\My Documents\lu208202laf2l.tmp\META-INF\</t>
  </si>
  <si>
    <t>\\acsfs\profiles$\geovanaasa\My Documents\lu208202laf2l.tmp\Thumbnails\</t>
  </si>
  <si>
    <t>12/26/2019 09:42:01</t>
  </si>
  <si>
    <t>953c528f-9964-4e34-b698-0234fc8cf911.tmp</t>
  </si>
  <si>
    <t>\\acsfs\profiles$\geovanaasa\Downloads\953c528f-9964-4e34-b698-0234fc8cf911.tmp</t>
  </si>
  <si>
    <t>5aebe391-52aa-47ec-bf61-91ce8cb41450.tmp</t>
  </si>
  <si>
    <t>\\acsfs\profiles$\geovanaasa\Downloads\5aebe391-52aa-47ec-bf61-91ce8cb41450.tmp</t>
  </si>
  <si>
    <t>12/26/2019 09:41:44</t>
  </si>
  <si>
    <t>12/26/2019 09:45:51</t>
  </si>
  <si>
    <t>12/26/2019 09:41:48</t>
  </si>
  <si>
    <t>12/26/2019 09:43:43</t>
  </si>
  <si>
    <t>12/26/2019 09:44:02</t>
  </si>
  <si>
    <t>12/26/2019 09:44:09</t>
  </si>
  <si>
    <t>12/26/2019 09:44:10</t>
  </si>
  <si>
    <t>12/26/2019 09:40:45</t>
  </si>
  <si>
    <t>12/26/2019 09:41:15</t>
  </si>
  <si>
    <t>12/26/2019 09:41:45</t>
  </si>
  <si>
    <t>12/26/2019 09:43:45</t>
  </si>
  <si>
    <t>12/26/2019 09:44:15</t>
  </si>
  <si>
    <t>12/26/2019 09:45:15</t>
  </si>
  <si>
    <t>12/26/2019 09:40:41</t>
  </si>
  <si>
    <t>4adaeead-98fb-44fc-9021-82da12c3b1ae.tmp</t>
  </si>
  <si>
    <t>\\acsfs\profiles$\PEDROHAB\Downloads\4adaeead-98fb-44fc-9021-82da12c3b1ae.tmp</t>
  </si>
  <si>
    <t>12/26/2019 09:45:08</t>
  </si>
  <si>
    <t>12/26/2019 09:45:19</t>
  </si>
  <si>
    <t>12/26/2019 09:45:18</t>
  </si>
  <si>
    <t>12/26/2019 09:46:51</t>
  </si>
  <si>
    <t>cc04919c-8d79-4ff3-a39b-c036a38a93fa.tmp</t>
  </si>
  <si>
    <t>\\acsfs\profiles$\kellzylenneasr\Downloads\cc04919c-8d79-4ff3-a39b-c036a38a93fa.tmp</t>
  </si>
  <si>
    <t>12/26/2019 09:47:51</t>
  </si>
  <si>
    <t>12/26/2019 09:42:53</t>
  </si>
  <si>
    <t>3fc8e943-cb95-46fc-8149-f9e8481e6c3e.tmp</t>
  </si>
  <si>
    <t>\\acsfs\profiles$\Flaviojmm\Downloads\3fc8e943-cb95-46fc-8149-f9e8481e6c3e.tmp</t>
  </si>
  <si>
    <t>12/26/2019 09:46:37</t>
  </si>
  <si>
    <t>12/26/2019 09:46:15</t>
  </si>
  <si>
    <t>12/26/2019 09:48:51</t>
  </si>
  <si>
    <t>12/26/2019 09:46:38</t>
  </si>
  <si>
    <t>12/26/2019 09:46:45</t>
  </si>
  <si>
    <t>12/26/2019 09:50:51</t>
  </si>
  <si>
    <t>12/26/2019 09:49:15</t>
  </si>
  <si>
    <t>12/26/2019 09:48:18</t>
  </si>
  <si>
    <t>12/26/2019 09:48:45</t>
  </si>
  <si>
    <t>12/26/2019 09:48:46</t>
  </si>
  <si>
    <t>lu146321g6v73.tmp</t>
  </si>
  <si>
    <t>\\acsfs\profiles$\dhiulliananads\My Documents\lu146321g6v73.tmp</t>
  </si>
  <si>
    <t>\\acsfs\profiles$\dhiulliananads\My Documents\lu146321g6v73.tmp\</t>
  </si>
  <si>
    <t>\\acsfs\profiles$\dhiulliananads\My Documents\lu146321g6v73.tmp\META-INF\</t>
  </si>
  <si>
    <t>\\acsfs\profiles$\dhiulliananads\My Documents\lu146321g6v73.tmp\Thumbnails\</t>
  </si>
  <si>
    <t>12/26/2019 09:49:02</t>
  </si>
  <si>
    <t>12/26/2019 09:47:38</t>
  </si>
  <si>
    <t>Fabiana Fontinele Veras_1_6771504584951148273_1_32.wav</t>
  </si>
  <si>
    <t>\\acsfs\Deptos\EDUCACAO EMPRESARIAL\FERNANDA MONIT\Ligação para Mutant terceiro Ciclo\Fabiana Fontinele Veras_1_6771504584951148273_1_32.wav</t>
  </si>
  <si>
    <t>12/19/2019 18:48:47</t>
  </si>
  <si>
    <t>12/26/2019 09:51:52</t>
  </si>
  <si>
    <t>C:\Users\leonardo.caetano\Desktop\Repasse Renata x Leonardo\KPMG\</t>
  </si>
  <si>
    <t>Analistas Algar - KPMG.xlsx</t>
  </si>
  <si>
    <t>12/20/2019 10:29:38</t>
  </si>
  <si>
    <t>Informações KPMG - Rev.xlsx</t>
  </si>
  <si>
    <t>12/20/2019 11:34:51</t>
  </si>
  <si>
    <t>C:\Users\leonardo.caetano\Desktop\Repasse Renata x Leonardo\KPMG\20-12-2019\</t>
  </si>
  <si>
    <t>Bodyshop's Recorrentes e Pontuais.xlsx</t>
  </si>
  <si>
    <t>12/26/2019 09:52:52</t>
  </si>
  <si>
    <t>12/26/2019 09:50:39</t>
  </si>
  <si>
    <t>f58a8f7e-23c8-44bc-a761-03486741eae7.tmp</t>
  </si>
  <si>
    <t>\\acsfs\profiles$\gabrielafs\Downloads\f58a8f7e-23c8-44bc-a761-03486741eae7.tmp</t>
  </si>
  <si>
    <t>12/26/2019 09:50:40</t>
  </si>
  <si>
    <t>5f8b94c6-d629-4843-93b2-b8d4b9d3133f.tmp</t>
  </si>
  <si>
    <t>\\acsfs\profiles$\gabrielafs\Downloads\5f8b94c6-d629-4843-93b2-b8d4b9d3133f.tmp</t>
  </si>
  <si>
    <t>43057d08-5b22-484f-a238-fb78e2af08a7.tmp</t>
  </si>
  <si>
    <t>\\acsfs\profiles$\gabrielafs\Downloads\43057d08-5b22-484f-a238-fb78e2af08a7.tmp</t>
  </si>
  <si>
    <t>12/26/2019 09:50:41</t>
  </si>
  <si>
    <t>adba3f0d-2cdd-4d70-920c-6dba5e4c8f51.tmp</t>
  </si>
  <si>
    <t>\\acsfs\profiles$\gabrielafs\Downloads\adba3f0d-2cdd-4d70-920c-6dba5e4c8f51.tmp</t>
  </si>
  <si>
    <t>fc98327c-4c23-4bd5-898b-97d8a7d1dac3.tmp</t>
  </si>
  <si>
    <t>\\acsfs\profiles$\gabrielafs\Downloads\fc98327c-4c23-4bd5-898b-97d8a7d1dac3.tmp</t>
  </si>
  <si>
    <t>12/26/2019 09:47:58</t>
  </si>
  <si>
    <t>12/26/2019 09:53:52</t>
  </si>
  <si>
    <t>12/26/2019 09:49:28</t>
  </si>
  <si>
    <t>93016e6d-fe49-40ed-ac51-db6b98a46f1e.tmp</t>
  </si>
  <si>
    <t>\\acsfs\profiles$\isabellegtds\Downloads\93016e6d-fe49-40ed-ac51-db6b98a46f1e.tmp</t>
  </si>
  <si>
    <t>12/26/2019 09:50:30</t>
  </si>
  <si>
    <t>aed8a1dc-cb04-4264-8915-82115cd18fbb.tmp</t>
  </si>
  <si>
    <t>\\acsfs\profiles$\isabellegtds\Downloads\aed8a1dc-cb04-4264-8915-82115cd18fbb.tmp</t>
  </si>
  <si>
    <t>12/26/2019 09:50:42</t>
  </si>
  <si>
    <t>60fb8e82-a811-4283-8a80-07051c5ae642.tmp</t>
  </si>
  <si>
    <t>\\acsfs\profiles$\isabellegtds\Downloads\60fb8e82-a811-4283-8a80-07051c5ae642.tmp</t>
  </si>
  <si>
    <t>12/26/2019 09:51:36</t>
  </si>
  <si>
    <t>99fa50e9-0892-4613-8c4a-c49894ca6fa6.tmp</t>
  </si>
  <si>
    <t>\\acsfs\profiles$\vivianalds\Downloads\99fa50e9-0892-4613-8c4a-c49894ca6fa6.tmp</t>
  </si>
  <si>
    <t>12/26/2019 09:54:11</t>
  </si>
  <si>
    <t>12/26/2019 09:54:52</t>
  </si>
  <si>
    <t>12/26/2019 09:52:45</t>
  </si>
  <si>
    <t>12/26/2019 09:55:52</t>
  </si>
  <si>
    <t>12/26/2019 09:53:15</t>
  </si>
  <si>
    <t>12/26/2019 09:53:45</t>
  </si>
  <si>
    <t>12/26/2019 09:54:45</t>
  </si>
  <si>
    <t>12/26/2019 09:55:15</t>
  </si>
  <si>
    <t>12/26/2019 09:52:26</t>
  </si>
  <si>
    <t>12/26/2019 09:51:03</t>
  </si>
  <si>
    <t>b650dd11-54a1-4b3d-86a2-e50d1aaaf5bc.tmp</t>
  </si>
  <si>
    <t>\\acsfs\profiles$\dhiulliananads\Downloads\b650dd11-54a1-4b3d-86a2-e50d1aaaf5bc.tmp</t>
  </si>
  <si>
    <t>12/26/2019 09:51:10</t>
  </si>
  <si>
    <t>.~lock.Filas-ALGAR - Mariana.xlsx#</t>
  </si>
  <si>
    <t>\\acsfs\profiles$\dhiulliananads\Downloads\.~lock.Filas-ALGAR - Mariana.xlsx#</t>
  </si>
  <si>
    <t>12/26/2019 09:51:22</t>
  </si>
  <si>
    <t>08b001ca-78f4-4a85-b71d-f76d2e5d6f63.tmp</t>
  </si>
  <si>
    <t>\\acsfs\profiles$\dhiulliananads\Downloads\08b001ca-78f4-4a85-b71d-f76d2e5d6f63.tmp</t>
  </si>
  <si>
    <t>\\acsfs\profiles$\dhiulliananads\Downloads\08b001ca-78f4-4a85-b71d-f76d2e5d6f63.tmp\</t>
  </si>
  <si>
    <t>\\acsfs\profiles$\dhiulliananads\Downloads\08b001ca-78f4-4a85-b71d-f76d2e5d6f63.tmp\META-INF\</t>
  </si>
  <si>
    <t>\\acsfs\profiles$\dhiulliananads\Downloads\08b001ca-78f4-4a85-b71d-f76d2e5d6f63.tmp\Thumbnails\</t>
  </si>
  <si>
    <t>12/26/2019 09:51:25</t>
  </si>
  <si>
    <t>\\acsfs\profiles$\dhiulliananads\Downloads\.~lock.Dhiulliana.ods#</t>
  </si>
  <si>
    <t>12/26/2019 09:51:15</t>
  </si>
  <si>
    <t>12/26/2019 09:56:51</t>
  </si>
  <si>
    <t>12/26/2019 09:53:39</t>
  </si>
  <si>
    <t>52afdca8-d058-4b91-9434-a614e189e0f9.tmp</t>
  </si>
  <si>
    <t>\\acsfs\profiles$\quindaizaagds\Downloads\52afdca8-d058-4b91-9434-a614e189e0f9.tmp</t>
  </si>
  <si>
    <t>12/26/2019 09:55:22</t>
  </si>
  <si>
    <t>933fe0d8-30ae-428a-83c2-d30a175f2145.tmp</t>
  </si>
  <si>
    <t>\\acsfs\profiles$\quindaizaagds\Downloads\933fe0d8-30ae-428a-83c2-d30a175f2145.tmp</t>
  </si>
  <si>
    <t>12/26/2019 09:54:30</t>
  </si>
  <si>
    <t>af56b096-d648-412e-ad65-3c4540ba386c.tmp</t>
  </si>
  <si>
    <t>\\acsfs\profiles$\leticiala\Downloads\af56b096-d648-412e-ad65-3c4540ba386c.tmp</t>
  </si>
  <si>
    <t>12/26/2019 09:54:36</t>
  </si>
  <si>
    <t>cf599de6-870b-4954-a1a7-5a5b0401db5b.tmp</t>
  </si>
  <si>
    <t>\\acsfs\profiles$\leticiala\Downloads\cf599de6-870b-4954-a1a7-5a5b0401db5b.tmp</t>
  </si>
  <si>
    <t>12/26/2019 09:57:52</t>
  </si>
  <si>
    <t>12/26/2019 09:53:59</t>
  </si>
  <si>
    <t>4c0e2f44-db69-4195-ad31-cfb25de2db82.tmp</t>
  </si>
  <si>
    <t>\\acsfs\profiles$\gabrielafs\Downloads\4c0e2f44-db69-4195-ad31-cfb25de2db82.tmp</t>
  </si>
  <si>
    <t>12/26/2019 09:53:58</t>
  </si>
  <si>
    <t>12/26/2019 09:58:52</t>
  </si>
  <si>
    <t>12/26/2019 09:57:59</t>
  </si>
  <si>
    <t>370da9ce-accd-40dc-9809-fa0deed8b4ab.tmp</t>
  </si>
  <si>
    <t>\\acsfs\profiles$\vivianalds\Downloads\370da9ce-accd-40dc-9809-fa0deed8b4ab.tmp</t>
  </si>
  <si>
    <t>12/26/2019 09:58:08</t>
  </si>
  <si>
    <t>12/26/2019 09:59:52</t>
  </si>
  <si>
    <t>\\acsfs\DEPTOS\Operacao\PCP\5 - Comum\PLANEJAMENTO BV\14 - ACOMPANHAMENTO\1 - REPORT ACOMPANHAMENTO\12 - Dezembro\CARTÕES\SHORTCALLS\</t>
  </si>
  <si>
    <t>Shortcalls.xlsx</t>
  </si>
  <si>
    <t>\\acsfs\DEPTOS\Operacao\PCP\5 - Comum\PLANEJAMENTO BV\14 - ACOMPANHAMENTO\1 - REPORT ACOMPANHAMENTO\12 - Dezembro\CARTÕES\SHORTCALLS\Shortcalls.xlsx</t>
  </si>
  <si>
    <t>12/26/2019 09:58:36</t>
  </si>
  <si>
    <t>12/26/2019 09:58:42</t>
  </si>
  <si>
    <t>12/26/2019 09:58:48</t>
  </si>
  <si>
    <t>joaogvc@algartech.com;leonardoao@algartech.com;marianadjc@algartech.com;paulacn@algartech.com;rafaelggs@algartech.com;taysdss@algartech.com;thiagordu@algartech.com;viniciussg@algartech.com;</t>
  </si>
  <si>
    <t>joaogvc@algartech.com,leonardoao@algartech.com,marianadjc@algartech.com,paulacn@algartech.com,rafaelggs@algartech.com,taysdss@algartech.com,thiagordu@algartech.com,viniciussg@algartech.com</t>
  </si>
  <si>
    <t>12/26/2019 09:58:53</t>
  </si>
  <si>
    <t>12/26/2019 09:58:57</t>
  </si>
  <si>
    <t>12/26/2019 09:57:13</t>
  </si>
  <si>
    <t>12/23/2019 09:54:59</t>
  </si>
  <si>
    <t>12/26/2019 10:00:52</t>
  </si>
  <si>
    <t>Não confirmado 233125.crdownload</t>
  </si>
  <si>
    <t>12/23/2019 09:55:05</t>
  </si>
  <si>
    <t>12/23/2019 10:04:36</t>
  </si>
  <si>
    <t>alessandroam@algartech.com;carlos.florencio@algartech.com;josemfs@algartech.com;josycoa@algartech.com;luizccga@algartech.com;rafaelmachado@kpmg.com.br;reginaldort@algartech.com;</t>
  </si>
  <si>
    <t>alessandroam@algartech.com,carlos.florencio@algartech.com,josemfs@algartech.com,josycoa@algartech.com,luizccga@algartech.com,rafaelmachado@kpmg.com.br,reginaldort@algartech.com</t>
  </si>
  <si>
    <t>12/23/2019 16:41:19</t>
  </si>
  <si>
    <t>Cronograma Macro LGPD_v18.3 (Rui).xlsx</t>
  </si>
  <si>
    <t>12/23/2019 17:22:35</t>
  </si>
  <si>
    <t>Não confirmado 882018.crdownload</t>
  </si>
  <si>
    <t>12/23/2019 17:22:38</t>
  </si>
  <si>
    <t>12/23/2019 17:35:49</t>
  </si>
  <si>
    <t>12/26/2019 09:56:07</t>
  </si>
  <si>
    <t>12/26/2019 09:57:32</t>
  </si>
  <si>
    <t>12/26/2019 09:57:15</t>
  </si>
  <si>
    <t>12/26/2019 09:58:15</t>
  </si>
  <si>
    <t>12/26/2019 09:58:45</t>
  </si>
  <si>
    <t>12/26/2019 09:59:15</t>
  </si>
  <si>
    <t>12/26/2019 09:59:45</t>
  </si>
  <si>
    <t>12/26/2019 10:00:15</t>
  </si>
  <si>
    <t>12/26/2019 10:00:07</t>
  </si>
  <si>
    <t>12/26/2019 10:00:03</t>
  </si>
  <si>
    <t>12/26/2019 10:01:52</t>
  </si>
  <si>
    <t>afa6a377-9e32-4b99-991c-f3424aaca604.tmp</t>
  </si>
  <si>
    <t>\\acsfs\profiles$\ayalabfi\Downloads\afa6a377-9e32-4b99-991c-f3424aaca604.tmp</t>
  </si>
  <si>
    <t>12/26/2019 09:59:33</t>
  </si>
  <si>
    <t>\\acsfs\profiles$\izabellaco\Contacts\</t>
  </si>
  <si>
    <t>Bloco de Notas Confirmação de Dados.txt</t>
  </si>
  <si>
    <t>\\acsfs\profiles$\izabellaco\Contacts\Bloco de Notas Confirmação de Dados.txt</t>
  </si>
  <si>
    <t>12/26/2019 10:01:10</t>
  </si>
  <si>
    <t>12/26/2019 10:02:52</t>
  </si>
  <si>
    <t>12/26/2019 10:00:16</t>
  </si>
  <si>
    <t>12/26/2019 10:00:17</t>
  </si>
  <si>
    <t>lu141641cbjyt.tmp</t>
  </si>
  <si>
    <t>\\acsfs\profiles$\LUCASBS\lu141641cbjyt.tmp</t>
  </si>
  <si>
    <t>\\acsfs\profiles$\LUCASBS\lu141641cbjyt.tmp\</t>
  </si>
  <si>
    <t>\\acsfs\profiles$\LUCASBS\lu141641cbjyt.tmp\META-INF\</t>
  </si>
  <si>
    <t>\\acsfs\profiles$\LUCASBS\lu141641cbjyt.tmp\Thumbnails\</t>
  </si>
  <si>
    <t>12/26/2019 09:59:58</t>
  </si>
  <si>
    <t>12/26/2019 10:03:52</t>
  </si>
  <si>
    <t>12/26/2019 09:58:39</t>
  </si>
  <si>
    <t>mail.google.com/_/upload?authuser=0&amp;dcp=asu-n&amp;upload_id=AEnB2UpXvF0eOe4ivobqqRJJ39H2FI4kVp4tg_ELYCzCsmyG0yEhe_xZ7NnY6TPs0AGeoGszensZ5sKFntnM4ZHZWznPiCVTgqk67aYhF7P12oD6I31nSOE&amp;upload_protocol=resumable</t>
  </si>
  <si>
    <t>\\acsfs\Engeset\FINANCEIRO_ULA\FATURAMENTO\22. Controle TIM\1. Acompanhamento de Faturamento\2019\12. Dezembro\</t>
  </si>
  <si>
    <t>12_19- Acompanhamento Faturamento.v3.xlsb</t>
  </si>
  <si>
    <t>mail.google.com/_/upload?authuser=0&amp;dcp=asu-n&amp;upload_id=AEnB2UoG4aHg9J411tEHIjGoWyb9HaVnhv_ZG68dL5R1VnpKSK-vltcfhL5JGGTFunlXiXFUAcEknaNENfAwLHzwUB57rwgR7qPRbtAURG4l7e04r-Ddcnk&amp;upload_protocol=resumable</t>
  </si>
  <si>
    <t>\\acsfs\Engeset\FINANCEIRO_ULA\FATURAMENTO\08. Relatórios Faturamento\03. 2019\12.2019\</t>
  </si>
  <si>
    <t>RELATÓRIO FATURAMENTO 01.12.2019 A 25.12.2019.xlsx</t>
  </si>
  <si>
    <t>12/26/2019 09:59:19</t>
  </si>
  <si>
    <t>12/26/2019 10:04:53</t>
  </si>
  <si>
    <t>12/26/2019 09:59:41</t>
  </si>
  <si>
    <t>12/26/2019 10:00:23</t>
  </si>
  <si>
    <t>12/26/2019 10:01:21</t>
  </si>
  <si>
    <t>12/26/2019 10:01:31</t>
  </si>
  <si>
    <t>12/26/2019 09:59:48</t>
  </si>
  <si>
    <t>10.200.67.213</t>
  </si>
  <si>
    <t>D0-94-66-B5-7F-59</t>
  </si>
  <si>
    <t>VOTORANT-SB015</t>
  </si>
  <si>
    <t>12/26/2019 10:02:59</t>
  </si>
  <si>
    <t>12/26/2019 10:01:58</t>
  </si>
  <si>
    <t>12/26/2019 10:02:00</t>
  </si>
  <si>
    <t>12/26/2019 10:02:39</t>
  </si>
  <si>
    <t>12/26/2019 10:02:42</t>
  </si>
  <si>
    <t>mail.google.com/sync/u/0/i/s?hl=pt-BR&amp;c=688</t>
  </si>
  <si>
    <t>12/26/2019 10:02:54</t>
  </si>
  <si>
    <t>mail.google.com/sync/u/0/i/s?hl=pt-BR&amp;c=690</t>
  </si>
  <si>
    <t>bvcartes-supervisores@algarnet.onmicrosoft.com;joaogvc@algartech.com;leonardoao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arianadjc@algartech.com,mirianppb@algartech.com,paulacn@algartech.com,rafaelggs@algartech.com,taysdss@algartech.com,thiagordu@algartech.com,viniciussg@algartech.com</t>
  </si>
  <si>
    <t>12/26/2019 10:03:54</t>
  </si>
  <si>
    <t>12/26/2019 10:04:00</t>
  </si>
  <si>
    <t>12/26/2019 10:04:01</t>
  </si>
  <si>
    <t>12/26/2019 10:04:08</t>
  </si>
  <si>
    <t>12/26/2019 10:03:21</t>
  </si>
  <si>
    <t>12/26/2019 10:05:52</t>
  </si>
  <si>
    <t>\\acsfs\profiles$\valeriasda\My Documents\$RECYCLE.BIN\</t>
  </si>
  <si>
    <t>$IP27GXL.txt</t>
  </si>
  <si>
    <t>\\acsfs\profiles$\valeriasda\My Documents\$RECYCLE.BIN\$IP27GXL.txt</t>
  </si>
  <si>
    <t>12/26/2019 10:03:32</t>
  </si>
  <si>
    <t>\\acsfs\profiles$\VALERIASDA\My Documents\</t>
  </si>
  <si>
    <t>\\acsfs\profiles$\VALERIASDA\My Documents\.~lock.nn.ods#</t>
  </si>
  <si>
    <t>12/26/2019 10:04:43</t>
  </si>
  <si>
    <t>12/26/2019 10:05:05</t>
  </si>
  <si>
    <t>12/26/2019 10:01:45</t>
  </si>
  <si>
    <t>12/26/2019 10:03:46</t>
  </si>
  <si>
    <t>12/26/2019 10:05:16</t>
  </si>
  <si>
    <t>12/26/2019 10:02:04</t>
  </si>
  <si>
    <t>12/26/2019 10:05:15</t>
  </si>
  <si>
    <t>12/26/2019 10:01:09</t>
  </si>
  <si>
    <t>Fabiano Bruno Mendes Filho_1_6770377589827635196_1_32.wav</t>
  </si>
  <si>
    <t>\\acsfs\Deptos\EDUCACAO EMPRESARIAL\FERNANDA MONIT\Ligação para Mutant terceiro Ciclo\Fabiano Bruno Mendes Filho_1_6770377589827635196_1_32.wav</t>
  </si>
  <si>
    <t>12/26/2019 10:06:52</t>
  </si>
  <si>
    <t>12/26/2019 10:04:47</t>
  </si>
  <si>
    <t>c953a2c5-d6f0-4b7e-9155-ee62971c11a4.tmp</t>
  </si>
  <si>
    <t>\\acsfs\profiles$\lucasqdss\Downloads\c953a2c5-d6f0-4b7e-9155-ee62971c11a4.tmp</t>
  </si>
  <si>
    <t>12/26/2019 10:04:40</t>
  </si>
  <si>
    <t>12/26/2019 10:02:16</t>
  </si>
  <si>
    <t>809b469b-d981-44c6-ae95-19a89dd1e911.tmp</t>
  </si>
  <si>
    <t>\\acsfs\profiles$\leticiala\Downloads\809b469b-d981-44c6-ae95-19a89dd1e911.tmp</t>
  </si>
  <si>
    <t>12/26/2019 10:07:52</t>
  </si>
  <si>
    <t>12/26/2019 10:07:45</t>
  </si>
  <si>
    <t>183ccdee-7c77-4101-9e31-8a158e5deb80.tmp</t>
  </si>
  <si>
    <t>\\acsfs\profiles$\gabrielafs\Downloads\183ccdee-7c77-4101-9e31-8a158e5deb80.tmp</t>
  </si>
  <si>
    <t>12/26/2019 10:05:58</t>
  </si>
  <si>
    <t>12/26/2019 10:08:53</t>
  </si>
  <si>
    <t>12/26/2019 10:07:00</t>
  </si>
  <si>
    <t>12/26/2019 10:07:09</t>
  </si>
  <si>
    <t>12/26/2019 10:09:09</t>
  </si>
  <si>
    <t>12/26/2019 10:09:52</t>
  </si>
  <si>
    <t>12/26/2019 10:06:20</t>
  </si>
  <si>
    <t>12/26/2019 10:06:24</t>
  </si>
  <si>
    <t>12/26/2019 10:06:25</t>
  </si>
  <si>
    <t>12/26/2019 10:06:36</t>
  </si>
  <si>
    <t>12/26/2019 10:05:56</t>
  </si>
  <si>
    <t>12/26/2019 10:10:53</t>
  </si>
  <si>
    <t>12/26/2019 10:08:28</t>
  </si>
  <si>
    <t>12/26/2019 10:05:31</t>
  </si>
  <si>
    <t>formulário - feedback registrado desvio isabelle 1.doc</t>
  </si>
  <si>
    <t>12/26/2019 10:05:37</t>
  </si>
  <si>
    <t>formulário - feedback registrado desvio valeira.doc</t>
  </si>
  <si>
    <t>12/26/2019 10:06:49</t>
  </si>
  <si>
    <t>formulário - feedback registrado desvio kamilla.doc</t>
  </si>
  <si>
    <t>12/26/2019 10:07:08</t>
  </si>
  <si>
    <t>formulário - feedback registrado desvio lucas.doc</t>
  </si>
  <si>
    <t>12/26/2019 10:07:23</t>
  </si>
  <si>
    <t>formulário - feedback registrado desvio quindaiza.doc</t>
  </si>
  <si>
    <t>12/26/2019 10:07:35</t>
  </si>
  <si>
    <t>formulário - feedback registrado desvio thyago.doc</t>
  </si>
  <si>
    <t>12/26/2019 10:09:37</t>
  </si>
  <si>
    <t>12/26/2019 10:06:26</t>
  </si>
  <si>
    <t>12/26/2019 10:07:39</t>
  </si>
  <si>
    <t>12/26/2019 10:05:46</t>
  </si>
  <si>
    <t>12/26/2019 10:08:46</t>
  </si>
  <si>
    <t>12/26/2019 10:09:16</t>
  </si>
  <si>
    <t>12/26/2019 10:09:46</t>
  </si>
  <si>
    <t>12/26/2019 10:10:16</t>
  </si>
  <si>
    <t>12/26/2019 10:08:23</t>
  </si>
  <si>
    <t>12/26/2019 10:11:52</t>
  </si>
  <si>
    <t>12/26/2019 10:08:58</t>
  </si>
  <si>
    <t>marilia4.png</t>
  </si>
  <si>
    <t>\\acsfs\DEPTOS\Operacao\Banco_Votorantim\Qualidade\Anderson\Jose\Marilia\marilia4.png</t>
  </si>
  <si>
    <t>marilia1.png</t>
  </si>
  <si>
    <t>\\acsfs\DEPTOS\Operacao\Banco_Votorantim\Qualidade\Anderson\Jose\Marilia\marilia1.png</t>
  </si>
  <si>
    <t>12/26/2019 10:08:59</t>
  </si>
  <si>
    <t>marilia2.png</t>
  </si>
  <si>
    <t>\\acsfs\DEPTOS\Operacao\Banco_Votorantim\Qualidade\Anderson\Jose\Marilia\marilia2.png</t>
  </si>
  <si>
    <t>marilia3.png</t>
  </si>
  <si>
    <t>\\acsfs\DEPTOS\Operacao\Banco_Votorantim\Qualidade\Anderson\Jose\Marilia\marilia3.png</t>
  </si>
  <si>
    <t>\\acsfs\DEPTOS\Operacao\Banco_Votorantim\Qualidade\Anderson\Jose\Marilia\Thumbs.db</t>
  </si>
  <si>
    <t>12/26/2019 10:09:23</t>
  </si>
  <si>
    <t>12/26/2019 10:12:53</t>
  </si>
  <si>
    <t>12/26/2019 10:11:58</t>
  </si>
  <si>
    <t>12/26/2019 10:13:52</t>
  </si>
  <si>
    <t>12/26/2019 10:08:49</t>
  </si>
  <si>
    <t>882540e8-9402-4ae6-a4d6-8655495e42e3.tmp</t>
  </si>
  <si>
    <t>\\acsfs\profiles$\JOAOVAL\Downloads\882540e8-9402-4ae6-a4d6-8655495e42e3.tmp</t>
  </si>
  <si>
    <t>12/26/2019 10:08:54</t>
  </si>
  <si>
    <t>9e8b7d4c-f099-44ad-a4dc-3dfc2c769028.tmp</t>
  </si>
  <si>
    <t>\\acsfs\profiles$\JOAOVAL\Downloads\9e8b7d4c-f099-44ad-a4dc-3dfc2c769028.tmp</t>
  </si>
  <si>
    <t>12/26/2019 10:12:02</t>
  </si>
  <si>
    <t>ca7069d9-a9df-4676-8074-136ba485b9ff.tmp</t>
  </si>
  <si>
    <t>\\acsfs\profiles$\JOAOVAL\Downloads\ca7069d9-a9df-4676-8074-136ba485b9ff.tmp</t>
  </si>
  <si>
    <t>12/26/2019 10:13:53</t>
  </si>
  <si>
    <t>12/26/2019 10:15:52</t>
  </si>
  <si>
    <t>12/26/2019 10:10:46</t>
  </si>
  <si>
    <t>12/26/2019 10:15:16</t>
  </si>
  <si>
    <t>12/26/2019 10:13:31</t>
  </si>
  <si>
    <t>12/26/2019 10:10:26</t>
  </si>
  <si>
    <t>12/26/2019 10:13:41</t>
  </si>
  <si>
    <t>8e9cb54a-facf-4e84-84eb-2ca2655a72d0.tmp</t>
  </si>
  <si>
    <t>\\acsfs\profiles$\paulovadc\Downloads\8e9cb54a-facf-4e84-84eb-2ca2655a72d0.tmp</t>
  </si>
  <si>
    <t>12/26/2019 10:15:59</t>
  </si>
  <si>
    <t>12/26/2019 10:16:52</t>
  </si>
  <si>
    <t>12/26/2019 10:11:55</t>
  </si>
  <si>
    <t>\\acsfs\DEPTOS\Operacao\Banco_Votorantim\Qualidade\Anderson\Jose\Marilia\</t>
  </si>
  <si>
    <t>AUDIO.txt</t>
  </si>
  <si>
    <t>\\acsfs\DEPTOS\Operacao\Banco_Votorantim\Qualidade\Anderson\Jose\Marilia\AUDIO.txt</t>
  </si>
  <si>
    <t>12/26/2019 10:15:14</t>
  </si>
  <si>
    <t>12/26/2019 10:17:52</t>
  </si>
  <si>
    <t>12/26/2019 10:16:26</t>
  </si>
  <si>
    <t>12/26/2019 10:18:52</t>
  </si>
  <si>
    <t>12/26/2019 10:15:25</t>
  </si>
  <si>
    <t>12/26/2019 10:19:53</t>
  </si>
  <si>
    <t>mail.google.com/sync/u/0/i/s?hl=pt-BR&amp;c=716</t>
  </si>
  <si>
    <t>12/26/2019 10:15:28</t>
  </si>
  <si>
    <t>mail.google.com/sync/u/0/i/s?hl=pt-BR&amp;c=718</t>
  </si>
  <si>
    <t>12/26/2019 10:15:35</t>
  </si>
  <si>
    <t>\\acsfs\DEPTOS\Operacao\PCP\5 - Comum\PLANEJAMENTO BV\14 - ACOMPANHAMENTO\1 - REPORT ACOMPANHAMENTO\12 - Dezembro\CARTÕES\Pausas CARTÕES\</t>
  </si>
  <si>
    <t>Pausas.xlsx</t>
  </si>
  <si>
    <t>\\acsfs\DEPTOS\Operacao\PCP\5 - Comum\PLANEJAMENTO BV\14 - ACOMPANHAMENTO\1 - REPORT ACOMPANHAMENTO\12 - Dezembro\CARTÕES\Pausas CARTÕES\Pausas.xlsx</t>
  </si>
  <si>
    <t>12/26/2019 10:16:03</t>
  </si>
  <si>
    <t>mail.google.com/sync/u/0/i/s?hl=pt-BR&amp;c=721</t>
  </si>
  <si>
    <t>12/26/2019 10:16:16</t>
  </si>
  <si>
    <t>12/26/2019 10:16:38</t>
  </si>
  <si>
    <t>lu12848wr1zv.tmp</t>
  </si>
  <si>
    <t>\\acsfs\profiles$\victoriaksr\My Documents\lu12848wr1zv.tmp</t>
  </si>
  <si>
    <t>12/26/2019 10:19:54</t>
  </si>
  <si>
    <t>12/26/2019 10:20:53</t>
  </si>
  <si>
    <t>12/26/2019 10:19:13</t>
  </si>
  <si>
    <t>12/26/2019 10:15:20</t>
  </si>
  <si>
    <t>12/26/2019 10:16:04</t>
  </si>
  <si>
    <t>12/26/2019 10:17:04</t>
  </si>
  <si>
    <t>12/26/2019 10:16:46</t>
  </si>
  <si>
    <t>12/26/2019 10:19:16</t>
  </si>
  <si>
    <t>12/26/2019 10:19:34</t>
  </si>
  <si>
    <t>BFF 122019.xlsx</t>
  </si>
  <si>
    <t>12/26/2019 10:20:11</t>
  </si>
  <si>
    <t>12/26/2019 10:21:52</t>
  </si>
  <si>
    <t>80c76361-835a-430b-93c1-025806188aa8.tmp</t>
  </si>
  <si>
    <t>\\acsfs\profiles$\rafaelamsv\Downloads\80c76361-835a-430b-93c1-025806188aa8.tmp</t>
  </si>
  <si>
    <t>12/26/2019 10:22:52</t>
  </si>
  <si>
    <t>12/26/2019 10:17:58</t>
  </si>
  <si>
    <t>12/26/2019 10:23:52</t>
  </si>
  <si>
    <t>12/26/2019 10:20:15</t>
  </si>
  <si>
    <t>12/26/2019 10:24:52</t>
  </si>
  <si>
    <t>77890c71-87c9-45d5-b38c-14e52f0c462c.tmp</t>
  </si>
  <si>
    <t>\\acsfs\profiles$\YASMINSC\Downloads\77890c71-87c9-45d5-b38c-14e52f0c462c.tmp</t>
  </si>
  <si>
    <t>12/26/2019 10:24:48</t>
  </si>
  <si>
    <t>12/26/2019 10:25:52</t>
  </si>
  <si>
    <t>lu5240jw7m.tmp</t>
  </si>
  <si>
    <t>\\acsfs\DEPTOS\Operacao\Banco_Votorantim\Supervisao\SUPERS BV CARTÕES\ANA VITORIA\APOIO\lu5240jw7m.tmp</t>
  </si>
  <si>
    <t>\\acsfs\DEPTOS\Operacao\Banco_Votorantim\Supervisao\SUPERS BV CARTÕES\ANA VITORIA\APOIO\lu5240jw7m.tmp\</t>
  </si>
  <si>
    <t>\\acsfs\DEPTOS\Operacao\Banco_Votorantim\Supervisao\SUPERS BV CARTÕES\ANA VITORIA\APOIO\lu5240jw7m.tmp\META-INF\</t>
  </si>
  <si>
    <t>\\acsfs\DEPTOS\Operacao\Banco_Votorantim\Supervisao\SUPERS BV CARTÕES\ANA VITORIA\APOIO\lu5240jw7m.tmp\Thumbnails\</t>
  </si>
  <si>
    <t>12/26/2019 10:21:31</t>
  </si>
  <si>
    <t>12/26/2019 10:22:21</t>
  </si>
  <si>
    <t>12/26/2019 10:22:32</t>
  </si>
  <si>
    <t>12/26/2019 10:22:33</t>
  </si>
  <si>
    <t>12/26/2019 10:22:16</t>
  </si>
  <si>
    <t>12/26/2019 10:22:46</t>
  </si>
  <si>
    <t>12/26/2019 10:23:16</t>
  </si>
  <si>
    <t>12/26/2019 10:22:42</t>
  </si>
  <si>
    <t>12/26/2019 10:26:52</t>
  </si>
  <si>
    <t>MARILIA 2.png</t>
  </si>
  <si>
    <t>\\acsfs\DEPTOS\Operacao\Banco_Votorantim\Qualidade\Anderson\Jose\Marilia\MARILIA 2.png</t>
  </si>
  <si>
    <t>12/26/2019 10:25:22</t>
  </si>
  <si>
    <t>\\acsfs\profiles$\HENRIQUEHMDO\</t>
  </si>
  <si>
    <t>VENDAS 01.txt</t>
  </si>
  <si>
    <t>\\acsfs\profiles$\HENRIQUEHMDO\VENDAS 01.txt</t>
  </si>
  <si>
    <t>12/26/2019 10:25:23</t>
  </si>
  <si>
    <t>12/26/2019 10:27:04</t>
  </si>
  <si>
    <t>12/26/2019 10:27:52</t>
  </si>
  <si>
    <t>12/26/2019 10:23:59</t>
  </si>
  <si>
    <t>12/26/2019 10:28:51</t>
  </si>
  <si>
    <t>12/26/2019 10:26:10</t>
  </si>
  <si>
    <t>12/26/2019 10:29:51</t>
  </si>
  <si>
    <t>8fa8866c-c258-4bd2-b37d-02f0d81b76d0.tmp</t>
  </si>
  <si>
    <t>\\acsfs\profiles$\YASMINSC\Downloads\8fa8866c-c258-4bd2-b37d-02f0d81b76d0.tmp</t>
  </si>
  <si>
    <t>12/26/2019 10:29:16</t>
  </si>
  <si>
    <t>dfc3f1c8-d320-4567-ba6a-81bcecfce3ea.tmp</t>
  </si>
  <si>
    <t>\\acsfs\profiles$\ANAPDSB\Downloads\dfc3f1c8-d320-4567-ba6a-81bcecfce3ea.tmp</t>
  </si>
  <si>
    <t>12/26/2019 10:29:28</t>
  </si>
  <si>
    <t>Q29udHJvbGxlci5DYWxjdWxhZG9yYURlVmVuY2lt (20).ica</t>
  </si>
  <si>
    <t>\\acsfs\profiles$\ANAPDSB\Downloads\Q29udHJvbGxlci5DYWxjdWxhZG9yYURlVmVuY2lt (20).ica</t>
  </si>
  <si>
    <t>12/26/2019 10:25:12</t>
  </si>
  <si>
    <t>12/26/2019 10:30:52</t>
  </si>
  <si>
    <t>12/26/2019 10:29:07</t>
  </si>
  <si>
    <t>12/26/2019 10:28:53</t>
  </si>
  <si>
    <t>12/26/2019 10:25:57</t>
  </si>
  <si>
    <t>12/26/2019 10:27:02</t>
  </si>
  <si>
    <t>12/26/2019 10:27:57</t>
  </si>
  <si>
    <t>12/26/2019 10:28:49</t>
  </si>
  <si>
    <t>12/26/2019 10:29:38</t>
  </si>
  <si>
    <t>12/26/2019 10:29:09</t>
  </si>
  <si>
    <t>https://udpmailboxap01.acs.com.br:8443/h/search?si=0&amp;so=0&amp;sc=53165&amp;st=conversation&amp;action=compose&amp;id=5184&amp;paction=view&amp;rf=html&amp;op=reply</t>
  </si>
  <si>
    <t>12/26/2019 10:29:40</t>
  </si>
  <si>
    <t>12/26/2019 10:30:10</t>
  </si>
  <si>
    <t>12/26/2019 10:29:56</t>
  </si>
  <si>
    <t>12/26/2019 10:27:11</t>
  </si>
  <si>
    <t>12/26/2019 10:31:51</t>
  </si>
  <si>
    <t>16b8b72f-5d10-4dcc-bf58-f6e401093c1f.tmp</t>
  </si>
  <si>
    <t>\\acsfs\profiles$\quindaizaagds\Downloads\16b8b72f-5d10-4dcc-bf58-f6e401093c1f.tmp</t>
  </si>
  <si>
    <t>12/26/2019 10:28:59</t>
  </si>
  <si>
    <t>d98f2bfe-dffc-4bac-b9d0-6bf104f2e0f7.tmp</t>
  </si>
  <si>
    <t>\\acsfs\profiles$\quindaizaagds\Downloads\d98f2bfe-dffc-4bac-b9d0-6bf104f2e0f7.tmp</t>
  </si>
  <si>
    <t>12/26/2019 10:30:03</t>
  </si>
  <si>
    <t>12/26/2019 10:27:06</t>
  </si>
  <si>
    <t>f8302265-97cc-488b-b19b-b44ee0e45c7c.tmp</t>
  </si>
  <si>
    <t>\\acsfs\profiles$\kellzylenneasr\Downloads\f8302265-97cc-488b-b19b-b44ee0e45c7c.tmp</t>
  </si>
  <si>
    <t>12/26/2019 10:32:50</t>
  </si>
  <si>
    <t>12/26/2019 10:27:47</t>
  </si>
  <si>
    <t>50df8600-7d7f-4346-a8ec-3b9585c43321.tmp</t>
  </si>
  <si>
    <t>\\acsfs\profiles$\gabrielafs\Downloads\50df8600-7d7f-4346-a8ec-3b9585c43321.tmp</t>
  </si>
  <si>
    <t>12/26/2019 10:30:27</t>
  </si>
  <si>
    <t>e938bf53-35a8-4eb1-8098-2697a531035f.tmp</t>
  </si>
  <si>
    <t>\\acsfs\profiles$\gabrielafs\Downloads\e938bf53-35a8-4eb1-8098-2697a531035f.tmp</t>
  </si>
  <si>
    <t>12/26/2019 10:29:58</t>
  </si>
  <si>
    <t>12/26/2019 10:33:51</t>
  </si>
  <si>
    <t>12/26/2019 10:32:54</t>
  </si>
  <si>
    <t>12/26/2019 10:32:56</t>
  </si>
  <si>
    <t>12/26/2019 10:32:57</t>
  </si>
  <si>
    <t>12/26/2019 10:31:16</t>
  </si>
  <si>
    <t>db90251f-56f7-4b84-95c5-15a887306a26.tmp</t>
  </si>
  <si>
    <t>\\acsfs\profiles$\geovannasm\Downloads\db90251f-56f7-4b84-95c5-15a887306a26.tmp</t>
  </si>
  <si>
    <t>12/26/2019 10:28:25</t>
  </si>
  <si>
    <t>a16fdf5f-4c9f-4109-83c8-8227ed4ee3e8.tmp</t>
  </si>
  <si>
    <t>\\acsfs\profiles$\vivianalds\Downloads\a16fdf5f-4c9f-4109-83c8-8227ed4ee3e8.tmp</t>
  </si>
  <si>
    <t>12/26/2019 10:29:12</t>
  </si>
  <si>
    <t>12/26/2019 10:34:51</t>
  </si>
  <si>
    <t>12/26/2019 10:33:30</t>
  </si>
  <si>
    <t>12/26/2019 10:33:52</t>
  </si>
  <si>
    <t>LOGIN LOGOUT FINANCEIRA - EXTRAÇÂO.xlsx</t>
  </si>
  <si>
    <t>\\acsfs\DEPTOS\Operacao\PCP\5 - Comum\JUKA\Login Logout Financeira\LOGIN LOGOUT FINANCEIRA - EXTRAÇÂO.xlsx</t>
  </si>
  <si>
    <t>12/26/2019 10:34:04</t>
  </si>
  <si>
    <t>RELATORIO DE LOGIN - FINANCEIRA - 23-12 - Cópia.xlsm</t>
  </si>
  <si>
    <t>\\acsfs\DEPTOS\Operacao\PCP\5 - Comum\JUKA\Login Logout Financeira\RELATORIO DE LOGIN - FINANCEIRA - 23-12 - Cópia.xlsm</t>
  </si>
  <si>
    <t>12/26/2019 10:30:58</t>
  </si>
  <si>
    <t>c764e124-c2f5-443a-839c-721c7557b6ab.tmp</t>
  </si>
  <si>
    <t>\\acsfs\profiles$\ANAPDSB\Downloads\c764e124-c2f5-443a-839c-721c7557b6ab.tmp</t>
  </si>
  <si>
    <t>12/26/2019 10:31:37</t>
  </si>
  <si>
    <t>12/26/2019 10:35:51</t>
  </si>
  <si>
    <t>mateusjm</t>
  </si>
  <si>
    <t>\\acsfs\profiles$\MATEUSJM\Downloads\</t>
  </si>
  <si>
    <t>456064a7-cd72-4730-8949-42e0373942cf.tmp</t>
  </si>
  <si>
    <t>\\acsfs\profiles$\MATEUSJM\Downloads\456064a7-cd72-4730-8949-42e0373942cf.tmp</t>
  </si>
  <si>
    <t>12/26/2019 10:31:47</t>
  </si>
  <si>
    <t>Q29udHJvbGxlci5QYXl3YXJlXzEtMg-- (2).ica</t>
  </si>
  <si>
    <t>\\acsfs\profiles$\MATEUSJM\Downloads\Q29udHJvbGxlci5QYXl3YXJlXzEtMg-- (2).ica</t>
  </si>
  <si>
    <t>12/26/2019 10:32:55</t>
  </si>
  <si>
    <t>f4f08b3d-8f20-42ef-aed4-6b76f3c22ed9.tmp</t>
  </si>
  <si>
    <t>\\acsfs\profiles$\MATEUSJM\Downloads\f4f08b3d-8f20-42ef-aed4-6b76f3c22ed9.tmp</t>
  </si>
  <si>
    <t>12/26/2019 10:32:58</t>
  </si>
  <si>
    <t>12/26/2019 10:30:16</t>
  </si>
  <si>
    <t>12/26/2019 10:30:46</t>
  </si>
  <si>
    <t>12/26/2019 10:30:54</t>
  </si>
  <si>
    <t>12/26/2019 10:33:59</t>
  </si>
  <si>
    <t>12/26/2019 10:34:32</t>
  </si>
  <si>
    <t>12/26/2019 10:34:43</t>
  </si>
  <si>
    <t>12/26/2019 10:33:56</t>
  </si>
  <si>
    <t>pamelamcmdsg</t>
  </si>
  <si>
    <t>\\acsfs\profiles$\pamelamcmdsg\My Documents\</t>
  </si>
  <si>
    <t>bloco.txt</t>
  </si>
  <si>
    <t>\\acsfs\profiles$\pamelamcmdsg\My Documents\bloco.txt</t>
  </si>
  <si>
    <t>12/26/2019 10:33:57</t>
  </si>
  <si>
    <t>12/26/2019 10:30:41</t>
  </si>
  <si>
    <t>12/26/2019 10:30:55</t>
  </si>
  <si>
    <t>12/26/2019 10:31:58</t>
  </si>
  <si>
    <t>12/26/2019 10:33:19</t>
  </si>
  <si>
    <t>Felipe Tomaz da Silva_1_6769922039826428835_1_32.wav</t>
  </si>
  <si>
    <t>\\acsfs\Deptos\EDUCACAO EMPRESARIAL\FERNANDA MONIT\Ligação para Mutant terceiro Ciclo\Felipe Tomaz da Silva_1_6769922039826428835_1_32.wav</t>
  </si>
  <si>
    <t>12/26/2019 10:33:47</t>
  </si>
  <si>
    <t>12/26/2019 10:36:51</t>
  </si>
  <si>
    <t>12/26/2019 10:33:48</t>
  </si>
  <si>
    <t>12/26/2019 10:32:23</t>
  </si>
  <si>
    <t>3b600e35-11d0-4aa5-83f5-98bfbcd5e5cb.tmp</t>
  </si>
  <si>
    <t>\\acsfs\profiles$\lucasgpe\Downloads\3b600e35-11d0-4aa5-83f5-98bfbcd5e5cb.tmp</t>
  </si>
  <si>
    <t>12/26/2019 10:33:43</t>
  </si>
  <si>
    <t>5b9c43f3-33cb-4cb6-86cf-d53eaea513f8.tmp</t>
  </si>
  <si>
    <t>\\acsfs\profiles$\lucasgpe\Downloads\5b9c43f3-33cb-4cb6-86cf-d53eaea513f8.tmp</t>
  </si>
  <si>
    <t>12/26/2019 10:35:30</t>
  </si>
  <si>
    <t>02d4e6d4-87af-4a1c-8e38-0f7c3f823916.tmp</t>
  </si>
  <si>
    <t>\\acsfs\profiles$\lucasgpe\Downloads\02d4e6d4-87af-4a1c-8e38-0f7c3f823916.tmp</t>
  </si>
  <si>
    <t>12/26/2019 10:37:50</t>
  </si>
  <si>
    <t>12/26/2019 10:36:13</t>
  </si>
  <si>
    <t>12/26/2019 10:38:51</t>
  </si>
  <si>
    <t>12/26/2019 10:36:59</t>
  </si>
  <si>
    <t>12/26/2019 10:37:00</t>
  </si>
  <si>
    <t>lu1357680ipj.tmp</t>
  </si>
  <si>
    <t>\\acsfs\profiles$\BRUNAAR\Numero\lu1357680ipj.tmp</t>
  </si>
  <si>
    <t>12/26/2019 10:34:42</t>
  </si>
  <si>
    <t>allef.araujo@bv.com.br;eliane.martins@bv.com.br;supervisaobancovotorantim@algartech.com;</t>
  </si>
  <si>
    <t>allef.araujo@bv.com.br,eliane.martins@bv.com.br,supervisaobancovotorantim@algartech.com</t>
  </si>
  <si>
    <t>12/26/2019 10:35:11</t>
  </si>
  <si>
    <t>12/26/2019 10:35:20</t>
  </si>
  <si>
    <t>12/26/2019 10:35:39</t>
  </si>
  <si>
    <t>12/26/2019 10:35:58</t>
  </si>
  <si>
    <t>12/26/2019 10:36:10</t>
  </si>
  <si>
    <t>12/26/2019 10:36:39</t>
  </si>
  <si>
    <t>12/26/2019 10:36:44</t>
  </si>
  <si>
    <t>12/26/2019 10:37:42</t>
  </si>
  <si>
    <t>12/26/2019 10:37:45</t>
  </si>
  <si>
    <t>12/26/2019 10:39:50</t>
  </si>
  <si>
    <t>12/26/2019 10:35:16</t>
  </si>
  <si>
    <t>12/26/2019 10:40:51</t>
  </si>
  <si>
    <t>3a891c4e-44a1-418c-aafb-77027e20580e.tmp</t>
  </si>
  <si>
    <t>\\acsfs\profiles$\MATEUSJM\Downloads\3a891c4e-44a1-418c-aafb-77027e20580e.tmp</t>
  </si>
  <si>
    <t>12/26/2019 10:35:18</t>
  </si>
  <si>
    <t>f1103b28-3ea4-4d07-bb6c-497eb2d738b7.tmp</t>
  </si>
  <si>
    <t>\\acsfs\profiles$\MATEUSJM\Downloads\f1103b28-3ea4-4d07-bb6c-497eb2d738b7.tmp</t>
  </si>
  <si>
    <t>12/26/2019 10:36:31</t>
  </si>
  <si>
    <t>2de2a2b3-ce53-49ac-aae7-c5ff015038c7.tmp</t>
  </si>
  <si>
    <t>\\acsfs\profiles$\MATEUSJM\Downloads\2de2a2b3-ce53-49ac-aae7-c5ff015038c7.tmp</t>
  </si>
  <si>
    <t>12/26/2019 10:36:01</t>
  </si>
  <si>
    <t>12/26/2019 10:36:02</t>
  </si>
  <si>
    <t>12/26/2019 10:37:17</t>
  </si>
  <si>
    <t>12/26/2019 10:40:22</t>
  </si>
  <si>
    <t>12/26/2019 10:41:50</t>
  </si>
  <si>
    <t>e6c85975-eca9-49f0-96e2-342b5ac1429f.tmp</t>
  </si>
  <si>
    <t>\\acsfs\profiles$\quindaizaagds\Downloads\e6c85975-eca9-49f0-96e2-342b5ac1429f.tmp</t>
  </si>
  <si>
    <t>12/26/2019 10:39:37</t>
  </si>
  <si>
    <t>Formulario Copiadora (1).xlsx</t>
  </si>
  <si>
    <t>12/26/2019 10:42:51</t>
  </si>
  <si>
    <t>12/26/2019 10:40:29</t>
  </si>
  <si>
    <t>12/26/2019 10:43:51</t>
  </si>
  <si>
    <t>Massa de Testes URA Ativa.xlsx</t>
  </si>
  <si>
    <t>12/26/2019 10:38:26</t>
  </si>
  <si>
    <t>12/26/2019 10:38:36</t>
  </si>
  <si>
    <t>12/26/2019 10:38:42</t>
  </si>
  <si>
    <t>12/26/2019 10:41:58</t>
  </si>
  <si>
    <t>12/26/2019 10:39:54</t>
  </si>
  <si>
    <t>12/26/2019 10:39:55</t>
  </si>
  <si>
    <t>12/26/2019 10:39:56</t>
  </si>
  <si>
    <t>12/26/2019 10:39:57</t>
  </si>
  <si>
    <t>12/26/2019 10:39:58</t>
  </si>
  <si>
    <t>12/26/2019 10:39:59</t>
  </si>
  <si>
    <t>12/26/2019 10:40:00</t>
  </si>
  <si>
    <t>12/26/2019 10:40:12</t>
  </si>
  <si>
    <t>12/26/2019 10:40:13</t>
  </si>
  <si>
    <t>12/26/2019 10:40:14</t>
  </si>
  <si>
    <t>12/26/2019 10:40:23</t>
  </si>
  <si>
    <t>12/26/2019 10:40:35</t>
  </si>
  <si>
    <t>12/26/2019 10:40:37</t>
  </si>
  <si>
    <t>12/26/2019 10:40:58</t>
  </si>
  <si>
    <t>12/26/2019 10:43:38</t>
  </si>
  <si>
    <t>12/26/2019 10:44:51</t>
  </si>
  <si>
    <t>12/26/2019 10:43:45</t>
  </si>
  <si>
    <t>56ac6fe1-8445-4b06-98c9-38801f143a46.tmp</t>
  </si>
  <si>
    <t>\\acsfs\profiles$\nayarasds\Downloads\56ac6fe1-8445-4b06-98c9-38801f143a46.tmp</t>
  </si>
  <si>
    <t>12/26/2019 10:41:45</t>
  </si>
  <si>
    <t>12/26/2019 10:43:16</t>
  </si>
  <si>
    <t>12/26/2019 10:45:50</t>
  </si>
  <si>
    <t>cd8b48d5-af08-404f-9226-2977b5f11863.tmp</t>
  </si>
  <si>
    <t>\\acsfs\profiles$\MATEUSJM\Downloads\cd8b48d5-af08-404f-9226-2977b5f11863.tmp</t>
  </si>
  <si>
    <t>12/26/2019 10:42:48</t>
  </si>
  <si>
    <t>12/26/2019 10:43:18</t>
  </si>
  <si>
    <t>12/26/2019 10:43:48</t>
  </si>
  <si>
    <t>12/26/2019 10:44:36</t>
  </si>
  <si>
    <t>https://udpmailboxap01.acs.com.br:8443/h/search;jsessionid=1l8b8vz5bbuow1rehlxo3e93he?si=0&amp;so=0&amp;sc=53189&amp;st=conversation&amp;action=compose</t>
  </si>
  <si>
    <t>12/26/2019 10:44:58</t>
  </si>
  <si>
    <t>12/26/2019 10:40:43</t>
  </si>
  <si>
    <t>3b7ec1f5-21e0-47fa-b508-05321336de04.tmp</t>
  </si>
  <si>
    <t>\\acsfs\profiles$\luanarda\Downloads\3b7ec1f5-21e0-47fa-b508-05321336de04.tmp</t>
  </si>
  <si>
    <t>12/26/2019 10:43:36</t>
  </si>
  <si>
    <t>9a42f92d-eae5-4a48-a4f9-6574255098c1.tmp</t>
  </si>
  <si>
    <t>\\acsfs\profiles$\luanarda\Downloads\9a42f92d-eae5-4a48-a4f9-6574255098c1.tmp</t>
  </si>
  <si>
    <t>12/26/2019 10:43:43</t>
  </si>
  <si>
    <t>669e1fee-2b46-48e5-83d0-d150904f245c.tmp</t>
  </si>
  <si>
    <t>\\acsfs\profiles$\paulovadc\Downloads\669e1fee-2b46-48e5-83d0-d150904f245c.tmp</t>
  </si>
  <si>
    <t>12/26/2019 10:43:05</t>
  </si>
  <si>
    <t>12/26/2019 10:46:51</t>
  </si>
  <si>
    <t>ca6d5992-ba19-4551-90f3-583edcc9e434.tmp</t>
  </si>
  <si>
    <t>\\acsfs\profiles$\henriquehmdo\Downloads\ca6d5992-ba19-4551-90f3-583edcc9e434.tmp</t>
  </si>
  <si>
    <t>12/26/2019 10:43:40</t>
  </si>
  <si>
    <t>13e8ab49-8cf4-41cc-a957-5284b660e289.tmp</t>
  </si>
  <si>
    <t>\\acsfs\profiles$\lucasgpe\Downloads\13e8ab49-8cf4-41cc-a957-5284b660e289.tmp</t>
  </si>
  <si>
    <t>12/26/2019 10:44:10</t>
  </si>
  <si>
    <t>24b38a87-7dc7-4822-b4df-1598bce831b8.tmp</t>
  </si>
  <si>
    <t>\\acsfs\profiles$\lucasgpe\Downloads\24b38a87-7dc7-4822-b4df-1598bce831b8.tmp</t>
  </si>
  <si>
    <t>12/26/2019 10:45:17</t>
  </si>
  <si>
    <t>98f1f495-f891-48c6-a9bf-b967339db6c2.tmp</t>
  </si>
  <si>
    <t>\\acsfs\profiles$\lucasgpe\Downloads\98f1f495-f891-48c6-a9bf-b967339db6c2.tmp</t>
  </si>
  <si>
    <t>12/26/2019 10:45:47</t>
  </si>
  <si>
    <t>6bedff27-4ede-4686-85e3-192aec3995d3.tmp</t>
  </si>
  <si>
    <t>\\acsfs\profiles$\lucasgpe\Downloads\6bedff27-4ede-4686-85e3-192aec3995d3.tmp</t>
  </si>
  <si>
    <t>12/26/2019 10:42:11</t>
  </si>
  <si>
    <t>12/26/2019 10:47:51</t>
  </si>
  <si>
    <t>marcospr@algartech.com</t>
  </si>
  <si>
    <t>guilhermeal@algartech.com;tatianajl@algartech.com;</t>
  </si>
  <si>
    <t>C:\Users\marcospr\Desktop\Escopo - NPS Compra Certa - Whirlpool .doc\</t>
  </si>
  <si>
    <t>guilhermeal@algartech.com,tatianajl@algartech.com</t>
  </si>
  <si>
    <t>12/26/2019 10:44:30</t>
  </si>
  <si>
    <t>12/26/2019 10:47:59</t>
  </si>
  <si>
    <t>12/26/2019 10:48:51</t>
  </si>
  <si>
    <t>12/26/2019 10:45:53</t>
  </si>
  <si>
    <t>12/26/2019 10:48:03</t>
  </si>
  <si>
    <t>12/26/2019 10:44:19</t>
  </si>
  <si>
    <t>12/26/2019 10:49:51</t>
  </si>
  <si>
    <t>12/26/2019 10:46:31</t>
  </si>
  <si>
    <t>12/26/2019 10:46:20</t>
  </si>
  <si>
    <t>10.201.164.31</t>
  </si>
  <si>
    <t>MAT Matrix 101219.xlsx</t>
  </si>
  <si>
    <t>12/26/2019 10:46:01</t>
  </si>
  <si>
    <t>12/26/2019 10:47:21</t>
  </si>
  <si>
    <t>12/26/2019 10:47:26</t>
  </si>
  <si>
    <t>12/26/2019 10:47:33</t>
  </si>
  <si>
    <t>12/26/2019 10:47:45</t>
  </si>
  <si>
    <t>mail.google.com/sync/u/0/i/s?hl=pt-BR&amp;c=756</t>
  </si>
  <si>
    <t>12/26/2019 10:47:57</t>
  </si>
  <si>
    <t>mail.google.com/sync/u/0/i/s?hl=pt-BR&amp;c=758</t>
  </si>
  <si>
    <t>12/26/2019 10:48:05</t>
  </si>
  <si>
    <t>12/26/2019 10:48:07</t>
  </si>
  <si>
    <t>12/26/2019 10:49:02</t>
  </si>
  <si>
    <t>12/26/2019 10:49:09</t>
  </si>
  <si>
    <t>mail.google.com/sync/u/0/i/s?hl=pt-BR&amp;c=772</t>
  </si>
  <si>
    <t>12/26/2019 10:49:18</t>
  </si>
  <si>
    <t>mail.google.com/sync/u/0/i/s?hl=pt-BR&amp;c=774</t>
  </si>
  <si>
    <t>joaogvc@algartech.com;leonardoao@algartech.com;paulacn@algartech.com;rafaelggs@algartech.com;taysdss@algartech.com;viniciussg@algartech.com;</t>
  </si>
  <si>
    <t>joaogvc@algartech.com,leonardoao@algartech.com,paulacn@algartech.com,rafaelggs@algartech.com,taysdss@algartech.com,viniciussg@algartech.com</t>
  </si>
  <si>
    <t>12/26/2019 10:49:22</t>
  </si>
  <si>
    <t>mail.google.com/sync/u/0/i/s?hl=pt-BR&amp;c=776</t>
  </si>
  <si>
    <t>12/26/2019 10:49:27</t>
  </si>
  <si>
    <t>mail.google.com/sync/u/0/i/s?hl=pt-BR&amp;c=778</t>
  </si>
  <si>
    <t>12/26/2019 10:45:19</t>
  </si>
  <si>
    <t>dd56af8e-33de-4865-8924-c86e5674a3a0.tmp</t>
  </si>
  <si>
    <t>\\acsfs\profiles$\victoriaksr\Downloads\dd56af8e-33de-4865-8924-c86e5674a3a0.tmp</t>
  </si>
  <si>
    <t>12/26/2019 10:47:34</t>
  </si>
  <si>
    <t>12/26/2019 10:50:51</t>
  </si>
  <si>
    <t>12/26/2019 10:48:38</t>
  </si>
  <si>
    <t>12/26/2019 10:47:18</t>
  </si>
  <si>
    <t>12/26/2019 10:47:48</t>
  </si>
  <si>
    <t>12/26/2019 10:48:18</t>
  </si>
  <si>
    <t>12/26/2019 10:49:48</t>
  </si>
  <si>
    <t>12/26/2019 10:50:52</t>
  </si>
  <si>
    <t>12/26/2019 10:51:51</t>
  </si>
  <si>
    <t>18b9b001-5787-44a4-973f-d7ed89545bba.tmp</t>
  </si>
  <si>
    <t>\\acsfs\profiles$\quindaizaagds\Downloads\18b9b001-5787-44a4-973f-d7ed89545bba.tmp</t>
  </si>
  <si>
    <t>12/26/2019 10:48:14</t>
  </si>
  <si>
    <t>18a7368a-8264-4e1f-94f8-ce2d3818cd7e.tmp</t>
  </si>
  <si>
    <t>\\acsfs\profiles$\leticiala\Downloads\18a7368a-8264-4e1f-94f8-ce2d3818cd7e.tmp</t>
  </si>
  <si>
    <t>12/26/2019 10:50:59</t>
  </si>
  <si>
    <t>2b24b84e-d8f7-41a5-9f0d-b895b7038add.tmp</t>
  </si>
  <si>
    <t>\\acsfs\profiles$\leticiala\Downloads\2b24b84e-d8f7-41a5-9f0d-b895b7038add.tmp</t>
  </si>
  <si>
    <t>12/26/2019 10:47:25</t>
  </si>
  <si>
    <t>63e0ff73-6270-4733-8752-2a31fc34fd5b.tmp</t>
  </si>
  <si>
    <t>\\acsfs\profiles$\lucasgpe\Downloads\63e0ff73-6270-4733-8752-2a31fc34fd5b.tmp</t>
  </si>
  <si>
    <t>12/26/2019 10:50:48</t>
  </si>
  <si>
    <t>feb099f3-af97-4165-b51a-ca3d48c81077.tmp</t>
  </si>
  <si>
    <t>\\acsfs\profiles$\lucasgpe\Downloads\feb099f3-af97-4165-b51a-ca3d48c81077.tmp</t>
  </si>
  <si>
    <t>12/26/2019 10:52:51</t>
  </si>
  <si>
    <t>12/26/2019 10:49:03</t>
  </si>
  <si>
    <t>lu141641cbjze.tmp</t>
  </si>
  <si>
    <t>\\acsfs\profiles$\LUCASBS\lu141641cbjze.tmp</t>
  </si>
  <si>
    <t>\\acsfs\profiles$\LUCASBS\lu141641cbjze.tmp\</t>
  </si>
  <si>
    <t>\\acsfs\profiles$\LUCASBS\lu141641cbjze.tmp\META-INF\</t>
  </si>
  <si>
    <t>\\acsfs\profiles$\LUCASBS\lu141641cbjze.tmp\Thumbnails\</t>
  </si>
  <si>
    <t>12/26/2019 10:52:16</t>
  </si>
  <si>
    <t>\\acsfs\ACS\001 - Qualidade Lilian\PAULO\ALERTA DE ATENDIMENTO.xlsx\</t>
  </si>
  <si>
    <t>\\acsfs\ACS\001 - Qualidade Lilian\PAULO\ALERTA DE ATENDIMENTO.xlsx</t>
  </si>
  <si>
    <t>\\acsfs\ACS\001 - Qualidade Lilian\PAULO\</t>
  </si>
  <si>
    <t>ALERTA DE ATENDIMENTO.xlsx</t>
  </si>
  <si>
    <t>12/26/2019 10:51:53</t>
  </si>
  <si>
    <t>12/26/2019 10:53:51</t>
  </si>
  <si>
    <t>12/26/2019 10:50:00</t>
  </si>
  <si>
    <t>Modelo Matriz.xlsx</t>
  </si>
  <si>
    <t>12/26/2019 10:49:56</t>
  </si>
  <si>
    <t>12/26/2019 10:50:15</t>
  </si>
  <si>
    <t>ANA PAULA DA SILVA BORGES_1_6769218343794706773_1_32.wav</t>
  </si>
  <si>
    <t>\\acsfs\Deptos\EDUCACAO EMPRESARIAL\KÉSIA\Ligações 3º ciclo - Késia\ANA PAULA DA SILVA BORGES_1_6769218343794706773_1_32.wav</t>
  </si>
  <si>
    <t>12/26/2019 10:50:14</t>
  </si>
  <si>
    <t>12/26/2019 10:54:51</t>
  </si>
  <si>
    <t>12/26/2019 10:49:34</t>
  </si>
  <si>
    <t>mail.google.com/sync/u/0/i/s?hl=pt-BR&amp;c=780</t>
  </si>
  <si>
    <t>joaogvc@algartech.com;leonardoao@algartech.com;marianadjc@algartech.com;paulacn@algartech.com;planejamentodeoperacoesetrafego@bv.com.br;rafaelggs@algartech.com;taysdss@algartech.com;viniciussg@algartech.com;</t>
  </si>
  <si>
    <t>joaogvc@algartech.com,leonardoao@algartech.com,marianadjc@algartech.com,paulacn@algartech.com,planejamentodeoperacoesetrafego@bv.com.br,rafaelggs@algartech.com,taysdss@algartech.com,viniciussg@algartech.com</t>
  </si>
  <si>
    <t>12/26/2019 10:49:58</t>
  </si>
  <si>
    <t>mail.google.com/sync/u/0/i/s?hl=pt-BR&amp;c=784</t>
  </si>
  <si>
    <t>12/26/2019 10:50:08</t>
  </si>
  <si>
    <t>mail.google.com/sync/u/0/i/s?hl=pt-BR&amp;c=788</t>
  </si>
  <si>
    <t>12/26/2019 10:50:23</t>
  </si>
  <si>
    <t>12/26/2019 10:50:29</t>
  </si>
  <si>
    <t>mail.google.com/sync/u/0/i/s?hl=pt-BR&amp;c=792</t>
  </si>
  <si>
    <t>mail.google.com/sync/u/0/i/s?hl=pt-BR&amp;c=794</t>
  </si>
  <si>
    <t>12/26/2019 10:51:06</t>
  </si>
  <si>
    <t>12/26/2019 10:51:09</t>
  </si>
  <si>
    <t>12/26/2019 10:51:37</t>
  </si>
  <si>
    <t>mail.google.com/sync/u/0/i/s?hl=pt-BR&amp;c=807</t>
  </si>
  <si>
    <t>12/26/2019 10:51:44</t>
  </si>
  <si>
    <t>mail.google.com/sync/u/0/i/s?hl=pt-BR&amp;c=809</t>
  </si>
  <si>
    <t>12/26/2019 10:51:56</t>
  </si>
  <si>
    <t>12/26/2019 10:52:03</t>
  </si>
  <si>
    <t>RELATORIO DE LOGIN - FINANCEIRA - 24-12.xlsm</t>
  </si>
  <si>
    <t>\\acsfs\DEPTOS\Operacao\PCP\5 - Comum\JUKA\Login Logout Financeira\RELATORIO DE LOGIN - FINANCEIRA - 24-12.xlsm</t>
  </si>
  <si>
    <t>12/26/2019 10:52:31</t>
  </si>
  <si>
    <t>mail.google.com/_/upload?authuser=0&amp;dcp=asu-n&amp;upload_id=AEnB2UryJt6I9W8mPsnB5D8HzOEjsgv4IdD9zvkYz_SgXfibXEz0rZ4oNNgXa2HW3nexJewBZD9262DnQ-AGSn8yBAxPKEXEgA&amp;upload_protocol=resumable</t>
  </si>
  <si>
    <t>12/26/2019 10:52:36</t>
  </si>
  <si>
    <t>mail.google.com/sync/u/0/i/fd?hl=pt-BR&amp;c=816</t>
  </si>
  <si>
    <t>12/26/2019 10:52:57</t>
  </si>
  <si>
    <t>C:\Users\miriantof\Desktop\CustomerSuccess_AlgarTech_Plano2020_v1.pptx\</t>
  </si>
  <si>
    <t>12/26/2019 10:53:53</t>
  </si>
  <si>
    <t>12/26/2019 10:55:51</t>
  </si>
  <si>
    <t>12/26/2019 10:50:27</t>
  </si>
  <si>
    <t>12/26/2019 10:50:35</t>
  </si>
  <si>
    <t>12/26/2019 10:50:47</t>
  </si>
  <si>
    <t>12/26/2019 10:53:59</t>
  </si>
  <si>
    <t>12/26/2019 10:52:19</t>
  </si>
  <si>
    <t>12/26/2019 10:52:49</t>
  </si>
  <si>
    <t>12/26/2019 10:52:54</t>
  </si>
  <si>
    <t>12/26/2019 10:53:00</t>
  </si>
  <si>
    <t>12/26/2019 10:53:01</t>
  </si>
  <si>
    <t>12/26/2019 10:53:40</t>
  </si>
  <si>
    <t>Flavio Junio Mendes_1_6769222389653905501_1_32.wav</t>
  </si>
  <si>
    <t>\\acsfs\Deptos\EDUCACAO EMPRESARIAL\FERNANDA MONIT\Ligação para Mutant terceiro Ciclo\Flavio Junio Mendes_1_6769222389653905501_1_32.wav</t>
  </si>
  <si>
    <t>12/26/2019 10:51:27</t>
  </si>
  <si>
    <t>12/26/2019 10:56:51</t>
  </si>
  <si>
    <t>7dc2e9fd-f167-404f-bea8-fd874b6cd124.tmp</t>
  </si>
  <si>
    <t>\\acsfs\profiles$\quindaizaagds\Downloads\7dc2e9fd-f167-404f-bea8-fd874b6cd124.tmp</t>
  </si>
  <si>
    <t>12/26/2019 10:55:31</t>
  </si>
  <si>
    <t>2e34db31-173b-41a9-93a1-0489fc716ad7.tmp</t>
  </si>
  <si>
    <t>\\acsfs\profiles$\quindaizaagds\Downloads\2e34db31-173b-41a9-93a1-0489fc716ad7.tmp</t>
  </si>
  <si>
    <t>12/26/2019 10:55:00</t>
  </si>
  <si>
    <t>3ab78148-c1eb-4247-aa7b-bbd532cfd3fa.tmp</t>
  </si>
  <si>
    <t>\\acsfs\profiles$\nathaliadf\Downloads\3ab78148-c1eb-4247-aa7b-bbd532cfd3fa.tmp</t>
  </si>
  <si>
    <t>12/26/2019 10:52:14</t>
  </si>
  <si>
    <t>8b5a3c60-a048-4e62-be37-152bfdb3bd4c.tmp</t>
  </si>
  <si>
    <t>\\acsfs\profiles$\lucasgpe\Downloads\8b5a3c60-a048-4e62-be37-152bfdb3bd4c.tmp</t>
  </si>
  <si>
    <t>7c24672a-bd55-4e7d-b78d-82665e8bfeed.tmp</t>
  </si>
  <si>
    <t>\\acsfs\profiles$\lucasgpe\Downloads\7c24672a-bd55-4e7d-b78d-82665e8bfeed.tmp</t>
  </si>
  <si>
    <t>12/26/2019 10:57:51</t>
  </si>
  <si>
    <t>12/26/2019 10:58:51</t>
  </si>
  <si>
    <t>12/26/2019 10:57:53</t>
  </si>
  <si>
    <t>12/26/2019 10:53:52</t>
  </si>
  <si>
    <t>9aac4330-412e-4287-bfdc-6630f7d60fd2.tmp</t>
  </si>
  <si>
    <t>\\acsfs\profiles$\jonatanls\Downloads\9aac4330-412e-4287-bfdc-6630f7d60fd2.tmp</t>
  </si>
  <si>
    <t>12/26/2019 10:57:44</t>
  </si>
  <si>
    <t>12/26/2019 10:57:05</t>
  </si>
  <si>
    <t>HENRIQUE CASSIANO OLIVEIRA_1_6769276510536796526_1_32.wav</t>
  </si>
  <si>
    <t>\\acsfs\Deptos\EDUCACAO EMPRESARIAL\KÉSIA\Ligações 3º ciclo - Késia\HENRIQUE CASSIANO OLIVEIRA_1_6769276510536796526_1_32.wav</t>
  </si>
  <si>
    <t>12/26/2019 10:57:58</t>
  </si>
  <si>
    <t>12/26/2019 10:58:15</t>
  </si>
  <si>
    <t>12/26/2019 10:59:51</t>
  </si>
  <si>
    <t>c712df4c-4ce8-463f-aa0d-3ba61337f737.tmp</t>
  </si>
  <si>
    <t>\\acsfs\profiles$\mariliafplb\Downloads\c712df4c-4ce8-463f-aa0d-3ba61337f737.tmp</t>
  </si>
  <si>
    <t>12/26/2019 10:58:43</t>
  </si>
  <si>
    <t>12/26/2019 11:00:51</t>
  </si>
  <si>
    <t>12/26/2019 10:58:45</t>
  </si>
  <si>
    <t>12/26/2019 10:59:55</t>
  </si>
  <si>
    <t>12/26/2019 10:57:46</t>
  </si>
  <si>
    <t>12/26/2019 11:01:51</t>
  </si>
  <si>
    <t>12/26/2019 10:59:27</t>
  </si>
  <si>
    <t>12/26/2019 10:59:39</t>
  </si>
  <si>
    <t>12/26/2019 10:59:42</t>
  </si>
  <si>
    <t>12/26/2019 11:00:11</t>
  </si>
  <si>
    <t>12/26/2019 11:00:26</t>
  </si>
  <si>
    <t>12/26/2019 11:00:32</t>
  </si>
  <si>
    <t>12/26/2019 11:00:59</t>
  </si>
  <si>
    <t>12/26/2019 11:01:08</t>
  </si>
  <si>
    <t>12/26/2019 11:01:23</t>
  </si>
  <si>
    <t>12/26/2019 11:01:25</t>
  </si>
  <si>
    <t>ab244208-5f04-4b95-bd5e-0bc85e15605f.tmp</t>
  </si>
  <si>
    <t>\\acsfs\profiles$\gabrielhca\Downloads\ab244208-5f04-4b95-bd5e-0bc85e15605f.tmp</t>
  </si>
  <si>
    <t>12/26/2019 11:01:28</t>
  </si>
  <si>
    <t>Não confirmado 961104.crdownload</t>
  </si>
  <si>
    <t>\\acsfs\profiles$\gabrielhca\Downloads\Não confirmado 961104.crdownload</t>
  </si>
  <si>
    <t>12/26/2019 10:57:41</t>
  </si>
  <si>
    <t>12/26/2019 11:02:50</t>
  </si>
  <si>
    <t>12/26/2019 10:57:42</t>
  </si>
  <si>
    <t>lu269482jf20t.tmp</t>
  </si>
  <si>
    <t>\\acsfs\profiles$\FLAVIOJMM\My Documents\lu269482jf20t.tmp</t>
  </si>
  <si>
    <t>\\acsfs\profiles$\FLAVIOJMM\My Documents\lu269482jf20t.tmp\</t>
  </si>
  <si>
    <t>\\acsfs\profiles$\FLAVIOJMM\My Documents\lu269482jf20t.tmp\META-INF\</t>
  </si>
  <si>
    <t>\\acsfs\profiles$\FLAVIOJMM\My Documents\lu269482jf20t.tmp\Thumbnails\</t>
  </si>
  <si>
    <t>12/26/2019 11:01:06</t>
  </si>
  <si>
    <t>12/26/2019 11:03:51</t>
  </si>
  <si>
    <t>c:\users\camillarl\appdata\local\temp\</t>
  </si>
  <si>
    <t>12/26/2019 11:00:00</t>
  </si>
  <si>
    <t>12/26/2019 11:00:01</t>
  </si>
  <si>
    <t>12/26/2019 10:59:36</t>
  </si>
  <si>
    <t>12/26/2019 11:04:17</t>
  </si>
  <si>
    <t>12/26/2019 11:04:50</t>
  </si>
  <si>
    <t>12/26/2019 11:01:21</t>
  </si>
  <si>
    <t>12/26/2019 11:05:51</t>
  </si>
  <si>
    <t>Microanálise 20191225.xlsm</t>
  </si>
  <si>
    <t>12/26/2019 11:04:35</t>
  </si>
  <si>
    <t>12/26/2019 11:04:47</t>
  </si>
  <si>
    <t>12/26/2019 11:04:51</t>
  </si>
  <si>
    <t>12/26/2019 11:04:53</t>
  </si>
  <si>
    <t>12/26/2019 11:04:43</t>
  </si>
  <si>
    <t>.~lock.DHIULLIANA 2.ods#</t>
  </si>
  <si>
    <t>\\acsfs\profiles$\dhiulliananads\My Documents\.~lock.DHIULLIANA 2.ods#</t>
  </si>
  <si>
    <t>lu146321g6v7f.tmp</t>
  </si>
  <si>
    <t>\\acsfs\profiles$\dhiulliananads\My Documents\lu146321g6v7f.tmp</t>
  </si>
  <si>
    <t>\\acsfs\profiles$\dhiulliananads\My Documents\lu146321g6v7f.tmp\</t>
  </si>
  <si>
    <t>\\acsfs\profiles$\dhiulliananads\My Documents\lu146321g6v7f.tmp\META-INF\</t>
  </si>
  <si>
    <t>\\acsfs\profiles$\dhiulliananads\My Documents\lu146321g6v7f.tmp\Thumbnails\</t>
  </si>
  <si>
    <t>12/26/2019 11:02:51</t>
  </si>
  <si>
    <t>12/26/2019 11:06:50</t>
  </si>
  <si>
    <t>c61b2f3a-577a-42d0-b510-4db9ec570fe3.tmp</t>
  </si>
  <si>
    <t>\\acsfs\profiles$\ayalabfi\Downloads\c61b2f3a-577a-42d0-b510-4db9ec570fe3.tmp</t>
  </si>
  <si>
    <t>12/26/2019 11:03:42</t>
  </si>
  <si>
    <t>22211914-b23a-463c-bfdd-0d5e4efde7b9.tmp</t>
  </si>
  <si>
    <t>\\acsfs\profiles$\lucasqdss\Downloads\22211914-b23a-463c-bfdd-0d5e4efde7b9.tmp</t>
  </si>
  <si>
    <t>12/26/2019 11:01:43</t>
  </si>
  <si>
    <t>12/26/2019 11:05:22</t>
  </si>
  <si>
    <t>12/26/2019 11:04:10</t>
  </si>
  <si>
    <t>38e6e203-f3f4-408e-b173-34e89e1163a8.tmp</t>
  </si>
  <si>
    <t>\\acsfs\profiles$\lucasgpe\Downloads\38e6e203-f3f4-408e-b173-34e89e1163a8.tmp</t>
  </si>
  <si>
    <t>12/26/2019 11:04:30</t>
  </si>
  <si>
    <t>12/26/2019 11:07:51</t>
  </si>
  <si>
    <t>12/26/2019 11:03:34</t>
  </si>
  <si>
    <t>12/26/2019 11:03:35</t>
  </si>
  <si>
    <t>lu141641cbjzn.tmp</t>
  </si>
  <si>
    <t>\\acsfs\profiles$\LUCASBS\lu141641cbjzn.tmp</t>
  </si>
  <si>
    <t>\\acsfs\profiles$\LUCASBS\lu141641cbjzn.tmp\</t>
  </si>
  <si>
    <t>\\acsfs\profiles$\LUCASBS\lu141641cbjzn.tmp\META-INF\</t>
  </si>
  <si>
    <t>\\acsfs\profiles$\LUCASBS\lu141641cbjzn.tmp\Thumbnails\</t>
  </si>
  <si>
    <t>12/26/2019 11:08:50</t>
  </si>
  <si>
    <t>12/26/2019 11:03:53</t>
  </si>
  <si>
    <t>12/26/2019 11:05:59</t>
  </si>
  <si>
    <t>12/26/2019 11:06:51</t>
  </si>
  <si>
    <t>12/26/2019 11:06:09</t>
  </si>
  <si>
    <t>12/26/2019 11:09:51</t>
  </si>
  <si>
    <t>26-12 new model.xlsx</t>
  </si>
  <si>
    <t>12/26/2019 11:06:54</t>
  </si>
  <si>
    <t>12/26/2019 11:06:00</t>
  </si>
  <si>
    <t>780fcd93-1c28-4a78-b64e-7ee805c2d52c.tmp</t>
  </si>
  <si>
    <t>\\acsfs\profiles$\mariliafplb\Downloads\780fcd93-1c28-4a78-b64e-7ee805c2d52c.tmp</t>
  </si>
  <si>
    <t>12/26/2019 11:05:41</t>
  </si>
  <si>
    <t>10.200.60.133</t>
  </si>
  <si>
    <t>Calculos desligamentos Finais.xlsx</t>
  </si>
  <si>
    <t>12/26/2019 11:08:06</t>
  </si>
  <si>
    <t>mail.google.com/_/upload?authuser=1&amp;dcp=asu-n&amp;upload_id=AEnB2Up1qJjlzTAzg3vTgf3BHzgfzBIlyOG7Lh-xDNptAf6oGprjELUJfnJ2gzJDHiz24riUOnPhqLf5Qg2TyX0DBCIBgUHlHg&amp;upload_protocol=resumable</t>
  </si>
  <si>
    <t>\\acsfs\DEPTOS\Controladoria\2 - Business Performance\2019\1 - Precificacao\1 - Analises e Acompanhamentos\1 - GAT\12 - Dezembro\IBM Itau\</t>
  </si>
  <si>
    <t>220399 - IBM Plan Precificacao C018 B018 v1.1.xlsb</t>
  </si>
  <si>
    <t>\\acsfs\DEPTOS\Controladoria\2 - Business Performance\2019\1 - Precificacao\1 - Analises e Acompanhamentos\1 - GAT\12 - Dezembro\IBM Itau\220399 - IBM Plan Precificacao C018 B018 v1.1.xlsb\</t>
  </si>
  <si>
    <t>12/26/2019 11:10:50</t>
  </si>
  <si>
    <t>12/26/2019 11:07:20</t>
  </si>
  <si>
    <t>12/26/2019 11:07:21</t>
  </si>
  <si>
    <t>lu146321g6v7l.tmp</t>
  </si>
  <si>
    <t>\\acsfs\profiles$\dhiulliananads\My Documents\lu146321g6v7l.tmp</t>
  </si>
  <si>
    <t>\\acsfs\profiles$\dhiulliananads\My Documents\lu146321g6v7l.tmp\</t>
  </si>
  <si>
    <t>\\acsfs\profiles$\dhiulliananads\My Documents\lu146321g6v7l.tmp\META-INF\</t>
  </si>
  <si>
    <t>\\acsfs\profiles$\dhiulliananads\My Documents\lu146321g6v7l.tmp\Thumbnails\</t>
  </si>
  <si>
    <t>12/26/2019 11:07:42</t>
  </si>
  <si>
    <t>lu146321g6v7r.tmp</t>
  </si>
  <si>
    <t>\\acsfs\profiles$\dhiulliananads\My Documents\lu146321g6v7r.tmp</t>
  </si>
  <si>
    <t>\\acsfs\profiles$\dhiulliananads\My Documents\lu146321g6v7r.tmp\</t>
  </si>
  <si>
    <t>\\acsfs\profiles$\dhiulliananads\My Documents\lu146321g6v7r.tmp\META-INF\</t>
  </si>
  <si>
    <t>\\acsfs\profiles$\dhiulliananads\My Documents\lu146321g6v7r.tmp\Thumbnails\</t>
  </si>
  <si>
    <t>12/26/2019 11:10:55</t>
  </si>
  <si>
    <t>12/26/2019 11:11:51</t>
  </si>
  <si>
    <t>8b6bb4c5-fd8c-4a56-b818-6ed4aa0d3985.tmp</t>
  </si>
  <si>
    <t>\\acsfs\profiles$\lucasqdss\Downloads\8b6bb4c5-fd8c-4a56-b818-6ed4aa0d3985.tmp</t>
  </si>
  <si>
    <t>12/26/2019 11:07:07</t>
  </si>
  <si>
    <t>8cca0ec3-3e25-4b39-9a42-5108c22fe467.tmp</t>
  </si>
  <si>
    <t>\\acsfs\profiles$\lucasgpe\Downloads\8cca0ec3-3e25-4b39-9a42-5108c22fe467.tmp</t>
  </si>
  <si>
    <t>12/26/2019 11:13:51</t>
  </si>
  <si>
    <t>12/26/2019 11:09:40</t>
  </si>
  <si>
    <t>74-86-7A-FB-17-9B</t>
  </si>
  <si>
    <t>VOTORANT-00</t>
  </si>
  <si>
    <t>harunams</t>
  </si>
  <si>
    <t>12/26/2019 11:11:53</t>
  </si>
  <si>
    <t>\\acsfs\DEPTOS\Operacao\PCP\5 - Comum\LUIZ ALFREDO\01 - PCP\</t>
  </si>
  <si>
    <t>Avaliação 360_ 2019.xlsx</t>
  </si>
  <si>
    <t>12/26/2019 11:09:53</t>
  </si>
  <si>
    <t>12/26/2019 11:11:59</t>
  </si>
  <si>
    <t>12/26/2019 11:11:50</t>
  </si>
  <si>
    <t>LAIS LIMA GONCALVES_1_6769973210066782520_1_32.wav</t>
  </si>
  <si>
    <t>\\acsfs\Deptos\EDUCACAO EMPRESARIAL\KÉSIA\Ligações 3º ciclo - Késia\LAIS LIMA GONCALVES_1_6769973210066782520_1_32.wav</t>
  </si>
  <si>
    <t>12/26/2019 11:09:36</t>
  </si>
  <si>
    <t>5551fe48-e8db-4905-8a05-8898d47be8fa.tmp</t>
  </si>
  <si>
    <t>\\acsfs\profiles$\KARENDSR\Downloads\5551fe48-e8db-4905-8a05-8898d47be8fa.tmp</t>
  </si>
  <si>
    <t>12/26/2019 11:13:40</t>
  </si>
  <si>
    <t>12/26/2019 11:14:51</t>
  </si>
  <si>
    <t>100014123564284;</t>
  </si>
  <si>
    <t>https://100014123564284</t>
  </si>
  <si>
    <t>7243793b-7c40-4378-98f3-737f641be476.tmp</t>
  </si>
  <si>
    <t>\\acsfs\profiles$\victoriaksr\Downloads\7243793b-7c40-4378-98f3-737f641be476.tmp</t>
  </si>
  <si>
    <t>12/26/2019 11:12:28</t>
  </si>
  <si>
    <t>c475f856-b5db-46db-bd20-620f2830821b.tmp</t>
  </si>
  <si>
    <t>\\acsfs\profiles$\victoriaksr\Downloads\c475f856-b5db-46db-bd20-620f2830821b.tmp</t>
  </si>
  <si>
    <t>12/26/2019 11:11:56</t>
  </si>
  <si>
    <t>12/26/2019 11:15:51</t>
  </si>
  <si>
    <t>12/26/2019 11:14:45</t>
  </si>
  <si>
    <t>\\acsfs\DEPTOS\Operacao\Banco_Votorantim\Supervisao\SUPERS BV CARTÕES\ADILSON\Outros\Thumbs.db</t>
  </si>
  <si>
    <t>12/26/2019 11:14:56</t>
  </si>
  <si>
    <t>12/26/2019 11:15:04</t>
  </si>
  <si>
    <t>12/26/2019 11:14:21</t>
  </si>
  <si>
    <t>12/26/2019 11:13:30</t>
  </si>
  <si>
    <t>12/26/2019 11:16:51</t>
  </si>
  <si>
    <t>f8caa046-4f77-4c03-95d9-a6c5e8e84b6f.tmp</t>
  </si>
  <si>
    <t>\\acsfs\profiles$\quindaizaagds\Downloads\f8caa046-4f77-4c03-95d9-a6c5e8e84b6f.tmp</t>
  </si>
  <si>
    <t>12/26/2019 11:14:16</t>
  </si>
  <si>
    <t>55cb7450-8220-4f3f-9a76-6b5f3f615685.tmp</t>
  </si>
  <si>
    <t>\\acsfs\profiles$\quindaizaagds\Downloads\55cb7450-8220-4f3f-9a76-6b5f3f615685.tmp</t>
  </si>
  <si>
    <t>12/26/2019 11:15:40</t>
  </si>
  <si>
    <t>25447ec2-d498-4fa1-9fdc-c4f618f2c7a1.tmp</t>
  </si>
  <si>
    <t>\\acsfs\profiles$\quindaizaagds\Downloads\25447ec2-d498-4fa1-9fdc-c4f618f2c7a1.tmp</t>
  </si>
  <si>
    <t>12/26/2019 11:12:17</t>
  </si>
  <si>
    <t>915c6f2e-f046-4346-8fdb-bca4555015e0.tmp</t>
  </si>
  <si>
    <t>\\acsfs\profiles$\nathaliadf\Downloads\915c6f2e-f046-4346-8fdb-bca4555015e0.tmp</t>
  </si>
  <si>
    <t>12/26/2019 11:14:00</t>
  </si>
  <si>
    <t>71b3e2a5-016e-4c8e-8b41-c6da3b8b3ecb.tmp</t>
  </si>
  <si>
    <t>\\acsfs\profiles$\matheushds\Downloads\71b3e2a5-016e-4c8e-8b41-c6da3b8b3ecb.tmp</t>
  </si>
  <si>
    <t>12/26/2019 11:11:35</t>
  </si>
  <si>
    <t>3240d6af-e072-45be-b19b-040bad3828e7.tmp</t>
  </si>
  <si>
    <t>\\acsfs\profiles$\lucasqdss\Downloads\3240d6af-e072-45be-b19b-040bad3828e7.tmp</t>
  </si>
  <si>
    <t>12/26/2019 11:15:01</t>
  </si>
  <si>
    <t>dcee002e-fd99-46d8-8d70-9c5c3af4e011.tmp</t>
  </si>
  <si>
    <t>\\acsfs\profiles$\rafaelamsv\Downloads\dcee002e-fd99-46d8-8d70-9c5c3af4e011.tmp</t>
  </si>
  <si>
    <t>12/26/2019 11:13:33</t>
  </si>
  <si>
    <t>d7f08c3d-e9a7-4724-816d-31fcd71aa22f.tmp</t>
  </si>
  <si>
    <t>\\acsfs\profiles$\lucasgpe\Downloads\d7f08c3d-e9a7-4724-816d-31fcd71aa22f.tmp</t>
  </si>
  <si>
    <t>12/26/2019 11:14:36</t>
  </si>
  <si>
    <t>d5fe8aef-047d-440c-be07-854ca56d12f7.tmp</t>
  </si>
  <si>
    <t>\\acsfs\profiles$\lucasgpe\Downloads\d5fe8aef-047d-440c-be07-854ca56d12f7.tmp</t>
  </si>
  <si>
    <t>12/26/2019 11:13:22</t>
  </si>
  <si>
    <t>12/26/2019 11:17:51</t>
  </si>
  <si>
    <t>12/26/2019 11:16:02</t>
  </si>
  <si>
    <t>bace1c07-4b50-42da-9a67-427d99125de6.tmp</t>
  </si>
  <si>
    <t>\\acsfs\profiles$\paulovadc\Downloads\bace1c07-4b50-42da-9a67-427d99125de6.tmp</t>
  </si>
  <si>
    <t>12/26/2019 11:16:52</t>
  </si>
  <si>
    <t>12/26/2019 11:16:55</t>
  </si>
  <si>
    <t>12/26/2019 11:16:56</t>
  </si>
  <si>
    <t>lu141641cbjzs.tmp</t>
  </si>
  <si>
    <t>\\acsfs\profiles$\LUCASBS\lu141641cbjzs.tmp</t>
  </si>
  <si>
    <t>\\acsfs\profiles$\LUCASBS\lu141641cbjzs.tmp\</t>
  </si>
  <si>
    <t>\\acsfs\profiles$\LUCASBS\lu141641cbjzs.tmp\META-INF\</t>
  </si>
  <si>
    <t>\\acsfs\profiles$\LUCASBS\lu141641cbjzs.tmp\Thumbnails\</t>
  </si>
  <si>
    <t>12/26/2019 11:18:51</t>
  </si>
  <si>
    <t>Categorizações TLV.xlsx</t>
  </si>
  <si>
    <t>12/26/2019 11:17:43</t>
  </si>
  <si>
    <t>12/26/2019 11:15:52</t>
  </si>
  <si>
    <t>12/26/2019 11:15:53</t>
  </si>
  <si>
    <t>12/26/2019 11:16:04</t>
  </si>
  <si>
    <t>12/26/2019 11:16:09</t>
  </si>
  <si>
    <t>12/26/2019 11:17:59</t>
  </si>
  <si>
    <t>12/26/2019 11:17:27</t>
  </si>
  <si>
    <t>12/26/2019 11:14:24</t>
  </si>
  <si>
    <t>12/26/2019 11:19:51</t>
  </si>
  <si>
    <t>12/26/2019 11:14:37</t>
  </si>
  <si>
    <t>12/26/2019 11:17:46</t>
  </si>
  <si>
    <t>12/26/2019 11:18:06</t>
  </si>
  <si>
    <t>12/26/2019 11:18:15</t>
  </si>
  <si>
    <t>72a9a06f-3f3b-4528-883a-85b5daa9ef24.tmp</t>
  </si>
  <si>
    <t>\\acsfs\profiles$\YASMINSC\Downloads\72a9a06f-3f3b-4528-883a-85b5daa9ef24.tmp</t>
  </si>
  <si>
    <t>12/26/2019 11:17:39</t>
  </si>
  <si>
    <t>12/26/2019 11:20:51</t>
  </si>
  <si>
    <t>ENC: Volume Gerenciadas Amex e Visa - 26/12</t>
  </si>
  <si>
    <t>12/26/2019 11:19:11</t>
  </si>
  <si>
    <t>12/26/2019 11:19:21</t>
  </si>
  <si>
    <t>12/26/2019 11:19:22</t>
  </si>
  <si>
    <t>12/26/2019 11:19:14</t>
  </si>
  <si>
    <t>12/26/2019 11:18:16</t>
  </si>
  <si>
    <t>lu146321g6v7x.tmp</t>
  </si>
  <si>
    <t>\\acsfs\profiles$\dhiulliananads\My Documents\lu146321g6v7x.tmp</t>
  </si>
  <si>
    <t>\\acsfs\profiles$\dhiulliananads\My Documents\lu146321g6v7x.tmp\</t>
  </si>
  <si>
    <t>\\acsfs\profiles$\dhiulliananads\My Documents\lu146321g6v7x.tmp\META-INF\</t>
  </si>
  <si>
    <t>\\acsfs\profiles$\dhiulliananads\My Documents\lu146321g6v7x.tmp\Thumbnails\</t>
  </si>
  <si>
    <t>12/26/2019 11:20:21</t>
  </si>
  <si>
    <t>12/26/2019 11:20:22</t>
  </si>
  <si>
    <t>lu146321g6v83.tmp</t>
  </si>
  <si>
    <t>\\acsfs\profiles$\dhiulliananads\My Documents\lu146321g6v83.tmp</t>
  </si>
  <si>
    <t>\\acsfs\profiles$\dhiulliananads\My Documents\lu146321g6v83.tmp\</t>
  </si>
  <si>
    <t>\\acsfs\profiles$\dhiulliananads\My Documents\lu146321g6v83.tmp\META-INF\</t>
  </si>
  <si>
    <t>\\acsfs\profiles$\dhiulliananads\My Documents\lu146321g6v83.tmp\Thumbnails\</t>
  </si>
  <si>
    <t>12/26/2019 11:17:20</t>
  </si>
  <si>
    <t>12/26/2019 11:21:51</t>
  </si>
  <si>
    <t>3cedcfb9-396f-4ad7-b346-5e92420fe5a9.tmp</t>
  </si>
  <si>
    <t>\\acsfs\profiles$\kellzylenneasr\Downloads\3cedcfb9-396f-4ad7-b346-5e92420fe5a9.tmp</t>
  </si>
  <si>
    <t>12/26/2019 11:23:51</t>
  </si>
  <si>
    <t>12/26/2019 11:21:53</t>
  </si>
  <si>
    <t>12/26/2019 11:23:19</t>
  </si>
  <si>
    <t>12/26/2019 11:24:51</t>
  </si>
  <si>
    <t>100014123564284;100029219261351;</t>
  </si>
  <si>
    <t>https://100014123564284,100029219261351</t>
  </si>
  <si>
    <t>12/26/2019 11:23:25</t>
  </si>
  <si>
    <t>12/26/2019 11:21:28</t>
  </si>
  <si>
    <t>12/26/2019 11:21:30</t>
  </si>
  <si>
    <t>12/26/2019 11:21:31</t>
  </si>
  <si>
    <t>12/26/2019 11:21:32</t>
  </si>
  <si>
    <t>12/26/2019 11:21:33</t>
  </si>
  <si>
    <t>12/26/2019 11:22:41</t>
  </si>
  <si>
    <t>cff6af49-64dc-4728-aaeb-fa1fb7945d03.tmp</t>
  </si>
  <si>
    <t>\\acsfs\profiles$\KARENDSR\Downloads\cff6af49-64dc-4728-aaeb-fa1fb7945d03.tmp</t>
  </si>
  <si>
    <t>12/26/2019 11:22:09</t>
  </si>
  <si>
    <t>4873303f-c8c8-403e-b2be-590aabeb5953.tmp</t>
  </si>
  <si>
    <t>\\acsfs\profiles$\mariliafplb\Downloads\4873303f-c8c8-403e-b2be-590aabeb5953.tmp</t>
  </si>
  <si>
    <t>12/26/2019 11:25:03</t>
  </si>
  <si>
    <t>12/26/2019 11:25:51</t>
  </si>
  <si>
    <t>12/26/2019 11:22:11</t>
  </si>
  <si>
    <t>12/26/2019 11:22:49</t>
  </si>
  <si>
    <t>12/26/2019 11:20:52</t>
  </si>
  <si>
    <t>12/26/2019 11:21:22</t>
  </si>
  <si>
    <t>12/26/2019 11:21:52</t>
  </si>
  <si>
    <t>12/26/2019 11:22:22</t>
  </si>
  <si>
    <t>12/26/2019 11:22:52</t>
  </si>
  <si>
    <t>12/26/2019 11:24:08</t>
  </si>
  <si>
    <t>12/26/2019 11:26:51</t>
  </si>
  <si>
    <t>a6211a60-9b21-4f55-b5a5-74b0efab4559.tmp</t>
  </si>
  <si>
    <t>\\acsfs\profiles$\ayalabfi\Downloads\a6211a60-9b21-4f55-b5a5-74b0efab4559.tmp</t>
  </si>
  <si>
    <t>12/26/2019 11:21:29</t>
  </si>
  <si>
    <t>31fab61d-fada-495e-a944-1c38693295cb.tmp</t>
  </si>
  <si>
    <t>\\acsfs\profiles$\lucasqdss\Downloads\31fab61d-fada-495e-a944-1c38693295cb.tmp</t>
  </si>
  <si>
    <t>12/26/2019 11:22:29</t>
  </si>
  <si>
    <t>221e7c1c-53cc-4fea-b8a8-b6ebd963aebd.tmp</t>
  </si>
  <si>
    <t>\\acsfs\profiles$\lucasqdss\Downloads\221e7c1c-53cc-4fea-b8a8-b6ebd963aebd.tmp</t>
  </si>
  <si>
    <t>12/26/2019 11:24:04</t>
  </si>
  <si>
    <t>ac5c50f8-30a3-41f8-b155-4fe941527a6d.tmp</t>
  </si>
  <si>
    <t>\\acsfs\profiles$\rafaelamsv\Downloads\ac5c50f8-30a3-41f8-b155-4fe941527a6d.tmp</t>
  </si>
  <si>
    <t>12/26/2019 11:24:43</t>
  </si>
  <si>
    <t>55d36e89-badd-4a16-8d6c-c560249e8cc1.tmp</t>
  </si>
  <si>
    <t>\\acsfs\profiles$\rafaelamsv\Downloads\55d36e89-badd-4a16-8d6c-c560249e8cc1.tmp</t>
  </si>
  <si>
    <t>12/26/2019 11:26:11</t>
  </si>
  <si>
    <t>12/26/2019 11:27:51</t>
  </si>
  <si>
    <t>12/26/2019 11:28:51</t>
  </si>
  <si>
    <t>12/26/2019 11:27:53</t>
  </si>
  <si>
    <t>12/26/2019 11:24:01</t>
  </si>
  <si>
    <t>12/26/2019 11:26:33</t>
  </si>
  <si>
    <t>\\acsfs\dsti\Precificações\04- ATUALIZAÇÕES\05 - HOMOLOGAÇÃO FERRAMENTA\2019\12 - Dezembro\</t>
  </si>
  <si>
    <t>12/26/2019 11:26:17</t>
  </si>
  <si>
    <t>MATHEUS MARTINS ANANIAS XAVIER_1_6769317046438144261_1_32.wav</t>
  </si>
  <si>
    <t>\\acsfs\Deptos\EDUCACAO EMPRESARIAL\KÉSIA\Ligações 3º ciclo - Késia\MATHEUS MARTINS ANANIAS XAVIER_1_6769317046438144261_1_32.wav</t>
  </si>
  <si>
    <t>12/26/2019 11:26:07</t>
  </si>
  <si>
    <t>12/26/2019 11:30:50</t>
  </si>
  <si>
    <t>12/26/2019 11:26:34</t>
  </si>
  <si>
    <t>12/26/2019 11:28:18</t>
  </si>
  <si>
    <t>12/26/2019 11:28:46</t>
  </si>
  <si>
    <t>12/26/2019 11:30:07</t>
  </si>
  <si>
    <t>anavbg@algartech.com;eduardo.santana@bv.com.br;mirianppb@algartech.com;talmaiardo@algartech.com;thiagordu@algartech.com;</t>
  </si>
  <si>
    <t>anavbg@algartech.com,eduardo.santana@bv.com.br,mirianppb@algartech.com,talmaiardo@algartech.com,thiagordu@algartech.com</t>
  </si>
  <si>
    <t>12/26/2019 11:30:42</t>
  </si>
  <si>
    <t>mail.google.com/_/upload?authuser=0&amp;dcp=asu-n&amp;upload_id=AEnB2UodYa-3h4GBgpnhY6FPb2zUmnFKEdOi_E-MwWRW3qcZ3AiC4LUDEgXWKj6r523F_fz93RjMbY4VpgWz8n7EnZp4JieB1ASaAlU8O49JQZ-rJCd5QyQ&amp;upload_protocol=resumable</t>
  </si>
  <si>
    <t>Rafael Raully Fernandes_1_6772132732508120472_1_32.wav</t>
  </si>
  <si>
    <t>12/26/2019 11:28:02</t>
  </si>
  <si>
    <t>12/26/2019 11:32:51</t>
  </si>
  <si>
    <t>88410ccf-daa8-4553-bcb9-14c1f7f10819.tmp</t>
  </si>
  <si>
    <t>\\acsfs\profiles$\eduardofss\Downloads\88410ccf-daa8-4553-bcb9-14c1f7f10819.tmp</t>
  </si>
  <si>
    <t>12/26/2019 11:30:15</t>
  </si>
  <si>
    <t>12/26/2019 11:30:16</t>
  </si>
  <si>
    <t>lu269482jf21h.tmp</t>
  </si>
  <si>
    <t>\\acsfs\profiles$\FLAVIOJMM\My Documents\lu269482jf21h.tmp</t>
  </si>
  <si>
    <t>\\acsfs\profiles$\FLAVIOJMM\My Documents\lu269482jf21h.tmp\</t>
  </si>
  <si>
    <t>\\acsfs\profiles$\FLAVIOJMM\My Documents\lu269482jf21h.tmp\META-INF\</t>
  </si>
  <si>
    <t>\\acsfs\profiles$\FLAVIOJMM\My Documents\lu269482jf21h.tmp\Thumbnails\</t>
  </si>
  <si>
    <t>12/26/2019 11:31:42</t>
  </si>
  <si>
    <t>12/26/2019 11:33:51</t>
  </si>
  <si>
    <t>6604d707-aa80-4019-a7bc-0d148e4ccdf9.tmp</t>
  </si>
  <si>
    <t>\\acsfs\profiles$\BRUNAAR\Downloads\6604d707-aa80-4019-a7bc-0d148e4ccdf9.tmp</t>
  </si>
  <si>
    <t>12/26/2019 11:29:59</t>
  </si>
  <si>
    <t>12/26/2019 11:30:03</t>
  </si>
  <si>
    <t>12/26/2019 11:34:51</t>
  </si>
  <si>
    <t>10.200.60.107</t>
  </si>
  <si>
    <t>mail.google.com/_/upload?authuser=0&amp;dcp=asu-n&amp;upload_id=AEnB2UpXLmmKpWPeNSKZ3qG35zFDgZ5HgBjTKWqVkEaNyFlsdmL2cDlDbRKHRnfFsg8sq_oDhKcOm3zUJnOD3OSnQJR4SNnkdVC0EioVB7e6I9H7l3YM-5E&amp;upload_protocol=resumable</t>
  </si>
  <si>
    <t>aluisioas@algartech.com;renato.faustino@algartech.com;</t>
  </si>
  <si>
    <t>C:\Users\gustavoas\Documents\Algar Tech Local\Implantações Digitais\</t>
  </si>
  <si>
    <t>Controle_Implantações_ISD_v2.xlsx</t>
  </si>
  <si>
    <t>aluisioas@algartech.com,renato.faustino@algartech.com</t>
  </si>
  <si>
    <t>12/26/2019 11:34:27</t>
  </si>
  <si>
    <t>12/26/2019 11:33:21</t>
  </si>
  <si>
    <t>12/26/2019 11:35:51</t>
  </si>
  <si>
    <t>12/26/2019 11:32:17</t>
  </si>
  <si>
    <t>12/26/2019 11:32:30</t>
  </si>
  <si>
    <t>12/26/2019 11:32:50</t>
  </si>
  <si>
    <t>12/26/2019 11:31:22</t>
  </si>
  <si>
    <t>12/26/2019 11:32:54</t>
  </si>
  <si>
    <t>12/26/2019 11:33:06</t>
  </si>
  <si>
    <t>12/26/2019 11:31:09</t>
  </si>
  <si>
    <t>12/26/2019 11:31:38</t>
  </si>
  <si>
    <t>anavbg@algartech.com;eduardo.santana@bv.com.br;kesiadof@algartech.com;mirianppb@algartech.com;talmaiardo@algartech.com;thiagordu@algartech.com;</t>
  </si>
  <si>
    <t>anavbg@algartech.com,eduardo.santana@bv.com.br,kesiadof@algartech.com,mirianppb@algartech.com,talmaiardo@algartech.com,thiagordu@algartech.com</t>
  </si>
  <si>
    <t>12/26/2019 11:31:47</t>
  </si>
  <si>
    <t>12/26/2019 11:32:07</t>
  </si>
  <si>
    <t>12/26/2019 11:32:08</t>
  </si>
  <si>
    <t>12/26/2019 11:32:11</t>
  </si>
  <si>
    <t>12/26/2019 11:34:43</t>
  </si>
  <si>
    <t>12/26/2019 11:36:51</t>
  </si>
  <si>
    <t>6318cb47-a394-4d0c-a00c-31a401bfc357.tmp</t>
  </si>
  <si>
    <t>\\acsfs\profiles$\quindaizaagds\Downloads\6318cb47-a394-4d0c-a00c-31a401bfc357.tmp</t>
  </si>
  <si>
    <t>12/26/2019 11:35:41</t>
  </si>
  <si>
    <t>3c78d776-69fb-4d66-bb79-203e0268b288.tmp</t>
  </si>
  <si>
    <t>\\acsfs\profiles$\lucasqdss\Downloads\3c78d776-69fb-4d66-bb79-203e0268b288.tmp</t>
  </si>
  <si>
    <t>12/26/2019 11:33:54</t>
  </si>
  <si>
    <t>12/26/2019 11:35:35</t>
  </si>
  <si>
    <t>12/26/2019 11:37:52</t>
  </si>
  <si>
    <t>12/26/2019 11:35:36</t>
  </si>
  <si>
    <t>lu269482jf21n.tmp</t>
  </si>
  <si>
    <t>\\acsfs\profiles$\FLAVIOJMM\My Documents\lu269482jf21n.tmp</t>
  </si>
  <si>
    <t>\\acsfs\profiles$\FLAVIOJMM\My Documents\lu269482jf21n.tmp\</t>
  </si>
  <si>
    <t>\\acsfs\profiles$\FLAVIOJMM\My Documents\lu269482jf21n.tmp\META-INF\</t>
  </si>
  <si>
    <t>\\acsfs\profiles$\FLAVIOJMM\My Documents\lu269482jf21n.tmp\Thumbnails\</t>
  </si>
  <si>
    <t>12/26/2019 11:36:57</t>
  </si>
  <si>
    <t>12/26/2019 11:36:58</t>
  </si>
  <si>
    <t>lu269482jf21t.tmp</t>
  </si>
  <si>
    <t>\\acsfs\profiles$\FLAVIOJMM\My Documents\lu269482jf21t.tmp</t>
  </si>
  <si>
    <t>\\acsfs\profiles$\FLAVIOJMM\My Documents\lu269482jf21t.tmp\</t>
  </si>
  <si>
    <t>\\acsfs\profiles$\FLAVIOJMM\My Documents\lu269482jf21t.tmp\META-INF\</t>
  </si>
  <si>
    <t>\\acsfs\profiles$\FLAVIOJMM\My Documents\lu269482jf21t.tmp\Thumbnails\</t>
  </si>
  <si>
    <t>12/26/2019 11:33:53</t>
  </si>
  <si>
    <t>12/26/2019 11:38:51</t>
  </si>
  <si>
    <t>12/26/2019 11:35:59</t>
  </si>
  <si>
    <t>12/26/2019 11:33:24</t>
  </si>
  <si>
    <t>12/26/2019 11:34:01</t>
  </si>
  <si>
    <t>FLAVIA CRISTINE DA SILVA TEIXEIRA_1_6770443195453091722_1_32.wav</t>
  </si>
  <si>
    <t>\\acsfs\Deptos\EDUCACAO EMPRESARIAL\KÉSIA\Ligações 3º ciclo - Késia\FLAVIA CRISTINE DA SILVA TEIXEIRA_1_6770443195453091722_1_32.wav</t>
  </si>
  <si>
    <t>12/26/2019 11:37:33</t>
  </si>
  <si>
    <t>12/26/2019 11:39:51</t>
  </si>
  <si>
    <t>100014123564284;100014239771614;100029219261351;</t>
  </si>
  <si>
    <t>https://100014123564284,100014239771614,100029219261351</t>
  </si>
  <si>
    <t>12/26/2019 11:37:43</t>
  </si>
  <si>
    <t>100014239771614;</t>
  </si>
  <si>
    <t>https://100014239771614</t>
  </si>
  <si>
    <t>12/26/2019 11:38:01</t>
  </si>
  <si>
    <t>12/26/2019 11:38:05</t>
  </si>
  <si>
    <t>12/26/2019 11:38:43</t>
  </si>
  <si>
    <t>12/26/2019 11:35:10</t>
  </si>
  <si>
    <t>12/26/2019 11:35:15</t>
  </si>
  <si>
    <t>03a9d474-95e5-411b-a7ca-e0744f624f0a.tmp</t>
  </si>
  <si>
    <t>\\acsfs\profiles$\victoriaksr\Downloads\03a9d474-95e5-411b-a7ca-e0744f624f0a.tmp</t>
  </si>
  <si>
    <t>12/26/2019 11:39:41</t>
  </si>
  <si>
    <t>12/26/2019 11:36:31</t>
  </si>
  <si>
    <t>12/26/2019 11:40:51</t>
  </si>
  <si>
    <t>12/26/2019 11:36:33</t>
  </si>
  <si>
    <t>12/26/2019 11:40:11</t>
  </si>
  <si>
    <t>12/26/2019 11:37:05</t>
  </si>
  <si>
    <t>12/26/2019 11:41:52</t>
  </si>
  <si>
    <t>12/26/2019 11:40:53</t>
  </si>
  <si>
    <t>12/26/2019 11:37:46</t>
  </si>
  <si>
    <t>12/26/2019 11:36:23</t>
  </si>
  <si>
    <t>12/26/2019 11:42:51</t>
  </si>
  <si>
    <t>12/26/2019 11:40:26</t>
  </si>
  <si>
    <t>12/26/2019 11:40:27</t>
  </si>
  <si>
    <t>lu269482jf21z.tmp</t>
  </si>
  <si>
    <t>\\acsfs\profiles$\FLAVIOJMM\My Documents\lu269482jf21z.tmp</t>
  </si>
  <si>
    <t>\\acsfs\profiles$\FLAVIOJMM\My Documents\lu269482jf21z.tmp\</t>
  </si>
  <si>
    <t>\\acsfs\profiles$\FLAVIOJMM\My Documents\lu269482jf21z.tmp\META-INF\</t>
  </si>
  <si>
    <t>\\acsfs\profiles$\FLAVIOJMM\My Documents\lu269482jf21z.tmp\Thumbnails\</t>
  </si>
  <si>
    <t>12/26/2019 11:42:30</t>
  </si>
  <si>
    <t>12/26/2019 11:41:33</t>
  </si>
  <si>
    <t>12/26/2019 11:43:51</t>
  </si>
  <si>
    <t>12/26/2019 11:39:54</t>
  </si>
  <si>
    <t>12/26/2019 11:41:59</t>
  </si>
  <si>
    <t>12/26/2019 11:41:06</t>
  </si>
  <si>
    <t>10.12.242.56</t>
  </si>
  <si>
    <t>12/26/2019 11:41:25</t>
  </si>
  <si>
    <t>10.200.66.69</t>
  </si>
  <si>
    <t>34-E6-D7-FC-BF-59</t>
  </si>
  <si>
    <t>VOTORANT-MB014</t>
  </si>
  <si>
    <t>luanaagl</t>
  </si>
  <si>
    <t>\\acsfs\profiles$\luanaagl\Downloads\</t>
  </si>
  <si>
    <t>f8bbc45d-7ae2-4c88-bbc8-697a8b7cb779.tmp</t>
  </si>
  <si>
    <t>\\acsfs\profiles$\luanaagl\Downloads\f8bbc45d-7ae2-4c88-bbc8-697a8b7cb779.tmp</t>
  </si>
  <si>
    <t>12/26/2019 11:41:29</t>
  </si>
  <si>
    <t>776da8d1-40d5-44cb-8827-31aebe9332c0.tmp</t>
  </si>
  <si>
    <t>\\acsfs\profiles$\luanaagl\Downloads\776da8d1-40d5-44cb-8827-31aebe9332c0.tmp</t>
  </si>
  <si>
    <t>12/26/2019 11:42:11</t>
  </si>
  <si>
    <t>12/26/2019 11:44:51</t>
  </si>
  <si>
    <t>12/26/2019 11:40:42</t>
  </si>
  <si>
    <t>12/26/2019 11:45:51</t>
  </si>
  <si>
    <t>12/26/2019 11:40:28</t>
  </si>
  <si>
    <t>12/26/2019 11:42:16</t>
  </si>
  <si>
    <t>12/26/2019 11:46:51</t>
  </si>
  <si>
    <t>851ecd83-5133-44ff-adf6-fe6077fe97e8.tmp</t>
  </si>
  <si>
    <t>\\acsfs\profiles$\nathaliadf\Downloads\851ecd83-5133-44ff-adf6-fe6077fe97e8.tmp</t>
  </si>
  <si>
    <t>12/26/2019 11:43:55</t>
  </si>
  <si>
    <t>12/26/2019 11:44:53</t>
  </si>
  <si>
    <t>12/26/2019 11:47:51</t>
  </si>
  <si>
    <t>8d87830a-188f-4f46-97cb-717fb0fd32bd.tmp</t>
  </si>
  <si>
    <t>\\acsfs\profiles$\eduardofss\Downloads\8d87830a-188f-4f46-97cb-717fb0fd32bd.tmp</t>
  </si>
  <si>
    <t>12/26/2019 11:47:22</t>
  </si>
  <si>
    <t>12/26/2019 11:42:31</t>
  </si>
  <si>
    <t>lu269482jf225.tmp</t>
  </si>
  <si>
    <t>\\acsfs\profiles$\FLAVIOJMM\My Documents\lu269482jf225.tmp</t>
  </si>
  <si>
    <t>\\acsfs\profiles$\FLAVIOJMM\My Documents\lu269482jf225.tmp\</t>
  </si>
  <si>
    <t>\\acsfs\profiles$\FLAVIOJMM\My Documents\lu269482jf225.tmp\META-INF\</t>
  </si>
  <si>
    <t>\\acsfs\profiles$\FLAVIOJMM\My Documents\lu269482jf225.tmp\Thumbnails\</t>
  </si>
  <si>
    <t>12/26/2019 11:43:31</t>
  </si>
  <si>
    <t>12/26/2019 11:43:32</t>
  </si>
  <si>
    <t>lu141641cbk05.tmp</t>
  </si>
  <si>
    <t>\\acsfs\profiles$\LUCASBS\lu141641cbk05.tmp</t>
  </si>
  <si>
    <t>\\acsfs\profiles$\LUCASBS\lu141641cbk05.tmp\</t>
  </si>
  <si>
    <t>\\acsfs\profiles$\LUCASBS\lu141641cbk05.tmp\META-INF\</t>
  </si>
  <si>
    <t>\\acsfs\profiles$\LUCASBS\lu141641cbk05.tmp\Thumbnails\</t>
  </si>
  <si>
    <t>12/26/2019 11:47:28</t>
  </si>
  <si>
    <t>dcfadde1-02a8-4ef0-be53-20f2b6684243.tmp</t>
  </si>
  <si>
    <t>\\acsfs\profiles$\gabrielafs\Downloads\dcfadde1-02a8-4ef0-be53-20f2b6684243.tmp</t>
  </si>
  <si>
    <t>12/26/2019 11:46:35</t>
  </si>
  <si>
    <t>12/26/2019 11:48:52</t>
  </si>
  <si>
    <t>12/26/2019 11:47:20</t>
  </si>
  <si>
    <t>12/26/2019 11:47:21</t>
  </si>
  <si>
    <t>lu10092aj0ba.tmp</t>
  </si>
  <si>
    <t>\\acsfs\profiles$\BRUNAAR\Numero\lu10092aj0ba.tmp</t>
  </si>
  <si>
    <t>12/26/2019 11:45:53</t>
  </si>
  <si>
    <t>12/26/2019 11:47:59</t>
  </si>
  <si>
    <t>935eedc5-636a-4ebe-a930-a3d5067ebe15.tmp</t>
  </si>
  <si>
    <t>\\acsfs\profiles$\geovannasm\Downloads\935eedc5-636a-4ebe-a930-a3d5067ebe15.tmp</t>
  </si>
  <si>
    <t>12/26/2019 11:45:17</t>
  </si>
  <si>
    <t>JANAYNA TEREZA ROCHA ONOFRE_1_6770045103524359943_1_32.wav</t>
  </si>
  <si>
    <t>\\acsfs\Deptos\EDUCACAO EMPRESARIAL\KÉSIA\Ligações 3º ciclo - Késia\JANAYNA TEREZA ROCHA ONOFRE_1_6770045103524359943_1_32.wav</t>
  </si>
  <si>
    <t>12/26/2019 11:46:18</t>
  </si>
  <si>
    <t>12/26/2019 11:47:30</t>
  </si>
  <si>
    <t>12/26/2019 11:46:45</t>
  </si>
  <si>
    <t>12/26/2019 11:47:05</t>
  </si>
  <si>
    <t>12/26/2019 11:47:14</t>
  </si>
  <si>
    <t>12/26/2019 11:47:41</t>
  </si>
  <si>
    <t>12/26/2019 11:49:51</t>
  </si>
  <si>
    <t>12/26/2019 11:47:17</t>
  </si>
  <si>
    <t>870c209a-6210-48af-a6b0-a2cc0331b517.tmp</t>
  </si>
  <si>
    <t>\\acsfs\profiles$\websondsa\Downloads\870c209a-6210-48af-a6b0-a2cc0331b517.tmp</t>
  </si>
  <si>
    <t>12/26/2019 11:50:52</t>
  </si>
  <si>
    <t>12/26/2019 11:48:12</t>
  </si>
  <si>
    <t>12/26/2019 11:49:33</t>
  </si>
  <si>
    <t>12/26/2019 11:49:37</t>
  </si>
  <si>
    <t>lu146321g6v89.tmp</t>
  </si>
  <si>
    <t>\\acsfs\profiles$\dhiulliananads\My Documents\lu146321g6v89.tmp</t>
  </si>
  <si>
    <t>\\acsfs\profiles$\dhiulliananads\My Documents\lu146321g6v89.tmp\</t>
  </si>
  <si>
    <t>\\acsfs\profiles$\dhiulliananads\My Documents\lu146321g6v89.tmp\META-INF\</t>
  </si>
  <si>
    <t>\\acsfs\profiles$\dhiulliananads\My Documents\lu146321g6v89.tmp\Thumbnails\</t>
  </si>
  <si>
    <t>12/26/2019 11:48:29</t>
  </si>
  <si>
    <t>12/26/2019 11:51:51</t>
  </si>
  <si>
    <t>22053 - UDI - WHIRLPOOL - SERV JEC.xlsx</t>
  </si>
  <si>
    <t>12/26/2019 11:48:47</t>
  </si>
  <si>
    <t>12/26/2019 11:50:02</t>
  </si>
  <si>
    <t>12/26/2019 11:48:34</t>
  </si>
  <si>
    <t>7e1d2ae7-0ea6-4f8f-90f3-f65346f73ae9.tmp</t>
  </si>
  <si>
    <t>\\acsfs\profiles$\lucasgpe\Downloads\7e1d2ae7-0ea6-4f8f-90f3-f65346f73ae9.tmp</t>
  </si>
  <si>
    <t>12/26/2019 11:48:57</t>
  </si>
  <si>
    <t>d87ad228-7413-4fe2-aac1-4c9b70a09066.tmp</t>
  </si>
  <si>
    <t>\\acsfs\profiles$\lucasgpe\Downloads\d87ad228-7413-4fe2-aac1-4c9b70a09066.tmp</t>
  </si>
  <si>
    <t>12/26/2019 11:47:10</t>
  </si>
  <si>
    <t>12/26/2019 11:52:52</t>
  </si>
  <si>
    <t>12/26/2019 11:51:22</t>
  </si>
  <si>
    <t>82341ba1-b44e-4065-baa7-842cc4a07cf0.tmp</t>
  </si>
  <si>
    <t>\\acsfs\profiles$\maxmillianosv\Downloads\82341ba1-b44e-4065-baa7-842cc4a07cf0.tmp</t>
  </si>
  <si>
    <t>12/26/2019 11:49:04</t>
  </si>
  <si>
    <t>09779f05-ce08-49dc-b860-2ac4c31a6244.tmp</t>
  </si>
  <si>
    <t>\\acsfs\profiles$\paulovadc\Downloads\09779f05-ce08-49dc-b860-2ac4c31a6244.tmp</t>
  </si>
  <si>
    <t>12/26/2019 11:51:17</t>
  </si>
  <si>
    <t>12/26/2019 11:51:18</t>
  </si>
  <si>
    <t>lu269482jf22b.tmp</t>
  </si>
  <si>
    <t>\\acsfs\profiles$\FLAVIOJMM\My Documents\lu269482jf22b.tmp</t>
  </si>
  <si>
    <t>\\acsfs\profiles$\FLAVIOJMM\My Documents\lu269482jf22b.tmp\</t>
  </si>
  <si>
    <t>\\acsfs\profiles$\FLAVIOJMM\My Documents\lu269482jf22b.tmp\META-INF\</t>
  </si>
  <si>
    <t>\\acsfs\profiles$\FLAVIOJMM\My Documents\lu269482jf22b.tmp\Thumbnails\</t>
  </si>
  <si>
    <t>12/26/2019 11:48:00</t>
  </si>
  <si>
    <t>lu141641cbk0a.tmp</t>
  </si>
  <si>
    <t>\\acsfs\profiles$\LUCASBS\lu141641cbk0a.tmp</t>
  </si>
  <si>
    <t>\\acsfs\profiles$\LUCASBS\lu141641cbk0a.tmp\</t>
  </si>
  <si>
    <t>\\acsfs\profiles$\LUCASBS\lu141641cbk0a.tmp\META-INF\</t>
  </si>
  <si>
    <t>\\acsfs\profiles$\LUCASBS\lu141641cbk0a.tmp\Thumbnails\</t>
  </si>
  <si>
    <t>12/26/2019 11:48:58</t>
  </si>
  <si>
    <t>d3c0f8ff-9c8e-4632-b4c4-632439f47c5a.tmp</t>
  </si>
  <si>
    <t>\\acsfs\profiles$\gabrielafs\Downloads\d3c0f8ff-9c8e-4632-b4c4-632439f47c5a.tmp</t>
  </si>
  <si>
    <t>12/26/2019 11:51:53</t>
  </si>
  <si>
    <t>12/26/2019 11:53:52</t>
  </si>
  <si>
    <t>12/26/2019 11:52:56</t>
  </si>
  <si>
    <t>12/26/2019 11:51:30</t>
  </si>
  <si>
    <t>12/26/2019 11:51:48</t>
  </si>
  <si>
    <t>Marcos.pereira</t>
  </si>
  <si>
    <t>mail.google.com/_/upload?authuser=0&amp;dcp=asu-n&amp;upload_id=AEnB2Uoq-FGaSmxJCspMx1Ds7jdWokSfI9UYCtRVFrTUEVS7_j3Cz9UbHqnvMD9SkkR6eyU6t4fL2XJ97Xc9vZR6x4x0oNZLQA&amp;upload_protocol=resumable</t>
  </si>
  <si>
    <t>C:\A2\PAULAO\TIM\ORÇAMENTOS\REUNIÃO\DEZEMBRO\DEZEMBRO\CORREÇÃO\</t>
  </si>
  <si>
    <t>TIM Mobilizações_Orçamentos executados Consolidado Algar 06_12_2019_Fatura B_BBN - CORREÇÃO 2.xlsx</t>
  </si>
  <si>
    <t>12/26/2019 11:49:19</t>
  </si>
  <si>
    <t>12/26/2019 11:54:52</t>
  </si>
  <si>
    <t>12/26/2019 11:53:00</t>
  </si>
  <si>
    <t>803c1e78-ddc3-4773-b218-78e94574dbd2.tmp</t>
  </si>
  <si>
    <t>\\acsfs\profiles$\websondsa\Downloads\803c1e78-ddc3-4773-b218-78e94574dbd2.tmp</t>
  </si>
  <si>
    <t>12/26/2019 11:54:18</t>
  </si>
  <si>
    <t>2dbf5866-89d5-4b84-9b32-88f811972a0e.tmp</t>
  </si>
  <si>
    <t>\\acsfs\profiles$\websondsa\Downloads\2dbf5866-89d5-4b84-9b32-88f811972a0e.tmp</t>
  </si>
  <si>
    <t>12/26/2019 11:50:17</t>
  </si>
  <si>
    <t>12/26/2019 11:55:52</t>
  </si>
  <si>
    <t>12/26/2019 11:51:14</t>
  </si>
  <si>
    <t>12/26/2019 11:53:35</t>
  </si>
  <si>
    <t>12/26/2019 11:54:22</t>
  </si>
  <si>
    <t>12/26/2019 11:56:53</t>
  </si>
  <si>
    <t>12/26/2019 11:54:23</t>
  </si>
  <si>
    <t>12/26/2019 11:55:02</t>
  </si>
  <si>
    <t>703647a4-cfbb-41da-85b7-c3d8d0c53964.tmp</t>
  </si>
  <si>
    <t>\\acsfs\profiles$\lucasgpe\Downloads\703647a4-cfbb-41da-85b7-c3d8d0c53964.tmp</t>
  </si>
  <si>
    <t>12/26/2019 11:53:29</t>
  </si>
  <si>
    <t>12/26/2019 11:57:52</t>
  </si>
  <si>
    <t>94690316-ba45-4820-8d64-dcbc8686b172.tmp</t>
  </si>
  <si>
    <t>\\acsfs\profiles$\maxmillianosv\Downloads\94690316-ba45-4820-8d64-dcbc8686b172.tmp</t>
  </si>
  <si>
    <t>Não confirmado 966969.crdownload</t>
  </si>
  <si>
    <t>\\acsfs\profiles$\maxmillianosv\Downloads\Não confirmado 966969.crdownload</t>
  </si>
  <si>
    <t>12/26/2019 11:53:50</t>
  </si>
  <si>
    <t>ab940583-90a8-44dd-b9f5-0ba227f2c651.tmp</t>
  </si>
  <si>
    <t>\\acsfs\profiles$\maxmillianosv\Downloads\ab940583-90a8-44dd-b9f5-0ba227f2c651.tmp</t>
  </si>
  <si>
    <t>12/26/2019 11:54:29</t>
  </si>
  <si>
    <t>c3c72acc-2bf2-4f90-9de5-dd9fa499164f.tmp</t>
  </si>
  <si>
    <t>\\acsfs\profiles$\maxmillianosv\Downloads\c3c72acc-2bf2-4f90-9de5-dd9fa499164f.tmp</t>
  </si>
  <si>
    <t>12/26/2019 11:54:32</t>
  </si>
  <si>
    <t>7292dcb3-2ce5-4a9a-87b2-20355583158a.tmp</t>
  </si>
  <si>
    <t>\\acsfs\profiles$\maxmillianosv\Downloads\7292dcb3-2ce5-4a9a-87b2-20355583158a.tmp</t>
  </si>
  <si>
    <t>12/26/2019 11:54:41</t>
  </si>
  <si>
    <t>fe43be38-a9be-4259-891d-f169352ef75b.tmp</t>
  </si>
  <si>
    <t>\\acsfs\profiles$\maxmillianosv\Downloads\fe43be38-a9be-4259-891d-f169352ef75b.tmp</t>
  </si>
  <si>
    <t>12/26/2019 11:54:58</t>
  </si>
  <si>
    <t>8cd6ac1c-6877-447d-820c-89a788101308.tmp</t>
  </si>
  <si>
    <t>\\acsfs\profiles$\maxmillianosv\Downloads\8cd6ac1c-6877-447d-820c-89a788101308.tmp</t>
  </si>
  <si>
    <t>12/26/2019 11:55:49</t>
  </si>
  <si>
    <t>f87a8f37-9b53-41a4-b92d-ec6ebf7618e4.tmp</t>
  </si>
  <si>
    <t>\\acsfs\profiles$\maxmillianosv\Downloads\f87a8f37-9b53-41a4-b92d-ec6ebf7618e4.tmp</t>
  </si>
  <si>
    <t>12/26/2019 11:56:34</t>
  </si>
  <si>
    <t>12/26/2019 11:56:35</t>
  </si>
  <si>
    <t>lu269482jf22h.tmp</t>
  </si>
  <si>
    <t>\\acsfs\profiles$\FLAVIOJMM\My Documents\lu269482jf22h.tmp</t>
  </si>
  <si>
    <t>\\acsfs\profiles$\FLAVIOJMM\My Documents\lu269482jf22h.tmp\</t>
  </si>
  <si>
    <t>12/26/2019 11:56:36</t>
  </si>
  <si>
    <t>\\acsfs\profiles$\FLAVIOJMM\My Documents\lu269482jf22h.tmp\META-INF\</t>
  </si>
  <si>
    <t>12/26/2019 11:56:37</t>
  </si>
  <si>
    <t>12/26/2019 11:56:38</t>
  </si>
  <si>
    <t>12/26/2019 11:56:39</t>
  </si>
  <si>
    <t>\\acsfs\profiles$\FLAVIOJMM\My Documents\lu269482jf22h.tmp\Thumbnails\</t>
  </si>
  <si>
    <t>12/26/2019 11:55:35</t>
  </si>
  <si>
    <t>12/26/2019 11:58:52</t>
  </si>
  <si>
    <t>12/26/2019 11:55:36</t>
  </si>
  <si>
    <t>lu10092aj0bd.tmp</t>
  </si>
  <si>
    <t>\\acsfs\profiles$\BRUNAAR\Numero\lu10092aj0bd.tmp</t>
  </si>
  <si>
    <t>12/26/2019 11:57:53</t>
  </si>
  <si>
    <t>12/26/2019 11:53:59</t>
  </si>
  <si>
    <t>12/26/2019 11:55:14</t>
  </si>
  <si>
    <t>149453dc-44f8-4742-8d59-7ad14ffb9523.tmp</t>
  </si>
  <si>
    <t>\\acsfs\profiles$\luanaagl\Downloads\149453dc-44f8-4742-8d59-7ad14ffb9523.tmp</t>
  </si>
  <si>
    <t>12/26/2019 11:57:19</t>
  </si>
  <si>
    <t>12/26/2019 11:56:23</t>
  </si>
  <si>
    <t>12/26/2019 11:59:52</t>
  </si>
  <si>
    <t>12/26/2019 11:55:59</t>
  </si>
  <si>
    <t>d9233da3-a55a-480a-bb03-c3518f40430d.tmp</t>
  </si>
  <si>
    <t>\\acsfs\profiles$\mariliafplb\Downloads\d9233da3-a55a-480a-bb03-c3518f40430d.tmp</t>
  </si>
  <si>
    <t>12/26/2019 11:57:39</t>
  </si>
  <si>
    <t>12/26/2019 12:00:52</t>
  </si>
  <si>
    <t>12/26/2019 11:57:51</t>
  </si>
  <si>
    <t>12/26/2019 11:58:10</t>
  </si>
  <si>
    <t>12/26/2019 11:58:15</t>
  </si>
  <si>
    <t>12/26/2019 12:00:05</t>
  </si>
  <si>
    <t>12/26/2019 11:56:54</t>
  </si>
  <si>
    <t>lu146321g6v8f.tmp</t>
  </si>
  <si>
    <t>\\acsfs\profiles$\dhiulliananads\My Documents\lu146321g6v8f.tmp</t>
  </si>
  <si>
    <t>\\acsfs\profiles$\dhiulliananads\My Documents\lu146321g6v8f.tmp\</t>
  </si>
  <si>
    <t>\\acsfs\profiles$\dhiulliananads\My Documents\lu146321g6v8f.tmp\META-INF\</t>
  </si>
  <si>
    <t>\\acsfs\profiles$\dhiulliananads\My Documents\lu146321g6v8f.tmp\Thumbnails\</t>
  </si>
  <si>
    <t>12/26/2019 11:59:33</t>
  </si>
  <si>
    <t>12/26/2019 11:59:34</t>
  </si>
  <si>
    <t>lu146321g6v8l.tmp</t>
  </si>
  <si>
    <t>\\acsfs\profiles$\dhiulliananads\My Documents\lu146321g6v8l.tmp</t>
  </si>
  <si>
    <t>\\acsfs\profiles$\dhiulliananads\My Documents\lu146321g6v8l.tmp\</t>
  </si>
  <si>
    <t>\\acsfs\profiles$\dhiulliananads\My Documents\lu146321g6v8l.tmp\META-INF\</t>
  </si>
  <si>
    <t>\\acsfs\profiles$\dhiulliananads\My Documents\lu146321g6v8l.tmp\Thumbnails\</t>
  </si>
  <si>
    <t>12/26/2019 11:59:51</t>
  </si>
  <si>
    <t>lu146321g6v8p.tmp</t>
  </si>
  <si>
    <t>\\acsfs\profiles$\dhiulliananads\My Documents\lu146321g6v8p.tmp</t>
  </si>
  <si>
    <t>\\acsfs\profiles$\dhiulliananads\My Documents\lu146321g6v8p.tmp\</t>
  </si>
  <si>
    <t>\\acsfs\profiles$\dhiulliananads\My Documents\lu146321g6v8p.tmp\META-INF\</t>
  </si>
  <si>
    <t>\\acsfs\profiles$\dhiulliananads\My Documents\lu146321g6v8p.tmp\Thumbnails\</t>
  </si>
  <si>
    <t>12/26/2019 12:00:24</t>
  </si>
  <si>
    <t>lu146321g6v8t.tmp</t>
  </si>
  <si>
    <t>\\acsfs\profiles$\dhiulliananads\My Documents\lu146321g6v8t.tmp</t>
  </si>
  <si>
    <t>\\acsfs\profiles$\dhiulliananads\My Documents\lu146321g6v8t.tmp\</t>
  </si>
  <si>
    <t>\\acsfs\profiles$\dhiulliananads\My Documents\lu146321g6v8t.tmp\META-INF\</t>
  </si>
  <si>
    <t>\\acsfs\profiles$\dhiulliananads\My Documents\lu146321g6v8t.tmp\Thumbnails\</t>
  </si>
  <si>
    <t>12/26/2019 12:00:09</t>
  </si>
  <si>
    <t>12/26/2019 12:01:52</t>
  </si>
  <si>
    <t>6dc9180b-f151-4865-b186-47765067df11.tmp</t>
  </si>
  <si>
    <t>\\acsfs\profiles$\laianear\Downloads\6dc9180b-f151-4865-b186-47765067df11.tmp</t>
  </si>
  <si>
    <t>12/26/2019 11:58:39</t>
  </si>
  <si>
    <t>0dfebb5f-728a-4365-a3c6-5a239d8bf8a2.tmp</t>
  </si>
  <si>
    <t>\\acsfs\profiles$\laianear\Downloads\0dfebb5f-728a-4365-a3c6-5a239d8bf8a2.tmp</t>
  </si>
  <si>
    <t>12/26/2019 12:00:29</t>
  </si>
  <si>
    <t>14f9e40a-e80b-405a-9afe-23f241efa173.tmp</t>
  </si>
  <si>
    <t>\\acsfs\profiles$\leticiala\Downloads\14f9e40a-e80b-405a-9afe-23f241efa173.tmp</t>
  </si>
  <si>
    <t>12/26/2019 11:57:38</t>
  </si>
  <si>
    <t>12/26/2019 12:02:52</t>
  </si>
  <si>
    <t>2fe229e7-4ab5-49e7-88c5-c05ffbc8d92e.tmp</t>
  </si>
  <si>
    <t>\\acsfs\profiles$\maxmillianosv\Downloads\2fe229e7-4ab5-49e7-88c5-c05ffbc8d92e.tmp</t>
  </si>
  <si>
    <t>12/26/2019 11:57:24</t>
  </si>
  <si>
    <t>12/26/2019 11:57:29</t>
  </si>
  <si>
    <t>ff6c4c26-600a-4da5-b6ce-2db5c83cd8a0.tmp</t>
  </si>
  <si>
    <t>\\acsfs\profiles$\paulovadc\Downloads\ff6c4c26-600a-4da5-b6ce-2db5c83cd8a0.tmp</t>
  </si>
  <si>
    <t>12/26/2019 12:01:24</t>
  </si>
  <si>
    <t>12/26/2019 12:01:26</t>
  </si>
  <si>
    <t>lu269482jf22n.tmp</t>
  </si>
  <si>
    <t>\\acsfs\profiles$\FLAVIOJMM\My Documents\lu269482jf22n.tmp</t>
  </si>
  <si>
    <t>\\acsfs\profiles$\FLAVIOJMM\My Documents\lu269482jf22n.tmp\</t>
  </si>
  <si>
    <t>\\acsfs\profiles$\FLAVIOJMM\My Documents\lu269482jf22n.tmp\META-INF\</t>
  </si>
  <si>
    <t>\\acsfs\profiles$\FLAVIOJMM\My Documents\lu269482jf22n.tmp\Thumbnails\</t>
  </si>
  <si>
    <t>12/26/2019 11:59:59</t>
  </si>
  <si>
    <t>12/26/2019 12:03:53</t>
  </si>
  <si>
    <t>12/26/2019 12:00:43</t>
  </si>
  <si>
    <t>d5faf9f5-806a-47ab-a30d-fcdfe01bd8a5.tmp</t>
  </si>
  <si>
    <t>\\acsfs\profiles$\luanaagl\Downloads\d5faf9f5-806a-47ab-a30d-fcdfe01bd8a5.tmp</t>
  </si>
  <si>
    <t>12/26/2019 12:03:29</t>
  </si>
  <si>
    <t>12/26/2019 12:04:52</t>
  </si>
  <si>
    <t>12/26/2019 11:59:50</t>
  </si>
  <si>
    <t>1685e55d-528c-4b2d-a955-33bb574aa842.tmp</t>
  </si>
  <si>
    <t>\\acsfs\profiles$\YASMINSC\Downloads\1685e55d-528c-4b2d-a955-33bb574aa842.tmp</t>
  </si>
  <si>
    <t>12/26/2019 12:03:05</t>
  </si>
  <si>
    <t>12/26/2019 12:05:53</t>
  </si>
  <si>
    <t>10.200.66.147</t>
  </si>
  <si>
    <t>64-1C-67-9C-83-B8</t>
  </si>
  <si>
    <t>VOTORANT-OB018</t>
  </si>
  <si>
    <t>anafsb</t>
  </si>
  <si>
    <t>\\acsfs\profiles$\anafsb\Downloads\</t>
  </si>
  <si>
    <t>c760f75e-c172-441a-ad5f-b906112755d5.tmp</t>
  </si>
  <si>
    <t>\\acsfs\profiles$\anafsb\Downloads\c760f75e-c172-441a-ad5f-b906112755d5.tmp</t>
  </si>
  <si>
    <t>12/26/2019 12:02:51</t>
  </si>
  <si>
    <t>12/26/2019 12:07:53</t>
  </si>
  <si>
    <t>f6c5fdd3-80b1-4869-a98e-ae3a8ed7ac72.tmp</t>
  </si>
  <si>
    <t>\\acsfs\profiles$\raicabog\Downloads\f6c5fdd3-80b1-4869-a98e-ae3a8ed7ac72.tmp</t>
  </si>
  <si>
    <t>12/26/2019 12:06:51</t>
  </si>
  <si>
    <t>12/26/2019 12:06:53</t>
  </si>
  <si>
    <t>lu269482jf22t.tmp</t>
  </si>
  <si>
    <t>\\acsfs\profiles$\FLAVIOJMM\My Documents\lu269482jf22t.tmp</t>
  </si>
  <si>
    <t>\\acsfs\profiles$\FLAVIOJMM\My Documents\lu269482jf22t.tmp\</t>
  </si>
  <si>
    <t>\\acsfs\profiles$\FLAVIOJMM\My Documents\lu269482jf22t.tmp\META-INF\</t>
  </si>
  <si>
    <t>\\acsfs\profiles$\FLAVIOJMM\My Documents\lu269482jf22t.tmp\Thumbnails\</t>
  </si>
  <si>
    <t>12/26/2019 12:03:12</t>
  </si>
  <si>
    <t>0badcd69-9651-476b-a777-8491cae4245e.tmp</t>
  </si>
  <si>
    <t>\\acsfs\profiles$\gabrielafs\Downloads\0badcd69-9651-476b-a777-8491cae4245e.tmp</t>
  </si>
  <si>
    <t>12/26/2019 12:08:52</t>
  </si>
  <si>
    <t>12/26/2019 12:05:59</t>
  </si>
  <si>
    <t>12/26/2019 12:06:00</t>
  </si>
  <si>
    <t>12/26/2019 12:05:37</t>
  </si>
  <si>
    <t>a6082ee7-043d-45b9-b406-c90a0ae4a6e2.tmp</t>
  </si>
  <si>
    <t>\\acsfs\profiles$\vivianalds\Downloads\a6082ee7-043d-45b9-b406-c90a0ae4a6e2.tmp</t>
  </si>
  <si>
    <t>12/26/2019 12:08:17</t>
  </si>
  <si>
    <t>12/26/2019 12:09:53</t>
  </si>
  <si>
    <t>12/26/2019 12:07:01</t>
  </si>
  <si>
    <t>12/26/2019 12:10:52</t>
  </si>
  <si>
    <t>12/26/2019 12:05:40</t>
  </si>
  <si>
    <t>12/26/2019 12:05:41</t>
  </si>
  <si>
    <t>lu146321g6v8z.tmp</t>
  </si>
  <si>
    <t>\\acsfs\profiles$\dhiulliananads\My Documents\lu146321g6v8z.tmp</t>
  </si>
  <si>
    <t>\\acsfs\profiles$\dhiulliananads\My Documents\lu146321g6v8z.tmp\</t>
  </si>
  <si>
    <t>\\acsfs\profiles$\dhiulliananads\My Documents\lu146321g6v8z.tmp\META-INF\</t>
  </si>
  <si>
    <t>\\acsfs\profiles$\dhiulliananads\My Documents\lu146321g6v8z.tmp\Thumbnails\</t>
  </si>
  <si>
    <t>12/26/2019 12:06:33</t>
  </si>
  <si>
    <t>12/26/2019 12:11:53</t>
  </si>
  <si>
    <t>c86d96b3-af71-4d13-afa3-ca125d0f39ac.tmp</t>
  </si>
  <si>
    <t>\\acsfs\profiles$\matheushds\Downloads\c86d96b3-af71-4d13-afa3-ca125d0f39ac.tmp</t>
  </si>
  <si>
    <t>12/26/2019 12:08:32</t>
  </si>
  <si>
    <t>12/26/2019 12:09:49</t>
  </si>
  <si>
    <t>3b710df9-9383-4365-9730-322233789e20.tmp</t>
  </si>
  <si>
    <t>\\acsfs\profiles$\wenderbnm\Downloads\3b710df9-9383-4365-9730-322233789e20.tmp</t>
  </si>
  <si>
    <t>12/26/2019 12:10:19</t>
  </si>
  <si>
    <t>10b6a17c-04b2-4731-b529-459bbbaf4f06.tmp</t>
  </si>
  <si>
    <t>\\acsfs\profiles$\wenderbnm\Downloads\10b6a17c-04b2-4731-b529-459bbbaf4f06.tmp</t>
  </si>
  <si>
    <t>12/26/2019 12:07:54</t>
  </si>
  <si>
    <t>12/26/2019 12:12:53</t>
  </si>
  <si>
    <t>12/26/2019 12:07:55</t>
  </si>
  <si>
    <t>lu269482jf22z.tmp</t>
  </si>
  <si>
    <t>\\acsfs\profiles$\FLAVIOJMM\My Documents\lu269482jf22z.tmp</t>
  </si>
  <si>
    <t>\\acsfs\profiles$\FLAVIOJMM\My Documents\lu269482jf22z.tmp\</t>
  </si>
  <si>
    <t>\\acsfs\profiles$\FLAVIOJMM\My Documents\lu269482jf22z.tmp\META-INF\</t>
  </si>
  <si>
    <t>12/26/2019 12:07:56</t>
  </si>
  <si>
    <t>\\acsfs\profiles$\FLAVIOJMM\My Documents\lu269482jf22z.tmp\Thumbnails\</t>
  </si>
  <si>
    <t>12/26/2019 12:09:17</t>
  </si>
  <si>
    <t>12/26/2019 12:09:19</t>
  </si>
  <si>
    <t>lu141641cbk0j.tmp</t>
  </si>
  <si>
    <t>\\acsfs\profiles$\LUCASBS\lu141641cbk0j.tmp</t>
  </si>
  <si>
    <t>\\acsfs\profiles$\LUCASBS\lu141641cbk0j.tmp\</t>
  </si>
  <si>
    <t>\\acsfs\profiles$\LUCASBS\lu141641cbk0j.tmp\META-INF\</t>
  </si>
  <si>
    <t>\\acsfs\profiles$\LUCASBS\lu141641cbk0j.tmp\Thumbnails\</t>
  </si>
  <si>
    <t>12/26/2019 12:10:35</t>
  </si>
  <si>
    <t>6c4d645f-5b63-42d5-b800-3d406bf67147.tmp</t>
  </si>
  <si>
    <t>\\acsfs\profiles$\gabrielafs\Downloads\6c4d645f-5b63-42d5-b800-3d406bf67147.tmp</t>
  </si>
  <si>
    <t>12/26/2019 12:12:39</t>
  </si>
  <si>
    <t>5e745723-cddd-4c36-952a-22c9c7eb054e.tmp</t>
  </si>
  <si>
    <t>\\acsfs\profiles$\gabrielafs\Downloads\5e745723-cddd-4c36-952a-22c9c7eb054e.tmp</t>
  </si>
  <si>
    <t>12/26/2019 12:12:47</t>
  </si>
  <si>
    <t>12/26/2019 12:13:52</t>
  </si>
  <si>
    <t>c92e39de-be9b-4ee2-9404-44bfbffcfe79.tmp</t>
  </si>
  <si>
    <t>\\acsfs\profiles$\BRUNAAR\Downloads\c92e39de-be9b-4ee2-9404-44bfbffcfe79.tmp</t>
  </si>
  <si>
    <t>12/26/2019 12:11:09</t>
  </si>
  <si>
    <t>12/26/2019 12:12:00</t>
  </si>
  <si>
    <t>12/26/2019 12:11:03</t>
  </si>
  <si>
    <t>12/26/2019 12:15:52</t>
  </si>
  <si>
    <t>1d9e77ac-ade2-4f69-84fa-072be099aa93.tmp</t>
  </si>
  <si>
    <t>\\acsfs\profiles$\sarahbal\Downloads\1d9e77ac-ade2-4f69-84fa-072be099aa93.tmp</t>
  </si>
  <si>
    <t>12/26/2019 12:12:33</t>
  </si>
  <si>
    <t>248a6324-eb52-407f-9013-a2d9496a1e3e.tmp</t>
  </si>
  <si>
    <t>\\acsfs\profiles$\sarahbal\Downloads\248a6324-eb52-407f-9013-a2d9496a1e3e.tmp</t>
  </si>
  <si>
    <t>8ec72e9c-0c3b-4f5f-ac3f-fc0c9944afc7.tmp</t>
  </si>
  <si>
    <t>\\acsfs\profiles$\sarahbal\Downloads\8ec72e9c-0c3b-4f5f-ac3f-fc0c9944afc7.tmp</t>
  </si>
  <si>
    <t>12/26/2019 12:14:01</t>
  </si>
  <si>
    <t>12/26/2019 12:16:53</t>
  </si>
  <si>
    <t>12/26/2019 12:12:37</t>
  </si>
  <si>
    <t>Mateus Jesus_1_6774006046918782875_1_32.wav</t>
  </si>
  <si>
    <t>\\acsfs\DEPTOS\EDUCACAO EMPRESARIAL\2 - Operações\0.01 BV CARTÕES\Mariane\Mateus Jesus_1_6774006046918782875_1_32.wav</t>
  </si>
  <si>
    <t>12/26/2019 12:13:24</t>
  </si>
  <si>
    <t>Lais Ribeiro_1_6774762854516071808_1_32.wav</t>
  </si>
  <si>
    <t>\\acsfs\DEPTOS\EDUCACAO EMPRESARIAL\2 - Operações\0.01 BV CARTÕES\Mariane\Lais Ribeiro_1_6774762854516071808_1_32.wav</t>
  </si>
  <si>
    <t>12/26/2019 12:15:03</t>
  </si>
  <si>
    <t>Edicarlos_1_6766302567806874445_1_32.wav</t>
  </si>
  <si>
    <t>\\acsfs\DEPTOS\EDUCACAO EMPRESARIAL\2 - Operações\0.01 BV CARTÕES\Mariane\Edicarlos_1_6766302567806874445_1_32.wav</t>
  </si>
  <si>
    <t>12/26/2019 12:15:38</t>
  </si>
  <si>
    <t>Edicarlos 2_1_6766760759212974380_1_32.wav</t>
  </si>
  <si>
    <t>\\acsfs\DEPTOS\EDUCACAO EMPRESARIAL\2 - Operações\0.01 BV CARTÕES\Mariane\Edicarlos 2_1_6766760759212974380_1_32.wav</t>
  </si>
  <si>
    <t>12/26/2019 12:11:58</t>
  </si>
  <si>
    <t>9dfc0122-92e4-44ef-8954-c2007a9e1aac.tmp</t>
  </si>
  <si>
    <t>\\acsfs\profiles$\wenderbnm\Downloads\9dfc0122-92e4-44ef-8954-c2007a9e1aac.tmp</t>
  </si>
  <si>
    <t>12/26/2019 12:13:32</t>
  </si>
  <si>
    <t>eb71d3e1-82f7-456b-98fb-d497c0004b0b.tmp</t>
  </si>
  <si>
    <t>\\acsfs\profiles$\wenderbnm\Downloads\eb71d3e1-82f7-456b-98fb-d497c0004b0b.tmp</t>
  </si>
  <si>
    <t>12/26/2019 12:14:36</t>
  </si>
  <si>
    <t>4ba61a3b-017c-4c7d-ae29-38b590791198.tmp</t>
  </si>
  <si>
    <t>\\acsfs\profiles$\wenderbnm\Downloads\4ba61a3b-017c-4c7d-ae29-38b590791198.tmp</t>
  </si>
  <si>
    <t>12/26/2019 12:12:45</t>
  </si>
  <si>
    <t>12/26/2019 12:15:53</t>
  </si>
  <si>
    <t>12/26/2019 12:18:52</t>
  </si>
  <si>
    <t>12/26/2019 12:18:00</t>
  </si>
  <si>
    <t>12/26/2019 12:15:57</t>
  </si>
  <si>
    <t>12/26/2019 12:19:53</t>
  </si>
  <si>
    <t>adrianacro@algartech.com;fabianacscg@algartech.com;fernandaap@algartech.com;gilcimarapp@algartech.com;mayza.costa@avon.com;rosana.scalabrin@avon.com;senildapdo@algartecnologia.com.br;</t>
  </si>
  <si>
    <t>NEW MODEL DEZ 19 CONSOLIDADO.xlsx</t>
  </si>
  <si>
    <t>adrianacro@algartech.com,fabianacscg@algartech.com,fernandaap@algartech.com,gilcimarapp@algartech.com,mayza.costa@avon.com,rosana.scalabrin@avon.com,senildapdo@algartecnologia.com.br</t>
  </si>
  <si>
    <t>12/26/2019 12:16:18</t>
  </si>
  <si>
    <t>\\acsfs\profiles$\victoriaksr\My Documents\.~lock.Filas-ALGAR - Mariana.xlsx#</t>
  </si>
  <si>
    <t>12/26/2019 12:17:47</t>
  </si>
  <si>
    <t>\\acsfs\DEPTOS\Operacao\PCP\5 - Comum\JUKA\Login Logout Cartões\</t>
  </si>
  <si>
    <t>Consolidado Login Cartões.xlsx</t>
  </si>
  <si>
    <t>\\acsfs\DEPTOS\Operacao\PCP\5 - Comum\PLANEJAMENTO BV\14 - ACOMPANHAMENTO\1 - REPORT ACOMPANHAMENTO\2019\12 - Dezembro\CARTÕES\Login Logout Cartões\Consolidado Login Cartões.xlsx</t>
  </si>
  <si>
    <t>12/26/2019 12:17:54</t>
  </si>
  <si>
    <t>RELATORIO DE LOGIN - BV CARTÕES 12-12.xlsm</t>
  </si>
  <si>
    <t>\\acsfs\DEPTOS\Operacao\PCP\5 - Comum\PLANEJAMENTO BV\14 - ACOMPANHAMENTO\1 - REPORT ACOMPANHAMENTO\2019\12 - Dezembro\CARTÕES\Login Logout Cartões\RELATORIO DE LOGIN - BV CARTÕES 12-12.xlsm</t>
  </si>
  <si>
    <t>\\acsfs\DEPTOS\Operacao\PCP\5 - Comum\PLANEJAMENTO BV\14 - ACOMPANHAMENTO\1 - REPORT ACOMPANHAMENTO\2019\12 - Dezembro\CARTÕES\Login Logout Cartões\RELATORIO DE LOGIN - BV CARTÕES 12-12.xlsm\</t>
  </si>
  <si>
    <t>\\acsfs\DEPTOS\Operacao\PCP\5 - Comum\PLANEJAMENTO BV\14 - ACOMPANHAMENTO\1 - REPORT ACOMPANHAMENTO\2019\12 - Dezembro\CARTÕES\Login Logout Cartões\RELATORIO DE LOGIN - BV CARTÕES 12-12.xlsm\:Zone.Identifier:$DATA</t>
  </si>
  <si>
    <t>RELATORIO DE LOGIN - BV CARTÕES 16-12.xlsm</t>
  </si>
  <si>
    <t>\\acsfs\DEPTOS\Operacao\PCP\5 - Comum\PLANEJAMENTO BV\14 - ACOMPANHAMENTO\1 - REPORT ACOMPANHAMENTO\2019\12 - Dezembro\CARTÕES\Login Logout Cartões\RELATORIO DE LOGIN - BV CARTÕES 16-12.xlsm</t>
  </si>
  <si>
    <t>12/26/2019 12:18:04</t>
  </si>
  <si>
    <t>RELATORIO DE LOGIN - BV CARTÕES 18-12.xlsm</t>
  </si>
  <si>
    <t>\\acsfs\DEPTOS\Operacao\PCP\5 - Comum\PLANEJAMENTO BV\14 - ACOMPANHAMENTO\1 - REPORT ACOMPANHAMENTO\2019\12 - Dezembro\CARTÕES\Login Logout Cartões\RELATORIO DE LOGIN - BV CARTÕES 18-12.xlsm</t>
  </si>
  <si>
    <t>12/26/2019 12:18:09</t>
  </si>
  <si>
    <t>RELATORIO DE LOGIN - BV CARTÕES 22-12.xlsm</t>
  </si>
  <si>
    <t>\\acsfs\DEPTOS\Operacao\PCP\5 - Comum\PLANEJAMENTO BV\14 - ACOMPANHAMENTO\1 - REPORT ACOMPANHAMENTO\2019\12 - Dezembro\CARTÕES\Login Logout Cartões\RELATORIO DE LOGIN - BV CARTÕES 22-12.xlsm</t>
  </si>
  <si>
    <t>12/26/2019 12:18:14</t>
  </si>
  <si>
    <t>RELATORIO DE LOGIN - BV CARTÕES - 02 - 12.xlsm</t>
  </si>
  <si>
    <t>\\acsfs\DEPTOS\Operacao\PCP\5 - Comum\PLANEJAMENTO BV\14 - ACOMPANHAMENTO\1 - REPORT ACOMPANHAMENTO\2019\12 - Dezembro\CARTÕES\Login Logout Cartões\RELATORIO DE LOGIN - BV CARTÕES - 02 - 12.xlsm</t>
  </si>
  <si>
    <t>\\acsfs\DEPTOS\Operacao\PCP\5 - Comum\PLANEJAMENTO BV\14 - ACOMPANHAMENTO\1 - REPORT ACOMPANHAMENTO\2019\12 - Dezembro\CARTÕES\Login Logout Cartões\RELATORIO DE LOGIN - BV CARTÕES - 02 - 12.xlsm\</t>
  </si>
  <si>
    <t>\\acsfs\DEPTOS\Operacao\PCP\5 - Comum\PLANEJAMENTO BV\14 - ACOMPANHAMENTO\1 - REPORT ACOMPANHAMENTO\2019\12 - Dezembro\CARTÕES\Login Logout Cartões\RELATORIO DE LOGIN - BV CARTÕES - 02 - 12.xlsm\:Zone.Identifier:$DATA</t>
  </si>
  <si>
    <t>12/26/2019 12:18:19</t>
  </si>
  <si>
    <t>RELATORIO DE LOGIN - BV CARTÕES - 03 - 12.xlsm</t>
  </si>
  <si>
    <t>\\acsfs\DEPTOS\Operacao\PCP\5 - Comum\PLANEJAMENTO BV\14 - ACOMPANHAMENTO\1 - REPORT ACOMPANHAMENTO\2019\12 - Dezembro\CARTÕES\Login Logout Cartões\RELATORIO DE LOGIN - BV CARTÕES - 03 - 12.xlsm</t>
  </si>
  <si>
    <t>\\acsfs\DEPTOS\Operacao\PCP\5 - Comum\PLANEJAMENTO BV\14 - ACOMPANHAMENTO\1 - REPORT ACOMPANHAMENTO\2019\12 - Dezembro\CARTÕES\Login Logout Cartões\RELATORIO DE LOGIN - BV CARTÕES - 03 - 12.xlsm\</t>
  </si>
  <si>
    <t>\\acsfs\DEPTOS\Operacao\PCP\5 - Comum\PLANEJAMENTO BV\14 - ACOMPANHAMENTO\1 - REPORT ACOMPANHAMENTO\2019\12 - Dezembro\CARTÕES\Login Logout Cartões\RELATORIO DE LOGIN - BV CARTÕES - 03 - 12.xlsm\:Zone.Identifier:$DATA</t>
  </si>
  <si>
    <t>12/26/2019 12:18:24</t>
  </si>
  <si>
    <t>RELATORIO DE LOGIN - BV CARTÕES - 04 - 12.xlsm</t>
  </si>
  <si>
    <t>\\acsfs\DEPTOS\Operacao\PCP\5 - Comum\PLANEJAMENTO BV\14 - ACOMPANHAMENTO\1 - REPORT ACOMPANHAMENTO\2019\12 - Dezembro\CARTÕES\Login Logout Cartões\RELATORIO DE LOGIN - BV CARTÕES - 04 - 12.xlsm</t>
  </si>
  <si>
    <t>\\acsfs\DEPTOS\Operacao\PCP\5 - Comum\PLANEJAMENTO BV\14 - ACOMPANHAMENTO\1 - REPORT ACOMPANHAMENTO\2019\12 - Dezembro\CARTÕES\Login Logout Cartões\RELATORIO DE LOGIN - BV CARTÕES - 04 - 12.xlsm\</t>
  </si>
  <si>
    <t>\\acsfs\DEPTOS\Operacao\PCP\5 - Comum\PLANEJAMENTO BV\14 - ACOMPANHAMENTO\1 - REPORT ACOMPANHAMENTO\2019\12 - Dezembro\CARTÕES\Login Logout Cartões\RELATORIO DE LOGIN - BV CARTÕES - 04 - 12.xlsm\:Zone.Identifier:$DATA</t>
  </si>
  <si>
    <t>12/26/2019 12:18:29</t>
  </si>
  <si>
    <t>RELATORIO DE LOGIN - BV CARTÕES - 05 - 12.xlsm</t>
  </si>
  <si>
    <t>\\acsfs\DEPTOS\Operacao\PCP\5 - Comum\PLANEJAMENTO BV\14 - ACOMPANHAMENTO\1 - REPORT ACOMPANHAMENTO\2019\12 - Dezembro\CARTÕES\Login Logout Cartões\RELATORIO DE LOGIN - BV CARTÕES - 05 - 12.xlsm</t>
  </si>
  <si>
    <t>\\acsfs\DEPTOS\Operacao\PCP\5 - Comum\PLANEJAMENTO BV\14 - ACOMPANHAMENTO\1 - REPORT ACOMPANHAMENTO\2019\12 - Dezembro\CARTÕES\Login Logout Cartões\RELATORIO DE LOGIN - BV CARTÕES - 05 - 12.xlsm\</t>
  </si>
  <si>
    <t>\\acsfs\DEPTOS\Operacao\PCP\5 - Comum\PLANEJAMENTO BV\14 - ACOMPANHAMENTO\1 - REPORT ACOMPANHAMENTO\2019\12 - Dezembro\CARTÕES\Login Logout Cartões\RELATORIO DE LOGIN - BV CARTÕES - 05 - 12.xlsm\:Zone.Identifier:$DATA</t>
  </si>
  <si>
    <t>12/26/2019 12:18:33</t>
  </si>
  <si>
    <t>RELATORIO DE LOGIN - BV CARTÕES - 06 - 12.xlsm</t>
  </si>
  <si>
    <t>\\acsfs\DEPTOS\Operacao\PCP\5 - Comum\PLANEJAMENTO BV\14 - ACOMPANHAMENTO\1 - REPORT ACOMPANHAMENTO\2019\12 - Dezembro\CARTÕES\Login Logout Cartões\RELATORIO DE LOGIN - BV CARTÕES - 06 - 12.xlsm</t>
  </si>
  <si>
    <t>\\acsfs\DEPTOS\Operacao\PCP\5 - Comum\PLANEJAMENTO BV\14 - ACOMPANHAMENTO\1 - REPORT ACOMPANHAMENTO\2019\12 - Dezembro\CARTÕES\Login Logout Cartões\RELATORIO DE LOGIN - BV CARTÕES - 06 - 12.xlsm\</t>
  </si>
  <si>
    <t>\\acsfs\DEPTOS\Operacao\PCP\5 - Comum\PLANEJAMENTO BV\14 - ACOMPANHAMENTO\1 - REPORT ACOMPANHAMENTO\2019\12 - Dezembro\CARTÕES\Login Logout Cartões\RELATORIO DE LOGIN - BV CARTÕES - 06 - 12.xlsm\:Zone.Identifier:$DATA</t>
  </si>
  <si>
    <t>12/26/2019 12:18:38</t>
  </si>
  <si>
    <t>RELATORIO DE LOGIN - BV CARTÕES - 09- 12.xlsm</t>
  </si>
  <si>
    <t>\\acsfs\DEPTOS\Operacao\PCP\5 - Comum\PLANEJAMENTO BV\14 - ACOMPANHAMENTO\1 - REPORT ACOMPANHAMENTO\2019\12 - Dezembro\CARTÕES\Login Logout Cartões\RELATORIO DE LOGIN - BV CARTÕES - 09- 12.xlsm</t>
  </si>
  <si>
    <t>\\acsfs\DEPTOS\Operacao\PCP\5 - Comum\PLANEJAMENTO BV\14 - ACOMPANHAMENTO\1 - REPORT ACOMPANHAMENTO\2019\12 - Dezembro\CARTÕES\Login Logout Cartões\RELATORIO DE LOGIN - BV CARTÕES - 09- 12.xlsm\</t>
  </si>
  <si>
    <t>\\acsfs\DEPTOS\Operacao\PCP\5 - Comum\PLANEJAMENTO BV\14 - ACOMPANHAMENTO\1 - REPORT ACOMPANHAMENTO\2019\12 - Dezembro\CARTÕES\Login Logout Cartões\RELATORIO DE LOGIN - BV CARTÕES - 09- 12.xlsm\:Zone.Identifier:$DATA</t>
  </si>
  <si>
    <t>12/26/2019 12:18:43</t>
  </si>
  <si>
    <t>RELATORIO DE LOGIN - BV CARTÕES - 10 - 12.xlsm</t>
  </si>
  <si>
    <t>\\acsfs\DEPTOS\Operacao\PCP\5 - Comum\PLANEJAMENTO BV\14 - ACOMPANHAMENTO\1 - REPORT ACOMPANHAMENTO\2019\12 - Dezembro\CARTÕES\Login Logout Cartões\RELATORIO DE LOGIN - BV CARTÕES - 10 - 12.xlsm</t>
  </si>
  <si>
    <t>\\acsfs\DEPTOS\Operacao\PCP\5 - Comum\PLANEJAMENTO BV\14 - ACOMPANHAMENTO\1 - REPORT ACOMPANHAMENTO\2019\12 - Dezembro\CARTÕES\Login Logout Cartões\RELATORIO DE LOGIN - BV CARTÕES - 10 - 12.xlsm\</t>
  </si>
  <si>
    <t>\\acsfs\DEPTOS\Operacao\PCP\5 - Comum\PLANEJAMENTO BV\14 - ACOMPANHAMENTO\1 - REPORT ACOMPANHAMENTO\2019\12 - Dezembro\CARTÕES\Login Logout Cartões\RELATORIO DE LOGIN - BV CARTÕES - 10 - 12.xlsm\:Zone.Identifier:$DATA</t>
  </si>
  <si>
    <t>12/26/2019 12:18:48</t>
  </si>
  <si>
    <t>RELATORIO DE LOGIN - BV CARTÕES - 11 - 12.xlsm</t>
  </si>
  <si>
    <t>\\acsfs\DEPTOS\Operacao\PCP\5 - Comum\PLANEJAMENTO BV\14 - ACOMPANHAMENTO\1 - REPORT ACOMPANHAMENTO\2019\12 - Dezembro\CARTÕES\Login Logout Cartões\RELATORIO DE LOGIN - BV CARTÕES - 11 - 12.xlsm</t>
  </si>
  <si>
    <t>\\acsfs\DEPTOS\Operacao\PCP\5 - Comum\PLANEJAMENTO BV\14 - ACOMPANHAMENTO\1 - REPORT ACOMPANHAMENTO\2019\12 - Dezembro\CARTÕES\Login Logout Cartões\RELATORIO DE LOGIN - BV CARTÕES - 11 - 12.xlsm\</t>
  </si>
  <si>
    <t>\\acsfs\DEPTOS\Operacao\PCP\5 - Comum\PLANEJAMENTO BV\14 - ACOMPANHAMENTO\1 - REPORT ACOMPANHAMENTO\2019\12 - Dezembro\CARTÕES\Login Logout Cartões\RELATORIO DE LOGIN - BV CARTÕES - 11 - 12.xlsm\:Zone.Identifier:$DATA</t>
  </si>
  <si>
    <t>12/26/2019 12:20:52</t>
  </si>
  <si>
    <t>12/26/2019 12:18:21</t>
  </si>
  <si>
    <t>12/26/2019 12:21:52</t>
  </si>
  <si>
    <t>\\acsfs\profiles$\ADELVINSONLE\</t>
  </si>
  <si>
    <t>\\acsfs\profiles$\ADELVINSONLE\Novo Documento de Texto.txt</t>
  </si>
  <si>
    <t>12/26/2019 12:20:17</t>
  </si>
  <si>
    <t>12/26/2019 12:17:00</t>
  </si>
  <si>
    <t>\\acsfs\DEPTOS\Operacao\Banco_Votorantim\Qualidade\Anderson\Jose\Atualizado\75167EBB.tmp\</t>
  </si>
  <si>
    <t>\\acsfs\DEPTOS\Operacao\Banco_Votorantim\Qualidade\Anderson\Jose\Atualizado\75167EBB.tmp\:Zone.Identifier:$DATA</t>
  </si>
  <si>
    <t>12/26/2019 12:17:03</t>
  </si>
  <si>
    <t>Relatorio de Vendas - Auditoria BV Cartoes (Dezembro)_100.xlsx</t>
  </si>
  <si>
    <t>\\acsfs\DEPTOS\Operacao\Banco_Votorantim\Qualidade\Anderson\Jose\Atualizado\Relatorio de Vendas - Auditoria BV Cartoes (Dezembro)_100.xlsx</t>
  </si>
  <si>
    <t>12/26/2019 12:20:04</t>
  </si>
  <si>
    <t>0ae19855-79af-4308-8694-eb413031d80b.tmp</t>
  </si>
  <si>
    <t>\\acsfs\profiles$\henriquehmdo\Downloads\0ae19855-79af-4308-8694-eb413031d80b.tmp</t>
  </si>
  <si>
    <t>12/26/2019 12:21:24</t>
  </si>
  <si>
    <t>12/26/2019 12:23:52</t>
  </si>
  <si>
    <t>Simulação Faturamento Livia - NOV19.xlsx</t>
  </si>
  <si>
    <t>12/26/2019 12:21:53</t>
  </si>
  <si>
    <t>12/26/2019 12:23:41</t>
  </si>
  <si>
    <t>12/26/2019 12:24:52</t>
  </si>
  <si>
    <t>12/26/2019 12:23:44</t>
  </si>
  <si>
    <t>lu208202laf3w.tmp</t>
  </si>
  <si>
    <t>\\acsfs\profiles$\geovanaasa\My Documents\lu208202laf3w.tmp</t>
  </si>
  <si>
    <t>\\acsfs\profiles$\geovanaasa\My Documents\lu208202laf3w.tmp\</t>
  </si>
  <si>
    <t>\\acsfs\profiles$\geovanaasa\My Documents\lu208202laf3w.tmp\META-INF\</t>
  </si>
  <si>
    <t>\\acsfs\profiles$\geovanaasa\My Documents\lu208202laf3w.tmp\Thumbnails\</t>
  </si>
  <si>
    <t>12/26/2019 12:24:24</t>
  </si>
  <si>
    <t>12/26/2019 12:25:52</t>
  </si>
  <si>
    <t>12/26/2019 12:22:59</t>
  </si>
  <si>
    <t>NESPRESSO UDI</t>
  </si>
  <si>
    <t>10.200.65.2</t>
  </si>
  <si>
    <t>74-86-7A-FB-17-97</t>
  </si>
  <si>
    <t>NESPRESSO-AU03</t>
  </si>
  <si>
    <t>luanacsdo</t>
  </si>
  <si>
    <t>160665020917665665146884099@livechat.contact.nespresso.com</t>
  </si>
  <si>
    <t>142599802911467822266396548@livechat.contact.nespresso.com;160665020917665665146884099@livechat.contact.nespresso.com;op_1006092@livechat.contact.nespresso.com;</t>
  </si>
  <si>
    <t>C:\Users\luanacsdo\Documents\</t>
  </si>
  <si>
    <t>IGOR.pdf</t>
  </si>
  <si>
    <t>https://142599802911467822266396548@livechat.contact.nespresso.com,160665020917665665146884099@livechat.contact.nespresso.com,op_1006092@livechat.contact.nespresso.com</t>
  </si>
  <si>
    <t>12/26/2019 12:25:23</t>
  </si>
  <si>
    <t>12/26/2019 12:26:52</t>
  </si>
  <si>
    <t>12/26/2019 12:25:51</t>
  </si>
  <si>
    <t>12/26/2019 12:27:51</t>
  </si>
  <si>
    <t>12/26/2019 12:27:53</t>
  </si>
  <si>
    <t>12/26/2019 12:28:52</t>
  </si>
  <si>
    <t>12/26/2019 12:27:52</t>
  </si>
  <si>
    <t>34-E6-D7-FC-B8-42</t>
  </si>
  <si>
    <t>VOTORANT-WB018</t>
  </si>
  <si>
    <t>7e628c0c-1596-487c-bbea-36cf840be414.tmp</t>
  </si>
  <si>
    <t>\\acsfs\profiles$\laylaams\Downloads\7e628c0c-1596-487c-bbea-36cf840be414.tmp</t>
  </si>
  <si>
    <t>fb5a56e9-5889-43ac-8153-f504c6c72dae.tmp</t>
  </si>
  <si>
    <t>\\acsfs\profiles$\laylaams\Downloads\fb5a56e9-5889-43ac-8153-f504c6c72dae.tmp</t>
  </si>
  <si>
    <t>12/26/2019 12:24:00</t>
  </si>
  <si>
    <t>12/26/2019 12:24:21</t>
  </si>
  <si>
    <t>36f28d8d-df69-4355-aa47-20c95d4f86b3.tmp</t>
  </si>
  <si>
    <t>\\acsfs\profiles$\anafsb\Downloads\36f28d8d-df69-4355-aa47-20c95d4f86b3.tmp</t>
  </si>
  <si>
    <t>12/26/2019 12:24:35</t>
  </si>
  <si>
    <t>ba0a6b6a-ede0-408d-84f6-dc0fd1d39d6e.tmp</t>
  </si>
  <si>
    <t>\\acsfs\profiles$\anafsb\Downloads\ba0a6b6a-ede0-408d-84f6-dc0fd1d39d6e.tmp</t>
  </si>
  <si>
    <t>12/26/2019 12:25:24</t>
  </si>
  <si>
    <t>12/26/2019 12:29:51</t>
  </si>
  <si>
    <t>12/26/2019 12:28:49</t>
  </si>
  <si>
    <t>10.200.32.93</t>
  </si>
  <si>
    <t>C:\Users\waleskamms\OneDrive - Grupo Algar\Gestão área\Objetivos\2S19\</t>
  </si>
  <si>
    <t>Objetivos Jurídico 2S19.xlsx</t>
  </si>
  <si>
    <t>12/26/2019 12:26:41</t>
  </si>
  <si>
    <t>\\acsfs\DEPTOS\Operacao\PCP\5 - Comum\PLANEJAMENTO BV\14 - ACOMPANHAMENTO\1 - REPORT ACOMPANHAMENTO\2019\12 - Dezembro\CARTÕES\Login Logout Cartões\</t>
  </si>
  <si>
    <t>RELATORIO DE LOGIN - BV CARTÕES 22-12 - Cópia.xlsm</t>
  </si>
  <si>
    <t>\\acsfs\DEPTOS\Operacao\PCP\5 - Comum\PLANEJAMENTO BV\14 - ACOMPANHAMENTO\1 - REPORT ACOMPANHAMENTO\2019\12 - Dezembro\CARTÕES\Login Logout Cartões\RELATORIO DE LOGIN - BV CARTÕES 22-12 - Cópia.xlsm</t>
  </si>
  <si>
    <t>12/26/2019 12:27:58</t>
  </si>
  <si>
    <t>\\acsfs\DEPTOS\Operacao\PCP\5 - Comum\PLANEJAMENTO BV\14 - ACOMPANHAMENTO\1 - REPORT ACOMPANHAMENTO\2019\12 - Dezembro\FINANCEIRA\Login Logout Financeira\LOGIN LOGOUT FINANCEIRA - EXTRAÇÂO.xlsx</t>
  </si>
  <si>
    <t>12/26/2019 12:28:06</t>
  </si>
  <si>
    <t>RELATORIO DE LOGIN - FINANCEIRA - 05 - 12.xlsm</t>
  </si>
  <si>
    <t>\\acsfs\DEPTOS\Operacao\PCP\5 - Comum\PLANEJAMENTO BV\14 - ACOMPANHAMENTO\1 - REPORT ACOMPANHAMENTO\2019\12 - Dezembro\FINANCEIRA\Login Logout Financeira\RELATORIO DE LOGIN - FINANCEIRA - 05 - 12.xlsm</t>
  </si>
  <si>
    <t>\\acsfs\DEPTOS\Operacao\PCP\5 - Comum\PLANEJAMENTO BV\14 - ACOMPANHAMENTO\1 - REPORT ACOMPANHAMENTO\2019\12 - Dezembro\FINANCEIRA\Login Logout Financeira\RELATORIO DE LOGIN - FINANCEIRA - 05 - 12.xlsm\</t>
  </si>
  <si>
    <t>\\acsfs\DEPTOS\Operacao\PCP\5 - Comum\PLANEJAMENTO BV\14 - ACOMPANHAMENTO\1 - REPORT ACOMPANHAMENTO\2019\12 - Dezembro\FINANCEIRA\Login Logout Financeira\RELATORIO DE LOGIN - FINANCEIRA - 05 - 12.xlsm\:Zone.Identifier:$DATA</t>
  </si>
  <si>
    <t>12/26/2019 12:28:13</t>
  </si>
  <si>
    <t>RELATORIO DE LOGIN - FINANCEIRA - 06 - 12.xlsm</t>
  </si>
  <si>
    <t>\\acsfs\DEPTOS\Operacao\PCP\5 - Comum\PLANEJAMENTO BV\14 - ACOMPANHAMENTO\1 - REPORT ACOMPANHAMENTO\2019\12 - Dezembro\FINANCEIRA\Login Logout Financeira\RELATORIO DE LOGIN - FINANCEIRA - 06 - 12.xlsm</t>
  </si>
  <si>
    <t>\\acsfs\DEPTOS\Operacao\PCP\5 - Comum\PLANEJAMENTO BV\14 - ACOMPANHAMENTO\1 - REPORT ACOMPANHAMENTO\2019\12 - Dezembro\FINANCEIRA\Login Logout Financeira\RELATORIO DE LOGIN - FINANCEIRA - 06 - 12.xlsm\</t>
  </si>
  <si>
    <t>\\acsfs\DEPTOS\Operacao\PCP\5 - Comum\PLANEJAMENTO BV\14 - ACOMPANHAMENTO\1 - REPORT ACOMPANHAMENTO\2019\12 - Dezembro\FINANCEIRA\Login Logout Financeira\RELATORIO DE LOGIN - FINANCEIRA - 06 - 12.xlsm\:Zone.Identifier:$DATA</t>
  </si>
  <si>
    <t>12/26/2019 12:28:19</t>
  </si>
  <si>
    <t>RELATORIO DE LOGIN - FINANCEIRA - 09 - 12.xlsm</t>
  </si>
  <si>
    <t>\\acsfs\DEPTOS\Operacao\PCP\5 - Comum\PLANEJAMENTO BV\14 - ACOMPANHAMENTO\1 - REPORT ACOMPANHAMENTO\2019\12 - Dezembro\FINANCEIRA\Login Logout Financeira\RELATORIO DE LOGIN - FINANCEIRA - 09 - 12.xlsm</t>
  </si>
  <si>
    <t>\\acsfs\DEPTOS\Operacao\PCP\5 - Comum\PLANEJAMENTO BV\14 - ACOMPANHAMENTO\1 - REPORT ACOMPANHAMENTO\2019\12 - Dezembro\FINANCEIRA\Login Logout Financeira\RELATORIO DE LOGIN - FINANCEIRA - 09 - 12.xlsm\</t>
  </si>
  <si>
    <t>\\acsfs\DEPTOS\Operacao\PCP\5 - Comum\PLANEJAMENTO BV\14 - ACOMPANHAMENTO\1 - REPORT ACOMPANHAMENTO\2019\12 - Dezembro\FINANCEIRA\Login Logout Financeira\RELATORIO DE LOGIN - FINANCEIRA - 09 - 12.xlsm\:Zone.Identifier:$DATA</t>
  </si>
  <si>
    <t>12/26/2019 12:28:25</t>
  </si>
  <si>
    <t>RELATORIO DE LOGIN - FINANCEIRA - 10 - 12.xlsm</t>
  </si>
  <si>
    <t>\\acsfs\DEPTOS\Operacao\PCP\5 - Comum\PLANEJAMENTO BV\14 - ACOMPANHAMENTO\1 - REPORT ACOMPANHAMENTO\2019\12 - Dezembro\FINANCEIRA\Login Logout Financeira\RELATORIO DE LOGIN - FINANCEIRA - 10 - 12.xlsm</t>
  </si>
  <si>
    <t>\\acsfs\DEPTOS\Operacao\PCP\5 - Comum\PLANEJAMENTO BV\14 - ACOMPANHAMENTO\1 - REPORT ACOMPANHAMENTO\2019\12 - Dezembro\FINANCEIRA\Login Logout Financeira\RELATORIO DE LOGIN - FINANCEIRA - 10 - 12.xlsm\</t>
  </si>
  <si>
    <t>\\acsfs\DEPTOS\Operacao\PCP\5 - Comum\PLANEJAMENTO BV\14 - ACOMPANHAMENTO\1 - REPORT ACOMPANHAMENTO\2019\12 - Dezembro\FINANCEIRA\Login Logout Financeira\RELATORIO DE LOGIN - FINANCEIRA - 10 - 12.xlsm\:Zone.Identifier:$DATA</t>
  </si>
  <si>
    <t>12/26/2019 12:28:32</t>
  </si>
  <si>
    <t>RELATORIO DE LOGIN - FINANCEIRA - 11 - 12.xlsm</t>
  </si>
  <si>
    <t>\\acsfs\DEPTOS\Operacao\PCP\5 - Comum\PLANEJAMENTO BV\14 - ACOMPANHAMENTO\1 - REPORT ACOMPANHAMENTO\2019\12 - Dezembro\FINANCEIRA\Login Logout Financeira\RELATORIO DE LOGIN - FINANCEIRA - 11 - 12.xlsm</t>
  </si>
  <si>
    <t>\\acsfs\DEPTOS\Operacao\PCP\5 - Comum\PLANEJAMENTO BV\14 - ACOMPANHAMENTO\1 - REPORT ACOMPANHAMENTO\2019\12 - Dezembro\FINANCEIRA\Login Logout Financeira\RELATORIO DE LOGIN - FINANCEIRA - 11 - 12.xlsm\</t>
  </si>
  <si>
    <t>\\acsfs\DEPTOS\Operacao\PCP\5 - Comum\PLANEJAMENTO BV\14 - ACOMPANHAMENTO\1 - REPORT ACOMPANHAMENTO\2019\12 - Dezembro\FINANCEIRA\Login Logout Financeira\RELATORIO DE LOGIN - FINANCEIRA - 11 - 12.xlsm\:Zone.Identifier:$DATA</t>
  </si>
  <si>
    <t>12/26/2019 12:28:41</t>
  </si>
  <si>
    <t>\\acsfs\DEPTOS\Operacao\PCP\5 - Comum\PLANEJAMENTO BV\14 - ACOMPANHAMENTO\1 - REPORT ACOMPANHAMENTO\2019\12 - Dezembro\FINANCEIRA\Login Logout Financeira\RELATORIO DE LOGIN - FINANCEIRA - 12 - 12 -.xlsm</t>
  </si>
  <si>
    <t>\\acsfs\DEPTOS\Operacao\PCP\5 - Comum\PLANEJAMENTO BV\14 - ACOMPANHAMENTO\1 - REPORT ACOMPANHAMENTO\2019\12 - Dezembro\FINANCEIRA\Login Logout Financeira\RELATORIO DE LOGIN - FINANCEIRA - 12 - 12 -.xlsm\</t>
  </si>
  <si>
    <t>\\acsfs\DEPTOS\Operacao\PCP\5 - Comum\PLANEJAMENTO BV\14 - ACOMPANHAMENTO\1 - REPORT ACOMPANHAMENTO\2019\12 - Dezembro\FINANCEIRA\Login Logout Financeira\RELATORIO DE LOGIN - FINANCEIRA - 12 - 12 -.xlsm\:Zone.Identifier:$DATA</t>
  </si>
  <si>
    <t>12/26/2019 12:28:48</t>
  </si>
  <si>
    <t>RELATORIO DE LOGIN - FINANCEIRA - 19-12.xlsm</t>
  </si>
  <si>
    <t>\\acsfs\DEPTOS\Operacao\PCP\5 - Comum\PLANEJAMENTO BV\14 - ACOMPANHAMENTO\1 - REPORT ACOMPANHAMENTO\2019\12 - Dezembro\FINANCEIRA\Login Logout Financeira\RELATORIO DE LOGIN - FINANCEIRA - 19-12.xlsm</t>
  </si>
  <si>
    <t>12/26/2019 12:28:55</t>
  </si>
  <si>
    <t>RELATORIO DE LOGIN - FINANCEIRA - 20-12.xlsm</t>
  </si>
  <si>
    <t>\\acsfs\DEPTOS\Operacao\PCP\5 - Comum\PLANEJAMENTO BV\14 - ACOMPANHAMENTO\1 - REPORT ACOMPANHAMENTO\2019\12 - Dezembro\FINANCEIRA\Login Logout Financeira\RELATORIO DE LOGIN - FINANCEIRA - 20-12.xlsm</t>
  </si>
  <si>
    <t>12/26/2019 12:29:01</t>
  </si>
  <si>
    <t>RELATORIO DE LOGIN - FINANCEIRA - 23-12.xlsm</t>
  </si>
  <si>
    <t>\\acsfs\DEPTOS\Operacao\PCP\5 - Comum\PLANEJAMENTO BV\14 - ACOMPANHAMENTO\1 - REPORT ACOMPANHAMENTO\2019\12 - Dezembro\FINANCEIRA\Login Logout Financeira\RELATORIO DE LOGIN - FINANCEIRA - 23-12.xlsm</t>
  </si>
  <si>
    <t>12/26/2019 12:29:08</t>
  </si>
  <si>
    <t>\\acsfs\DEPTOS\Operacao\PCP\5 - Comum\PLANEJAMENTO BV\14 - ACOMPANHAMENTO\1 - REPORT ACOMPANHAMENTO\2019\12 - Dezembro\FINANCEIRA\Login Logout Financeira\RELATORIO DE LOGIN - FINANCEIRA - 24-12.xlsm</t>
  </si>
  <si>
    <t>12/26/2019 12:29:14</t>
  </si>
  <si>
    <t>RELATORIO DE LOGIN - FINANCEIRA CONSOLIDADO.xlsm</t>
  </si>
  <si>
    <t>\\acsfs\DEPTOS\Operacao\PCP\5 - Comum\PLANEJAMENTO BV\14 - ACOMPANHAMENTO\1 - REPORT ACOMPANHAMENTO\2019\12 - Dezembro\FINANCEIRA\Login Logout Financeira\RELATORIO DE LOGIN - FINANCEIRA CONSOLIDADO.xlsm</t>
  </si>
  <si>
    <t>12/26/2019 12:31:41</t>
  </si>
  <si>
    <t>12/26/2019 12:32:51</t>
  </si>
  <si>
    <t>8e2d4b88-984b-4bd7-a4c4-7b7065be1397.tmp</t>
  </si>
  <si>
    <t>\\acsfs\profiles$\paulovadc\Downloads\8e2d4b88-984b-4bd7-a4c4-7b7065be1397.tmp</t>
  </si>
  <si>
    <t>12/26/2019 12:29:17</t>
  </si>
  <si>
    <t>dbb63bca-baae-461d-bd1e-ec9d2b08e894.tmp</t>
  </si>
  <si>
    <t>\\acsfs\profiles$\deboraaa\Downloads\dbb63bca-baae-461d-bd1e-ec9d2b08e894.tmp</t>
  </si>
  <si>
    <t>12/26/2019 12:31:00</t>
  </si>
  <si>
    <t>b348665a-a7b2-44b9-9ac8-2ec0e494a7ae.tmp</t>
  </si>
  <si>
    <t>\\acsfs\profiles$\gabrielafs\Downloads\b348665a-a7b2-44b9-9ac8-2ec0e494a7ae.tmp</t>
  </si>
  <si>
    <t>12/26/2019 12:28:51</t>
  </si>
  <si>
    <t>12/26/2019 12:33:52</t>
  </si>
  <si>
    <t>cef8e2cd-a252-4dba-b697-48e208153eec.tmp</t>
  </si>
  <si>
    <t>\\acsfs\profiles$\jonatanls\Downloads\cef8e2cd-a252-4dba-b697-48e208153eec.tmp</t>
  </si>
  <si>
    <t>12/26/2019 12:32:57</t>
  </si>
  <si>
    <t>95e60d1b-8391-4e5a-8b91-7421483d50c3.tmp</t>
  </si>
  <si>
    <t>\\acsfs\profiles$\laylaams\Downloads\95e60d1b-8391-4e5a-8b91-7421483d50c3.tmp</t>
  </si>
  <si>
    <t>12/26/2019 12:30:37</t>
  </si>
  <si>
    <t>12/26/2019 12:30:00</t>
  </si>
  <si>
    <t>12/26/2019 12:29:40</t>
  </si>
  <si>
    <t>12/26/2019 12:34:51</t>
  </si>
  <si>
    <t>12/26/2019 12:33:41</t>
  </si>
  <si>
    <t>12/26/2019 12:35:51</t>
  </si>
  <si>
    <t>978c0725-30d7-4714-a9f0-3f6a8a553511.tmp</t>
  </si>
  <si>
    <t>\\acsfs\profiles$\sarahbal\Downloads\978c0725-30d7-4714-a9f0-3f6a8a553511.tmp</t>
  </si>
  <si>
    <t>12/26/2019 12:34:17</t>
  </si>
  <si>
    <t>6484f8c1-4058-4e8b-aa91-b56b4d5d18ce.tmp</t>
  </si>
  <si>
    <t>\\acsfs\profiles$\sarahbal\Downloads\6484f8c1-4058-4e8b-aa91-b56b4d5d18ce.tmp</t>
  </si>
  <si>
    <t>12/26/2019 12:31:23</t>
  </si>
  <si>
    <t>12/26/2019 12:33:34</t>
  </si>
  <si>
    <t>12/26/2019 12:36:51</t>
  </si>
  <si>
    <t>8e511591-3e62-4783-bfe0-9ce868290995.tmp</t>
  </si>
  <si>
    <t>\\acsfs\profiles$\adelvinsonle\Downloads\8e511591-3e62-4783-bfe0-9ce868290995.tmp</t>
  </si>
  <si>
    <t>12/26/2019 12:33:27</t>
  </si>
  <si>
    <t>\\acsfs\DEPTOS\Operacao\Banco_Votorantim\Qualidade\Anderson\Jose\Atualizado\16AFD38E.tmp\</t>
  </si>
  <si>
    <t>\\acsfs\DEPTOS\Operacao\Banco_Votorantim\Qualidade\Anderson\Jose\Atualizado\16AFD38E.tmp\:Zone.Identifier:$DATA</t>
  </si>
  <si>
    <t>12/26/2019 12:33:28</t>
  </si>
  <si>
    <t>12/26/2019 12:34:29</t>
  </si>
  <si>
    <t>12/26/2019 12:37:51</t>
  </si>
  <si>
    <t>10.200.67.134</t>
  </si>
  <si>
    <t>34-E6-D7-FC-B7-EE</t>
  </si>
  <si>
    <t>VOTORANT-WB019</t>
  </si>
  <si>
    <t>fe24fd92-5095-46ed-81c7-b3114dd229ae.tmp</t>
  </si>
  <si>
    <t>\\acsfs\profiles$\mariagsg\Downloads\fe24fd92-5095-46ed-81c7-b3114dd229ae.tmp</t>
  </si>
  <si>
    <t>12/26/2019 12:34:30</t>
  </si>
  <si>
    <t>645e4a50-de07-4e01-81b6-acdf72b2f431.tmp</t>
  </si>
  <si>
    <t>\\acsfs\profiles$\mariagsg\Downloads\645e4a50-de07-4e01-81b6-acdf72b2f431.tmp</t>
  </si>
  <si>
    <t>12/26/2019 12:36:14</t>
  </si>
  <si>
    <t>12/26/2019 12:33:53</t>
  </si>
  <si>
    <t>12/26/2019 12:38:52</t>
  </si>
  <si>
    <t>1357ef35-f9be-402e-a19f-37238b597abb.tmp</t>
  </si>
  <si>
    <t>\\acsfs\profiles$\BRUNAAR\Downloads\1357ef35-f9be-402e-a19f-37238b597abb.tmp</t>
  </si>
  <si>
    <t>12/26/2019 12:33:54</t>
  </si>
  <si>
    <t>12/26/2019 12:34:25</t>
  </si>
  <si>
    <t>92173034-0eb9-4b36-976d-3730d3a0bfeb.tmp</t>
  </si>
  <si>
    <t>\\acsfs\profiles$\laylaams\Downloads\92173034-0eb9-4b36-976d-3730d3a0bfeb.tmp</t>
  </si>
  <si>
    <t>12/26/2019 12:34:37</t>
  </si>
  <si>
    <t>fa882eb0-ce9a-4dec-81d7-0eb91e97e6ba.tmp</t>
  </si>
  <si>
    <t>\\acsfs\profiles$\laylaams\Downloads\fa882eb0-ce9a-4dec-81d7-0eb91e97e6ba.tmp</t>
  </si>
  <si>
    <t>12/26/2019 12:35:44</t>
  </si>
  <si>
    <t>65f70749-4650-4ff6-829f-90977b1f16a9.tmp</t>
  </si>
  <si>
    <t>\\acsfs\profiles$\laylaams\Downloads\65f70749-4650-4ff6-829f-90977b1f16a9.tmp</t>
  </si>
  <si>
    <t>12/26/2019 12:36:01</t>
  </si>
  <si>
    <t>12/26/2019 12:38:00</t>
  </si>
  <si>
    <t>12/26/2019 12:39:52</t>
  </si>
  <si>
    <t>12/26/2019 12:37:32</t>
  </si>
  <si>
    <t>12/26/2019 12:39:15</t>
  </si>
  <si>
    <t>520d9489-9ffb-4221-892d-fa230136f30f.tmp</t>
  </si>
  <si>
    <t>\\acsfs\profiles$\nataliacsl\Downloads\520d9489-9ffb-4221-892d-fa230136f30f.tmp</t>
  </si>
  <si>
    <t>12/26/2019 12:36:58</t>
  </si>
  <si>
    <t>12/26/2019 12:37:03</t>
  </si>
  <si>
    <t>12/26/2019 12:37:05</t>
  </si>
  <si>
    <t>12/26/2019 12:35:58</t>
  </si>
  <si>
    <t>12/26/2019 12:40:52</t>
  </si>
  <si>
    <t>12/26/2019 12:36:06</t>
  </si>
  <si>
    <t>12/26/2019 12:36:09</t>
  </si>
  <si>
    <t>12/26/2019 12:37:13</t>
  </si>
  <si>
    <t>12/26/2019 12:37:26</t>
  </si>
  <si>
    <t>12/26/2019 12:39:44</t>
  </si>
  <si>
    <t>12/26/2019 12:40:20</t>
  </si>
  <si>
    <t>12/26/2019 12:37:47</t>
  </si>
  <si>
    <t>12/26/2019 12:37:48</t>
  </si>
  <si>
    <t>lu146321g6v9a.tmp</t>
  </si>
  <si>
    <t>\\acsfs\profiles$\dhiulliananads\My Documents\lu146321g6v9a.tmp</t>
  </si>
  <si>
    <t>\\acsfs\profiles$\dhiulliananads\My Documents\lu146321g6v9a.tmp\</t>
  </si>
  <si>
    <t>\\acsfs\profiles$\dhiulliananads\My Documents\lu146321g6v9a.tmp\META-INF\</t>
  </si>
  <si>
    <t>\\acsfs\profiles$\dhiulliananads\My Documents\lu146321g6v9a.tmp\Thumbnails\</t>
  </si>
  <si>
    <t>12/26/2019 12:40:05</t>
  </si>
  <si>
    <t>12/26/2019 12:41:51</t>
  </si>
  <si>
    <t>dc551176-15a0-48ea-9e35-7dafcc569dc9.tmp</t>
  </si>
  <si>
    <t>\\acsfs\profiles$\laianear\Downloads\dc551176-15a0-48ea-9e35-7dafcc569dc9.tmp</t>
  </si>
  <si>
    <t>12/26/2019 12:39:49</t>
  </si>
  <si>
    <t>e10c9e73-a8a4-4ac1-82e8-79175640bf9b.tmp</t>
  </si>
  <si>
    <t>\\acsfs\profiles$\lucasgpe\Downloads\e10c9e73-a8a4-4ac1-82e8-79175640bf9b.tmp</t>
  </si>
  <si>
    <t>12/26/2019 12:39:16</t>
  </si>
  <si>
    <t>12/26/2019 12:42:52</t>
  </si>
  <si>
    <t>12/26/2019 12:39:55</t>
  </si>
  <si>
    <t>12/26/2019 12:43:52</t>
  </si>
  <si>
    <t>12/26/2019 12:39:56</t>
  </si>
  <si>
    <t>12/26/2019 12:42:46</t>
  </si>
  <si>
    <t>12/26/2019 12:42:47</t>
  </si>
  <si>
    <t>lu363804bm616.tmp</t>
  </si>
  <si>
    <t>\\acsfs\profiles$\jonatanls\My Documents\lu363804bm616.tmp</t>
  </si>
  <si>
    <t>12/26/2019 12:41:29</t>
  </si>
  <si>
    <t>02a3efb6-2b4d-41c0-82af-90824236bd96.tmp</t>
  </si>
  <si>
    <t>\\acsfs\profiles$\anafsb\Downloads\02a3efb6-2b4d-41c0-82af-90824236bd96.tmp</t>
  </si>
  <si>
    <t>12/26/2019 12:42:00</t>
  </si>
  <si>
    <t>12/26/2019 12:42:01</t>
  </si>
  <si>
    <t>12/26/2019 12:40:26</t>
  </si>
  <si>
    <t>12/26/2019 12:44:52</t>
  </si>
  <si>
    <t>c82a02e3-c05d-4176-b7d1-e04a327d6eb2.tmp</t>
  </si>
  <si>
    <t>\\acsfs\profiles$\ERICALSR\Downloads\c82a02e3-c05d-4176-b7d1-e04a327d6eb2.tmp</t>
  </si>
  <si>
    <t>12/26/2019 12:42:13</t>
  </si>
  <si>
    <t>12/26/2019 12:43:23</t>
  </si>
  <si>
    <t>12/26/2019 12:45:52</t>
  </si>
  <si>
    <t>12/26/2019 12:43:32</t>
  </si>
  <si>
    <t>12/26/2019 12:41:48</t>
  </si>
  <si>
    <t>12/26/2019 12:46:53</t>
  </si>
  <si>
    <t>094b90e6-ec2a-4de0-9326-265e4d12c351.tmp</t>
  </si>
  <si>
    <t>\\acsfs\profiles$\henriquehmdo\Downloads\094b90e6-ec2a-4de0-9326-265e4d12c351.tmp</t>
  </si>
  <si>
    <t>12/26/2019 12:45:54</t>
  </si>
  <si>
    <t>12/26/2019 12:48:52</t>
  </si>
  <si>
    <t>12/26/2019 12:48:11</t>
  </si>
  <si>
    <t>12/26/2019 12:49:52</t>
  </si>
  <si>
    <t>12/26/2019 12:48:48</t>
  </si>
  <si>
    <t>12/26/2019 12:48:50</t>
  </si>
  <si>
    <t>30b648e3-3be4-4671-a9b8-035a1e238648.tmp</t>
  </si>
  <si>
    <t>\\acsfs\profiles$\mariliafplb\Downloads\30b648e3-3be4-4671-a9b8-035a1e238648.tmp</t>
  </si>
  <si>
    <t>12/26/2019 12:49:01</t>
  </si>
  <si>
    <t>f1e3dc2d-d7dc-463d-9312-fe1e170bb142.tmp</t>
  </si>
  <si>
    <t>\\acsfs\profiles$\mariliafplb\Downloads\f1e3dc2d-d7dc-463d-9312-fe1e170bb142.tmp</t>
  </si>
  <si>
    <t>12/26/2019 12:46:16</t>
  </si>
  <si>
    <t>\\acsfs\profiles$\jonathanwap\Downloads\</t>
  </si>
  <si>
    <t>bf947917-ec03-4b8f-a46c-71f2b14912d8.tmp</t>
  </si>
  <si>
    <t>\\acsfs\profiles$\jonathanwap\Downloads\bf947917-ec03-4b8f-a46c-71f2b14912d8.tmp</t>
  </si>
  <si>
    <t>12/26/2019 12:46:23</t>
  </si>
  <si>
    <t>Unconfirmed 420728.crdownload</t>
  </si>
  <si>
    <t>\\acsfs\profiles$\jonathanwap\Downloads\Unconfirmed 420728.crdownload</t>
  </si>
  <si>
    <t>12/26/2019 12:47:13</t>
  </si>
  <si>
    <t>12/26/2019 12:50:52</t>
  </si>
  <si>
    <t>bebfbca0-fa56-441c-8290-165fdc7923f1.tmp</t>
  </si>
  <si>
    <t>\\acsfs\profiles$\PEDROHAB\Downloads\bebfbca0-fa56-441c-8290-165fdc7923f1.tmp</t>
  </si>
  <si>
    <t>12/26/2019 12:48:35</t>
  </si>
  <si>
    <t>dea16934-69be-4b2a-801b-02d76ebe2b73.tmp</t>
  </si>
  <si>
    <t>\\acsfs\profiles$\PEDROHAB\Downloads\dea16934-69be-4b2a-801b-02d76ebe2b73.tmp</t>
  </si>
  <si>
    <t>12/26/2019 12:46:49</t>
  </si>
  <si>
    <t>12/26/2019 12:51:53</t>
  </si>
  <si>
    <t>b7dcaf5c-227c-4df2-8c50-fbc546ee9e9a.tmp</t>
  </si>
  <si>
    <t>\\acsfs\profiles$\laianear\Downloads\b7dcaf5c-227c-4df2-8c50-fbc546ee9e9a.tmp</t>
  </si>
  <si>
    <t>12/26/2019 12:47:20</t>
  </si>
  <si>
    <t>1d6dbb74-2873-4317-ad29-2732e2d10549.tmp</t>
  </si>
  <si>
    <t>\\acsfs\profiles$\laianear\Downloads\1d6dbb74-2873-4317-ad29-2732e2d10549.tmp</t>
  </si>
  <si>
    <t>12/26/2019 12:50:59</t>
  </si>
  <si>
    <t>1b57aaf0-4fcd-47ee-a01a-5136a3fbf7e8.tmp</t>
  </si>
  <si>
    <t>\\acsfs\profiles$\rafaelamsv\Downloads\1b57aaf0-4fcd-47ee-a01a-5136a3fbf7e8.tmp</t>
  </si>
  <si>
    <t>12/26/2019 12:50:58</t>
  </si>
  <si>
    <t>c41d6455-8fbe-4a96-a099-14d59af99ede.tmp</t>
  </si>
  <si>
    <t>\\acsfs\profiles$\henriquehmdo\Downloads\c41d6455-8fbe-4a96-a099-14d59af99ede.tmp</t>
  </si>
  <si>
    <t>12/26/2019 12:52:17</t>
  </si>
  <si>
    <t>12/26/2019 12:52:52</t>
  </si>
  <si>
    <t>12/26/2019 12:52:18</t>
  </si>
  <si>
    <t>lu141641cbk0s.tmp</t>
  </si>
  <si>
    <t>\\acsfs\profiles$\LUCASBS\lu141641cbk0s.tmp</t>
  </si>
  <si>
    <t>\\acsfs\profiles$\LUCASBS\lu141641cbk0s.tmp\</t>
  </si>
  <si>
    <t>\\acsfs\profiles$\LUCASBS\lu141641cbk0s.tmp\META-INF\</t>
  </si>
  <si>
    <t>\\acsfs\profiles$\LUCASBS\lu141641cbk0s.tmp\Thumbnails\</t>
  </si>
  <si>
    <t>12/26/2019 12:49:51</t>
  </si>
  <si>
    <t>12/26/2019 12:53:52</t>
  </si>
  <si>
    <t>10.200.66.223</t>
  </si>
  <si>
    <t>D0-94-66-B5-52-C7</t>
  </si>
  <si>
    <t>VOTORANT-ZB019</t>
  </si>
  <si>
    <t>12/26/2019 12:52:10</t>
  </si>
  <si>
    <t>0f0d80e6-d46b-42d4-b689-f68b11799ecd.tmp</t>
  </si>
  <si>
    <t>\\acsfs\profiles$\cintiadcf\Downloads\0f0d80e6-d46b-42d4-b689-f68b11799ecd.tmp</t>
  </si>
  <si>
    <t>12/26/2019 12:52:16</t>
  </si>
  <si>
    <t>9d48ebbb-b5b7-4cb5-b7b6-eec116a204e5.tmp</t>
  </si>
  <si>
    <t>\\acsfs\profiles$\cintiadcf\Downloads\9d48ebbb-b5b7-4cb5-b7b6-eec116a204e5.tmp</t>
  </si>
  <si>
    <t>12/26/2019 12:53:01</t>
  </si>
  <si>
    <t>4862a3e9-3cef-4e7f-9822-edca640e709f.tmp</t>
  </si>
  <si>
    <t>\\acsfs\profiles$\cintiadcf\Downloads\4862a3e9-3cef-4e7f-9822-edca640e709f.tmp</t>
  </si>
  <si>
    <t>12/26/2019 12:51:54</t>
  </si>
  <si>
    <t>12/26/2019 12:50:35</t>
  </si>
  <si>
    <t>12/26/2019 12:50:36</t>
  </si>
  <si>
    <t>lu363804bm61c.tmp</t>
  </si>
  <si>
    <t>\\acsfs\profiles$\jonatanls\My Documents\lu363804bm61c.tmp</t>
  </si>
  <si>
    <t>12/26/2019 12:49:40</t>
  </si>
  <si>
    <t>9fbe4e11-042c-4dba-b898-898e6b40f20e.tmp</t>
  </si>
  <si>
    <t>\\acsfs\profiles$\anafsb\Downloads\9fbe4e11-042c-4dba-b898-898e6b40f20e.tmp</t>
  </si>
  <si>
    <t>12/26/2019 12:50:00</t>
  </si>
  <si>
    <t>12/26/2019 12:50:25</t>
  </si>
  <si>
    <t>12/26/2019 12:54:52</t>
  </si>
  <si>
    <t>12/26/2019 12:51:44</t>
  </si>
  <si>
    <t>04c5a604-d1f1-4bdb-bc93-c5bbbf999d87.tmp</t>
  </si>
  <si>
    <t>\\acsfs\profiles$\nataliacsl\Downloads\04c5a604-d1f1-4bdb-bc93-c5bbbf999d87.tmp</t>
  </si>
  <si>
    <t>12/26/2019 12:50:43</t>
  </si>
  <si>
    <t>12/26/2019 12:55:52</t>
  </si>
  <si>
    <t>https://udpmailboxap01.acs.com.br:8443/h/search?si=0&amp;so=0&amp;sc=53563&amp;st=conversation&amp;action=compose</t>
  </si>
  <si>
    <t>12/26/2019 12:51:13</t>
  </si>
  <si>
    <t>12/26/2019 12:51:43</t>
  </si>
  <si>
    <t>12/26/2019 12:52:43</t>
  </si>
  <si>
    <t>12/26/2019 12:53:13</t>
  </si>
  <si>
    <t>12/26/2019 12:53:43</t>
  </si>
  <si>
    <t>12/26/2019 12:54:22</t>
  </si>
  <si>
    <t>12/26/2019 12:51:50</t>
  </si>
  <si>
    <t>12/26/2019 12:51:51</t>
  </si>
  <si>
    <t>lu146321g6v9l.tmp</t>
  </si>
  <si>
    <t>\\acsfs\profiles$\dhiulliananads\My Documents\lu146321g6v9l.tmp</t>
  </si>
  <si>
    <t>\\acsfs\profiles$\dhiulliananads\My Documents\lu146321g6v9l.tmp\</t>
  </si>
  <si>
    <t>\\acsfs\profiles$\dhiulliananads\My Documents\lu146321g6v9l.tmp\META-INF\</t>
  </si>
  <si>
    <t>\\acsfs\profiles$\dhiulliananads\My Documents\lu146321g6v9l.tmp\Thumbnails\</t>
  </si>
  <si>
    <t>12/26/2019 12:56:08</t>
  </si>
  <si>
    <t>12/26/2019 12:56:52</t>
  </si>
  <si>
    <t>\\acsfs\DEPTOS\Operacao\Banco_Votorantim\Qualidade\Anderson\Jose\Laudos a fazer 26.12\</t>
  </si>
  <si>
    <t>RAFAELA MARQUES.txt</t>
  </si>
  <si>
    <t>\\acsfs\DEPTOS\Operacao\Banco_Votorantim\Qualidade\Anderson\Jose\Laudos a fazer 26.12\RAFAELA MARQUES.txt</t>
  </si>
  <si>
    <t>12/26/2019 12:56:04</t>
  </si>
  <si>
    <t>2b16c60d-d466-4e61-9ce3-cc70cee99da7.tmp</t>
  </si>
  <si>
    <t>\\acsfs\profiles$\rafaelamsv\Downloads\2b16c60d-d466-4e61-9ce3-cc70cee99da7.tmp</t>
  </si>
  <si>
    <t>12/26/2019 12:53:54</t>
  </si>
  <si>
    <t>fcc8b1f0-ad83-45ba-9054-3f30ecb7d8f0.tmp</t>
  </si>
  <si>
    <t>\\acsfs\profiles$\henriquehmdo\Downloads\fcc8b1f0-ad83-45ba-9054-3f30ecb7d8f0.tmp</t>
  </si>
  <si>
    <t>12/26/2019 12:55:13</t>
  </si>
  <si>
    <t>9a714946-6669-42cf-ba4d-e4ce3b0a1c67.tmp</t>
  </si>
  <si>
    <t>\\acsfs\profiles$\leticiala\Downloads\9a714946-6669-42cf-ba4d-e4ce3b0a1c67.tmp</t>
  </si>
  <si>
    <t>12/26/2019 12:54:48</t>
  </si>
  <si>
    <t>12/26/2019 12:57:52</t>
  </si>
  <si>
    <t>12/26/2019 12:55:14</t>
  </si>
  <si>
    <t>lu141641cbk0x.tmp</t>
  </si>
  <si>
    <t>\\acsfs\profiles$\LUCASBS\lu141641cbk0x.tmp</t>
  </si>
  <si>
    <t>\\acsfs\profiles$\LUCASBS\lu141641cbk0x.tmp\</t>
  </si>
  <si>
    <t>\\acsfs\profiles$\LUCASBS\lu141641cbk0x.tmp\META-INF\</t>
  </si>
  <si>
    <t>\\acsfs\profiles$\LUCASBS\lu141641cbk0x.tmp\Thumbnails\</t>
  </si>
  <si>
    <t>12/26/2019 12:55:19</t>
  </si>
  <si>
    <t>12/26/2019 12:58:53</t>
  </si>
  <si>
    <t>4f365ea8-9620-4535-b34f-56e74123fc31.tmp</t>
  </si>
  <si>
    <t>\\acsfs\profiles$\cintiadcf\Downloads\4f365ea8-9620-4535-b34f-56e74123fc31.tmp</t>
  </si>
  <si>
    <t>12/26/2019 12:57:53</t>
  </si>
  <si>
    <t>12/26/2019 12:57:54</t>
  </si>
  <si>
    <t>12/26/2019 12:54:08</t>
  </si>
  <si>
    <t>12/26/2019 12:54:00</t>
  </si>
  <si>
    <t>12/26/2019 12:55:15</t>
  </si>
  <si>
    <t>12/26/2019 12:55:17</t>
  </si>
  <si>
    <t>12/26/2019 12:55:24</t>
  </si>
  <si>
    <t>12/26/2019 12:55:34</t>
  </si>
  <si>
    <t>mail.google.com/sync/u/0/i/s?hl=pt-BR&amp;c=324</t>
  </si>
  <si>
    <t>12/26/2019 12:55:47</t>
  </si>
  <si>
    <t>mail.google.com/sync/u/0/i/s?hl=pt-BR&amp;c=326</t>
  </si>
  <si>
    <t>12/26/2019 12:55:49</t>
  </si>
  <si>
    <t>12/26/2019 12:59:52</t>
  </si>
  <si>
    <t>12/26/2019 12:57:00</t>
  </si>
  <si>
    <t>12/26/2019 13:00:53</t>
  </si>
  <si>
    <t>bc8263e5-5ba5-4f40-a52b-24bab5e93a46.tmp</t>
  </si>
  <si>
    <t>\\acsfs\profiles$\sarahbal\Downloads\bc8263e5-5ba5-4f40-a52b-24bab5e93a46.tmp</t>
  </si>
  <si>
    <t>12/26/2019 12:58:03</t>
  </si>
  <si>
    <t>12/26/2019 12:56:37</t>
  </si>
  <si>
    <t>12/26/2019 12:55:43</t>
  </si>
  <si>
    <t>12/26/2019 12:59:13</t>
  </si>
  <si>
    <t>12/26/2019 12:57:51</t>
  </si>
  <si>
    <t>12/26/2019 12:58:04</t>
  </si>
  <si>
    <t>12/26/2019 13:02:52</t>
  </si>
  <si>
    <t>12/26/2019 12:58:05</t>
  </si>
  <si>
    <t>12/26/2019 12:58:06</t>
  </si>
  <si>
    <t>12/26/2019 12:58:07</t>
  </si>
  <si>
    <t>12/26/2019 12:58:08</t>
  </si>
  <si>
    <t>12/26/2019 12:58:09</t>
  </si>
  <si>
    <t>12/26/2019 12:58:10</t>
  </si>
  <si>
    <t>12/26/2019 12:58:11</t>
  </si>
  <si>
    <t>12/26/2019 12:58:12</t>
  </si>
  <si>
    <t>12/26/2019 12:58:13</t>
  </si>
  <si>
    <t>12/26/2019 12:58:14</t>
  </si>
  <si>
    <t>12/26/2019 12:58:15</t>
  </si>
  <si>
    <t>12/26/2019 12:58:16</t>
  </si>
  <si>
    <t>12/26/2019 12:58:17</t>
  </si>
  <si>
    <t>12/26/2019 12:58:18</t>
  </si>
  <si>
    <t>12/26/2019 12:58:19</t>
  </si>
  <si>
    <t>12/26/2019 12:58:20</t>
  </si>
  <si>
    <t>12/26/2019 12:58:21</t>
  </si>
  <si>
    <t>12/26/2019 12:58:22</t>
  </si>
  <si>
    <t>12/26/2019 13:02:36</t>
  </si>
  <si>
    <t>12/26/2019 13:03:53</t>
  </si>
  <si>
    <t>12/26/2019 13:00:00</t>
  </si>
  <si>
    <t>12/26/2019 13:00:18</t>
  </si>
  <si>
    <t>12/26/2019 13:04:52</t>
  </si>
  <si>
    <t>12/26/2019 13:02:42</t>
  </si>
  <si>
    <t>12/26/2019 13:02:47</t>
  </si>
  <si>
    <t>daaf216a-de49-4e1a-af23-aa37e69f960d.tmp</t>
  </si>
  <si>
    <t>\\acsfs\profiles$\nataliacsl\Downloads\daaf216a-de49-4e1a-af23-aa37e69f960d.tmp</t>
  </si>
  <si>
    <t>12/26/2019 13:00:08</t>
  </si>
  <si>
    <t>12/26/2019 13:01:57</t>
  </si>
  <si>
    <t>12/26/2019 13:05:52</t>
  </si>
  <si>
    <t>12/26/2019 13:04:03</t>
  </si>
  <si>
    <t>12/26/2019 13:02:57</t>
  </si>
  <si>
    <t>12/26/2019 13:04:46</t>
  </si>
  <si>
    <t>12/26/2019 13:07:52</t>
  </si>
  <si>
    <t>fbef41db-3e1f-4c9f-bea6-51fa41aa704e.tmp</t>
  </si>
  <si>
    <t>\\acsfs\profiles$\eduardofss\Downloads\fbef41db-3e1f-4c9f-bea6-51fa41aa704e.tmp</t>
  </si>
  <si>
    <t>12/26/2019 13:05:12</t>
  </si>
  <si>
    <t>12/26/2019 13:05:13</t>
  </si>
  <si>
    <t>lu141641cbk12.tmp</t>
  </si>
  <si>
    <t>\\acsfs\profiles$\LUCASBS\lu141641cbk12.tmp</t>
  </si>
  <si>
    <t>\\acsfs\profiles$\LUCASBS\lu141641cbk12.tmp\</t>
  </si>
  <si>
    <t>12/26/2019 13:05:14</t>
  </si>
  <si>
    <t>\\acsfs\profiles$\LUCASBS\lu141641cbk12.tmp\META-INF\</t>
  </si>
  <si>
    <t>\\acsfs\profiles$\LUCASBS\lu141641cbk12.tmp\Thumbnails\</t>
  </si>
  <si>
    <t>12/26/2019 13:03:38</t>
  </si>
  <si>
    <t>12/26/2019 13:08:52</t>
  </si>
  <si>
    <t>12/26/2019 13:03:39</t>
  </si>
  <si>
    <t>lu4528d8p20.tmp</t>
  </si>
  <si>
    <t>\\acsfs\profiles$\BRUNAAR\Numero\lu4528d8p20.tmp</t>
  </si>
  <si>
    <t>12/26/2019 13:03:40</t>
  </si>
  <si>
    <t>12/26/2019 13:03:41</t>
  </si>
  <si>
    <t>lu4528d8p23.tmp</t>
  </si>
  <si>
    <t>\\acsfs\profiles$\BRUNAAR\Numero\lu4528d8p23.tmp</t>
  </si>
  <si>
    <t>12/26/2019 13:05:16</t>
  </si>
  <si>
    <t>12/26/2019 13:05:30</t>
  </si>
  <si>
    <t>12/26/2019 13:05:31</t>
  </si>
  <si>
    <t>lu10136dc80e.tmp</t>
  </si>
  <si>
    <t>\\acsfs\profiles$\BRUNAAR\Numero\lu10136dc80e.tmp</t>
  </si>
  <si>
    <t>12/26/2019 13:03:20</t>
  </si>
  <si>
    <t>a915c592-0c87-4033-8395-bec4052d790f.tmp</t>
  </si>
  <si>
    <t>\\acsfs\profiles$\cintiadcf\Downloads\a915c592-0c87-4033-8395-bec4052d790f.tmp</t>
  </si>
  <si>
    <t>12/26/2019 13:07:12</t>
  </si>
  <si>
    <t>af9aa578-1340-4b3c-b7bb-27d2b0ebf9be.tmp</t>
  </si>
  <si>
    <t>\\acsfs\profiles$\cintiadcf\Downloads\af9aa578-1340-4b3c-b7bb-27d2b0ebf9be.tmp</t>
  </si>
  <si>
    <t>12/26/2019 13:03:54</t>
  </si>
  <si>
    <t>12/26/2019 13:04:39</t>
  </si>
  <si>
    <t>12/26/2019 13:04:40</t>
  </si>
  <si>
    <t>lu822412n0mo.tmp</t>
  </si>
  <si>
    <t>\\acsfs\profiles$\ISABELLEGTDS\Nova pasta\lu822412n0mo.tmp</t>
  </si>
  <si>
    <t>\\acsfs\profiles$\ISABELLEGTDS\Nova pasta\lu822412n0mo.tmp\</t>
  </si>
  <si>
    <t>\\acsfs\profiles$\ISABELLEGTDS\Nova pasta\lu822412n0mo.tmp\META-INF\</t>
  </si>
  <si>
    <t>\\acsfs\profiles$\ISABELLEGTDS\Nova pasta\lu822412n0mo.tmp\Thumbnails\</t>
  </si>
  <si>
    <t>12/26/2019 13:05:07</t>
  </si>
  <si>
    <t>.~lock.isabelle 26.12.ods#</t>
  </si>
  <si>
    <t>\\acsfs\profiles$\ISABELLEGTDS\Nova pasta\.~lock.isabelle 26.12.ods#</t>
  </si>
  <si>
    <t>12/26/2019 13:05:08</t>
  </si>
  <si>
    <t>lu822412n0mt.tmp</t>
  </si>
  <si>
    <t>\\acsfs\profiles$\ISABELLEGTDS\Nova pasta\lu822412n0mt.tmp</t>
  </si>
  <si>
    <t>\\acsfs\profiles$\ISABELLEGTDS\Nova pasta\lu822412n0mt.tmp\</t>
  </si>
  <si>
    <t>\\acsfs\profiles$\ISABELLEGTDS\Nova pasta\lu822412n0mt.tmp\META-INF\</t>
  </si>
  <si>
    <t>\\acsfs\profiles$\ISABELLEGTDS\Nova pasta\lu822412n0mt.tmp\Thumbnails\</t>
  </si>
  <si>
    <t>12/26/2019 13:06:00</t>
  </si>
  <si>
    <t>12/26/2019 13:09:53</t>
  </si>
  <si>
    <t>12/26/2019 13:05:25</t>
  </si>
  <si>
    <t>12/26/2019 13:05:33</t>
  </si>
  <si>
    <t>12/26/2019 13:05:37</t>
  </si>
  <si>
    <t>12/26/2019 13:05:48</t>
  </si>
  <si>
    <t>mail.google.com/sync/u/0/i/s?hl=pt-BR&amp;c=914</t>
  </si>
  <si>
    <t>bvcartes-supervisores@algarnet.onmicrosoft.com;joaogvc@algartech.com;leonardoao@algartech.com;marianacds@algartech.com;marianadjc@algartech.com;paulacn@algartech.com;taysdss@algartech.com;thiagordu@algartech.com;viniciussg@algartech.com;</t>
  </si>
  <si>
    <t>bvcartes-supervisores@algarnet.onmicrosoft.com,joaogvc@algartech.com,leonardoao@algartech.com,marianacds@algartech.com,marianadjc@algartech.com,paulacn@algartech.com,taysdss@algartech.com,thiagordu@algartech.com,viniciussg@algartech.com</t>
  </si>
  <si>
    <t>12/26/2019 13:05:51</t>
  </si>
  <si>
    <t>12/26/2019 13:05:56</t>
  </si>
  <si>
    <t>bvcartes-supervisores@algarnet.onmicrosoft.com;joaogvc@algartech.com;leonardoao@algartech.com;marianacds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arianacds@algartech.com,marianadjc@algartech.com,mirianppb@algartech.com,paulacn@algartech.com,rafaelggs@algartech.com,taysdss@algartech.com,thiagordu@algartech.com,viniciussg@algartech.com</t>
  </si>
  <si>
    <t>12/26/2019 13:06:18</t>
  </si>
  <si>
    <t>12/26/2019 13:06:32</t>
  </si>
  <si>
    <t>12/26/2019 13:06:48</t>
  </si>
  <si>
    <t>12/26/2019 13:06:49</t>
  </si>
  <si>
    <t>12/26/2019 13:06:56</t>
  </si>
  <si>
    <t>12/26/2019 13:06:59</t>
  </si>
  <si>
    <t>12/26/2019 13:07:29</t>
  </si>
  <si>
    <t>mail.google.com/sync/u/0/i/s?hl=pt-BR&amp;c=935</t>
  </si>
  <si>
    <t>bvcartes-supervisores@algarnet.onmicrosoft.com;joaogvc@algartech.com;leonardoao@algartech.com;marianacds@algartech.com;marianadjc@algartech.com;paulacn@algartech.com;rafaelggs@algartech.com;taysdss@algartech.com;thiagordu@algartech.com;viniciussg@algartech.com;</t>
  </si>
  <si>
    <t>bvcartes-supervisores@algarnet.onmicrosoft.com,joaogvc@algartech.com,leonardoao@algartech.com,marianacds@algartech.com,marianadjc@algartech.com,paulacn@algartech.com,rafaelggs@algartech.com,taysdss@algartech.com,thiagordu@algartech.com,viniciussg@algartech.com</t>
  </si>
  <si>
    <t>12/26/2019 13:07:43</t>
  </si>
  <si>
    <t>mail.google.com/sync/u/0/i/s?hl=pt-BR&amp;c=937</t>
  </si>
  <si>
    <t>12/26/2019 13:07:47</t>
  </si>
  <si>
    <t>12/26/2019 13:08:03</t>
  </si>
  <si>
    <t>12/26/2019 13:08:06</t>
  </si>
  <si>
    <t>mail.google.com/sync/u/0/i/s?hl=pt-BR&amp;c=943</t>
  </si>
  <si>
    <t>12/26/2019 13:07:11</t>
  </si>
  <si>
    <t>12/26/2019 13:10:52</t>
  </si>
  <si>
    <t>12/26/2019 13:08:13</t>
  </si>
  <si>
    <t>12/26/2019 13:09:35</t>
  </si>
  <si>
    <t>12/26/2019 13:11:52</t>
  </si>
  <si>
    <t>62457817-bf37-481d-a9ec-65ea3a386a52.tmp</t>
  </si>
  <si>
    <t>\\acsfs\profiles$\leticiala\Downloads\62457817-bf37-481d-a9ec-65ea3a386a52.tmp</t>
  </si>
  <si>
    <t>12/26/2019 13:11:23</t>
  </si>
  <si>
    <t>12/26/2019 13:12:52</t>
  </si>
  <si>
    <t>fa3f7a1f-a739-42bc-8426-7ed7dbfa6fe6.tmp</t>
  </si>
  <si>
    <t>\\acsfs\profiles$\maxmillianosv\Downloads\fa3f7a1f-a739-42bc-8426-7ed7dbfa6fe6.tmp</t>
  </si>
  <si>
    <t>12/26/2019 13:09:54</t>
  </si>
  <si>
    <t>12/26/2019 13:13:52</t>
  </si>
  <si>
    <t>12/26/2019 13:12:20</t>
  </si>
  <si>
    <t>Resumo Gerencial Bacen Procedente Amex até 24/12</t>
  </si>
  <si>
    <t>12/26/2019 13:12:00</t>
  </si>
  <si>
    <t>12/26/2019 13:12:42</t>
  </si>
  <si>
    <t>12/26/2019 13:14:53</t>
  </si>
  <si>
    <t>12/26/2019 13:12:02</t>
  </si>
  <si>
    <t>12/26/2019 13:13:06</t>
  </si>
  <si>
    <t>12/26/2019 13:13:09</t>
  </si>
  <si>
    <t>12/26/2019 13:13:15</t>
  </si>
  <si>
    <t>mail.google.com/sync/u/0/i/s?hl=pt-BR&amp;c=954</t>
  </si>
  <si>
    <t>12/26/2019 13:13:22</t>
  </si>
  <si>
    <t>12/26/2019 13:13:29</t>
  </si>
  <si>
    <t>12/26/2019 13:13:51</t>
  </si>
  <si>
    <t>RELATORIO DE LOGIN - BV CARTÕES 25-12.xlsm</t>
  </si>
  <si>
    <t>\\acsfs\DEPTOS\Operacao\PCP\5 - Comum\PLANEJAMENTO BV\14 - ACOMPANHAMENTO\1 - REPORT ACOMPANHAMENTO\2019\12 - Dezembro\CARTÕES\Login Logout Cartões\RELATORIO DE LOGIN - BV CARTÕES 25-12.xlsm</t>
  </si>
  <si>
    <t>12/26/2019 13:12:06</t>
  </si>
  <si>
    <t>12/26/2019 13:15:52</t>
  </si>
  <si>
    <t>12/26/2019 13:14:13</t>
  </si>
  <si>
    <t>12/26/2019 13:14:43</t>
  </si>
  <si>
    <t>12/26/2019 13:12:46</t>
  </si>
  <si>
    <t>12/26/2019 13:14:07</t>
  </si>
  <si>
    <t>anavbg@algartech.com;atendimentocartao@bv.com.br;backofficebv@dxc.com;bvs-centralcartoes@bv.com.br;eduardo.santana@bv.com.br;fabianacscg@algartech.com;fernandorsju@algartech.com;jose.ric.dos-santos@dxc.com;larissa.alcantara@bv.com.br;marianeps@algartech.com;mirianppb@algartech.com;talmaiardo@algartech.com;thiagordu@algartech.com;</t>
  </si>
  <si>
    <t>anavbg@algartech.com,atendimentocartao@bv.com.br,backofficebv@dxc.com,bvs-centralcartoes@bv.com.br,eduardo.santana@bv.com.br,fabianacscg@algartech.com,fernandorsju@algartech.com,jose.ric.dos-santos@dxc.com,larissa.alcantara@bv.com.br,marianeps@algartech.com,mirianppb@algartech.com,talmaiardo@algartech.com,thiagordu@algartech.com</t>
  </si>
  <si>
    <t>12/26/2019 13:14:38</t>
  </si>
  <si>
    <t>anavbg@algartech.com;atendimentocartao@bv.com.br;backofficebv@dxc.com;bvs-centralcartoes@bv.com.br;eduardo.santana@bv.com.br;fabianacscg@algartech.com;fernandorsju@algartech.com;jose.ric.dos-santos@dxc.com;kesiadof@algartech.com;larissa.alcantara@bv.com.br;marianeps@algartech.com;mirianppb@algartech.com;talmaiardo@algartech.com;thiagordu@algartech.com;</t>
  </si>
  <si>
    <t>anavbg@algartech.com,atendimentocartao@bv.com.br,backofficebv@dxc.com,bvs-centralcartoes@bv.com.br,eduardo.santana@bv.com.br,fabianacscg@algartech.com,fernandorsju@algartech.com,jose.ric.dos-santos@dxc.com,kesiadof@algartech.com,larissa.alcantara@bv.com.br,marianeps@algartech.com,mirianppb@algartech.com,talmaiardo@algartech.com,thiagordu@algartech.com</t>
  </si>
  <si>
    <t>12/26/2019 13:14:41</t>
  </si>
  <si>
    <t>12/26/2019 13:14:52</t>
  </si>
  <si>
    <t>atendimentocartao@bv.com.br;backofficebv@dxc.com;bvs-centralcartoes@bv.com.br;fabianacscg@algartech.com;fernandorsju@algartech.com;jose.ric.dos-santos@dxc.com;larissa.alcantara@bv.com.br;marianeps@algartech.com;talmaiardo@algartech.com;thiagordu@algartech.com;</t>
  </si>
  <si>
    <t>atendimentocartao@bv.com.br,backofficebv@dxc.com,bvs-centralcartoes@bv.com.br,fabianacscg@algartech.com,fernandorsju@algartech.com,jose.ric.dos-santos@dxc.com,larissa.alcantara@bv.com.br,marianeps@algartech.com,talmaiardo@algartech.com,thiagordu@algartech.com</t>
  </si>
  <si>
    <t>12/26/2019 13:15:03</t>
  </si>
  <si>
    <t>12/26/2019 13:15:29</t>
  </si>
  <si>
    <t>12/26/2019 13:15:33</t>
  </si>
  <si>
    <t>12/26/2019 13:15:36</t>
  </si>
  <si>
    <t>12/26/2019 13:15:46</t>
  </si>
  <si>
    <t>12/26/2019 13:11:02</t>
  </si>
  <si>
    <t>12/26/2019 13:16:53</t>
  </si>
  <si>
    <t>7022ef3d-14d8-4620-9931-ec52faec6fc5.tmp</t>
  </si>
  <si>
    <t>\\acsfs\profiles$\quindaizaagds\Downloads\7022ef3d-14d8-4620-9931-ec52faec6fc5.tmp</t>
  </si>
  <si>
    <t>12/26/2019 13:12:58</t>
  </si>
  <si>
    <t>5808cf96-3db4-44ef-a58e-32bc972f25d6.tmp</t>
  </si>
  <si>
    <t>\\acsfs\profiles$\quindaizaagds\Downloads\5808cf96-3db4-44ef-a58e-32bc972f25d6.tmp</t>
  </si>
  <si>
    <t>12/26/2019 13:11:48</t>
  </si>
  <si>
    <t>76649618-3135-4013-866e-7a0b0dc842c8.tmp</t>
  </si>
  <si>
    <t>\\acsfs\profiles$\wenderbnm\Downloads\76649618-3135-4013-866e-7a0b0dc842c8.tmp</t>
  </si>
  <si>
    <t>12/26/2019 13:16:35</t>
  </si>
  <si>
    <t>12/26/2019 13:16:45</t>
  </si>
  <si>
    <t>12/26/2019 13:17:52</t>
  </si>
  <si>
    <t>12/26/2019 13:15:54</t>
  </si>
  <si>
    <t>12/26/2019 13:18:53</t>
  </si>
  <si>
    <t>12/26/2019 13:17:13</t>
  </si>
  <si>
    <t>f5467cbb-eed1-4341-ab82-0c6b8759a967.tmp</t>
  </si>
  <si>
    <t>\\acsfs\profiles$\anafsb\Downloads\f5467cbb-eed1-4341-ab82-0c6b8759a967.tmp</t>
  </si>
  <si>
    <t>12/26/2019 13:18:00</t>
  </si>
  <si>
    <t>12/26/2019 13:17:22</t>
  </si>
  <si>
    <t>12/26/2019 13:19:52</t>
  </si>
  <si>
    <t>8a4a86aa-a4bc-428e-b9ee-14054587b86f.tmp</t>
  </si>
  <si>
    <t>\\acsfs\profiles$\YASMINSC\Downloads\8a4a86aa-a4bc-428e-b9ee-14054587b86f.tmp</t>
  </si>
  <si>
    <t>12/26/2019 13:16:34</t>
  </si>
  <si>
    <t>12/26/2019 13:16:36</t>
  </si>
  <si>
    <t>lu208202laf4d.tmp</t>
  </si>
  <si>
    <t>\\acsfs\profiles$\geovanaasa\My Documents\lu208202laf4d.tmp</t>
  </si>
  <si>
    <t>\\acsfs\profiles$\geovanaasa\My Documents\lu208202laf4d.tmp\</t>
  </si>
  <si>
    <t>\\acsfs\profiles$\geovanaasa\My Documents\lu208202laf4d.tmp\META-INF\</t>
  </si>
  <si>
    <t>\\acsfs\profiles$\geovanaasa\My Documents\lu208202laf4d.tmp\Thumbnails\</t>
  </si>
  <si>
    <t>12/26/2019 13:16:12</t>
  </si>
  <si>
    <t>mail.google.com/sync/u/0/i/s?hl=pt-BR&amp;c=965</t>
  </si>
  <si>
    <t>12/26/2019 13:16:23</t>
  </si>
  <si>
    <t>12/26/2019 13:16:02</t>
  </si>
  <si>
    <t>12/26/2019 13:20:52</t>
  </si>
  <si>
    <t>12/26/2019 13:16:05</t>
  </si>
  <si>
    <t>12/26/2019 13:17:36</t>
  </si>
  <si>
    <t>12/26/2019 13:16:13</t>
  </si>
  <si>
    <t>12/26/2019 13:17:44</t>
  </si>
  <si>
    <t>12/26/2019 13:16:43</t>
  </si>
  <si>
    <t>12/26/2019 13:19:07</t>
  </si>
  <si>
    <t>12/26/2019 13:19:08</t>
  </si>
  <si>
    <t>lu146321g6v9r.tmp</t>
  </si>
  <si>
    <t>\\acsfs\profiles$\dhiulliananads\My Documents\lu146321g6v9r.tmp</t>
  </si>
  <si>
    <t>\\acsfs\profiles$\dhiulliananads\My Documents\lu146321g6v9r.tmp\</t>
  </si>
  <si>
    <t>\\acsfs\profiles$\dhiulliananads\My Documents\lu146321g6v9r.tmp\META-INF\</t>
  </si>
  <si>
    <t>\\acsfs\profiles$\dhiulliananads\My Documents\lu146321g6v9r.tmp\Thumbnails\</t>
  </si>
  <si>
    <t>12/26/2019 13:15:49</t>
  </si>
  <si>
    <t>12/26/2019 13:22:04</t>
  </si>
  <si>
    <t>12/26/2019 13:22:52</t>
  </si>
  <si>
    <t>12/26/2019 13:22:05</t>
  </si>
  <si>
    <t>lu141641cbk17.tmp</t>
  </si>
  <si>
    <t>\\acsfs\profiles$\LUCASBS\lu141641cbk17.tmp</t>
  </si>
  <si>
    <t>\\acsfs\profiles$\LUCASBS\lu141641cbk17.tmp\</t>
  </si>
  <si>
    <t>\\acsfs\profiles$\LUCASBS\lu141641cbk17.tmp\META-INF\</t>
  </si>
  <si>
    <t>\\acsfs\profiles$\LUCASBS\lu141641cbk17.tmp\Thumbnails\</t>
  </si>
  <si>
    <t>12/26/2019 13:21:54</t>
  </si>
  <si>
    <t>12/26/2019 13:23:52</t>
  </si>
  <si>
    <t>12/26/2019 13:18:44</t>
  </si>
  <si>
    <t>12/26/2019 13:24:52</t>
  </si>
  <si>
    <t>12/26/2019 13:23:28</t>
  </si>
  <si>
    <t>12/26/2019 13:25:52</t>
  </si>
  <si>
    <t>12/26/2019 13:23:43</t>
  </si>
  <si>
    <t>12/26/2019 13:24:13</t>
  </si>
  <si>
    <t>12/26/2019 13:23:54</t>
  </si>
  <si>
    <t>12/26/2019 13:24:14</t>
  </si>
  <si>
    <t>12/26/2019 13:26:53</t>
  </si>
  <si>
    <t>12/26/2019 13:27:45</t>
  </si>
  <si>
    <t>12/26/2019 13:28:52</t>
  </si>
  <si>
    <t>f12d5727-c10d-484d-bc96-c009e4c5b539.tmp</t>
  </si>
  <si>
    <t>\\acsfs\profiles$\cintiadcf\Downloads\f12d5727-c10d-484d-bc96-c009e4c5b539.tmp</t>
  </si>
  <si>
    <t>12/26/2019 13:27:54</t>
  </si>
  <si>
    <t>12/26/2019 13:26:51</t>
  </si>
  <si>
    <t>3e290ffb-0d14-4343-a301-1ae3b2d60ead.tmp</t>
  </si>
  <si>
    <t>\\acsfs\profiles$\brendadsl\Downloads\3e290ffb-0d14-4343-a301-1ae3b2d60ead.tmp</t>
  </si>
  <si>
    <t>3640ba93-2524-4eab-a542-b80582df7b23.tmp</t>
  </si>
  <si>
    <t>\\acsfs\profiles$\brendadsl\Downloads\3640ba93-2524-4eab-a542-b80582df7b23.tmp</t>
  </si>
  <si>
    <t>d7a690c2-e7f3-4810-9791-6bc626d3239a.tmp</t>
  </si>
  <si>
    <t>\\acsfs\profiles$\brendadsl\Downloads\d7a690c2-e7f3-4810-9791-6bc626d3239a.tmp</t>
  </si>
  <si>
    <t>59fc7555-6274-4576-b220-190d0201ef81.tmp</t>
  </si>
  <si>
    <t>\\acsfs\profiles$\brendadsl\Downloads\59fc7555-6274-4576-b220-190d0201ef81.tmp</t>
  </si>
  <si>
    <t>976418d9-eca4-4acc-af08-04dc28e23386.tmp</t>
  </si>
  <si>
    <t>\\acsfs\profiles$\brendadsl\Downloads\976418d9-eca4-4acc-af08-04dc28e23386.tmp</t>
  </si>
  <si>
    <t>12/26/2019 13:28:19</t>
  </si>
  <si>
    <t>fdf13bed-bccd-4ddc-954a-78cb4bd73be8.tmp</t>
  </si>
  <si>
    <t>\\acsfs\profiles$\brendadsl\Downloads\fdf13bed-bccd-4ddc-954a-78cb4bd73be8.tmp</t>
  </si>
  <si>
    <t>12/26/2019 13:24:01</t>
  </si>
  <si>
    <t>12/26/2019 13:29:52</t>
  </si>
  <si>
    <t>12/26/2019 13:30:05</t>
  </si>
  <si>
    <t>12/26/2019 13:30:52</t>
  </si>
  <si>
    <t>5ab6b9bf-c0b6-45e3-805a-95ec331f5187.tmp</t>
  </si>
  <si>
    <t>\\acsfs\profiles$\gabrielamdp\Downloads\5ab6b9bf-c0b6-45e3-805a-95ec331f5187.tmp</t>
  </si>
  <si>
    <t>abbf0246-e22e-4daa-94b9-3e6dcec71634.tmp</t>
  </si>
  <si>
    <t>\\acsfs\profiles$\gabrielamdp\Downloads\abbf0246-e22e-4daa-94b9-3e6dcec71634.tmp</t>
  </si>
  <si>
    <t>a5454221-bed5-4b3c-bd78-8f5852890bb1.tmp</t>
  </si>
  <si>
    <t>\\acsfs\profiles$\gabrielamdp\Downloads\a5454221-bed5-4b3c-bd78-8f5852890bb1.tmp</t>
  </si>
  <si>
    <t>7f908fb4-cc8d-451f-a22f-ead0dd3f743f.tmp</t>
  </si>
  <si>
    <t>\\acsfs\profiles$\gabrielamdp\Downloads\7f908fb4-cc8d-451f-a22f-ead0dd3f743f.tmp</t>
  </si>
  <si>
    <t>12/26/2019 13:30:06</t>
  </si>
  <si>
    <t>a6e0d220-ea79-442a-a830-02e9b24e45ba.tmp</t>
  </si>
  <si>
    <t>\\acsfs\profiles$\gabrielamdp\Downloads\a6e0d220-ea79-442a-a830-02e9b24e45ba.tmp</t>
  </si>
  <si>
    <t>12/26/2019 13:29:58</t>
  </si>
  <si>
    <t>12/26/2019 13:31:52</t>
  </si>
  <si>
    <t>fe76bce5-8292-4ddf-8cd6-a6de2d06478c.tmp</t>
  </si>
  <si>
    <t>\\acsfs\profiles$\quindaizaagds\Downloads\fe76bce5-8292-4ddf-8cd6-a6de2d06478c.tmp</t>
  </si>
  <si>
    <t>12/26/2019 13:30:23</t>
  </si>
  <si>
    <t>12/26/2019 13:32:51</t>
  </si>
  <si>
    <t>bd5dbd28-5d3e-4bb5-a927-b2c470e23b6f.tmp</t>
  </si>
  <si>
    <t>\\acsfs\profiles$\eduardofss\Downloads\bd5dbd28-5d3e-4bb5-a927-b2c470e23b6f.tmp</t>
  </si>
  <si>
    <t>12/26/2019 13:30:37</t>
  </si>
  <si>
    <t>Receitamento DEZ FAT B - Akassia.xlsx</t>
  </si>
  <si>
    <t>12/26/2019 13:29:42</t>
  </si>
  <si>
    <t>12/26/2019 13:33:52</t>
  </si>
  <si>
    <t>12/26/2019 13:29:43</t>
  </si>
  <si>
    <t>Painel Bacen Procedente 20191224.xlsx</t>
  </si>
  <si>
    <t>12/26/2019 13:30:17</t>
  </si>
  <si>
    <t>Painel Bacen Procedente GOV 20191224.xlsx</t>
  </si>
  <si>
    <t>12/26/2019 13:32:10</t>
  </si>
  <si>
    <t>12/26/2019 13:32:18</t>
  </si>
  <si>
    <t>12/26/2019 13:32:28</t>
  </si>
  <si>
    <t>12/26/2019 13:32:32</t>
  </si>
  <si>
    <t>12/26/2019 13:32:39</t>
  </si>
  <si>
    <t>12/26/2019 13:32:55</t>
  </si>
  <si>
    <t>12/26/2019 13:33:19</t>
  </si>
  <si>
    <t>12/26/2019 13:33:23</t>
  </si>
  <si>
    <t>12/26/2019 13:33:30</t>
  </si>
  <si>
    <t>12/26/2019 13:30:00</t>
  </si>
  <si>
    <t>12/26/2019 13:34:52</t>
  </si>
  <si>
    <t>12/26/2019 13:30:33</t>
  </si>
  <si>
    <t>12/26/2019 13:35:52</t>
  </si>
  <si>
    <t>3052f6b7-c6f7-4b2d-9e10-0cd363d64e61.tmp</t>
  </si>
  <si>
    <t>\\acsfs\profiles$\gabrielamdp\Downloads\3052f6b7-c6f7-4b2d-9e10-0cd363d64e61.tmp</t>
  </si>
  <si>
    <t>12/26/2019 13:30:36</t>
  </si>
  <si>
    <t>9270e88f-4be2-4d95-a1e8-a8e6f875bede.tmp</t>
  </si>
  <si>
    <t>\\acsfs\profiles$\gabrielamdp\Downloads\9270e88f-4be2-4d95-a1e8-a8e6f875bede.tmp</t>
  </si>
  <si>
    <t>90019f35-e702-4c20-8c4c-d99d98913020.tmp</t>
  </si>
  <si>
    <t>\\acsfs\profiles$\gabrielamdp\Downloads\90019f35-e702-4c20-8c4c-d99d98913020.tmp</t>
  </si>
  <si>
    <t>5acf07b0-cf6e-4544-962a-97afa66d1263.tmp</t>
  </si>
  <si>
    <t>\\acsfs\profiles$\gabrielamdp\Downloads\5acf07b0-cf6e-4544-962a-97afa66d1263.tmp</t>
  </si>
  <si>
    <t>b4cac217-e928-48b3-ab57-92fb916fb424.tmp</t>
  </si>
  <si>
    <t>\\acsfs\profiles$\gabrielamdp\Downloads\b4cac217-e928-48b3-ab57-92fb916fb424.tmp</t>
  </si>
  <si>
    <t>12/26/2019 13:32:43</t>
  </si>
  <si>
    <t>12/26/2019 13:35:22</t>
  </si>
  <si>
    <t>lu146321g6v9x.tmp</t>
  </si>
  <si>
    <t>\\acsfs\profiles$\dhiulliananads\My Documents\lu146321g6v9x.tmp</t>
  </si>
  <si>
    <t>\\acsfs\profiles$\dhiulliananads\My Documents\lu146321g6v9x.tmp\</t>
  </si>
  <si>
    <t>\\acsfs\profiles$\dhiulliananads\My Documents\lu146321g6v9x.tmp\META-INF\</t>
  </si>
  <si>
    <t>\\acsfs\profiles$\dhiulliananads\My Documents\lu146321g6v9x.tmp\Thumbnails\</t>
  </si>
  <si>
    <t>12/26/2019 13:32:36</t>
  </si>
  <si>
    <t>12/26/2019 13:36:52</t>
  </si>
  <si>
    <t>12/26/2019 13:36:33</t>
  </si>
  <si>
    <t>6ad8d5da-254c-4ebd-a1bb-ab5b6db6b607.tmp</t>
  </si>
  <si>
    <t>\\acsfs\profiles$\henriquehmdo\Downloads\6ad8d5da-254c-4ebd-a1bb-ab5b6db6b607.tmp</t>
  </si>
  <si>
    <t>12/26/2019 13:34:15</t>
  </si>
  <si>
    <t>12/26/2019 13:37:51</t>
  </si>
  <si>
    <t>12/26/2019 13:35:06</t>
  </si>
  <si>
    <t>030d161b-1639-4d84-8262-2a29628e8907.tmp</t>
  </si>
  <si>
    <t>\\acsfs\profiles$\eduardofss\Downloads\030d161b-1639-4d84-8262-2a29628e8907.tmp</t>
  </si>
  <si>
    <t>12/26/2019 13:33:32</t>
  </si>
  <si>
    <t>6179d433-b4ff-4fb5-8c9d-d660394efb5f.tmp</t>
  </si>
  <si>
    <t>\\acsfs\profiles$\deborahsi\Downloads\6179d433-b4ff-4fb5-8c9d-d660394efb5f.tmp</t>
  </si>
  <si>
    <t>12/26/2019 13:35:24</t>
  </si>
  <si>
    <t>12/26/2019 13:35:26</t>
  </si>
  <si>
    <t>lu141641cbk1g.tmp</t>
  </si>
  <si>
    <t>\\acsfs\profiles$\LUCASBS\lu141641cbk1g.tmp</t>
  </si>
  <si>
    <t>\\acsfs\profiles$\LUCASBS\lu141641cbk1g.tmp\</t>
  </si>
  <si>
    <t>\\acsfs\profiles$\LUCASBS\lu141641cbk1g.tmp\META-INF\</t>
  </si>
  <si>
    <t>\\acsfs\profiles$\LUCASBS\lu141641cbk1g.tmp\Thumbnails\</t>
  </si>
  <si>
    <t>12/26/2019 13:35:44</t>
  </si>
  <si>
    <t>12/26/2019 13:35:58</t>
  </si>
  <si>
    <t>12/26/2019 13:33:54</t>
  </si>
  <si>
    <t>12/26/2019 13:38:52</t>
  </si>
  <si>
    <t>12/26/2019 13:33:59</t>
  </si>
  <si>
    <t>12/26/2019 13:34:11</t>
  </si>
  <si>
    <t>12/26/2019 13:34:32</t>
  </si>
  <si>
    <t>12/26/2019 13:34:34</t>
  </si>
  <si>
    <t>12/26/2019 13:34:45</t>
  </si>
  <si>
    <t>12/26/2019 13:34:48</t>
  </si>
  <si>
    <t>12/26/2019 13:36:01</t>
  </si>
  <si>
    <t>12/26/2019 13:36:08</t>
  </si>
  <si>
    <t>12/26/2019 13:36:11</t>
  </si>
  <si>
    <t>12/26/2019 13:36:24</t>
  </si>
  <si>
    <t>12/26/2019 13:38:33</t>
  </si>
  <si>
    <t>12/26/2019 13:39:52</t>
  </si>
  <si>
    <t>12/26/2019 13:39:32</t>
  </si>
  <si>
    <t>9ad8e052-655e-44f5-918f-c5b2020f5201.tmp</t>
  </si>
  <si>
    <t>\\acsfs\profiles$\mariliafplb\Downloads\9ad8e052-655e-44f5-918f-c5b2020f5201.tmp</t>
  </si>
  <si>
    <t>12/26/2019 13:38:51</t>
  </si>
  <si>
    <t>mail.google.com/sync/u/0/i/s?hl=pt-BR&amp;c=986</t>
  </si>
  <si>
    <t>marianadjc@algartech.com;paulacn@algartech.com;</t>
  </si>
  <si>
    <t>marianadjc@algartech.com,paulacn@algartech.com</t>
  </si>
  <si>
    <t>12/26/2019 13:36:43</t>
  </si>
  <si>
    <t>12/26/2019 13:40:53</t>
  </si>
  <si>
    <t>12/26/2019 13:35:54</t>
  </si>
  <si>
    <t>lu146321g6va3.tmp</t>
  </si>
  <si>
    <t>\\acsfs\profiles$\dhiulliananads\My Documents\lu146321g6va3.tmp</t>
  </si>
  <si>
    <t>\\acsfs\profiles$\dhiulliananads\My Documents\lu146321g6va3.tmp\</t>
  </si>
  <si>
    <t>\\acsfs\profiles$\dhiulliananads\My Documents\lu146321g6va3.tmp\META-INF\</t>
  </si>
  <si>
    <t>\\acsfs\profiles$\dhiulliananads\My Documents\lu146321g6va3.tmp\Thumbnails\</t>
  </si>
  <si>
    <t>lu146321g6va9.tmp</t>
  </si>
  <si>
    <t>\\acsfs\profiles$\dhiulliananads\My Documents\lu146321g6va9.tmp</t>
  </si>
  <si>
    <t>\\acsfs\profiles$\dhiulliananads\My Documents\lu146321g6va9.tmp\</t>
  </si>
  <si>
    <t>\\acsfs\profiles$\dhiulliananads\My Documents\lu146321g6va9.tmp\META-INF\</t>
  </si>
  <si>
    <t>\\acsfs\profiles$\dhiulliananads\My Documents\lu146321g6va9.tmp\Thumbnails\</t>
  </si>
  <si>
    <t>12/26/2019 13:37:25</t>
  </si>
  <si>
    <t>lu146321g6vaf.tmp</t>
  </si>
  <si>
    <t>\\acsfs\profiles$\dhiulliananads\My Documents\lu146321g6vaf.tmp</t>
  </si>
  <si>
    <t>\\acsfs\profiles$\dhiulliananads\My Documents\lu146321g6vaf.tmp\</t>
  </si>
  <si>
    <t>\\acsfs\profiles$\dhiulliananads\My Documents\lu146321g6vaf.tmp\META-INF\</t>
  </si>
  <si>
    <t>\\acsfs\profiles$\dhiulliananads\My Documents\lu146321g6vaf.tmp\Thumbnails\</t>
  </si>
  <si>
    <t>12/26/2019 13:38:07</t>
  </si>
  <si>
    <t>12/26/2019 13:43:52</t>
  </si>
  <si>
    <t>d0ff1463-062d-41bd-b3c0-05cee86f9136.tmp</t>
  </si>
  <si>
    <t>\\acsfs\profiles$\georgendsq\Downloads\d0ff1463-062d-41bd-b3c0-05cee86f9136.tmp</t>
  </si>
  <si>
    <t>12/26/2019 13:39:00</t>
  </si>
  <si>
    <t>1c8bdf92-76fe-4514-8388-84bf1914501e.tmp</t>
  </si>
  <si>
    <t>\\acsfs\profiles$\georgendsq\Downloads\1c8bdf92-76fe-4514-8388-84bf1914501e.tmp</t>
  </si>
  <si>
    <t>12/26/2019 13:39:21</t>
  </si>
  <si>
    <t>033174d9-e198-4769-ac0a-1b356e26083b.tmp</t>
  </si>
  <si>
    <t>\\acsfs\profiles$\georgendsq\Downloads\033174d9-e198-4769-ac0a-1b356e26083b.tmp</t>
  </si>
  <si>
    <t>12/26/2019 13:39:36</t>
  </si>
  <si>
    <t>8eb2b9e3-4a14-46a1-a35b-f1f3793f8f31.tmp</t>
  </si>
  <si>
    <t>\\acsfs\profiles$\georgendsq\Downloads\8eb2b9e3-4a14-46a1-a35b-f1f3793f8f31.tmp</t>
  </si>
  <si>
    <t>12/26/2019 13:39:51</t>
  </si>
  <si>
    <t>fcfdb4b8-9b5c-4143-8240-181a6a52e7a1.tmp</t>
  </si>
  <si>
    <t>\\acsfs\profiles$\georgendsq\Downloads\fcfdb4b8-9b5c-4143-8240-181a6a52e7a1.tmp</t>
  </si>
  <si>
    <t>12/26/2019 13:40:05</t>
  </si>
  <si>
    <t>02ebf11b-7a66-48c9-a5d4-07e7f815b5be.tmp</t>
  </si>
  <si>
    <t>\\acsfs\profiles$\georgendsq\Downloads\02ebf11b-7a66-48c9-a5d4-07e7f815b5be.tmp</t>
  </si>
  <si>
    <t>12/26/2019 13:40:03</t>
  </si>
  <si>
    <t>e7ebd955-1073-4720-82f4-4dea6311b9b6.tmp</t>
  </si>
  <si>
    <t>\\acsfs\profiles$\cintiadcf\Downloads\e7ebd955-1073-4720-82f4-4dea6311b9b6.tmp</t>
  </si>
  <si>
    <t>12/26/2019 13:39:55</t>
  </si>
  <si>
    <t>12/26/2019 13:42:00</t>
  </si>
  <si>
    <t>12/26/2019 13:42:24</t>
  </si>
  <si>
    <t>12/26/2019 13:42:26</t>
  </si>
  <si>
    <t>12/26/2019 13:42:47</t>
  </si>
  <si>
    <t>12/26/2019 13:44:53</t>
  </si>
  <si>
    <t>12/26/2019 13:40:11</t>
  </si>
  <si>
    <t>772bdc63-1199-4f4c-baea-16b43605213e.tmp</t>
  </si>
  <si>
    <t>\\acsfs\profiles$\victoriaksr\Downloads\772bdc63-1199-4f4c-baea-16b43605213e.tmp</t>
  </si>
  <si>
    <t>12/26/2019 13:42:13</t>
  </si>
  <si>
    <t>12/26/2019 13:45:52</t>
  </si>
  <si>
    <t>12/26/2019 13:42:43</t>
  </si>
  <si>
    <t>12/26/2019 13:42:44</t>
  </si>
  <si>
    <t>lu146321g6val.tmp</t>
  </si>
  <si>
    <t>\\acsfs\profiles$\dhiulliananads\My Documents\lu146321g6val.tmp</t>
  </si>
  <si>
    <t>\\acsfs\profiles$\dhiulliananads\My Documents\lu146321g6val.tmp\</t>
  </si>
  <si>
    <t>\\acsfs\profiles$\dhiulliananads\My Documents\lu146321g6val.tmp\META-INF\</t>
  </si>
  <si>
    <t>\\acsfs\profiles$\dhiulliananads\My Documents\lu146321g6val.tmp\Thumbnails\</t>
  </si>
  <si>
    <t>12/26/2019 13:42:22</t>
  </si>
  <si>
    <t>54ed7b71-a055-4755-8018-15435ad210d9.tmp</t>
  </si>
  <si>
    <t>\\acsfs\profiles$\wedersonbadr\My Documents\My Music\54ed7b71-a055-4755-8018-15435ad210d9.tmp</t>
  </si>
  <si>
    <t>12/26/2019 13:43:00</t>
  </si>
  <si>
    <t>5012777f-6fdd-4dd4-a719-5b6d681f9463.tmp</t>
  </si>
  <si>
    <t>\\acsfs\profiles$\wedersonbadr\My Documents\My Music\5012777f-6fdd-4dd4-a719-5b6d681f9463.tmp</t>
  </si>
  <si>
    <t>12/26/2019 13:43:11</t>
  </si>
  <si>
    <t>Maria Gabriela Silva Gomes_1_6771445988712333295_1_32.wav</t>
  </si>
  <si>
    <t>\\acsfs\Deptos\EDUCACAO EMPRESARIAL\FERNANDA MONIT\Ligação para Mutant terceiro Ciclo\Maria Gabriela Silva Gomes_1_6771445988712333295_1_32.wav</t>
  </si>
  <si>
    <t>12/26/2019 13:46:02</t>
  </si>
  <si>
    <t>12/26/2019 13:46:53</t>
  </si>
  <si>
    <t>10.200.66.60</t>
  </si>
  <si>
    <t>abaeaf54-d61e-42bd-be3b-ccf5316d5a4f.tmp</t>
  </si>
  <si>
    <t>\\acsfs\profiles$\KARENJSS\Downloads\abaeaf54-d61e-42bd-be3b-ccf5316d5a4f.tmp</t>
  </si>
  <si>
    <t>12/26/2019 13:42:30</t>
  </si>
  <si>
    <t>12/26/2019 13:45:59</t>
  </si>
  <si>
    <t>12/26/2019 13:47:53</t>
  </si>
  <si>
    <t>1de2d05a-49fe-44df-8b62-24c7cf8e1928.tmp</t>
  </si>
  <si>
    <t>\\acsfs\profiles$\andrezacapf\Downloads\1de2d05a-49fe-44df-8b62-24c7cf8e1928.tmp</t>
  </si>
  <si>
    <t>12/26/2019 13:45:54</t>
  </si>
  <si>
    <t>12/26/2019 13:48:52</t>
  </si>
  <si>
    <t>12/26/2019 13:44:45</t>
  </si>
  <si>
    <t>12/26/2019 13:44:37</t>
  </si>
  <si>
    <t>12/26/2019 13:44:43</t>
  </si>
  <si>
    <t>12/26/2019 13:48:01</t>
  </si>
  <si>
    <t>12/26/2019 13:47:22</t>
  </si>
  <si>
    <t>12/26/2019 13:49:53</t>
  </si>
  <si>
    <t>22f511e9-502c-4096-8f7e-2464e0959b60.tmp</t>
  </si>
  <si>
    <t>\\acsfs\profiles$\ERICALSR\Downloads\22f511e9-502c-4096-8f7e-2464e0959b60.tmp</t>
  </si>
  <si>
    <t>12/26/2019 13:47:52</t>
  </si>
  <si>
    <t>59fd7563-36b3-4a46-8afc-d8533e0b0f4d.tmp</t>
  </si>
  <si>
    <t>\\acsfs\profiles$\regisadsa\Downloads\59fd7563-36b3-4a46-8afc-d8533e0b0f4d.tmp</t>
  </si>
  <si>
    <t>12/26/2019 13:48:19</t>
  </si>
  <si>
    <t>9f2fd773-9a2e-4581-b84e-01f75adad518.tmp</t>
  </si>
  <si>
    <t>\\acsfs\profiles$\regisadsa\Downloads\9f2fd773-9a2e-4581-b84e-01f75adad518.tmp</t>
  </si>
  <si>
    <t>12/26/2019 13:49:19</t>
  </si>
  <si>
    <t>8473f5b8-b345-4d97-8400-5a129a8c4bea.tmp</t>
  </si>
  <si>
    <t>\\acsfs\profiles$\regisadsa\Downloads\8473f5b8-b345-4d97-8400-5a129a8c4bea.tmp</t>
  </si>
  <si>
    <t>12/26/2019 13:45:36</t>
  </si>
  <si>
    <t>12/26/2019 13:45:37</t>
  </si>
  <si>
    <t>lu208202laf4m.tmp</t>
  </si>
  <si>
    <t>\\acsfs\profiles$\geovanaasa\My Documents\lu208202laf4m.tmp</t>
  </si>
  <si>
    <t>\\acsfs\profiles$\geovanaasa\My Documents\lu208202laf4m.tmp\</t>
  </si>
  <si>
    <t>\\acsfs\profiles$\geovanaasa\My Documents\lu208202laf4m.tmp\META-INF\</t>
  </si>
  <si>
    <t>\\acsfs\profiles$\geovanaasa\My Documents\lu208202laf4m.tmp\Thumbnails\</t>
  </si>
  <si>
    <t>12/26/2019 13:46:32</t>
  </si>
  <si>
    <t>7eb9a2a5-0038-40e4-abd1-306c541252ea.tmp</t>
  </si>
  <si>
    <t>\\acsfs\profiles$\nataliacsl\Downloads\7eb9a2a5-0038-40e4-abd1-306c541252ea.tmp</t>
  </si>
  <si>
    <t>12/26/2019 13:46:51</t>
  </si>
  <si>
    <t>12/26/2019 13:50:53</t>
  </si>
  <si>
    <t>6aab4dc9-0162-49bd-acb8-5e141272c6dd.tmp</t>
  </si>
  <si>
    <t>\\acsfs\profiles$\gabrielamdp\Downloads\6aab4dc9-0162-49bd-acb8-5e141272c6dd.tmp</t>
  </si>
  <si>
    <t>12/26/2019 13:47:12</t>
  </si>
  <si>
    <t>d4a2c7e0-8c97-45e4-92a5-4fdc39259b15.tmp</t>
  </si>
  <si>
    <t>\\acsfs\profiles$\gabriellalpr\Downloads\d4a2c7e0-8c97-45e4-92a5-4fdc39259b15.tmp</t>
  </si>
  <si>
    <t>12/26/2019 13:47:59</t>
  </si>
  <si>
    <t>c65bb5ed-8d9d-4747-9dd4-cd26e2eb0186.tmp</t>
  </si>
  <si>
    <t>\\acsfs\profiles$\gabriellalpr\Downloads\c65bb5ed-8d9d-4747-9dd4-cd26e2eb0186.tmp</t>
  </si>
  <si>
    <t>12/26/2019 13:48:31</t>
  </si>
  <si>
    <t>241b4f73-3d74-4261-9658-1a1ad2e7660e.tmp</t>
  </si>
  <si>
    <t>\\acsfs\profiles$\gabriellalpr\Downloads\241b4f73-3d74-4261-9658-1a1ad2e7660e.tmp</t>
  </si>
  <si>
    <t>12/26/2019 13:47:20</t>
  </si>
  <si>
    <t>12/26/2019 13:51:53</t>
  </si>
  <si>
    <t>d7349008-a800-4c5e-888c-fc46f3cc19f7.tmp</t>
  </si>
  <si>
    <t>\\acsfs\profiles$\KARENJSS\Downloads\d7349008-a800-4c5e-888c-fc46f3cc19f7.tmp</t>
  </si>
  <si>
    <t>12/26/2019 13:47:14</t>
  </si>
  <si>
    <t>3234fb2e-709e-42a6-8ce9-dc92444c56b9.tmp</t>
  </si>
  <si>
    <t>\\acsfs\profiles$\thaisdss\Downloads\3234fb2e-709e-42a6-8ce9-dc92444c56b9.tmp</t>
  </si>
  <si>
    <t>12/26/2019 13:52:53</t>
  </si>
  <si>
    <t>ede92230-940b-429c-b2a6-b6878dbdc4b5.tmp</t>
  </si>
  <si>
    <t>\\acsfs\profiles$\andrezacapf\Downloads\ede92230-940b-429c-b2a6-b6878dbdc4b5.tmp</t>
  </si>
  <si>
    <t>12/26/2019 13:48:02</t>
  </si>
  <si>
    <t>bb1c8782-8ff3-45c2-8a85-cf57a08aad3f.tmp</t>
  </si>
  <si>
    <t>\\acsfs\profiles$\andrezacapf\Downloads\bb1c8782-8ff3-45c2-8a85-cf57a08aad3f.tmp</t>
  </si>
  <si>
    <t>f529752c-e01a-4993-a914-bcf87aadeead.tmp</t>
  </si>
  <si>
    <t>\\acsfs\profiles$\andrezacapf\Downloads\f529752c-e01a-4993-a914-bcf87aadeead.tmp</t>
  </si>
  <si>
    <t>12/26/2019 13:48:23</t>
  </si>
  <si>
    <t>8d3b3a2c-f289-4399-92fc-1ee1e37f5503.tmp</t>
  </si>
  <si>
    <t>\\acsfs\profiles$\andrezacapf\Downloads\8d3b3a2c-f289-4399-92fc-1ee1e37f5503.tmp</t>
  </si>
  <si>
    <t>12/26/2019 13:49:01</t>
  </si>
  <si>
    <t>88ecb389-cf54-48e2-8f68-047ed55291b5.tmp</t>
  </si>
  <si>
    <t>\\acsfs\profiles$\andrezacapf\Downloads\88ecb389-cf54-48e2-8f68-047ed55291b5.tmp</t>
  </si>
  <si>
    <t>12/26/2019 13:49:02</t>
  </si>
  <si>
    <t>dda1c1f7-7fef-49c9-9330-4cc513714ee9.tmp</t>
  </si>
  <si>
    <t>\\acsfs\profiles$\andrezacapf\Downloads\dda1c1f7-7fef-49c9-9330-4cc513714ee9.tmp</t>
  </si>
  <si>
    <t>12/26/2019 13:50:26</t>
  </si>
  <si>
    <t>12/26/2019 13:51:54</t>
  </si>
  <si>
    <t>12/26/2019 13:53:54</t>
  </si>
  <si>
    <t>12/26/2019 13:52:48</t>
  </si>
  <si>
    <t>leonardoao@algartech.com;</t>
  </si>
  <si>
    <t>leonardoao@algartech.com</t>
  </si>
  <si>
    <t>12/26/2019 13:53:13</t>
  </si>
  <si>
    <t>12/26/2019 13:51:27</t>
  </si>
  <si>
    <t>e2c88531-0ae3-44bb-b31e-be51e35a1cd5.tmp</t>
  </si>
  <si>
    <t>\\acsfs\profiles$\brendadsl\Downloads\e2c88531-0ae3-44bb-b31e-be51e35a1cd5.tmp</t>
  </si>
  <si>
    <t>12/26/2019 13:51:23</t>
  </si>
  <si>
    <t>2c03d11e-bea0-44f9-ac13-9962fc04a11e;</t>
  </si>
  <si>
    <t>image2019-12-26-130614.pdf</t>
  </si>
  <si>
    <t>12/26/2019 13:49:54</t>
  </si>
  <si>
    <t>12/26/2019 13:54:53</t>
  </si>
  <si>
    <t>ea2468fa-54c8-4436-86b3-013a83259734.tmp</t>
  </si>
  <si>
    <t>\\acsfs\profiles$\regisadsa\Downloads\ea2468fa-54c8-4436-86b3-013a83259734.tmp</t>
  </si>
  <si>
    <t>12/26/2019 13:50:29</t>
  </si>
  <si>
    <t>a7365b48-f266-4eda-94bc-e8174ae0b354.tmp</t>
  </si>
  <si>
    <t>\\acsfs\profiles$\regisadsa\Downloads\a7365b48-f266-4eda-94bc-e8174ae0b354.tmp</t>
  </si>
  <si>
    <t>12/26/2019 13:53:17</t>
  </si>
  <si>
    <t>12/26/2019 13:52:04</t>
  </si>
  <si>
    <t>Relatório Diario CAOA 24 e 25-12.xlsx</t>
  </si>
  <si>
    <t>12/26/2019 13:51:04</t>
  </si>
  <si>
    <t>12/26/2019 13:55:53</t>
  </si>
  <si>
    <t>cee923dd-2433-4dc5-80cc-a84829784909.tmp</t>
  </si>
  <si>
    <t>\\acsfs\profiles$\wedersonbadr\My Documents\My Music\cee923dd-2433-4dc5-80cc-a84829784909.tmp</t>
  </si>
  <si>
    <t>12/26/2019 13:52:54</t>
  </si>
  <si>
    <t>12/26/2019 13:56:53</t>
  </si>
  <si>
    <t>a977d250-4dc8-4e4d-99b6-e04b5362f70e.tmp</t>
  </si>
  <si>
    <t>\\acsfs\profiles$\quindaizaagds\Downloads\a977d250-4dc8-4e4d-99b6-e04b5362f70e.tmp</t>
  </si>
  <si>
    <t>12/26/2019 13:53:03</t>
  </si>
  <si>
    <t>06961882-d771-48a8-98fd-6bc0f24989d3.tmp</t>
  </si>
  <si>
    <t>\\acsfs\profiles$\quindaizaagds\Downloads\06961882-d771-48a8-98fd-6bc0f24989d3.tmp</t>
  </si>
  <si>
    <t>12/26/2019 13:53:08</t>
  </si>
  <si>
    <t>179b2343-0aeb-438f-a306-faa075b2e5a7.tmp</t>
  </si>
  <si>
    <t>\\acsfs\profiles$\quindaizaagds\Downloads\179b2343-0aeb-438f-a306-faa075b2e5a7.tmp</t>
  </si>
  <si>
    <t>12/26/2019 13:58:54</t>
  </si>
  <si>
    <t>12/26/2019 13:53:19</t>
  </si>
  <si>
    <t>12/26/2019 13:57:54</t>
  </si>
  <si>
    <t>12/26/2019 13:58:10</t>
  </si>
  <si>
    <t>12/26/2019 13:57:49</t>
  </si>
  <si>
    <t>\\acsfs\Deptos\Controladoria\2 - Business Performance\2019\1 - Precificacao\6 - Revisao da Metodologia\Consultoria Teros\07-Jeciene\</t>
  </si>
  <si>
    <t>DEPARA - TB Consolidado - Fixo e variável.xlsx</t>
  </si>
  <si>
    <t>12/26/2019 13:57:47</t>
  </si>
  <si>
    <t>e2268174-f38e-4303-8d02-93022f599141.tmp</t>
  </si>
  <si>
    <t>\\acsfs\profiles$\anafsb\Downloads\e2268174-f38e-4303-8d02-93022f599141.tmp</t>
  </si>
  <si>
    <t>12/26/2019 13:58:35</t>
  </si>
  <si>
    <t>12/26/2019 13:58:40</t>
  </si>
  <si>
    <t>12/26/2019 13:58:24</t>
  </si>
  <si>
    <t>mail.google.com/_/upload?authuser=0&amp;dcp=asu-n&amp;upload_id=AEnB2UqCD8RT53D3MbiaWkkjLRz_nk232cFwmsUupQnvuKssgfo7xtIj2M7tw1QPFjb2LC_5hnMD9MFH9qkF2gdOxnom0_wIm53G2olN2a5he3607YG5jTk&amp;upload_protocol=resumable</t>
  </si>
  <si>
    <t>andregc@algartech.com;antoniocoj@algartech.com;brunocss@algartech.com;douglassp@algartech.com;hugooc@algartech.com;ricardomi@algartech.com;viniciussg@algartech.com;</t>
  </si>
  <si>
    <t>C:\Users\fabianacscg\Desktop\Rateio\Janeiro\</t>
  </si>
  <si>
    <t>ESTRUTURA Fabi - Dezembro.xlsx</t>
  </si>
  <si>
    <t>andregc@algartech.com,antoniocoj@algartech.com,brunocss@algartech.com,douglassp@algartech.com,hugooc@algartech.com,ricardomi@algartech.com,viniciussg@algartech.com</t>
  </si>
  <si>
    <t>12/26/2019 13:54:01</t>
  </si>
  <si>
    <t>12/26/2019 13:59:53</t>
  </si>
  <si>
    <t>12/26/2019 13:58:02</t>
  </si>
  <si>
    <t>12/26/2019 13:58:34</t>
  </si>
  <si>
    <t>4a8e1c04-5487-4ef0-b211-d3b0243d6dec.tmp</t>
  </si>
  <si>
    <t>\\acsfs\profiles$\mariliafplb\Downloads\4a8e1c04-5487-4ef0-b211-d3b0243d6dec.tmp</t>
  </si>
  <si>
    <t>12/26/2019 13:57:00</t>
  </si>
  <si>
    <t>10.200.67.132</t>
  </si>
  <si>
    <t>78-2B-CB-C1-07-4E</t>
  </si>
  <si>
    <t>VOTORANT-OB008</t>
  </si>
  <si>
    <t>8896dda2-e2e2-4ade-b661-c4b757bcad31.tmp</t>
  </si>
  <si>
    <t>\\acsfs\profiles$\victorgl\Downloads\8896dda2-e2e2-4ade-b661-c4b757bcad31.tmp</t>
  </si>
  <si>
    <t>12/26/2019 13:58:33</t>
  </si>
  <si>
    <t>f0abb74f-3e23-4d44-9e83-0a1023ab7055.tmp</t>
  </si>
  <si>
    <t>\\acsfs\profiles$\victorgl\Downloads\f0abb74f-3e23-4d44-9e83-0a1023ab7055.tmp</t>
  </si>
  <si>
    <t>Vendas notas.txt</t>
  </si>
  <si>
    <t>\\acsfs\profiles$\jonathanwap\Vendas notas.txt</t>
  </si>
  <si>
    <t>12/26/2019 13:58:00</t>
  </si>
  <si>
    <t>12/26/2019 13:58:01</t>
  </si>
  <si>
    <t>lu199202hqot9.tmp</t>
  </si>
  <si>
    <t>\\acsfs\profiles$\jonathanwap\lu199202hqot9.tmp</t>
  </si>
  <si>
    <t>\\acsfs\profiles$\jonathanwap\lu199202hqot9.tmp\</t>
  </si>
  <si>
    <t>\\acsfs\profiles$\jonathanwap\lu199202hqot9.tmp\META-INF\</t>
  </si>
  <si>
    <t>12/26/2019 14:00:54</t>
  </si>
  <si>
    <t>\\acsfs\profiles$\jonathanwap\lu199202hqot9.tmp\Thumbnails\</t>
  </si>
  <si>
    <t>12/26/2019 13:57:43</t>
  </si>
  <si>
    <t>12/26/2019 13:57:03</t>
  </si>
  <si>
    <t>12/26/2019 13:56:57</t>
  </si>
  <si>
    <t>2f1923ee-0418-4e8d-a1aa-45b1b9fbd2d4.tmp</t>
  </si>
  <si>
    <t>\\acsfs\profiles$\wedersonbadr\My Documents\My Music\2f1923ee-0418-4e8d-a1aa-45b1b9fbd2d4.tmp</t>
  </si>
  <si>
    <t>12/26/2019 14:00:18</t>
  </si>
  <si>
    <t>12/26/2019 14:03:54</t>
  </si>
  <si>
    <t>b1df2034-4544-4d34-aab4-f71467834019.tmp</t>
  </si>
  <si>
    <t>\\acsfs\profiles$\jonatanls\Downloads\b1df2034-4544-4d34-aab4-f71467834019.tmp</t>
  </si>
  <si>
    <t>12/26/2019 14:02:09</t>
  </si>
  <si>
    <t>bc467a6f-b66f-4332-82c7-b172acca8622.tmp</t>
  </si>
  <si>
    <t>\\acsfs\profiles$\jonatanls\Downloads\bc467a6f-b66f-4332-82c7-b172acca8622.tmp</t>
  </si>
  <si>
    <t>12/26/2019 14:02:23</t>
  </si>
  <si>
    <t>Não confirmado 110236.crdownload</t>
  </si>
  <si>
    <t>\\acsfs\profiles$\jonatanls\Downloads\Não confirmado 110236.crdownload</t>
  </si>
  <si>
    <t>6847fa12-5f6a-41d3-8e12-fe3a6b8e1634.tmp</t>
  </si>
  <si>
    <t>\\acsfs\profiles$\jonatanls\Downloads\6847fa12-5f6a-41d3-8e12-fe3a6b8e1634.tmp</t>
  </si>
  <si>
    <t>12/26/2019 14:03:12</t>
  </si>
  <si>
    <t>9bc9abde-6ebc-4494-acbe-0a21e6794567.tmp</t>
  </si>
  <si>
    <t>\\acsfs\profiles$\jonatanls\Downloads\9bc9abde-6ebc-4494-acbe-0a21e6794567.tmp</t>
  </si>
  <si>
    <t>12/26/2019 13:58:21</t>
  </si>
  <si>
    <t>12/26/2019 13:58:45</t>
  </si>
  <si>
    <t>12/26/2019 13:58:49</t>
  </si>
  <si>
    <t>12/26/2019 13:59:54</t>
  </si>
  <si>
    <t>12/26/2019 14:00:09</t>
  </si>
  <si>
    <t>12/26/2019 14:00:24</t>
  </si>
  <si>
    <t>12/26/2019 14:02:46</t>
  </si>
  <si>
    <t>12/26/2019 13:59:44</t>
  </si>
  <si>
    <t>b6c0b1d9-a314-476b-9d32-efbcd4812cf4.tmp</t>
  </si>
  <si>
    <t>\\acsfs\profiles$\brendadsl\Downloads\b6c0b1d9-a314-476b-9d32-efbcd4812cf4.tmp</t>
  </si>
  <si>
    <t>12/26/2019 14:02:36</t>
  </si>
  <si>
    <t>f0c20c82-4cd9-496b-ace6-639cfd6f3a53.tmp</t>
  </si>
  <si>
    <t>\\acsfs\profiles$\brendadsl\Downloads\f0c20c82-4cd9-496b-ace6-639cfd6f3a53.tmp</t>
  </si>
  <si>
    <t>12/26/2019 14:02:37</t>
  </si>
  <si>
    <t>12/26/2019 14:02:41</t>
  </si>
  <si>
    <t>12/26/2019 14:02:45</t>
  </si>
  <si>
    <t>12/26/2019 14:02:50</t>
  </si>
  <si>
    <t>12/26/2019 14:02:53</t>
  </si>
  <si>
    <t>12/26/2019 13:58:53</t>
  </si>
  <si>
    <t>12/26/2019 14:00:45</t>
  </si>
  <si>
    <t>12/26/2019 14:00:55</t>
  </si>
  <si>
    <t>12/26/2019 14:01:25</t>
  </si>
  <si>
    <t>12/26/2019 14:02:01</t>
  </si>
  <si>
    <t>12/26/2019 14:03:03</t>
  </si>
  <si>
    <t>12/26/2019 14:03:23</t>
  </si>
  <si>
    <t>12/26/2019 14:00:01</t>
  </si>
  <si>
    <t>12/26/2019 14:04:53</t>
  </si>
  <si>
    <t>12/26/2019 14:01:47</t>
  </si>
  <si>
    <t>f35cc5c8-d410-46e9-a7b9-399f50cc41e0.tmp</t>
  </si>
  <si>
    <t>\\acsfs\profiles$\nataliacsl\Downloads\f35cc5c8-d410-46e9-a7b9-399f50cc41e0.tmp</t>
  </si>
  <si>
    <t>12/26/2019 14:00:57</t>
  </si>
  <si>
    <t>0991f949-d6ca-455f-9abc-307618f3e537.tmp</t>
  </si>
  <si>
    <t>\\acsfs\profiles$\victorgl\Downloads\0991f949-d6ca-455f-9abc-307618f3e537.tmp</t>
  </si>
  <si>
    <t>12/26/2019 14:01:30</t>
  </si>
  <si>
    <t>12/26/2019 14:05:54</t>
  </si>
  <si>
    <t>12/26/2019 14:02:13</t>
  </si>
  <si>
    <t>12/26/2019 14:02:43</t>
  </si>
  <si>
    <t>12/26/2019 14:03:13</t>
  </si>
  <si>
    <t>12/26/2019 14:04:24</t>
  </si>
  <si>
    <t>12/26/2019 14:02:17</t>
  </si>
  <si>
    <t>12/26/2019 14:06:53</t>
  </si>
  <si>
    <t>9d42bb7d-2c5c-45cd-81c2-c445b4fb49ca.tmp</t>
  </si>
  <si>
    <t>\\acsfs\profiles$\wenderbnm\Downloads\9d42bb7d-2c5c-45cd-81c2-c445b4fb49ca.tmp</t>
  </si>
  <si>
    <t>12/26/2019 14:02:51</t>
  </si>
  <si>
    <t>daa971f4-8a4c-4e16-ba56-b182a402b88d.tmp</t>
  </si>
  <si>
    <t>\\acsfs\profiles$\wenderbnm\Downloads\daa971f4-8a4c-4e16-ba56-b182a402b88d.tmp</t>
  </si>
  <si>
    <t>12/26/2019 14:08:53</t>
  </si>
  <si>
    <t>12/26/2019 14:03:34</t>
  </si>
  <si>
    <t>12/26/2019 14:03:38</t>
  </si>
  <si>
    <t>12/26/2019 14:03:49</t>
  </si>
  <si>
    <t>12/26/2019 14:04:11</t>
  </si>
  <si>
    <t>12/26/2019 14:04:30</t>
  </si>
  <si>
    <t>12/26/2019 14:04:46</t>
  </si>
  <si>
    <t>12/26/2019 14:04:50</t>
  </si>
  <si>
    <t>12/26/2019 14:05:08</t>
  </si>
  <si>
    <t>12/26/2019 14:05:18</t>
  </si>
  <si>
    <t>12/26/2019 14:05:29</t>
  </si>
  <si>
    <t>12/26/2019 14:05:57</t>
  </si>
  <si>
    <t>12/26/2019 14:06:08</t>
  </si>
  <si>
    <t>12/26/2019 14:06:18</t>
  </si>
  <si>
    <t>12/26/2019 14:06:35</t>
  </si>
  <si>
    <t>12/26/2019 14:04:34</t>
  </si>
  <si>
    <t>12/26/2019 14:04:43</t>
  </si>
  <si>
    <t>12/26/2019 14:04:48</t>
  </si>
  <si>
    <t>12/26/2019 14:04:56</t>
  </si>
  <si>
    <t>12/26/2019 14:06:01</t>
  </si>
  <si>
    <t>12/26/2019 14:09:53</t>
  </si>
  <si>
    <t>12/26/2019 14:06:26</t>
  </si>
  <si>
    <t>100014142553854;</t>
  </si>
  <si>
    <t>https://100014142553854</t>
  </si>
  <si>
    <t>12/26/2019 14:08:12</t>
  </si>
  <si>
    <t>e9d6c90b-bc45-4bd1-8ff9-05c4ae99259f.tmp</t>
  </si>
  <si>
    <t>\\acsfs\profiles$\victorgl\Downloads\e9d6c90b-bc45-4bd1-8ff9-05c4ae99259f.tmp</t>
  </si>
  <si>
    <t>12/26/2019 14:06:52</t>
  </si>
  <si>
    <t>12/26/2019 14:10:54</t>
  </si>
  <si>
    <t>12/26/2019 14:09:49</t>
  </si>
  <si>
    <t>12/26/2019 14:10:44</t>
  </si>
  <si>
    <t>12/26/2019 14:11:53</t>
  </si>
  <si>
    <t>12/26/2019 14:10:41</t>
  </si>
  <si>
    <t>ulog_Acrobat12_Reader_22bb18ef-a0cc-4985-b2f1-d8449a05e1d0_3a89f993-77c8-4898-b2fd-ba35ee2fe61b_0.log</t>
  </si>
  <si>
    <t>C:\Users\Jordanarb\AppData\Roaming\Adobe\LogTransport2\Logs\ulog_Acrobat12_Reader_22bb18ef-a0cc-4985-b2f1-d8449a05e1d0_3a89f993-77c8-4898-b2fd-ba35ee2fe61b_0.log\</t>
  </si>
  <si>
    <t>12/26/2019 14:10:57</t>
  </si>
  <si>
    <t>ulog_Acrobat12_Reader_22bb18ef-a0cc-4985-b2f1-d8449a05e1d0_c69756d3-5162-4e1b-87a7-53c423fad090_0.log</t>
  </si>
  <si>
    <t>C:\Users\Jordanarb\AppData\Roaming\Adobe\LogTransport2\Logs\ulog_Acrobat12_Reader_22bb18ef-a0cc-4985-b2f1-d8449a05e1d0_c69756d3-5162-4e1b-87a7-53c423fad090_0.log\</t>
  </si>
  <si>
    <t>12/26/2019 14:07:40</t>
  </si>
  <si>
    <t>12/26/2019 14:12:54</t>
  </si>
  <si>
    <t>9c38e86a-805f-4222-ba24-9ed45f241c66.tmp</t>
  </si>
  <si>
    <t>\\acsfs\profiles$\layonmof\Downloads\9c38e86a-805f-4222-ba24-9ed45f241c66.tmp</t>
  </si>
  <si>
    <t>12/26/2019 14:09:58</t>
  </si>
  <si>
    <t>39da1071-8954-465a-93e6-6cb5cf501c42.tmp</t>
  </si>
  <si>
    <t>\\acsfs\profiles$\layonmof\Downloads\39da1071-8954-465a-93e6-6cb5cf501c42.tmp</t>
  </si>
  <si>
    <t>12/26/2019 14:08:19</t>
  </si>
  <si>
    <t>12/26/2019 14:13:53</t>
  </si>
  <si>
    <t>12/26/2019 14:08:20</t>
  </si>
  <si>
    <t>lu363804bm61i.tmp</t>
  </si>
  <si>
    <t>\\acsfs\profiles$\jonatanls\My Documents\lu363804bm61i.tmp</t>
  </si>
  <si>
    <t>12/26/2019 14:09:38</t>
  </si>
  <si>
    <t>12/26/2019 14:09:54</t>
  </si>
  <si>
    <t>12/26/2019 14:12:01</t>
  </si>
  <si>
    <t>12/26/2019 14:14:54</t>
  </si>
  <si>
    <t>12/26/2019 14:10:13</t>
  </si>
  <si>
    <t>12/26/2019 14:15:53</t>
  </si>
  <si>
    <t>47cad1c6-42eb-42e2-b3e2-b44504d846d3.tmp</t>
  </si>
  <si>
    <t>\\acsfs\profiles$\sarahbal\Downloads\47cad1c6-42eb-42e2-b3e2-b44504d846d3.tmp</t>
  </si>
  <si>
    <t>12/26/2019 14:10:34</t>
  </si>
  <si>
    <t>841f0b07-9d85-4b49-ad81-f964649d7f1d.tmp</t>
  </si>
  <si>
    <t>\\acsfs\profiles$\sarahbal\Downloads\841f0b07-9d85-4b49-ad81-f964649d7f1d.tmp</t>
  </si>
  <si>
    <t>12/26/2019 14:12:04</t>
  </si>
  <si>
    <t>12/26/2019 14:15:25</t>
  </si>
  <si>
    <t>12/26/2019 14:11:22</t>
  </si>
  <si>
    <t>Francislayne Assunção de souza_1_6770003644205051998_1_32.wav</t>
  </si>
  <si>
    <t>\\acsfs\Deptos\EDUCACAO EMPRESARIAL\FERNANDA MONIT\Ligação para Mutant terceiro Ciclo\Francislayne Assunção de souza_1_6770003644205051998_1_32.wav</t>
  </si>
  <si>
    <t>12/26/2019 14:14:15</t>
  </si>
  <si>
    <t>12/26/2019 14:16:53</t>
  </si>
  <si>
    <t>12/26/2019 14:15:26</t>
  </si>
  <si>
    <t>CRISTIANO DE ANDRADE BARBOSA (20142).contact</t>
  </si>
  <si>
    <t>\\acsfs\profiles$\cristianodab\Contacts\CRISTIANO DE ANDRADE BARBOSA (20142).contact</t>
  </si>
  <si>
    <t>12/26/2019 14:15:34</t>
  </si>
  <si>
    <t>12/26/2019 14:15:35</t>
  </si>
  <si>
    <t>12/26/2019 14:15:36</t>
  </si>
  <si>
    <t>12/26/2019 14:15:37</t>
  </si>
  <si>
    <t>12/26/2019 14:15:38</t>
  </si>
  <si>
    <t>12/26/2019 14:15:39</t>
  </si>
  <si>
    <t>12/26/2019 14:15:40</t>
  </si>
  <si>
    <t>12/26/2019 14:15:54</t>
  </si>
  <si>
    <t>12/26/2019 14:15:55</t>
  </si>
  <si>
    <t>12/26/2019 14:13:04</t>
  </si>
  <si>
    <t>12/26/2019 14:17:54</t>
  </si>
  <si>
    <t>9bdd0162-ea93-489d-a889-a64340e5e474.tmp</t>
  </si>
  <si>
    <t>\\acsfs\profiles$\layonmof\Downloads\9bdd0162-ea93-489d-a889-a64340e5e474.tmp</t>
  </si>
  <si>
    <t>12/26/2019 14:16:18</t>
  </si>
  <si>
    <t>12/26/2019 14:18:53</t>
  </si>
  <si>
    <t>12/26/2019 14:16:44</t>
  </si>
  <si>
    <t>12/26/2019 14:16:45</t>
  </si>
  <si>
    <t>12/26/2019 14:18:10</t>
  </si>
  <si>
    <t>12/26/2019 14:14:50</t>
  </si>
  <si>
    <t>https://algarnet-my.sharepoint.com/personal/karlosgc_algartech_com/_layouts/15/upload.aspx?isajax=1&amp;list={d25e61b6-8ea2-4689-87d8-5fef1e846900}&amp;rootfolder=/personal/karlosgc_algartech_com/documents</t>
  </si>
  <si>
    <t>12/26/2019 14:18:01</t>
  </si>
  <si>
    <t>12/26/2019 14:19:53</t>
  </si>
  <si>
    <t>12/26/2019 14:16:49</t>
  </si>
  <si>
    <t>12/26/2019 14:16:50</t>
  </si>
  <si>
    <t>12/26/2019 14:18:44</t>
  </si>
  <si>
    <t>12/26/2019 14:20:53</t>
  </si>
  <si>
    <t>12/26/2019 14:19:11</t>
  </si>
  <si>
    <t>12/26/2019 14:16:25</t>
  </si>
  <si>
    <t>29603a17-b7e3-4530-ac29-8cb99ae58298.tmp</t>
  </si>
  <si>
    <t>\\acsfs\profiles$\joycemmdl\Downloads\29603a17-b7e3-4530-ac29-8cb99ae58298.tmp</t>
  </si>
  <si>
    <t>12/26/2019 14:17:46</t>
  </si>
  <si>
    <t>3edf7fe1-bf85-43f2-9bee-f3b646be3210.tmp</t>
  </si>
  <si>
    <t>\\acsfs\profiles$\joycemmdl\Downloads\3edf7fe1-bf85-43f2-9bee-f3b646be3210.tmp</t>
  </si>
  <si>
    <t>12/26/2019 14:18:43</t>
  </si>
  <si>
    <t>425780da-933d-4b11-9045-5252a2030b7e.tmp</t>
  </si>
  <si>
    <t>\\acsfs\profiles$\gabrieleods\Downloads\425780da-933d-4b11-9045-5252a2030b7e.tmp</t>
  </si>
  <si>
    <t>12/26/2019 14:19:20</t>
  </si>
  <si>
    <t>7fbb8fa5-0a60-4d2d-9ec7-97fad951316b.tmp</t>
  </si>
  <si>
    <t>\\acsfs\profiles$\gabrieleods\Downloads\7fbb8fa5-0a60-4d2d-9ec7-97fad951316b.tmp</t>
  </si>
  <si>
    <t>12/26/2019 14:20:05</t>
  </si>
  <si>
    <t>a1b46b78-8f05-4df4-80cb-c7cdc3552ca8.tmp</t>
  </si>
  <si>
    <t>\\acsfs\profiles$\gabrieleods\Downloads\a1b46b78-8f05-4df4-80cb-c7cdc3552ca8.tmp</t>
  </si>
  <si>
    <t>12/26/2019 14:17:41</t>
  </si>
  <si>
    <t>12/26/2019 14:17:13</t>
  </si>
  <si>
    <t>12/26/2019 14:15:45</t>
  </si>
  <si>
    <t>12/26/2019 14:19:35</t>
  </si>
  <si>
    <t>74-86-7A-FB-18-15</t>
  </si>
  <si>
    <t>VOTORANT-VB008</t>
  </si>
  <si>
    <t>4a6c7797-f968-4022-9fea-adbc240e5064.tmp</t>
  </si>
  <si>
    <t>\\acsfs\profiles$\alinepp\Downloads\4a6c7797-f968-4022-9fea-adbc240e5064.tmp</t>
  </si>
  <si>
    <t>12/26/2019 14:19:37</t>
  </si>
  <si>
    <t>52b71b10-4d19-4fca-923b-e7a04c3e13f3.tmp</t>
  </si>
  <si>
    <t>\\acsfs\profiles$\alinepp\Downloads\52b71b10-4d19-4fca-923b-e7a04c3e13f3.tmp</t>
  </si>
  <si>
    <t>12/26/2019 14:19:58</t>
  </si>
  <si>
    <t>e469fde6-4180-4ae7-a651-af1e9187f1d3.tmp</t>
  </si>
  <si>
    <t>\\acsfs\profiles$\alinepp\Downloads\e469fde6-4180-4ae7-a651-af1e9187f1d3.tmp</t>
  </si>
  <si>
    <t>12/26/2019 14:20:00</t>
  </si>
  <si>
    <t>cc3468dc-e812-4a17-a2bb-8700c388cb68.tmp</t>
  </si>
  <si>
    <t>\\acsfs\profiles$\alinepp\Downloads\cc3468dc-e812-4a17-a2bb-8700c388cb68.tmp</t>
  </si>
  <si>
    <t>12/26/2019 14:20:11</t>
  </si>
  <si>
    <t>709e07dd-288d-43cc-bd7e-d692b2843c78.tmp</t>
  </si>
  <si>
    <t>\\acsfs\profiles$\alinepp\Downloads\709e07dd-288d-43cc-bd7e-d692b2843c78.tmp</t>
  </si>
  <si>
    <t>12/26/2019 14:19:57</t>
  </si>
  <si>
    <t>12/26/2019 14:20:19</t>
  </si>
  <si>
    <t>12/26/2019 14:18:07</t>
  </si>
  <si>
    <t>12/26/2019 14:22:53</t>
  </si>
  <si>
    <t>848db755-748f-4e52-ac71-4e40c04826ad.tmp</t>
  </si>
  <si>
    <t>\\acsfs\profiles$\matheusmax\Downloads\848db755-748f-4e52-ac71-4e40c04826ad.tmp</t>
  </si>
  <si>
    <t>12/26/2019 14:18:19</t>
  </si>
  <si>
    <t>8fde99d5-90b9-4307-a80b-42b21ac09b73.tmp</t>
  </si>
  <si>
    <t>\\acsfs\profiles$\matheusmax\Downloads\8fde99d5-90b9-4307-a80b-42b21ac09b73.tmp</t>
  </si>
  <si>
    <t>12/26/2019 14:20:01</t>
  </si>
  <si>
    <t>4f0c855a-cafd-4a89-9bf3-b17f250ee9e0.tmp</t>
  </si>
  <si>
    <t>\\acsfs\profiles$\matheusmax\Downloads\4f0c855a-cafd-4a89-9bf3-b17f250ee9e0.tmp</t>
  </si>
  <si>
    <t>12/26/2019 14:21:24</t>
  </si>
  <si>
    <t>254f49bd-3b6c-4836-be5a-986375b0eef1.tmp</t>
  </si>
  <si>
    <t>\\acsfs\profiles$\matheusmax\Downloads\254f49bd-3b6c-4836-be5a-986375b0eef1.tmp</t>
  </si>
  <si>
    <t>12/26/2019 14:21:11</t>
  </si>
  <si>
    <t>12/26/2019 14:23:53</t>
  </si>
  <si>
    <t>\\acsfs\engeset\CPV_ULA\ADMINISTRATIVO\CONTROLE ADMINISTRATIVO\DOCUMENTAÇÃO PARA HABILITAÇÃO\Algar Tecnologia\2019\000000 - LIGHT - CALL CENTER - 21.01.2020\Especificação e anexos - Revisão 26_12_19.zip\</t>
  </si>
  <si>
    <t>Anexo 9 - Avalia‡Æo de Rea‡Æo.xlsx</t>
  </si>
  <si>
    <t>Planilha de Custos - Final.xlsx</t>
  </si>
  <si>
    <t>12/26/2019 14:21:54</t>
  </si>
  <si>
    <t>12/26/2019 14:18:48</t>
  </si>
  <si>
    <t>12/26/2019 14:20:47</t>
  </si>
  <si>
    <t>12/26/2019 14:18:31</t>
  </si>
  <si>
    <t>C:\Users\patriciaars\Desktop\BI\</t>
  </si>
  <si>
    <t>Indicadores Pré-Vendas.xlsx</t>
  </si>
  <si>
    <t>12/26/2019 14:24:54</t>
  </si>
  <si>
    <t>12/26/2019 14:20:48</t>
  </si>
  <si>
    <t>12/26/2019 14:25:53</t>
  </si>
  <si>
    <t>12/26/2019 14:20:56</t>
  </si>
  <si>
    <t>12/26/2019 14:21:15</t>
  </si>
  <si>
    <t>12/26/2019 14:21:17</t>
  </si>
  <si>
    <t>12/26/2019 14:21:30</t>
  </si>
  <si>
    <t>12/26/2019 14:21:38</t>
  </si>
  <si>
    <t>12/26/2019 14:21:40</t>
  </si>
  <si>
    <t>12/26/2019 14:21:41</t>
  </si>
  <si>
    <t>12/26/2019 14:22:05</t>
  </si>
  <si>
    <t>12fd1875-24a9-4746-82ed-81d2227b9c0f.tmp</t>
  </si>
  <si>
    <t>\\acsfs\profiles$\fabianobmf\Downloads\12fd1875-24a9-4746-82ed-81d2227b9c0f.tmp</t>
  </si>
  <si>
    <t>12/26/2019 14:23:40</t>
  </si>
  <si>
    <t>0ecc4899-957f-461f-ab53-1a89a134c5d2.tmp</t>
  </si>
  <si>
    <t>\\acsfs\profiles$\fabianobmf\Downloads\0ecc4899-957f-461f-ab53-1a89a134c5d2.tmp</t>
  </si>
  <si>
    <t>12/26/2019 14:24:18</t>
  </si>
  <si>
    <t>5f1b5084-fff2-42a8-8378-daf82b3ec2fa.tmp</t>
  </si>
  <si>
    <t>\\acsfs\profiles$\fabianobmf\Downloads\5f1b5084-fff2-42a8-8378-daf82b3ec2fa.tmp</t>
  </si>
  <si>
    <t>12/26/2019 14:20:55</t>
  </si>
  <si>
    <t>832027e7-95c5-45f9-aba7-9007390ccee0.tmp</t>
  </si>
  <si>
    <t>\\acsfs\profiles$\gabrieleods\Downloads\832027e7-95c5-45f9-aba7-9007390ccee0.tmp</t>
  </si>
  <si>
    <t>12/26/2019 14:21:39</t>
  </si>
  <si>
    <t>0ff0c522-d9b5-4bc8-9235-6c2e34bce0bd.tmp</t>
  </si>
  <si>
    <t>\\acsfs\profiles$\gabrieleods\Downloads\0ff0c522-d9b5-4bc8-9235-6c2e34bce0bd.tmp</t>
  </si>
  <si>
    <t>12/26/2019 14:22:04</t>
  </si>
  <si>
    <t>b09c5f45-b815-443c-8fbc-32081686d777.tmp</t>
  </si>
  <si>
    <t>\\acsfs\profiles$\alinepp\Downloads\b09c5f45-b815-443c-8fbc-32081686d777.tmp</t>
  </si>
  <si>
    <t>12/26/2019 14:20:45</t>
  </si>
  <si>
    <t>lu146321g6vap.tmp</t>
  </si>
  <si>
    <t>\\acsfs\profiles$\dhiulliananads\My Documents\lu146321g6vap.tmp</t>
  </si>
  <si>
    <t>\\acsfs\profiles$\dhiulliananads\My Documents\lu146321g6vap.tmp\</t>
  </si>
  <si>
    <t>\\acsfs\profiles$\dhiulliananads\My Documents\lu146321g6vap.tmp\META-INF\</t>
  </si>
  <si>
    <t>\\acsfs\profiles$\dhiulliananads\My Documents\lu146321g6vap.tmp\Thumbnails\</t>
  </si>
  <si>
    <t>12/26/2019 14:21:43</t>
  </si>
  <si>
    <t>12/26/2019 14:22:51</t>
  </si>
  <si>
    <t>12/26/2019 14:21:45</t>
  </si>
  <si>
    <t>12/26/2019 14:26:54</t>
  </si>
  <si>
    <t>12/26/2019 14:21:37</t>
  </si>
  <si>
    <t>12/26/2019 14:24:03</t>
  </si>
  <si>
    <t>f919bcbe-75ca-421b-b778-f5de070d6510.tmp</t>
  </si>
  <si>
    <t>\\acsfs\profiles$\leticiala\Downloads\f919bcbe-75ca-421b-b778-f5de070d6510.tmp</t>
  </si>
  <si>
    <t>12/26/2019 14:21:56</t>
  </si>
  <si>
    <t>12/26/2019 14:27:53</t>
  </si>
  <si>
    <t>a3c21ee8-2c82-47c0-8610-6998078ed74c.tmp</t>
  </si>
  <si>
    <t>\\acsfs\profiles$\matheusmax\Downloads\a3c21ee8-2c82-47c0-8610-6998078ed74c.tmp</t>
  </si>
  <si>
    <t>12/26/2019 14:22:23</t>
  </si>
  <si>
    <t>711b5556-9a66-4870-a945-cadefc450d71.tmp</t>
  </si>
  <si>
    <t>\\acsfs\profiles$\matheusmax\Downloads\711b5556-9a66-4870-a945-cadefc450d71.tmp</t>
  </si>
  <si>
    <t>12/26/2019 14:23:04</t>
  </si>
  <si>
    <t>5afe1060-a51e-46f1-98b9-709ea20ea114.tmp</t>
  </si>
  <si>
    <t>\\acsfs\profiles$\matheusmax\Downloads\5afe1060-a51e-46f1-98b9-709ea20ea114.tmp</t>
  </si>
  <si>
    <t>12/26/2019 14:24:21</t>
  </si>
  <si>
    <t>f1540759-b7be-44ec-827a-da3b3237628a.tmp</t>
  </si>
  <si>
    <t>\\acsfs\profiles$\matheusmax\Downloads\f1540759-b7be-44ec-827a-da3b3237628a.tmp</t>
  </si>
  <si>
    <t>12/26/2019 14:25:31</t>
  </si>
  <si>
    <t>4c9be805-3285-4142-bfdb-5f0cab4c4ffe.tmp</t>
  </si>
  <si>
    <t>\\acsfs\profiles$\matheusmax\Downloads\4c9be805-3285-4142-bfdb-5f0cab4c4ffe.tmp</t>
  </si>
  <si>
    <t>12/26/2019 14:26:11</t>
  </si>
  <si>
    <t>bd894575-1c9d-408a-bc1a-c798dc8aad3d.tmp</t>
  </si>
  <si>
    <t>\\acsfs\profiles$\matheusmax\Downloads\bd894575-1c9d-408a-bc1a-c798dc8aad3d.tmp</t>
  </si>
  <si>
    <t>12/26/2019 14:26:18</t>
  </si>
  <si>
    <t>Não confirmado 708430.crdownload</t>
  </si>
  <si>
    <t>\\acsfs\profiles$\matheusmax\Downloads\Não confirmado 708430.crdownload</t>
  </si>
  <si>
    <t>12/26/2019 14:23:24</t>
  </si>
  <si>
    <t>f3803a70-be90-42e6-bf46-87d8b8c34adc.tmp</t>
  </si>
  <si>
    <t>\\acsfs\profiles$\philipegsf\Downloads\f3803a70-be90-42e6-bf46-87d8b8c34adc.tmp</t>
  </si>
  <si>
    <t>12/26/2019 14:25:15</t>
  </si>
  <si>
    <t>fea9d3b2-6820-4740-a2db-03c404eb668a.tmp</t>
  </si>
  <si>
    <t>\\acsfs\profiles$\philipegsf\Downloads\fea9d3b2-6820-4740-a2db-03c404eb668a.tmp</t>
  </si>
  <si>
    <t>12/26/2019 14:23:44</t>
  </si>
  <si>
    <t>Link PUC.txt</t>
  </si>
  <si>
    <t>\\acsfs\ACS\001 - Qualidade Lilian\PAULO\Link PUC.txt</t>
  </si>
  <si>
    <t>12/26/2019 14:23:17</t>
  </si>
  <si>
    <t>12/26/2019 14:28:53</t>
  </si>
  <si>
    <t>4d4b8b8a-91e3-4c89-bd14-47fcdd00ee92.tmp</t>
  </si>
  <si>
    <t>\\acsfs\profiles$\rosileiam\Downloads\4d4b8b8a-91e3-4c89-bd14-47fcdd00ee92.tmp</t>
  </si>
  <si>
    <t>12/26/2019 14:24:38</t>
  </si>
  <si>
    <t>a6bd1c3d-e3e8-43b7-9308-6e6eefa6e820.tmp</t>
  </si>
  <si>
    <t>\\acsfs\profiles$\rosileiam\Downloads\a6bd1c3d-e3e8-43b7-9308-6e6eefa6e820.tmp</t>
  </si>
  <si>
    <t>12/26/2019 14:25:50</t>
  </si>
  <si>
    <t>12/26/2019 14:25:51</t>
  </si>
  <si>
    <t>12/26/2019 14:27:54</t>
  </si>
  <si>
    <t>12/26/2019 14:26:49</t>
  </si>
  <si>
    <t>e8125902-8b08-4852-8d20-bc2c8cb01104.tmp</t>
  </si>
  <si>
    <t>\\acsfs\profiles$\vivianalds\Downloads\e8125902-8b08-4852-8d20-bc2c8cb01104.tmp</t>
  </si>
  <si>
    <t>12/26/2019 14:24:01</t>
  </si>
  <si>
    <t>12/26/2019 14:29:53</t>
  </si>
  <si>
    <t>12/26/2019 14:30:53</t>
  </si>
  <si>
    <t>12/26/2019 14:26:06</t>
  </si>
  <si>
    <t>12/26/2019 14:26:19</t>
  </si>
  <si>
    <t>8178d991-9cd6-4577-a910-2613486784d9.tmp</t>
  </si>
  <si>
    <t>\\acsfs\profiles$\gabrielamdp\Downloads\8178d991-9cd6-4577-a910-2613486784d9.tmp</t>
  </si>
  <si>
    <t>12/26/2019 14:26:13</t>
  </si>
  <si>
    <t>a6452724-12e0-47ed-9abd-ef7e29844653.tmp</t>
  </si>
  <si>
    <t>\\acsfs\profiles$\fabianobmf\Downloads\a6452724-12e0-47ed-9abd-ef7e29844653.tmp</t>
  </si>
  <si>
    <t>12/26/2019 14:25:21</t>
  </si>
  <si>
    <t>1c8532b1-c1ff-45b3-ae1f-37445085ceef.tmp</t>
  </si>
  <si>
    <t>\\acsfs\profiles$\joycemmdl\Downloads\1c8532b1-c1ff-45b3-ae1f-37445085ceef.tmp</t>
  </si>
  <si>
    <t>12/26/2019 14:26:23</t>
  </si>
  <si>
    <t>b1cdda0e-eb3c-4e7d-b0f3-9d29ef8ece1b.tmp</t>
  </si>
  <si>
    <t>\\acsfs\profiles$\joycemmdl\Downloads\b1cdda0e-eb3c-4e7d-b0f3-9d29ef8ece1b.tmp</t>
  </si>
  <si>
    <t>12/26/2019 14:29:17</t>
  </si>
  <si>
    <t>12/26/2019 14:29:31</t>
  </si>
  <si>
    <t>12/26/2019 14:31:53</t>
  </si>
  <si>
    <t>Maria Aparecida Vieira da Silva_1_6769397237772519316_1_32.wav</t>
  </si>
  <si>
    <t>\\acsfs\Deptos\EDUCACAO EMPRESARIAL\FERNANDA MONIT\Ligação para Mutant terceiro Ciclo\Maria Aparecida Vieira da Silva_1_6769397237772519316_1_32.wav</t>
  </si>
  <si>
    <t>12/26/2019 14:27:36</t>
  </si>
  <si>
    <t>brunaosil@algartech.com.br;esthercf@algartech.com.br;jaquelineobt@algartech.com.br;julianags@algartech.com.br;marciags@algartech.com.br;</t>
  </si>
  <si>
    <t>brunaosil@algartech.com.br,esthercf@algartech.com.br,jaquelineobt@algartech.com.br,julianags@algartech.com.br,marciags@algartech.com.br</t>
  </si>
  <si>
    <t>12/26/2019 14:30:03</t>
  </si>
  <si>
    <t>12/26/2019 14:32:54</t>
  </si>
  <si>
    <t>12/26/2019 14:30:04</t>
  </si>
  <si>
    <t>lu97521lg7pl.tmp</t>
  </si>
  <si>
    <t>\\acsfs\profiles$\LUCASBS\lu97521lg7pl.tmp</t>
  </si>
  <si>
    <t>\\acsfs\profiles$\LUCASBS\lu97521lg7pl.tmp\</t>
  </si>
  <si>
    <t>\\acsfs\profiles$\LUCASBS\lu97521lg7pl.tmp\META-INF\</t>
  </si>
  <si>
    <t>\\acsfs\profiles$\LUCASBS\lu97521lg7pl.tmp\Thumbnails\</t>
  </si>
  <si>
    <t>12/26/2019 14:31:43</t>
  </si>
  <si>
    <t>12/26/2019 14:33:53</t>
  </si>
  <si>
    <t>953376ec-1ed6-4aef-82eb-68d765a70bfe.tmp</t>
  </si>
  <si>
    <t>\\acsfs\profiles$\vivianibfs\Downloads\953376ec-1ed6-4aef-82eb-68d765a70bfe.tmp</t>
  </si>
  <si>
    <t>12/26/2019 14:32:41</t>
  </si>
  <si>
    <t>cd9deb1d-58db-4f24-8843-52834c3ab630.tmp</t>
  </si>
  <si>
    <t>\\acsfs\profiles$\vivianibfs\Downloads\cd9deb1d-58db-4f24-8843-52834c3ab630.tmp</t>
  </si>
  <si>
    <t>12/26/2019 14:32:44</t>
  </si>
  <si>
    <t>2c1dbc08-f0b7-478a-a1b5-f06b09556799.tmp</t>
  </si>
  <si>
    <t>\\acsfs\profiles$\vivianibfs\Downloads\2c1dbc08-f0b7-478a-a1b5-f06b09556799.tmp</t>
  </si>
  <si>
    <t>12/26/2019 14:28:18</t>
  </si>
  <si>
    <t>mail.google.com/_/upload?authuser=0&amp;dcp=asu-n&amp;upload_id=AEnB2UqTlsti-T0CsRU-gP86vGmOPDWTA7slUp-D7fK0HP342VtKaI2_pirsP9bjmNSdQTJOZgt5ZKb-CtW-YKg8wVbm1CDaHsKtQ9JRv06kyS7gYwGdz_0&amp;upload_protocol=resumable</t>
  </si>
  <si>
    <t>Faturamento_07.2019 a 12.2019.xlsx</t>
  </si>
  <si>
    <t>12/26/2019 14:30:54</t>
  </si>
  <si>
    <t>12/26/2019 14:32:49</t>
  </si>
  <si>
    <t>7f7722d6-c477-4186-bcc4-a198ec360223.tmp</t>
  </si>
  <si>
    <t>\\acsfs\profiles$\laylaams\Downloads\7f7722d6-c477-4186-bcc4-a198ec360223.tmp</t>
  </si>
  <si>
    <t>12/26/2019 14:30:42</t>
  </si>
  <si>
    <t>12/26/2019 14:30:46</t>
  </si>
  <si>
    <t>12/26/2019 14:30:49</t>
  </si>
  <si>
    <t>12/26/2019 14:31:34</t>
  </si>
  <si>
    <t>12/26/2019 14:31:59</t>
  </si>
  <si>
    <t>12/26/2019 14:32:06</t>
  </si>
  <si>
    <t>12/26/2019 14:32:31</t>
  </si>
  <si>
    <t>12/26/2019 14:32:37</t>
  </si>
  <si>
    <t>12/26/2019 14:32:47</t>
  </si>
  <si>
    <t>12/26/2019 14:33:10</t>
  </si>
  <si>
    <t>12/26/2019 14:33:21</t>
  </si>
  <si>
    <t>12/26/2019 14:29:34</t>
  </si>
  <si>
    <t>12/26/2019 14:30:10</t>
  </si>
  <si>
    <t>12/26/2019 14:30:47</t>
  </si>
  <si>
    <t>8eaae1fa-fc60-4b41-954c-396d65084b2d.tmp</t>
  </si>
  <si>
    <t>\\acsfs\profiles$\anafsb\Downloads\8eaae1fa-fc60-4b41-954c-396d65084b2d.tmp</t>
  </si>
  <si>
    <t>12/26/2019 14:32:28</t>
  </si>
  <si>
    <t>12/26/2019 14:34:53</t>
  </si>
  <si>
    <t>68404bcf-9b81-4992-beab-4994da6abea7.tmp</t>
  </si>
  <si>
    <t>\\acsfs\profiles$\KARENDSR\Downloads\68404bcf-9b81-4992-beab-4994da6abea7.tmp</t>
  </si>
  <si>
    <t>12/26/2019 14:30:01</t>
  </si>
  <si>
    <t>12/26/2019 14:29:36</t>
  </si>
  <si>
    <t>12/26/2019 14:29:42</t>
  </si>
  <si>
    <t>Certidões para contratação.xlsx</t>
  </si>
  <si>
    <t>12/26/2019 14:32:24</t>
  </si>
  <si>
    <t>12/26/2019 14:35:53</t>
  </si>
  <si>
    <t>7033eb03-27fd-458f-a737-08f61de79095.tmp</t>
  </si>
  <si>
    <t>\\acsfs\profiles$\fabianobmf\Downloads\7033eb03-27fd-458f-a737-08f61de79095.tmp</t>
  </si>
  <si>
    <t>12/26/2019 14:32:13</t>
  </si>
  <si>
    <t>12/26/2019 14:32:43</t>
  </si>
  <si>
    <t>12/26/2019 14:33:13</t>
  </si>
  <si>
    <t>12/26/2019 14:33:43</t>
  </si>
  <si>
    <t>12/26/2019 14:32:01</t>
  </si>
  <si>
    <t>12/26/2019 14:33:03</t>
  </si>
  <si>
    <t>12/26/2019 14:36:53</t>
  </si>
  <si>
    <t>12/26/2019 14:34:09</t>
  </si>
  <si>
    <t>12/26/2019 14:37:54</t>
  </si>
  <si>
    <t>12/26/2019 14:34:10</t>
  </si>
  <si>
    <t>lu97521lg7pq.tmp</t>
  </si>
  <si>
    <t>\\acsfs\profiles$\LUCASBS\lu97521lg7pq.tmp</t>
  </si>
  <si>
    <t>\\acsfs\profiles$\LUCASBS\lu97521lg7pq.tmp\</t>
  </si>
  <si>
    <t>\\acsfs\profiles$\LUCASBS\lu97521lg7pq.tmp\META-INF\</t>
  </si>
  <si>
    <t>\\acsfs\profiles$\LUCASBS\lu97521lg7pq.tmp\Thumbnails\</t>
  </si>
  <si>
    <t>12/26/2019 14:35:16</t>
  </si>
  <si>
    <t>12/26/2019 14:35:13</t>
  </si>
  <si>
    <t>12/26/2019 14:38:53</t>
  </si>
  <si>
    <t>04a003e1-4465-4d3f-98d6-62574214c608.tmp</t>
  </si>
  <si>
    <t>\\acsfs\profiles$\vivianibfs\Downloads\04a003e1-4465-4d3f-98d6-62574214c608.tmp</t>
  </si>
  <si>
    <t>12/26/2019 14:33:55</t>
  </si>
  <si>
    <t>12/26/2019 14:36:55</t>
  </si>
  <si>
    <t>12/26/2019 14:36:25</t>
  </si>
  <si>
    <t>b7faa6e2-6c56-4d7f-8803-615ee5ff2ac5.tmp</t>
  </si>
  <si>
    <t>\\acsfs\profiles$\brendadsl\Downloads\b7faa6e2-6c56-4d7f-8803-615ee5ff2ac5.tmp</t>
  </si>
  <si>
    <t>12/26/2019 14:36:47</t>
  </si>
  <si>
    <t>f2b2b970-548e-4d14-bdaf-3d6aaae2d0ca.tmp</t>
  </si>
  <si>
    <t>\\acsfs\profiles$\brendadsl\Downloads\f2b2b970-548e-4d14-bdaf-3d6aaae2d0ca.tmp</t>
  </si>
  <si>
    <t>12/26/2019 14:35:17</t>
  </si>
  <si>
    <t>lu822412n0my.tmp</t>
  </si>
  <si>
    <t>\\acsfs\profiles$\ISABELLEGTDS\Nova pasta\lu822412n0my.tmp</t>
  </si>
  <si>
    <t>\\acsfs\profiles$\ISABELLEGTDS\Nova pasta\lu822412n0my.tmp\</t>
  </si>
  <si>
    <t>\\acsfs\profiles$\ISABELLEGTDS\Nova pasta\lu822412n0my.tmp\META-INF\</t>
  </si>
  <si>
    <t>\\acsfs\profiles$\ISABELLEGTDS\Nova pasta\lu822412n0my.tmp\Thumbnails\</t>
  </si>
  <si>
    <t>12/26/2019 14:33:31</t>
  </si>
  <si>
    <t>12/26/2019 14:35:06</t>
  </si>
  <si>
    <t>\\acsfs\DEPTOS\Operacao\PCP\5 - Comum\PLANEJAMENTO BV\14 - ACOMPANHAMENTO\1 - REPORT ACOMPANHAMENTO\2019\12 - Dezembro\FINANCEIRA\Acompanhamento improdutividade BV Financeira cópia.xlsx</t>
  </si>
  <si>
    <t>12/26/2019 14:36:52</t>
  </si>
  <si>
    <t>12/26/2019 14:38:24</t>
  </si>
  <si>
    <t>12/26/2019 14:36:01</t>
  </si>
  <si>
    <t>12/26/2019 14:39:54</t>
  </si>
  <si>
    <t>12/26/2019 14:35:35</t>
  </si>
  <si>
    <t>a79949bc-c6f1-4069-a6c1-138731bcc14c.tmp</t>
  </si>
  <si>
    <t>\\acsfs\profiles$\ERICALSR\Downloads\a79949bc-c6f1-4069-a6c1-138731bcc14c.tmp</t>
  </si>
  <si>
    <t>12/26/2019 14:37:59</t>
  </si>
  <si>
    <t>12/26/2019 14:35:32</t>
  </si>
  <si>
    <t>12/26/2019 14:40:53</t>
  </si>
  <si>
    <t>12/26/2019 14:35:49</t>
  </si>
  <si>
    <t>12/26/2019 14:35:59</t>
  </si>
  <si>
    <t>7e8b8777-a286-42a3-a59c-d2a39c7bfedb.tmp</t>
  </si>
  <si>
    <t>\\acsfs\profiles$\alinepp\Downloads\7e8b8777-a286-42a3-a59c-d2a39c7bfedb.tmp</t>
  </si>
  <si>
    <t>12/26/2019 14:39:58</t>
  </si>
  <si>
    <t>79ee607f-32fb-4583-b97a-3e3b793dfeac.tmp</t>
  </si>
  <si>
    <t>\\acsfs\profiles$\alinepp\Downloads\79ee607f-32fb-4583-b97a-3e3b793dfeac.tmp</t>
  </si>
  <si>
    <t>65b6923e-7dd5-4e35-9215-7559e03a4cc3.tmp</t>
  </si>
  <si>
    <t>\\acsfs\profiles$\wedersonbadr\My Documents\My Music\65b6923e-7dd5-4e35-9215-7559e03a4cc3.tmp</t>
  </si>
  <si>
    <t>12/26/2019 14:36:23</t>
  </si>
  <si>
    <t>8a0b97b0-dc26-4808-b270-afb75fbdc864.tmp</t>
  </si>
  <si>
    <t>\\acsfs\profiles$\wedersonbadr\My Documents\My Music\8a0b97b0-dc26-4808-b270-afb75fbdc864.tmp</t>
  </si>
  <si>
    <t>12/26/2019 14:39:34</t>
  </si>
  <si>
    <t>12/26/2019 14:41:53</t>
  </si>
  <si>
    <t>Gabriela Ferreira Fraga_1_6771034255967460039_1_32.wav</t>
  </si>
  <si>
    <t>\\acsfs\Deptos\EDUCACAO EMPRESARIAL\FERNANDA MONIT\Ligação para Mutant terceiro Ciclo\Gabriela Ferreira Fraga_1_6771034255967460039_1_32.wav</t>
  </si>
  <si>
    <t>12/26/2019 14:37:38</t>
  </si>
  <si>
    <t>LUCAS GUBERT.txt</t>
  </si>
  <si>
    <t>\\acsfs\DEPTOS\Operacao\Banco_Votorantim\Qualidade\Anderson\Jose\Laudos a fazer 26.12\LUCAS GUBERT.txt</t>
  </si>
  <si>
    <t>12/26/2019 14:40:10</t>
  </si>
  <si>
    <t>12/26/2019 14:39:30</t>
  </si>
  <si>
    <t>https://udpmailboxap01.acs.com.br:8443/h/search?si=14&amp;so=0&amp;sc=53696&amp;sfi=6&amp;st=conversation&amp;action=compose&amp;paction=rowview</t>
  </si>
  <si>
    <t>12/26/2019 14:38:31</t>
  </si>
  <si>
    <t>12/26/2019 14:42:54</t>
  </si>
  <si>
    <t>12/26/2019 14:40:50</t>
  </si>
  <si>
    <t>5b4282e1-a686-4127-90ce-debadd39e8ee.tmp</t>
  </si>
  <si>
    <t>\\acsfs\profiles$\fabianafv\Downloads\5b4282e1-a686-4127-90ce-debadd39e8ee.tmp</t>
  </si>
  <si>
    <t>a163c05c-3609-4670-b447-9a7e73d68c71.tmp</t>
  </si>
  <si>
    <t>\\acsfs\profiles$\fabianafv\Downloads\a163c05c-3609-4670-b447-9a7e73d68c71.tmp</t>
  </si>
  <si>
    <t>\\acsfs\ACS\001 - Qualidade Lilian\PAULO\FAROL DE QUALIDADE\DEZEMBRO\RELATORIO PARA FAROL.xlsx\</t>
  </si>
  <si>
    <t>\\acsfs\ACS\001 - Qualidade Lilian\PAULO\FAROL DE QUALIDADE\DEZEMBRO\RELATORIO PARA FAROL.xlsx</t>
  </si>
  <si>
    <t>12/26/2019 14:38:19</t>
  </si>
  <si>
    <t>12/26/2019 14:43:53</t>
  </si>
  <si>
    <t>439e8989-d454-4a2a-bd2f-b027e3f8ec7e.tmp</t>
  </si>
  <si>
    <t>\\acsfs\profiles$\vivianibfs\Downloads\439e8989-d454-4a2a-bd2f-b027e3f8ec7e.tmp</t>
  </si>
  <si>
    <t>12/26/2019 14:40:16</t>
  </si>
  <si>
    <t>c088c216-b2ba-4fae-9844-c8afe36b58d1.tmp</t>
  </si>
  <si>
    <t>\\acsfs\profiles$\rosileiam\Downloads\c088c216-b2ba-4fae-9844-c8afe36b58d1.tmp</t>
  </si>
  <si>
    <t>12/26/2019 14:39:55</t>
  </si>
  <si>
    <t>12/26/2019 14:42:55</t>
  </si>
  <si>
    <t>12/26/2019 14:41:19</t>
  </si>
  <si>
    <t>12/26/2019 14:41:36</t>
  </si>
  <si>
    <t>12/26/2019 14:42:01</t>
  </si>
  <si>
    <t>12/26/2019 14:44:53</t>
  </si>
  <si>
    <t>12/26/2019 14:42:02</t>
  </si>
  <si>
    <t>12/26/2019 14:42:28</t>
  </si>
  <si>
    <t>12/26/2019 14:42:29</t>
  </si>
  <si>
    <t>lu208202laf4x.tmp</t>
  </si>
  <si>
    <t>\\acsfs\profiles$\geovanaasa\My Documents\lu208202laf4x.tmp</t>
  </si>
  <si>
    <t>\\acsfs\profiles$\geovanaasa\My Documents\lu208202laf4x.tmp\</t>
  </si>
  <si>
    <t>\\acsfs\profiles$\geovanaasa\My Documents\lu208202laf4x.tmp\META-INF\</t>
  </si>
  <si>
    <t>\\acsfs\profiles$\geovanaasa\My Documents\lu208202laf4x.tmp\Thumbnails\</t>
  </si>
  <si>
    <t>12/26/2019 14:44:22</t>
  </si>
  <si>
    <t>.~lock.ATIVO 20.12.2019.ods#</t>
  </si>
  <si>
    <t>\\acsfs\profiles$\EDICARLOSDL\My Documents\.~lock.ATIVO 20.12.2019.ods#</t>
  </si>
  <si>
    <t>12/26/2019 14:42:12</t>
  </si>
  <si>
    <t>12/26/2019 14:43:26</t>
  </si>
  <si>
    <t>72b529f4-621a-4da4-a345-5daaf15429bd.tmp</t>
  </si>
  <si>
    <t>\\acsfs\profiles$\edicarlosdl\Downloads\72b529f4-621a-4da4-a345-5daaf15429bd.tmp</t>
  </si>
  <si>
    <t>12/26/2019 14:44:32</t>
  </si>
  <si>
    <t>5aecd269-5fec-4eea-a00e-52223c6b4d16.tmp</t>
  </si>
  <si>
    <t>\\acsfs\profiles$\edicarlosdl\Downloads\5aecd269-5fec-4eea-a00e-52223c6b4d16.tmp</t>
  </si>
  <si>
    <t>12/26/2019 14:41:13</t>
  </si>
  <si>
    <t>12/26/2019 14:45:53</t>
  </si>
  <si>
    <t>12/26/2019 14:41:32</t>
  </si>
  <si>
    <t>12/26/2019 14:41:38</t>
  </si>
  <si>
    <t>12/26/2019 14:42:33</t>
  </si>
  <si>
    <t>12/26/2019 14:46:53</t>
  </si>
  <si>
    <t>10.200.66.189</t>
  </si>
  <si>
    <t>D0-94-66-B5-4E-54</t>
  </si>
  <si>
    <t>VOTORANT-ZB017</t>
  </si>
  <si>
    <t>12/26/2019 14:42:44</t>
  </si>
  <si>
    <t>12/26/2019 14:43:12</t>
  </si>
  <si>
    <t>12/26/2019 14:47:53</t>
  </si>
  <si>
    <t>22f0a0ec-058b-4d5d-9fd6-b31b2e4ecb8c.tmp</t>
  </si>
  <si>
    <t>\\acsfs\profiles$\fabianafv\Downloads\22f0a0ec-058b-4d5d-9fd6-b31b2e4ecb8c.tmp</t>
  </si>
  <si>
    <t>12/26/2019 14:46:40</t>
  </si>
  <si>
    <t>12/26/2019 14:46:43</t>
  </si>
  <si>
    <t>12/26/2019 14:46:44</t>
  </si>
  <si>
    <t>12/26/2019 14:46:45</t>
  </si>
  <si>
    <t>12/26/2019 14:46:46</t>
  </si>
  <si>
    <t>12/26/2019 14:46:47</t>
  </si>
  <si>
    <t>12/26/2019 14:46:48</t>
  </si>
  <si>
    <t>12/26/2019 14:46:49</t>
  </si>
  <si>
    <t>12/26/2019 14:46:50</t>
  </si>
  <si>
    <t>12/26/2019 14:46:51</t>
  </si>
  <si>
    <t>12/26/2019 14:46:54</t>
  </si>
  <si>
    <t>12/26/2019 14:46:56</t>
  </si>
  <si>
    <t>12/26/2019 14:46:57</t>
  </si>
  <si>
    <t>12/26/2019 14:46:58</t>
  </si>
  <si>
    <t>12/26/2019 14:46:59</t>
  </si>
  <si>
    <t>12/26/2019 14:47:02</t>
  </si>
  <si>
    <t>12/26/2019 14:47:03</t>
  </si>
  <si>
    <t>12/26/2019 14:47:04</t>
  </si>
  <si>
    <t>12/26/2019 14:47:05</t>
  </si>
  <si>
    <t>12/26/2019 14:47:07</t>
  </si>
  <si>
    <t>12/26/2019 14:47:08</t>
  </si>
  <si>
    <t>12/26/2019 14:47:09</t>
  </si>
  <si>
    <t>12/26/2019 14:47:10</t>
  </si>
  <si>
    <t>12/26/2019 14:47:11</t>
  </si>
  <si>
    <t>12/26/2019 14:47:13</t>
  </si>
  <si>
    <t>12/26/2019 14:47:15</t>
  </si>
  <si>
    <t>12/26/2019 14:47:16</t>
  </si>
  <si>
    <t>12/26/2019 14:47:17</t>
  </si>
  <si>
    <t>12/26/2019 14:47:19</t>
  </si>
  <si>
    <t>12/26/2019 14:47:20</t>
  </si>
  <si>
    <t>12/26/2019 14:47:21</t>
  </si>
  <si>
    <t>12/26/2019 14:47:22</t>
  </si>
  <si>
    <t>12/26/2019 14:47:23</t>
  </si>
  <si>
    <t>12/26/2019 14:47:25</t>
  </si>
  <si>
    <t>12/26/2019 14:47:26</t>
  </si>
  <si>
    <t>12/26/2019 14:47:27</t>
  </si>
  <si>
    <t>12/26/2019 14:47:28</t>
  </si>
  <si>
    <t>12/26/2019 14:47:30</t>
  </si>
  <si>
    <t>12/26/2019 14:47:31</t>
  </si>
  <si>
    <t>12/26/2019 14:47:46</t>
  </si>
  <si>
    <t>12/26/2019 14:45:55</t>
  </si>
  <si>
    <t>12/26/2019 14:48:53</t>
  </si>
  <si>
    <t>12/26/2019 14:46:31</t>
  </si>
  <si>
    <t>192.168.100.18</t>
  </si>
  <si>
    <t>12/26/2019 14:47:49</t>
  </si>
  <si>
    <t>dd537fca-b0d7-400c-a08a-1281558e94f7.tmp</t>
  </si>
  <si>
    <t>\\acsfs\profiles$\anafsb\Downloads\dd537fca-b0d7-400c-a08a-1281558e94f7.tmp</t>
  </si>
  <si>
    <t>12/26/2019 14:46:00</t>
  </si>
  <si>
    <t>12/26/2019 14:46:04</t>
  </si>
  <si>
    <t>12/26/2019 14:46:11</t>
  </si>
  <si>
    <t>12/26/2019 14:46:30</t>
  </si>
  <si>
    <t>12/26/2019 14:46:35</t>
  </si>
  <si>
    <t>12/26/2019 14:46:41</t>
  </si>
  <si>
    <t>12/26/2019 14:47:00</t>
  </si>
  <si>
    <t>12/26/2019 14:48:24</t>
  </si>
  <si>
    <t>12/26/2019 14:48:01</t>
  </si>
  <si>
    <t>12/26/2019 14:49:53</t>
  </si>
  <si>
    <t>12/26/2019 14:46:16</t>
  </si>
  <si>
    <t>dea8fdf0-b5ea-4be9-b0d6-5509eff60284.tmp</t>
  </si>
  <si>
    <t>\\acsfs\profiles$\edicarlosdl\Downloads\dea8fdf0-b5ea-4be9-b0d6-5509eff60284.tmp</t>
  </si>
  <si>
    <t>12/26/2019 14:47:34</t>
  </si>
  <si>
    <t>fe80cc99-6238-4e24-9f38-25d0ee892597.tmp</t>
  </si>
  <si>
    <t>\\acsfs\profiles$\edicarlosdl\Downloads\fe80cc99-6238-4e24-9f38-25d0ee892597.tmp</t>
  </si>
  <si>
    <t>12/26/2019 14:48:34</t>
  </si>
  <si>
    <t>c2deeb47-3ca6-4bbd-b563-4c642eb87107.tmp</t>
  </si>
  <si>
    <t>\\acsfs\profiles$\edicarlosdl\Downloads\c2deeb47-3ca6-4bbd-b563-4c642eb87107.tmp</t>
  </si>
  <si>
    <t>12/26/2019 14:45:47</t>
  </si>
  <si>
    <t>12/26/2019 14:50:53</t>
  </si>
  <si>
    <t>12/26/2019 14:45:52</t>
  </si>
  <si>
    <t>12/26/2019 14:46:28</t>
  </si>
  <si>
    <t>12/26/2019 14:51:53</t>
  </si>
  <si>
    <t>876de913-dc8f-4326-a638-72f69a311ca5.tmp</t>
  </si>
  <si>
    <t>\\acsfs\profiles$\henriqueco\Downloads\876de913-dc8f-4326-a638-72f69a311ca5.tmp</t>
  </si>
  <si>
    <t>b43e3f3e-0bc2-4ba0-beb0-a7626e05336f.tmp</t>
  </si>
  <si>
    <t>\\acsfs\profiles$\henriqueco\Downloads\b43e3f3e-0bc2-4ba0-beb0-a7626e05336f.tmp</t>
  </si>
  <si>
    <t>12/26/2019 14:50:23</t>
  </si>
  <si>
    <t>12/26/2019 14:49:08</t>
  </si>
  <si>
    <t>12/26/2019 14:52:54</t>
  </si>
  <si>
    <t>12/26/2019 14:49:29</t>
  </si>
  <si>
    <t>https://udpmailboxap01/h/search;jsessionid=x7fngb8sjf2g1th25huhqm61?si=0&amp;so=0&amp;sc=53800&amp;st=conversation&amp;action=compose</t>
  </si>
  <si>
    <t>https://maristelavodq@bv.algartech.com</t>
  </si>
  <si>
    <t>12/26/2019 14:47:48</t>
  </si>
  <si>
    <t>12/26/2019 14:48:08</t>
  </si>
  <si>
    <t>12/26/2019 14:48:13</t>
  </si>
  <si>
    <t>12/26/2019 14:53:53</t>
  </si>
  <si>
    <t>f64bce66-7827-4230-babb-1f4911d0d859.tmp</t>
  </si>
  <si>
    <t>\\acsfs\profiles$\cintiadjl\Downloads\f64bce66-7827-4230-babb-1f4911d0d859.tmp</t>
  </si>
  <si>
    <t>12/26/2019 14:48:18</t>
  </si>
  <si>
    <t>c511c8ee-e82e-4b23-8ff2-f6c8f331b363.tmp</t>
  </si>
  <si>
    <t>\\acsfs\profiles$\cintiadjl\Downloads\c511c8ee-e82e-4b23-8ff2-f6c8f331b363.tmp</t>
  </si>
  <si>
    <t>12/26/2019 14:49:40</t>
  </si>
  <si>
    <t>56d243bd-0d48-4491-93d9-f9f868b3736a.tmp</t>
  </si>
  <si>
    <t>\\acsfs\profiles$\cintiadjl\Downloads\56d243bd-0d48-4491-93d9-f9f868b3736a.tmp</t>
  </si>
  <si>
    <t>12/26/2019 14:48:55</t>
  </si>
  <si>
    <t>12/26/2019 14:51:55</t>
  </si>
  <si>
    <t>12/26/2019 14:49:37</t>
  </si>
  <si>
    <t>12/26/2019 14:49:47</t>
  </si>
  <si>
    <t>https://joaogvc@algartech.com,josiascdsj@algartech.com,marianadjc@algartech.com,rafaelggs@algartech.com,taysdss@algartech.com,viniciussg@algartech.com</t>
  </si>
  <si>
    <t>12/26/2019 14:50:09</t>
  </si>
  <si>
    <t>12/26/2019 14:50:30</t>
  </si>
  <si>
    <t>12/26/2019 14:53:04</t>
  </si>
  <si>
    <t>12/26/2019 14:52:52</t>
  </si>
  <si>
    <t>12/26/2019 14:54:53</t>
  </si>
  <si>
    <t>12/26/2019 14:50:29</t>
  </si>
  <si>
    <t>d73097c8-b442-4159-b19f-202c1e86082c.tmp</t>
  </si>
  <si>
    <t>\\acsfs\profiles$\edicarlosdl\Downloads\d73097c8-b442-4159-b19f-202c1e86082c.tmp</t>
  </si>
  <si>
    <t>12/26/2019 14:51:13</t>
  </si>
  <si>
    <t>6f75335a-e7f5-4468-9780-3e206ecffca4.tmp</t>
  </si>
  <si>
    <t>\\acsfs\profiles$\edicarlosdl\Downloads\6f75335a-e7f5-4468-9780-3e206ecffca4.tmp</t>
  </si>
  <si>
    <t>12/26/2019 14:52:45</t>
  </si>
  <si>
    <t>1d7f96ff-2ca7-4d34-a802-7b55893be8cb.tmp</t>
  </si>
  <si>
    <t>\\acsfs\profiles$\edicarlosdl\Downloads\1d7f96ff-2ca7-4d34-a802-7b55893be8cb.tmp</t>
  </si>
  <si>
    <t>12/26/2019 14:53:48</t>
  </si>
  <si>
    <t>82af716e-1419-4bc4-a1d8-655a44529af3.tmp</t>
  </si>
  <si>
    <t>\\acsfs\profiles$\edicarlosdl\Downloads\82af716e-1419-4bc4-a1d8-655a44529af3.tmp</t>
  </si>
  <si>
    <t>12/26/2019 14:53:07</t>
  </si>
  <si>
    <t>12/26/2019 14:55:53</t>
  </si>
  <si>
    <t>12/26/2019 14:52:48</t>
  </si>
  <si>
    <t>12/26/2019 14:51:40</t>
  </si>
  <si>
    <t>12/26/2019 14:51:42</t>
  </si>
  <si>
    <t>12/26/2019 14:51:52</t>
  </si>
  <si>
    <t>12/26/2019 14:51:56</t>
  </si>
  <si>
    <t>12/26/2019 14:52:01</t>
  </si>
  <si>
    <t>12/26/2019 14:52:11</t>
  </si>
  <si>
    <t>12/26/2019 14:54:49</t>
  </si>
  <si>
    <t>12/26/2019 14:56:02</t>
  </si>
  <si>
    <t>12/26/2019 14:56:53</t>
  </si>
  <si>
    <t>\\acsfs\DEPTOS\Operacao\Banco_Votorantim\Qualidade\Anderson\Jose\Atualizado\132839A7.tmp\</t>
  </si>
  <si>
    <t>\\acsfs\DEPTOS\Operacao\Banco_Votorantim\Qualidade\Anderson\Jose\Atualizado\132839A7.tmp\:Zone.Identifier:$DATA</t>
  </si>
  <si>
    <t>12/26/2019 14:56:03</t>
  </si>
  <si>
    <t>12/26/2019 14:54:52</t>
  </si>
  <si>
    <t>12/26/2019 14:57:53</t>
  </si>
  <si>
    <t>https://outlook.office365.com/owa/qualidadealgarbv@algartech.com/service.svc?action=updateitem&amp;app=mail&amp;n=97</t>
  </si>
  <si>
    <t>12/26/2019 14:55:22</t>
  </si>
  <si>
    <t>https://outlook.office365.com/owa/qualidadealgarbv@algartech.com/service.svc?action=updateitem&amp;app=mail&amp;n=102</t>
  </si>
  <si>
    <t>12/26/2019 14:55:52</t>
  </si>
  <si>
    <t>https://outlook.office365.com/owa/qualidadealgarbv@algartech.com/service.svc?action=updateitem&amp;app=mail&amp;n=108</t>
  </si>
  <si>
    <t>12/26/2019 14:56:22</t>
  </si>
  <si>
    <t>https://outlook.office365.com/owa/qualidadealgarbv@algartech.com/service.svc?action=updateitem&amp;app=mail&amp;n=121</t>
  </si>
  <si>
    <t>12/26/2019 14:56:52</t>
  </si>
  <si>
    <t>https://outlook.office365.com/owa/qualidadealgarbv@algartech.com/service.svc?action=updateitem&amp;app=mail&amp;n=125</t>
  </si>
  <si>
    <t>12/26/2019 14:54:55</t>
  </si>
  <si>
    <t>12/26/2019 14:58:53</t>
  </si>
  <si>
    <t>12/26/2019 14:57:55</t>
  </si>
  <si>
    <t>12/26/2019 14:53:34</t>
  </si>
  <si>
    <t>12/26/2019 14:55:40</t>
  </si>
  <si>
    <t>12/26/2019 14:55:43</t>
  </si>
  <si>
    <t>12/26/2019 14:55:45</t>
  </si>
  <si>
    <t>\\acsfs\DEPTOS\Operacao\PCP\5 - Comum\PLANEJAMENTO BV\14 - ACOMPANHAMENTO\1 - REPORT ACOMPANHAMENTO\2019\12 - Dezembro\CARTÕES\</t>
  </si>
  <si>
    <t>\\acsfs\DEPTOS\Operacao\PCP\5 - Comum\PLANEJAMENTO BV\14 - ACOMPANHAMENTO\1 - REPORT ACOMPANHAMENTO\2019\12 - Dezembro\CARTÕES\Acompanhamento improdutividade BV Cartões.xlsx</t>
  </si>
  <si>
    <t>12/26/2019 14:56:42</t>
  </si>
  <si>
    <t>12/26/2019 14:56:58</t>
  </si>
  <si>
    <t>12/26/2019 14:57:01</t>
  </si>
  <si>
    <t>12/26/2019 14:57:07</t>
  </si>
  <si>
    <t>12/26/2019 14:57:14</t>
  </si>
  <si>
    <t>12/26/2019 14:57:18</t>
  </si>
  <si>
    <t>12/26/2019 14:57:24</t>
  </si>
  <si>
    <t>12/26/2019 14:57:34</t>
  </si>
  <si>
    <t>joaogvc@algartech.com;leonardoao@algartech.com;marianadjc@algartech.com;rafaelggs@algartech.com;taysdss@algartech.com;thiagordu@algartech.com;viniciussg@algartech.com;</t>
  </si>
  <si>
    <t>joaogvc@algartech.com,leonardoao@algartech.com,marianadjc@algartech.com,rafaelggs@algartech.com,taysdss@algartech.com,thiagordu@algartech.com,viniciussg@algartech.com</t>
  </si>
  <si>
    <t>12/26/2019 14:57:42</t>
  </si>
  <si>
    <t>joaogvc@algartech.com;josiascdsj@algartech.com;leonardoao@algartech.com;marianadjc@algartech.com;rafaelggs@algartech.com;taysdss@algartech.com;thiagordu@algartech.com;viniciussg@algartech.com;</t>
  </si>
  <si>
    <t>joaogvc@algartech.com,josiascdsj@algartech.com,leonardoao@algartech.com,marianadjc@algartech.com,rafaelggs@algartech.com,taysdss@algartech.com,thiagordu@algartech.com,viniciussg@algartech.com</t>
  </si>
  <si>
    <t>12/26/2019 14:55:32</t>
  </si>
  <si>
    <t>12/26/2019 14:59:53</t>
  </si>
  <si>
    <t>12/26/2019 14:54:02</t>
  </si>
  <si>
    <t>12/26/2019 14:56:41</t>
  </si>
  <si>
    <t>0af18c31-3a82-4db6-a4aa-e9698b8d0121.tmp</t>
  </si>
  <si>
    <t>\\acsfs\profiles$\victoriaksr\Downloads\0af18c31-3a82-4db6-a4aa-e9698b8d0121.tmp</t>
  </si>
  <si>
    <t>12/26/2019 14:55:12</t>
  </si>
  <si>
    <t>03085a34-0c72-468b-8652-af18bf37f7a6.tmp</t>
  </si>
  <si>
    <t>\\acsfs\profiles$\victorgl\Downloads\03085a34-0c72-468b-8652-af18bf37f7a6.tmp</t>
  </si>
  <si>
    <t>12/26/2019 14:56:32</t>
  </si>
  <si>
    <t>12/26/2019 15:00:53</t>
  </si>
  <si>
    <t>12/26/2019 14:59:11</t>
  </si>
  <si>
    <t>21626e91-c2cd-43f6-98db-41168f0a31cf.tmp</t>
  </si>
  <si>
    <t>\\acsfs\profiles$\brunalas\Downloads\21626e91-c2cd-43f6-98db-41168f0a31cf.tmp</t>
  </si>
  <si>
    <t>12/26/2019 14:55:56</t>
  </si>
  <si>
    <t>12/26/2019 14:59:50</t>
  </si>
  <si>
    <t>12/26/2019 14:59:59</t>
  </si>
  <si>
    <t>12/26/2019 14:56:13</t>
  </si>
  <si>
    <t>12/26/2019 14:56:43</t>
  </si>
  <si>
    <t>12/26/2019 14:58:05</t>
  </si>
  <si>
    <t>6c120f0d-3a3a-49a7-ad32-675da9669f48.tmp</t>
  </si>
  <si>
    <t>\\acsfs\profiles$\wedersonbadr\My Documents\My Music\6c120f0d-3a3a-49a7-ad32-675da9669f48.tmp</t>
  </si>
  <si>
    <t>12/26/2019 15:01:53</t>
  </si>
  <si>
    <t>12/26/2019 14:56:35</t>
  </si>
  <si>
    <t>bfcfb55d-a4e5-4a76-884d-cd68a90a8b38.tmp</t>
  </si>
  <si>
    <t>\\acsfs\profiles$\erichds\Downloads\bfcfb55d-a4e5-4a76-884d-cd68a90a8b38.tmp</t>
  </si>
  <si>
    <t>12/26/2019 14:59:49</t>
  </si>
  <si>
    <t>65fdda6f-a37b-4f47-8917-4e055d4b15b0.tmp</t>
  </si>
  <si>
    <t>\\acsfs\profiles$\erichds\Downloads\65fdda6f-a37b-4f47-8917-4e055d4b15b0.tmp</t>
  </si>
  <si>
    <t>12/26/2019 14:57:00</t>
  </si>
  <si>
    <t>12/26/2019 14:59:23</t>
  </si>
  <si>
    <t>4c8db001-d058-4400-9745-1e2a02aeb077.tmp</t>
  </si>
  <si>
    <t>\\acsfs\profiles$\edicarlosdl\Downloads\4c8db001-d058-4400-9745-1e2a02aeb077.tmp</t>
  </si>
  <si>
    <t>12/26/2019 14:58:32</t>
  </si>
  <si>
    <t>Vendas Dezembro.txt</t>
  </si>
  <si>
    <t>\\acsfs\profiles$\lucasgpe\Desktop\Vendas Dezembro.txt</t>
  </si>
  <si>
    <t>12/26/2019 14:58:15</t>
  </si>
  <si>
    <t>12/26/2019 15:02:53</t>
  </si>
  <si>
    <t>196bf9e4-4743-4ddf-ae6f-ef7c75a2ec7b.tmp</t>
  </si>
  <si>
    <t>\\acsfs\profiles$\layonmof\Downloads\196bf9e4-4743-4ddf-ae6f-ef7c75a2ec7b.tmp</t>
  </si>
  <si>
    <t>12/26/2019 15:01:42</t>
  </si>
  <si>
    <t>\\acsfs\profiles$\danielpdl\My Documents\My Pictures\</t>
  </si>
  <si>
    <t>perfil.PNG</t>
  </si>
  <si>
    <t>\\acsfs\profiles$\danielpdl\My Documents\My Pictures\perfil.PNG</t>
  </si>
  <si>
    <t>12/26/2019 14:58:06</t>
  </si>
  <si>
    <t>https://outlook.office365.com/owa/qualidadealgarbv@algartech.com/service.svc?action=updateitem&amp;app=mail&amp;n=138</t>
  </si>
  <si>
    <t>12/26/2019 14:58:34</t>
  </si>
  <si>
    <t>FAROL DE QUALIDADE.pptx</t>
  </si>
  <si>
    <t>\\acsfs\ACS\001 - Qualidade Lilian\PAULO\FAROL DE QUALIDADE\DEZEMBRO\FAROL DE QUALIDADE.pptx</t>
  </si>
  <si>
    <t>12/26/2019 14:59:06</t>
  </si>
  <si>
    <t>12/26/2019 14:58:48</t>
  </si>
  <si>
    <t>12/26/2019 15:03:53</t>
  </si>
  <si>
    <t>e8ca4bf3-723c-4265-9fb5-87f6597921fb.tmp</t>
  </si>
  <si>
    <t>\\acsfs\profiles$\rosileiam\Downloads\e8ca4bf3-723c-4265-9fb5-87f6597921fb.tmp</t>
  </si>
  <si>
    <t>12/26/2019 15:00:55</t>
  </si>
  <si>
    <t>12/26/2019 14:59:34</t>
  </si>
  <si>
    <t>12/26/2019 15:00:22</t>
  </si>
  <si>
    <t>12/26/2019 15:00:34</t>
  </si>
  <si>
    <t>12/26/2019 15:00:41</t>
  </si>
  <si>
    <t>12/26/2019 15:00:52</t>
  </si>
  <si>
    <t>joaogvc@algartech.com;josiascdsj@algartech.com;karinefg@algartech.com;leonardoao@algartech.com;marianadjc@algartech.com;rafaelggs@algartech.com;taysdss@algartech.com;thiagordu@algartech.com;viniciussg@algartech.com;</t>
  </si>
  <si>
    <t>joaogvc@algartech.com,josiascdsj@algartech.com,karinefg@algartech.com,leonardoao@algartech.com,marianadjc@algartech.com,rafaelggs@algartech.com,taysdss@algartech.com,thiagordu@algartech.com,viniciussg@algartech.com</t>
  </si>
  <si>
    <t>12/26/2019 15:00:57</t>
  </si>
  <si>
    <t>12/26/2019 15:01:06</t>
  </si>
  <si>
    <t>12/26/2019 15:01:14</t>
  </si>
  <si>
    <t>josiascdsj@algartech.com;karinefg@algartech.com;marianadjc@algartech.com;</t>
  </si>
  <si>
    <t>josiascdsj@algartech.com,karinefg@algartech.com,marianadjc@algartech.com</t>
  </si>
  <si>
    <t>12/26/2019 15:01:38</t>
  </si>
  <si>
    <t>12/26/2019 15:02:09</t>
  </si>
  <si>
    <t>12/26/2019 15:02:15</t>
  </si>
  <si>
    <t>12/26/2019 15:02:37</t>
  </si>
  <si>
    <t>12/26/2019 15:03:00</t>
  </si>
  <si>
    <t>12/26/2019 15:03:18</t>
  </si>
  <si>
    <t>12/26/2019 15:03:22</t>
  </si>
  <si>
    <t>12/26/2019 15:00:01</t>
  </si>
  <si>
    <t>12/26/2019 15:04:53</t>
  </si>
  <si>
    <t>12/26/2019 15:03:28</t>
  </si>
  <si>
    <t>6a6536df-1f10-48cd-aa6a-ec91c0659730.tmp</t>
  </si>
  <si>
    <t>\\acsfs\profiles$\nayarasds\Downloads\6a6536df-1f10-48cd-aa6a-ec91c0659730.tmp</t>
  </si>
  <si>
    <t>12/26/2019 15:01:56</t>
  </si>
  <si>
    <t>12/26/2019 15:04:46</t>
  </si>
  <si>
    <t>12/26/2019 15:05:53</t>
  </si>
  <si>
    <t>12/26/2019 15:00:26</t>
  </si>
  <si>
    <t>8496cce9-80ee-4cff-8d9b-35cd71419b7b.tmp</t>
  </si>
  <si>
    <t>\\acsfs\profiles$\brunalas\Downloads\8496cce9-80ee-4cff-8d9b-35cd71419b7b.tmp</t>
  </si>
  <si>
    <t>12/26/2019 15:02:00</t>
  </si>
  <si>
    <t>12/26/2019 15:04:43</t>
  </si>
  <si>
    <t>12/26/2019 15:05:03</t>
  </si>
  <si>
    <t>12/26/2019 15:06:53</t>
  </si>
  <si>
    <t>12/26/2019 15:02:14</t>
  </si>
  <si>
    <t>12/26/2019 15:04:35</t>
  </si>
  <si>
    <t>aaca364e-e6ca-4c14-9d0c-3e1f5de52244.tmp</t>
  </si>
  <si>
    <t>\\acsfs\profiles$\edicarlosdl\Downloads\aaca364e-e6ca-4c14-9d0c-3e1f5de52244.tmp</t>
  </si>
  <si>
    <t>12/26/2019 15:02:57</t>
  </si>
  <si>
    <t>12/26/2019 15:07:53</t>
  </si>
  <si>
    <t>12/26/2019 15:04:33</t>
  </si>
  <si>
    <t>12/26/2019 15:05:55</t>
  </si>
  <si>
    <t>12/26/2019 15:03:55</t>
  </si>
  <si>
    <t>12/26/2019 15:08:53</t>
  </si>
  <si>
    <t>12/26/2019 15:06:55</t>
  </si>
  <si>
    <t>12/26/2019 15:08:17</t>
  </si>
  <si>
    <t>12/26/2019 15:06:52</t>
  </si>
  <si>
    <t>3d111903-ae46-4a3f-afa4-4bcc863b164c.tmp</t>
  </si>
  <si>
    <t>\\acsfs\profiles$\vivianalds\Downloads\3d111903-ae46-4a3f-afa4-4bcc863b164c.tmp</t>
  </si>
  <si>
    <t>12/26/2019 15:03:27</t>
  </si>
  <si>
    <t>12/26/2019 15:03:30</t>
  </si>
  <si>
    <t>12/26/2019 15:03:39</t>
  </si>
  <si>
    <t>12/26/2019 15:03:45</t>
  </si>
  <si>
    <t>12/26/2019 15:03:51</t>
  </si>
  <si>
    <t>12/26/2019 15:03:54</t>
  </si>
  <si>
    <t>12/26/2019 15:03:59</t>
  </si>
  <si>
    <t>12/26/2019 15:04:01</t>
  </si>
  <si>
    <t>12/26/2019 15:04:20</t>
  </si>
  <si>
    <t>12/26/2019 15:04:25</t>
  </si>
  <si>
    <t>12/26/2019 15:06:44</t>
  </si>
  <si>
    <t>https://josiascdsj@algartech.com,karinefg@algartech.com,marianadjc@algartech.com</t>
  </si>
  <si>
    <t>12/26/2019 15:07:03</t>
  </si>
  <si>
    <t>12/26/2019 15:06:01</t>
  </si>
  <si>
    <t>12/26/2019 15:09:53</t>
  </si>
  <si>
    <t>12/26/2019 15:05:00</t>
  </si>
  <si>
    <t>12/26/2019 15:10:53</t>
  </si>
  <si>
    <t>22008 - UDI - WHIRLPOOL - CORPORATIVO ADERÊNCIA.xlsx</t>
  </si>
  <si>
    <t>12/26/2019 15:05:59</t>
  </si>
  <si>
    <t>12/26/2019 15:09:14</t>
  </si>
  <si>
    <t>e75d343e-84fd-4974-a916-b39fd53d57cf.tmp</t>
  </si>
  <si>
    <t>\\acsfs\profiles$\brunalas\Downloads\e75d343e-84fd-4974-a916-b39fd53d57cf.tmp</t>
  </si>
  <si>
    <t>12/26/2019 15:07:35</t>
  </si>
  <si>
    <t>6691ddcd-ab05-4afd-a9d9-1755381799ff.tmp</t>
  </si>
  <si>
    <t>\\acsfs\profiles$\gabrielamdp\Downloads\6691ddcd-ab05-4afd-a9d9-1755381799ff.tmp</t>
  </si>
  <si>
    <t>12/26/2019 15:10:02</t>
  </si>
  <si>
    <t>12/26/2019 14:52:53</t>
  </si>
  <si>
    <t>12/26/2019 14:52:55</t>
  </si>
  <si>
    <t>12/26/2019 14:52:57</t>
  </si>
  <si>
    <t>12/26/2019 14:52:59</t>
  </si>
  <si>
    <t>12/26/2019 14:53:01</t>
  </si>
  <si>
    <t>12/26/2019 14:53:03</t>
  </si>
  <si>
    <t>12/26/2019 14:53:09</t>
  </si>
  <si>
    <t>12/26/2019 14:53:12</t>
  </si>
  <si>
    <t>12/26/2019 14:53:13</t>
  </si>
  <si>
    <t>12/26/2019 14:53:17</t>
  </si>
  <si>
    <t>12/26/2019 14:53:19</t>
  </si>
  <si>
    <t>12/26/2019 14:53:21</t>
  </si>
  <si>
    <t>12/26/2019 14:53:23</t>
  </si>
  <si>
    <t>12/26/2019 14:53:26</t>
  </si>
  <si>
    <t>12/26/2019 14:53:27</t>
  </si>
  <si>
    <t>12/26/2019 14:53:29</t>
  </si>
  <si>
    <t>12/26/2019 14:53:31</t>
  </si>
  <si>
    <t>12/26/2019 14:53:32</t>
  </si>
  <si>
    <t>12/26/2019 14:53:35</t>
  </si>
  <si>
    <t>12/26/2019 14:53:37</t>
  </si>
  <si>
    <t>12/26/2019 14:53:39</t>
  </si>
  <si>
    <t>12/26/2019 14:53:41</t>
  </si>
  <si>
    <t>12/26/2019 14:53:43</t>
  </si>
  <si>
    <t>12/26/2019 14:53:46</t>
  </si>
  <si>
    <t>12/26/2019 14:53:51</t>
  </si>
  <si>
    <t>12/26/2019 14:53:52</t>
  </si>
  <si>
    <t>12/26/2019 14:53:55</t>
  </si>
  <si>
    <t>12/26/2019 14:53:57</t>
  </si>
  <si>
    <t>12/26/2019 14:54:00</t>
  </si>
  <si>
    <t>12/26/2019 14:54:04</t>
  </si>
  <si>
    <t>12/26/2019 14:54:06</t>
  </si>
  <si>
    <t>12/26/2019 14:54:08</t>
  </si>
  <si>
    <t>12/26/2019 14:54:12</t>
  </si>
  <si>
    <t>12/26/2019 14:54:14</t>
  </si>
  <si>
    <t>12/26/2019 14:54:16</t>
  </si>
  <si>
    <t>12/26/2019 14:54:18</t>
  </si>
  <si>
    <t>12/26/2019 14:54:21</t>
  </si>
  <si>
    <t>12/26/2019 14:54:23</t>
  </si>
  <si>
    <t>12/26/2019 14:54:28</t>
  </si>
  <si>
    <t>12/26/2019 14:54:31</t>
  </si>
  <si>
    <t>12/26/2019 14:54:56</t>
  </si>
  <si>
    <t>12/26/2019 14:55:41</t>
  </si>
  <si>
    <t>12/26/2019 15:09:13</t>
  </si>
  <si>
    <t>12/26/2019 15:09:43</t>
  </si>
  <si>
    <t>52e0ca71-143b-43c0-96ef-d0c54813f012.tmp</t>
  </si>
  <si>
    <t>\\acsfs\profiles$\wedersonbadr\My Documents\My Music\52e0ca71-143b-43c0-96ef-d0c54813f012.tmp</t>
  </si>
  <si>
    <t>12/26/2019 15:11:53</t>
  </si>
  <si>
    <t>12/26/2019 15:10:41</t>
  </si>
  <si>
    <t>12/26/2019 15:09:16</t>
  </si>
  <si>
    <t>4de923c3-764b-4516-b506-fb50baf83878.tmp</t>
  </si>
  <si>
    <t>\\acsfs\profiles$\edicarlosdl\Downloads\4de923c3-764b-4516-b506-fb50baf83878.tmp</t>
  </si>
  <si>
    <t>12/26/2019 15:10:47</t>
  </si>
  <si>
    <t>76f0d5c8-d7bb-4ddb-8e51-f029bd520de3.tmp</t>
  </si>
  <si>
    <t>\\acsfs\profiles$\edicarlosdl\Downloads\76f0d5c8-d7bb-4ddb-8e51-f029bd520de3.tmp</t>
  </si>
  <si>
    <t>12/26/2019 15:11:15</t>
  </si>
  <si>
    <t>d6b115e3-2a18-432c-9a4f-aa07f7c066c0.tmp</t>
  </si>
  <si>
    <t>\\acsfs\profiles$\edicarlosdl\Downloads\d6b115e3-2a18-432c-9a4f-aa07f7c066c0.tmp</t>
  </si>
  <si>
    <t>12/26/2019 15:11:19</t>
  </si>
  <si>
    <t>a0f816c9-f80b-47f0-a1c1-c1467fdf6bdb.tmp</t>
  </si>
  <si>
    <t>\\acsfs\profiles$\edicarlosdl\Downloads\a0f816c9-f80b-47f0-a1c1-c1467fdf6bdb.tmp</t>
  </si>
  <si>
    <t>12/26/2019 15:10:21</t>
  </si>
  <si>
    <t>12/26/2019 15:06:54</t>
  </si>
  <si>
    <t>d4affe41-6941-4c5c-86ef-0e36af848708.tmp</t>
  </si>
  <si>
    <t>\\acsfs\profiles$\thaisdss\Downloads\d4affe41-6941-4c5c-86ef-0e36af848708.tmp</t>
  </si>
  <si>
    <t>12/26/2019 15:07:32</t>
  </si>
  <si>
    <t>62d5fb61-4523-4925-9ada-86253d44f526.tmp</t>
  </si>
  <si>
    <t>\\acsfs\profiles$\thaisdss\Downloads\62d5fb61-4523-4925-9ada-86253d44f526.tmp</t>
  </si>
  <si>
    <t>12/26/2019 15:08:46</t>
  </si>
  <si>
    <t>12/26/2019 15:12:53</t>
  </si>
  <si>
    <t>12/26/2019 15:10:03</t>
  </si>
  <si>
    <t>12/26/2019 15:13:54</t>
  </si>
  <si>
    <t>luiz_alfredo_vieira_algar@whirlpool.com</t>
  </si>
  <si>
    <t>mail.google.com/_/upload?authuser=1&amp;dcp=asu-n&amp;upload_id=AEnB2UpWcTo-BDFWTlLfpz0HJQNVPosUNDNa0ANnpRvZFRp9i8B9FbBG9W2DVM8vnKN6-lemiqrowmCjIqEwORi_nNBeuAu2uG5mJ8n8J9QLUwpeGPbFnyw&amp;upload_protocol=resumable</t>
  </si>
  <si>
    <t>12/26/2019 15:09:20</t>
  </si>
  <si>
    <t>8fd29f87-1497-4a88-a9f3-c5a3a1b6bef3.tmp</t>
  </si>
  <si>
    <t>\\acsfs\profiles$\vivianibfs\Downloads\8fd29f87-1497-4a88-a9f3-c5a3a1b6bef3.tmp</t>
  </si>
  <si>
    <t>12/26/2019 15:09:55</t>
  </si>
  <si>
    <t>12/26/2019 15:12:55</t>
  </si>
  <si>
    <t>12/26/2019 15:11:17</t>
  </si>
  <si>
    <t>12/26/2019 15:11:22</t>
  </si>
  <si>
    <t>12/26/2019 15:11:37</t>
  </si>
  <si>
    <t>12/26/2019 15:11:41</t>
  </si>
  <si>
    <t>12/26/2019 15:11:51</t>
  </si>
  <si>
    <t>12/26/2019 15:12:18</t>
  </si>
  <si>
    <t>\\acsfs\DEPTOS\Operacao\PCP\5 - Comum\PLANEJAMENTO BV\14 - ACOMPANHAMENTO\1 - REPORT ACOMPANHAMENTO\2019\12 - Dezembro\FINANCEIRA\</t>
  </si>
  <si>
    <t>12/26/2019 15:12:35</t>
  </si>
  <si>
    <t>100035125381406;josiascdsj@algartech.com;karinefg@algartech.com;marianadjc@algartech.com;</t>
  </si>
  <si>
    <t>100035125381406,josiascdsj@algartech.com,karinefg@algartech.com,marianadjc@algartech.com</t>
  </si>
  <si>
    <t>12/26/2019 15:09:02</t>
  </si>
  <si>
    <t>12/26/2019 15:14:53</t>
  </si>
  <si>
    <t>12/26/2019 15:09:09</t>
  </si>
  <si>
    <t>12/26/2019 15:09:19</t>
  </si>
  <si>
    <t>12/26/2019 15:09:23</t>
  </si>
  <si>
    <t>mail.google.com/sync/u/0/i/s?hl=pt-BR&amp;c=475</t>
  </si>
  <si>
    <t>12/26/2019 15:09:25</t>
  </si>
  <si>
    <t>12/26/2019 15:12:01</t>
  </si>
  <si>
    <t>12/26/2019 15:10:14</t>
  </si>
  <si>
    <t>10.200.57.171</t>
  </si>
  <si>
    <t>C:\Users\joaonsm\OneDrive - Grupo Algar\João Neto\</t>
  </si>
  <si>
    <t>CNEC consolidado.xlsx</t>
  </si>
  <si>
    <t>ancestorhasaugment,ancestorhasaugmentedpermissi,ancestorhasaugmentedpermissions,ancestorhasaugmentedpermissions�,containsunsubscribedchildren,displayname,domain,emailaddress,expl,explicitlytras,explicitlytrashed,explicitlytrashed�,file(kind,fileid,filesize,hasthumbnail,hasvisitorpermissions,id,id),items(deleted,items(kind,ken,kind,lastmodifyinguser(kind,lastviewedbymedate,mimetype,modifiedbymedate,modifieddate,ontainsunsubscribedchildren,owners(kind,perm,permiss,permission,permissionid,picture,picture�,quotabytes,rpermissions,shared,sharedwithmedate,thumbn,thumbnailversion,title,userpermission(role),workspaceids</t>
  </si>
  <si>
    <t>12/26/2019 15:10:24</t>
  </si>
  <si>
    <t>Descritivo_RDMs.xlsx</t>
  </si>
  <si>
    <t>12/26/2019 15:14:35</t>
  </si>
  <si>
    <t>12/26/2019 15:15:53</t>
  </si>
  <si>
    <t>12/26/2019 15:14:36</t>
  </si>
  <si>
    <t>12/26/2019 15:12:50</t>
  </si>
  <si>
    <t>12/26/2019 15:16:53</t>
  </si>
  <si>
    <t>aa73de14-a2b6-44e7-ab63-3b9d7fae9c40.tmp</t>
  </si>
  <si>
    <t>\\acsfs\profiles$\erichds\Downloads\aa73de14-a2b6-44e7-ab63-3b9d7fae9c40.tmp</t>
  </si>
  <si>
    <t>12/26/2019 15:14:59</t>
  </si>
  <si>
    <t>212be699-dd6f-440a-82ca-20b1f89e33d8.tmp</t>
  </si>
  <si>
    <t>\\acsfs\profiles$\erichds\Downloads\212be699-dd6f-440a-82ca-20b1f89e33d8.tmp</t>
  </si>
  <si>
    <t>e046a3bc-2209-4283-8327-03144ff878c4.tmp</t>
  </si>
  <si>
    <t>\\acsfs\profiles$\laurandos\Downloads\e046a3bc-2209-4283-8327-03144ff878c4.tmp</t>
  </si>
  <si>
    <t>12/26/2019 15:11:46</t>
  </si>
  <si>
    <t>30e47fbc-5013-4506-a673-dc0bc9f4a3b0.tmp</t>
  </si>
  <si>
    <t>\\acsfs\profiles$\laurandos\Downloads\30e47fbc-5013-4506-a673-dc0bc9f4a3b0.tmp</t>
  </si>
  <si>
    <t>12/26/2019 15:13:20</t>
  </si>
  <si>
    <t>578ea8d8-d322-4d94-9224-5ecfc43a9039.tmp</t>
  </si>
  <si>
    <t>\\acsfs\profiles$\laurandos\Downloads\578ea8d8-d322-4d94-9224-5ecfc43a9039.tmp</t>
  </si>
  <si>
    <t>mail.google.com/_/upload?authuser=0&amp;dcp=asu-n&amp;upload_id=AEnB2UqRximS0G-l0ALVUJHZTW85OOLDg2jAlHWrdyWNqEyjBkf18Jc_HWu2uZNBWzbgkJyo4HF77n9weIbJpTYVZoW6tKT0nguZxvrICqMFvXIqgLeuYP4&amp;upload_protocol=resumable</t>
  </si>
  <si>
    <t>analtc@algartech.com.br;anapscl@algartech.com;thaisaol@algartech.com;thaisaol@algartech.com.br;</t>
  </si>
  <si>
    <t>\\acsfs\DEPTOS\Operacao\PCP\5 - Comum\ACOMPANHAMENTO AMEX\10- Acompanhamento PF\FINANCEIRO CONTAS NOVAS\2019\10 - Outubro\</t>
  </si>
  <si>
    <t>Fechamento Financeiro - Contas Novas PF - Outubro_19.xlsx</t>
  </si>
  <si>
    <t>analtc@algartech.com.br,anapscl@algartech.com,thaisaol@algartech.com,thaisaol@algartech.com.br</t>
  </si>
  <si>
    <t>12/26/2019 15:14:44</t>
  </si>
  <si>
    <t>\\acsfs\DEPTOS\Operacao\Banco_Votorantim\Qualidade\Anderson\Jose\Atualizado\699AD6EA.tmp\</t>
  </si>
  <si>
    <t>\\acsfs\DEPTOS\Operacao\Banco_Votorantim\Qualidade\Anderson\Jose\Atualizado\699AD6EA.tmp\:Zone.Identifier:$DATA</t>
  </si>
  <si>
    <t>12/26/2019 15:14:45</t>
  </si>
  <si>
    <t>12/26/2019 15:15:01</t>
  </si>
  <si>
    <t>f4c7be5f-d4df-4816-b1a3-9439a90e0ae1.tmp</t>
  </si>
  <si>
    <t>\\acsfs\profiles$\edicarlosdl\Downloads\f4c7be5f-d4df-4816-b1a3-9439a90e0ae1.tmp</t>
  </si>
  <si>
    <t>12/26/2019 15:16:57</t>
  </si>
  <si>
    <t>12/26/2019 15:17:53</t>
  </si>
  <si>
    <t>d8b68e41-41f8-4215-8980-1c68d6a69ddd.tmp</t>
  </si>
  <si>
    <t>\\acsfs\profiles$\maxmillianosv\Downloads\d8b68e41-41f8-4215-8980-1c68d6a69ddd.tmp</t>
  </si>
  <si>
    <t>12/26/2019 14:34:28</t>
  </si>
  <si>
    <t>12/26/2019 15:13:08</t>
  </si>
  <si>
    <t>12/26/2019 15:13:09</t>
  </si>
  <si>
    <t>lu97521lg7q3.tmp</t>
  </si>
  <si>
    <t>\\acsfs\profiles$\LUCASBS\lu97521lg7q3.tmp</t>
  </si>
  <si>
    <t>\\acsfs\profiles$\LUCASBS\lu97521lg7q3.tmp\</t>
  </si>
  <si>
    <t>12/26/2019 15:13:10</t>
  </si>
  <si>
    <t>\\acsfs\profiles$\LUCASBS\lu97521lg7q3.tmp\META-INF\</t>
  </si>
  <si>
    <t>\\acsfs\profiles$\LUCASBS\lu97521lg7q3.tmp\Thumbnails\</t>
  </si>
  <si>
    <t>12/26/2019 15:13:30</t>
  </si>
  <si>
    <t>12/26/2019 15:13:57</t>
  </si>
  <si>
    <t>.~lock.RENEG BV 26.12 Lucas.ods#</t>
  </si>
  <si>
    <t>\\acsfs\profiles$\LUCASBS\.~lock.RENEG BV 26.12 Lucas.ods#</t>
  </si>
  <si>
    <t>12/26/2019 15:13:59</t>
  </si>
  <si>
    <t>lu75121oxmtu.tmp</t>
  </si>
  <si>
    <t>\\acsfs\profiles$\LUCASBS\lu75121oxmtu.tmp</t>
  </si>
  <si>
    <t>\\acsfs\profiles$\LUCASBS\lu75121oxmtu.tmp\</t>
  </si>
  <si>
    <t>\\acsfs\profiles$\LUCASBS\lu75121oxmtu.tmp\META-INF\</t>
  </si>
  <si>
    <t>\\acsfs\profiles$\LUCASBS\lu75121oxmtu.tmp\Thumbnails\</t>
  </si>
  <si>
    <t>12/26/2019 15:18:54</t>
  </si>
  <si>
    <t>12/26/2019 15:15:54</t>
  </si>
  <si>
    <t>lu363804bm61v.tmp</t>
  </si>
  <si>
    <t>\\acsfs\profiles$\jonatanls\My Documents\lu363804bm61v.tmp</t>
  </si>
  <si>
    <t>12/26/2019 15:13:26</t>
  </si>
  <si>
    <t>12/26/2019 15:15:55</t>
  </si>
  <si>
    <t>12/26/2019 15:15:47</t>
  </si>
  <si>
    <t>celiarl@algartech.com;elaine.nascimento@cscalgar.com.br;geisonjt@algartech.com;henriquerfr@algartech.com;iaraadss@algartech.com;julianarcda@algartech.com;leandrom@algartech.com;lucasm@algartech.com;luizfsm@algartech.com;marciols@algartech.com;patricia.rocha@cscalgar.com.br;portariacampinas@algartech.com;priscila.goncalves@cscalgar.com.br;secorp@algartech.com;</t>
  </si>
  <si>
    <t>Cargos_Engeset.xlsx</t>
  </si>
  <si>
    <t>celiarl@algartech.com,elaine.nascimento@cscalgar.com.br,geisonjt@algartech.com,henriquerfr@algartech.com,iaraadss@algartech.com,julianarcda@algartech.com,leandrom@algartech.com,lucasm@algartech.com,luizfsm@algartech.com,marciols@algartech.com,patricia.rocha@cscalgar.com.br,portariacampinas@algartech.com,priscila.goncalves@cscalgar.com.br,secorp@algartech.com</t>
  </si>
  <si>
    <t>12/26/2019 15:14:52</t>
  </si>
  <si>
    <t>d27ee04a-95e8-44e4-a7c3-ebe5a21d8b4c.tmp</t>
  </si>
  <si>
    <t>\\acsfs\profiles$\geovannasm\Downloads\d27ee04a-95e8-44e4-a7c3-ebe5a21d8b4c.tmp</t>
  </si>
  <si>
    <t>12/26/2019 15:14:29</t>
  </si>
  <si>
    <t>12/26/2019 15:18:02</t>
  </si>
  <si>
    <t>12/26/2019 15:19:53</t>
  </si>
  <si>
    <t>12/26/2019 15:16:45</t>
  </si>
  <si>
    <t>12/26/2019 15:20:54</t>
  </si>
  <si>
    <t>12/26/2019 15:18:23</t>
  </si>
  <si>
    <t>12/26/2019 15:18:25</t>
  </si>
  <si>
    <t>12/26/2019 15:18:41</t>
  </si>
  <si>
    <t>12/26/2019 15:18:42</t>
  </si>
  <si>
    <t>12/26/2019 15:19:06</t>
  </si>
  <si>
    <t>12/26/2019 15:16:19</t>
  </si>
  <si>
    <t>12/26/2019 15:19:04</t>
  </si>
  <si>
    <t>b45d2b05-22f0-43de-bd1b-60ceba932190.tmp</t>
  </si>
  <si>
    <t>\\acsfs\profiles$\joycemmdl\Downloads\b45d2b05-22f0-43de-bd1b-60ceba932190.tmp</t>
  </si>
  <si>
    <t>12/26/2019 15:19:34</t>
  </si>
  <si>
    <t>12/26/2019 15:17:11</t>
  </si>
  <si>
    <t>Resposta das Retrações.txt</t>
  </si>
  <si>
    <t>\\acsfs\profiles$\ADELVINSONLE\Resposta das Retrações.txt</t>
  </si>
  <si>
    <t>12/26/2019 15:20:31</t>
  </si>
  <si>
    <t>12/26/2019 15:21:54</t>
  </si>
  <si>
    <t>12/26/2019 15:18:15</t>
  </si>
  <si>
    <t>cdbbf8ee-689f-46bf-9206-187eac98026d.tmp</t>
  </si>
  <si>
    <t>\\acsfs\profiles$\erichds\Downloads\cdbbf8ee-689f-46bf-9206-187eac98026d.tmp</t>
  </si>
  <si>
    <t>12/26/2019 15:18:24</t>
  </si>
  <si>
    <t>daaf879b-e400-4e1e-92f2-66d460ff5481.tmp</t>
  </si>
  <si>
    <t>\\acsfs\profiles$\erichds\Downloads\daaf879b-e400-4e1e-92f2-66d460ff5481.tmp</t>
  </si>
  <si>
    <t>12/26/2019 15:18:29</t>
  </si>
  <si>
    <t>95909aaa-e0f3-4338-912f-28d25932ca6a.tmp</t>
  </si>
  <si>
    <t>\\acsfs\profiles$\laurandos\Downloads\95909aaa-e0f3-4338-912f-28d25932ca6a.tmp</t>
  </si>
  <si>
    <t>12/26/2019 15:19:55</t>
  </si>
  <si>
    <t>48ad3bae-b2f7-4a96-ba6a-1f8b3565af64.tmp</t>
  </si>
  <si>
    <t>\\acsfs\profiles$\laurandos\Downloads\48ad3bae-b2f7-4a96-ba6a-1f8b3565af64.tmp</t>
  </si>
  <si>
    <t>12/26/2019 15:18:34</t>
  </si>
  <si>
    <t>12/26/2019 15:20:40</t>
  </si>
  <si>
    <t>14ede6dd-8822-4960-82d6-7d37b4c6d782.tmp</t>
  </si>
  <si>
    <t>\\acsfs\profiles$\wenderbnm\Downloads\14ede6dd-8822-4960-82d6-7d37b4c6d782.tmp</t>
  </si>
  <si>
    <t>12/26/2019 15:17:02</t>
  </si>
  <si>
    <t>dcac5fbf-846f-4d9e-bb51-45e809f88dbe.tmp</t>
  </si>
  <si>
    <t>\\acsfs\profiles$\edicarlosdl\Downloads\dcac5fbf-846f-4d9e-bb51-45e809f88dbe.tmp</t>
  </si>
  <si>
    <t>12/26/2019 15:22:54</t>
  </si>
  <si>
    <t>\\acsfs\profiles$\FABIANAFV\My Documents\</t>
  </si>
  <si>
    <t>\\acsfs\profiles$\FABIANAFV\My Documents\.~lock.Sem título 1.ods#</t>
  </si>
  <si>
    <t>12/26/2019 15:23:55</t>
  </si>
  <si>
    <t>12/26/2019 15:18:44</t>
  </si>
  <si>
    <t>9124f29e-73c5-4c9c-9577-415efe125ace.tmp</t>
  </si>
  <si>
    <t>\\acsfs\profiles$\rosileiam\Downloads\9124f29e-73c5-4c9c-9577-415efe125ace.tmp</t>
  </si>
  <si>
    <t>12/26/2019 15:18:55</t>
  </si>
  <si>
    <t>12/26/2019 15:20:48</t>
  </si>
  <si>
    <t>12/26/2019 15:20:49</t>
  </si>
  <si>
    <t>12/26/2019 15:21:55</t>
  </si>
  <si>
    <t>12/26/2019 15:19:43</t>
  </si>
  <si>
    <t>12/26/2019 15:22:50</t>
  </si>
  <si>
    <t>mail.google.com/sync/u/0/i/s?hl=pt-BR&amp;c=302</t>
  </si>
  <si>
    <t>adilsonloj@algartech.com;atendimentocartao@bv.com.br;backofficebv@dxc.com;bvs-centralcartoes@bv.com.br;fabianacscg@algartech.com;fernandaab@algartech.com;fernandorsju@algartech.com;jose.ric.dos-santos@dxc.com;larissa.alcantara@bv.com.br;marianeps@algartech.com;talmaiardo@algartech.com;thiagordu@algartech.com;</t>
  </si>
  <si>
    <t>adilsonloj@algartech.com,atendimentocartao@bv.com.br,backofficebv@dxc.com,bvs-centralcartoes@bv.com.br,fabianacscg@algartech.com,fernandaab@algartech.com,fernandorsju@algartech.com,jose.ric.dos-santos@dxc.com,larissa.alcantara@bv.com.br,marianeps@algartech.com,talmaiardo@algartech.com,thiagordu@algartech.com</t>
  </si>
  <si>
    <t>12/26/2019 15:22:52</t>
  </si>
  <si>
    <t>12/26/2019 15:23:09</t>
  </si>
  <si>
    <t>12/26/2019 15:23:16</t>
  </si>
  <si>
    <t>12/26/2019 15:23:06</t>
  </si>
  <si>
    <t>db5accd0-b8d5-404c-9bd3-a325e1044509.tmp</t>
  </si>
  <si>
    <t>\\acsfs\profiles$\vivianalds\Downloads\db5accd0-b8d5-404c-9bd3-a325e1044509.tmp</t>
  </si>
  <si>
    <t>12/26/2019 15:21:51</t>
  </si>
  <si>
    <t>12/26/2019 15:24:54</t>
  </si>
  <si>
    <t>10.201.30.19</t>
  </si>
  <si>
    <t>CPNB-DIEGOCDR</t>
  </si>
  <si>
    <t>diegoc.rocha@gmail.com</t>
  </si>
  <si>
    <t>carlosasr@algartech.com;valmiriandfadsf@algartech.com;</t>
  </si>
  <si>
    <t>\\cppfs\cpdeptos\CPC\5 - Pessoais\Diego\</t>
  </si>
  <si>
    <t>Controle Operações_P2 Algar 18.12.xlsx</t>
  </si>
  <si>
    <t>carlosasr@algartech.com,valmiriandfadsf@algartech.com</t>
  </si>
  <si>
    <t>12/26/2019 15:20:52</t>
  </si>
  <si>
    <t>\\acsfs\SCORP$\11 - Manutenção\Manutenção - 2019\RELÓGIO DE PONTO\</t>
  </si>
  <si>
    <t>CONTROLE TROCA DE BOBINA 2019.xlsx</t>
  </si>
  <si>
    <t>12/26/2019 15:24:02</t>
  </si>
  <si>
    <t>12/26/2019 15:25:55</t>
  </si>
  <si>
    <t>22013 - UDI - WHIRLPOOL - SAC KITCHENAID JAN.xlsx</t>
  </si>
  <si>
    <t>12/26/2019 15:21:42</t>
  </si>
  <si>
    <t>25b62176-b594-4c73-a8d4-2c938ea4948f.tmp</t>
  </si>
  <si>
    <t>\\acsfs\profiles$\sarahbal\Downloads\25b62176-b594-4c73-a8d4-2c938ea4948f.tmp</t>
  </si>
  <si>
    <t>12/26/2019 15:21:46</t>
  </si>
  <si>
    <t>12/26/2019 15:21:19</t>
  </si>
  <si>
    <t>12/26/2019 15:22:53</t>
  </si>
  <si>
    <t>12/26/2019 15:23:15</t>
  </si>
  <si>
    <t>12/26/2019 15:23:32</t>
  </si>
  <si>
    <t>12/26/2019 15:23:38</t>
  </si>
  <si>
    <t>81cfb282-01bc-4f52-8b7e-c35e731b1b95.tmp</t>
  </si>
  <si>
    <t>\\acsfs\profiles$\joycemmdl\Downloads\81cfb282-01bc-4f52-8b7e-c35e731b1b95.tmp</t>
  </si>
  <si>
    <t>12/26/2019 15:22:19</t>
  </si>
  <si>
    <t>12/26/2019 15:25:18</t>
  </si>
  <si>
    <t>12/26/2019 15:24:43</t>
  </si>
  <si>
    <t>c7f26256-c3c7-4b60-afdb-3528f93b4017.tmp</t>
  </si>
  <si>
    <t>\\acsfs\profiles$\andreapdsg\Downloads\c7f26256-c3c7-4b60-afdb-3528f93b4017.tmp</t>
  </si>
  <si>
    <t>12/26/2019 15:24:57</t>
  </si>
  <si>
    <t>12/26/2019 15:21:12</t>
  </si>
  <si>
    <t>12/26/2019 15:26:54</t>
  </si>
  <si>
    <t>26102144-e101-4428-91f4-9ea64322e13b.tmp</t>
  </si>
  <si>
    <t>\\acsfs\profiles$\laurandos\Downloads\26102144-e101-4428-91f4-9ea64322e13b.tmp</t>
  </si>
  <si>
    <t>12/26/2019 15:21:50</t>
  </si>
  <si>
    <t>817eaab8-1232-48ca-85bf-c1f4bf141d1b.tmp</t>
  </si>
  <si>
    <t>\\acsfs\profiles$\laurandos\Downloads\817eaab8-1232-48ca-85bf-c1f4bf141d1b.tmp</t>
  </si>
  <si>
    <t>12/26/2019 15:22:56</t>
  </si>
  <si>
    <t>9c03c96e-2796-4eb0-b5de-7e7b4162afc5.tmp</t>
  </si>
  <si>
    <t>\\acsfs\profiles$\laurandos\Downloads\9c03c96e-2796-4eb0-b5de-7e7b4162afc5.tmp</t>
  </si>
  <si>
    <t>12/26/2019 15:27:54</t>
  </si>
  <si>
    <t>12/26/2019 15:28:54</t>
  </si>
  <si>
    <t>12/26/2019 15:27:55</t>
  </si>
  <si>
    <t>12/26/2019 15:23:37</t>
  </si>
  <si>
    <t>1a151e2b-8a90-4526-b8de-d83ec86c9eb9.tmp</t>
  </si>
  <si>
    <t>\\acsfs\profiles$\geovannasm\Downloads\1a151e2b-8a90-4526-b8de-d83ec86c9eb9.tmp</t>
  </si>
  <si>
    <t>12/26/2019 15:29:54</t>
  </si>
  <si>
    <t>12/26/2019 15:27:03</t>
  </si>
  <si>
    <t>12/26/2019 15:30:54</t>
  </si>
  <si>
    <t>\\acsfs\DEPTOS\Operacao\PCP\5 - Comum\PLANEJAMENTO WHIRLPOOL\17 - PLANEJAMENTO REVISADO\ticket_526283\17 - PLANEJAMENTO REVISADO\TOTALVIEW\ADERÊNCIA TTV\2020\01- JANEIRO\OPERAÇÕES LÍVIA\RECEBIDOS\</t>
  </si>
  <si>
    <t>22014 - UDI - WHIRLPOOL - SAC SINERGIA.xlsx</t>
  </si>
  <si>
    <t>12/26/2019 15:27:19</t>
  </si>
  <si>
    <t>12/26/2019 15:28:26</t>
  </si>
  <si>
    <t>f1a58640-1448-4d6f-ab93-16ef194c0053.tmp</t>
  </si>
  <si>
    <t>\\acsfs\profiles$\sarahbal\Downloads\f1a58640-1448-4d6f-ab93-16ef194c0053.tmp</t>
  </si>
  <si>
    <t>12/26/2019 15:29:10</t>
  </si>
  <si>
    <t>12/26/2019 15:29:23</t>
  </si>
  <si>
    <t>12/26/2019 15:29:35</t>
  </si>
  <si>
    <t>12/26/2019 15:27:44</t>
  </si>
  <si>
    <t>12/26/2019 15:28:14</t>
  </si>
  <si>
    <t>12/26/2019 15:28:44</t>
  </si>
  <si>
    <t>12/26/2019 15:27:36</t>
  </si>
  <si>
    <t>2fa3ee2f-234c-4d01-8265-07aeeac97e21.tmp</t>
  </si>
  <si>
    <t>\\acsfs\profiles$\gabriellalpr\Downloads\2fa3ee2f-234c-4d01-8265-07aeeac97e21.tmp</t>
  </si>
  <si>
    <t>12/26/2019 15:27:05</t>
  </si>
  <si>
    <t>mail.google.com/sync/u/0/i/s?hl=pt-BR&amp;c=2083</t>
  </si>
  <si>
    <t>12/26/2019 15:27:06</t>
  </si>
  <si>
    <t>12/26/2019 15:27:07</t>
  </si>
  <si>
    <t>mail.google.com/sync/u/0/i/s?hl=pt-BR&amp;c=2085</t>
  </si>
  <si>
    <t>12/26/2019 15:26:18</t>
  </si>
  <si>
    <t>2fc90170-df4f-4d84-bc45-0029c29bee62.tmp</t>
  </si>
  <si>
    <t>\\acsfs\profiles$\andreapdsg\Downloads\2fc90170-df4f-4d84-bc45-0029c29bee62.tmp</t>
  </si>
  <si>
    <t>12/26/2019 15:26:26</t>
  </si>
  <si>
    <t>12/26/2019 15:26:48</t>
  </si>
  <si>
    <t>12/26/2019 15:31:54</t>
  </si>
  <si>
    <t>12/26/2019 15:28:19</t>
  </si>
  <si>
    <t>12/26/2019 15:30:31</t>
  </si>
  <si>
    <t>5634d633-a0c7-4f25-b9d8-0e8e6c93ea72.tmp</t>
  </si>
  <si>
    <t>\\acsfs\profiles$\edicarlosdl\Downloads\5634d633-a0c7-4f25-b9d8-0e8e6c93ea72.tmp</t>
  </si>
  <si>
    <t>12/26/2019 15:28:57</t>
  </si>
  <si>
    <t>12/26/2019 15:32:54</t>
  </si>
  <si>
    <t>DRIVERS{fd9a35ca-49fe-11e9-aa2c-248a07783950}.TxR.blf</t>
  </si>
  <si>
    <t>12/26/2019 15:28:58</t>
  </si>
  <si>
    <t>DRIVERS{fd9a35ca-49fe-11e9-aa2c-248a07783950}.TxR.0.regtrans-ms</t>
  </si>
  <si>
    <t>12/26/2019 15:28:27</t>
  </si>
  <si>
    <t>12/26/2019 15:28:31</t>
  </si>
  <si>
    <t>12/26/2019 15:28:32</t>
  </si>
  <si>
    <t>12/26/2019 15:28:33</t>
  </si>
  <si>
    <t>12/26/2019 15:28:36</t>
  </si>
  <si>
    <t>12/26/2019 15:28:37</t>
  </si>
  <si>
    <t>12/26/2019 15:28:38</t>
  </si>
  <si>
    <t>12/26/2019 15:28:39</t>
  </si>
  <si>
    <t>12/26/2019 15:28:43</t>
  </si>
  <si>
    <t>12/26/2019 15:28:45</t>
  </si>
  <si>
    <t>12/26/2019 15:28:46</t>
  </si>
  <si>
    <t>12/26/2019 15:28:48</t>
  </si>
  <si>
    <t>12/26/2019 15:28:50</t>
  </si>
  <si>
    <t>12/26/2019 15:28:51</t>
  </si>
  <si>
    <t>12/26/2019 15:28:53</t>
  </si>
  <si>
    <t>12/26/2019 15:28:56</t>
  </si>
  <si>
    <t>12/26/2019 15:32:17</t>
  </si>
  <si>
    <t>10.200.66.178</t>
  </si>
  <si>
    <t>12/26/2019 15:28:59</t>
  </si>
  <si>
    <t>12/26/2019 15:29:00</t>
  </si>
  <si>
    <t>12/26/2019 15:29:01</t>
  </si>
  <si>
    <t>12/26/2019 15:29:03</t>
  </si>
  <si>
    <t>12/26/2019 15:29:04</t>
  </si>
  <si>
    <t>12/26/2019 15:29:05</t>
  </si>
  <si>
    <t>12/26/2019 15:29:07</t>
  </si>
  <si>
    <t>12/26/2019 15:29:08</t>
  </si>
  <si>
    <t>12/26/2019 15:29:09</t>
  </si>
  <si>
    <t>12/26/2019 15:29:11</t>
  </si>
  <si>
    <t>12/26/2019 15:29:13</t>
  </si>
  <si>
    <t>12/26/2019 15:29:14</t>
  </si>
  <si>
    <t>12/26/2019 15:29:16</t>
  </si>
  <si>
    <t>12/26/2019 15:29:17</t>
  </si>
  <si>
    <t>12/26/2019 15:29:18</t>
  </si>
  <si>
    <t>12/26/2019 15:29:19</t>
  </si>
  <si>
    <t>12/26/2019 15:29:20</t>
  </si>
  <si>
    <t>12/26/2019 15:29:22</t>
  </si>
  <si>
    <t>12/26/2019 15:29:41</t>
  </si>
  <si>
    <t>12/26/2019 15:31:55</t>
  </si>
  <si>
    <t>12/26/2019 15:33:54</t>
  </si>
  <si>
    <t>12/26/2019 15:32:14</t>
  </si>
  <si>
    <t>12/26/2019 15:30:02</t>
  </si>
  <si>
    <t>12/26/2019 15:34:54</t>
  </si>
  <si>
    <t>12/26/2019 15:30:45</t>
  </si>
  <si>
    <t>12/26/2019 15:31:48</t>
  </si>
  <si>
    <t>12/26/2019 15:32:16</t>
  </si>
  <si>
    <t>12/26/2019 15:35:53</t>
  </si>
  <si>
    <t>22038 - UDI - WHIRLPOOL - SERV KITCHENAID N1 JANEIRO.xlsx</t>
  </si>
  <si>
    <t>12/26/2019 15:32:32</t>
  </si>
  <si>
    <t>12/26/2019 15:31:04</t>
  </si>
  <si>
    <t>12/26/2019 15:31:10</t>
  </si>
  <si>
    <t>12/26/2019 15:31:21</t>
  </si>
  <si>
    <t>12/26/2019 15:31:34</t>
  </si>
  <si>
    <t>12/26/2019 15:31:36</t>
  </si>
  <si>
    <t>12/26/2019 15:31:38</t>
  </si>
  <si>
    <t>12/26/2019 15:32:00</t>
  </si>
  <si>
    <t>12/26/2019 15:32:03</t>
  </si>
  <si>
    <t>12/26/2019 15:32:06</t>
  </si>
  <si>
    <t>12/26/2019 15:32:08</t>
  </si>
  <si>
    <t>12/26/2019 15:33:44</t>
  </si>
  <si>
    <t>12/26/2019 15:34:14</t>
  </si>
  <si>
    <t>12/26/2019 15:34:44</t>
  </si>
  <si>
    <t>12/26/2019 15:33:11</t>
  </si>
  <si>
    <t>12/26/2019 15:36:53</t>
  </si>
  <si>
    <t>Bruna Assunção Rosa_1_6769173568760647867_1_32.wav</t>
  </si>
  <si>
    <t>\\acsfs\Deptos\EDUCACAO EMPRESARIAL\FERNANDA MONIT\Ligação para Mutant terceiro Ciclo\Bruna Assunção Rosa_1_6769173568760647867_1_32.wav</t>
  </si>
  <si>
    <t>12/26/2019 15:34:34</t>
  </si>
  <si>
    <t>ENC: Aproveitamento Trilha SGI</t>
  </si>
  <si>
    <t>12/26/2019 15:33:46</t>
  </si>
  <si>
    <t>\\acsfs\DEPTOS\Operacao\Banco_Votorantim\Qualidade\Anderson\Jose\Atualizado\D98FFCE9.tmp\</t>
  </si>
  <si>
    <t>\\acsfs\DEPTOS\Operacao\Banco_Votorantim\Qualidade\Anderson\Jose\Atualizado\D98FFCE9.tmp\:Zone.Identifier:$DATA</t>
  </si>
  <si>
    <t>12/26/2019 15:33:47</t>
  </si>
  <si>
    <t>12/26/2019 15:32:19</t>
  </si>
  <si>
    <t>12/26/2019 15:33:05</t>
  </si>
  <si>
    <t>12/26/2019 15:37:53</t>
  </si>
  <si>
    <t>12/26/2019 15:34:43</t>
  </si>
  <si>
    <t>12/26/2019 15:37:37</t>
  </si>
  <si>
    <t>12/26/2019 15:34:37</t>
  </si>
  <si>
    <t>4f5504cd-5453-4b93-9f5f-39e2d604e1cb.tmp</t>
  </si>
  <si>
    <t>\\acsfs\profiles$\gabrielafs\Downloads\4f5504cd-5453-4b93-9f5f-39e2d604e1cb.tmp</t>
  </si>
  <si>
    <t>12/26/2019 15:35:25</t>
  </si>
  <si>
    <t>12/26/2019 15:38:53</t>
  </si>
  <si>
    <t>12/26/2019 15:33:55</t>
  </si>
  <si>
    <t>12/26/2019 15:37:55</t>
  </si>
  <si>
    <t>12/26/2019 15:37:14</t>
  </si>
  <si>
    <t>47067d20-7e1b-46d9-ad9a-a49dc02a7922.tmp</t>
  </si>
  <si>
    <t>\\acsfs\profiles$\anafsb\Downloads\47067d20-7e1b-46d9-ad9a-a49dc02a7922.tmp</t>
  </si>
  <si>
    <t>12/26/2019 15:33:33</t>
  </si>
  <si>
    <t>12/26/2019 15:33:38</t>
  </si>
  <si>
    <t>12/26/2019 15:34:01</t>
  </si>
  <si>
    <t>12/26/2019 15:34:06</t>
  </si>
  <si>
    <t>12/26/2019 15:34:11</t>
  </si>
  <si>
    <t>mail.google.com/sync/u/0/i/s?hl=pt-BR&amp;c=286</t>
  </si>
  <si>
    <t>12/26/2019 15:34:18</t>
  </si>
  <si>
    <t>mail.google.com/sync/u/0/i/s?hl=pt-BR&amp;c=288</t>
  </si>
  <si>
    <t>12/26/2019 15:34:29</t>
  </si>
  <si>
    <t>12/26/2019 15:34:41</t>
  </si>
  <si>
    <t>100035125381406;joaogvc@algartech.com;josiascdsj@algartech.com;karinefg@algartech.com;marianadjc@algartech.com;rafaelggs@algartech.com;taysdss@algartech.com;viniciussg@algartech.com;</t>
  </si>
  <si>
    <t>100035125381406,joaogvc@algartech.com,josiascdsj@algartech.com,karinefg@algartech.com,marianadjc@algartech.com,rafaelggs@algartech.com,taysdss@algartech.com,viniciussg@algartech.com</t>
  </si>
  <si>
    <t>12/26/2019 15:34:42</t>
  </si>
  <si>
    <t>12/26/2019 15:37:35</t>
  </si>
  <si>
    <t>12/26/2019 15:36:02</t>
  </si>
  <si>
    <t>12/26/2019 15:39:54</t>
  </si>
  <si>
    <t>12/26/2019 15:35:48</t>
  </si>
  <si>
    <t>12/26/2019 15:40:53</t>
  </si>
  <si>
    <t>12/26/2019 15:36:20</t>
  </si>
  <si>
    <t>12/26/2019 15:38:44</t>
  </si>
  <si>
    <t>12/26/2019 15:37:33</t>
  </si>
  <si>
    <t>237a05c7-4606-4952-97ea-719f0092dca6.tmp</t>
  </si>
  <si>
    <t>\\acsfs\profiles$\alinepp\Downloads\237a05c7-4606-4952-97ea-719f0092dca6.tmp</t>
  </si>
  <si>
    <t>12/26/2019 15:38:14</t>
  </si>
  <si>
    <t>8f910203-1575-4d06-ae6b-f964385b7f74.tmp</t>
  </si>
  <si>
    <t>\\acsfs\profiles$\alinepp\Downloads\8f910203-1575-4d06-ae6b-f964385b7f74.tmp</t>
  </si>
  <si>
    <t>12/26/2019 15:41:53</t>
  </si>
  <si>
    <t>12/26/2019 15:38:12</t>
  </si>
  <si>
    <t>38cce05b-58c3-4fca-a33b-c6557b191daf.tmp</t>
  </si>
  <si>
    <t>\\acsfs\profiles$\edicarlosdl\Downloads\38cce05b-58c3-4fca-a33b-c6557b191daf.tmp</t>
  </si>
  <si>
    <t>12/26/2019 15:39:32</t>
  </si>
  <si>
    <t>d4478cd4-c865-4b0d-bf90-fa2d6ac4ab04.tmp</t>
  </si>
  <si>
    <t>\\acsfs\profiles$\edicarlosdl\Downloads\d4478cd4-c865-4b0d-bf90-fa2d6ac4ab04.tmp</t>
  </si>
  <si>
    <t>12/26/2019 15:40:31</t>
  </si>
  <si>
    <t>655cfdca-ecce-4dda-8d36-68d83e3061a6.tmp</t>
  </si>
  <si>
    <t>\\acsfs\profiles$\edicarlosdl\Downloads\655cfdca-ecce-4dda-8d36-68d83e3061a6.tmp</t>
  </si>
  <si>
    <t>12/26/2019 15:39:56</t>
  </si>
  <si>
    <t>12/26/2019 15:43:53</t>
  </si>
  <si>
    <t>12/26/2019 15:42:02</t>
  </si>
  <si>
    <t>12/26/2019 15:44:53</t>
  </si>
  <si>
    <t>12/26/2019 15:44:03</t>
  </si>
  <si>
    <t>12/26/2019 15:40:29</t>
  </si>
  <si>
    <t>12/26/2019 15:45:53</t>
  </si>
  <si>
    <t>lu5240jw97.tmp</t>
  </si>
  <si>
    <t>\\acsfs\DEPTOS\Operacao\Banco_Votorantim\Supervisao\SUPERS BV CARTÕES\ANA VITORIA\APOIO\lu5240jw97.tmp</t>
  </si>
  <si>
    <t>\\acsfs\DEPTOS\Operacao\Banco_Votorantim\Supervisao\SUPERS BV CARTÕES\ANA VITORIA\APOIO\lu5240jw97.tmp\</t>
  </si>
  <si>
    <t>\\acsfs\DEPTOS\Operacao\Banco_Votorantim\Supervisao\SUPERS BV CARTÕES\ANA VITORIA\APOIO\lu5240jw97.tmp\META-INF\</t>
  </si>
  <si>
    <t>\\acsfs\DEPTOS\Operacao\Banco_Votorantim\Supervisao\SUPERS BV CARTÕES\ANA VITORIA\APOIO\lu5240jw97.tmp\Thumbnails\</t>
  </si>
  <si>
    <t>12/26/2019 15:44:06</t>
  </si>
  <si>
    <t>12/26/2019 15:41:15</t>
  </si>
  <si>
    <t>12/26/2019 15:42:14</t>
  </si>
  <si>
    <t>12/26/2019 15:46:53</t>
  </si>
  <si>
    <t>29404cb8-b91f-4ef8-8990-a46f924ace59.tmp</t>
  </si>
  <si>
    <t>\\acsfs\profiles$\quindaizaagds\Downloads\29404cb8-b91f-4ef8-8990-a46f924ace59.tmp</t>
  </si>
  <si>
    <t>12/26/2019 15:42:22</t>
  </si>
  <si>
    <t>4c4d6ac2-d2d5-4bbb-9ad2-f0799b480c43.tmp</t>
  </si>
  <si>
    <t>\\acsfs\profiles$\quindaizaagds\Downloads\4c4d6ac2-d2d5-4bbb-9ad2-f0799b480c43.tmp</t>
  </si>
  <si>
    <t>12/26/2019 15:42:23</t>
  </si>
  <si>
    <t>65c11cd0-89cb-4274-a6f3-92488d67cc20.tmp</t>
  </si>
  <si>
    <t>\\acsfs\profiles$\quindaizaagds\Downloads\65c11cd0-89cb-4274-a6f3-92488d67cc20.tmp</t>
  </si>
  <si>
    <t>12/26/2019 15:41:08</t>
  </si>
  <si>
    <t>31798d8e-a930-4bc9-82b2-3d56587e4676.tmp</t>
  </si>
  <si>
    <t>\\acsfs\profiles$\laurandos\Downloads\31798d8e-a930-4bc9-82b2-3d56587e4676.tmp</t>
  </si>
  <si>
    <t>12/26/2019 15:44:04</t>
  </si>
  <si>
    <t>12/26/2019 15:42:09</t>
  </si>
  <si>
    <t>https://udpmailboxap01.acs.com.br:8443/h/search?si=0&amp;so=0&amp;sc=53916&amp;sfi=2&amp;st=conversation&amp;action=compose</t>
  </si>
  <si>
    <t>12/26/2019 15:43:01</t>
  </si>
  <si>
    <t>12/26/2019 15:47:53</t>
  </si>
  <si>
    <t>c:\users\marianacgs\downloads\</t>
  </si>
  <si>
    <t>advertênica - falta injustificada (1).doc</t>
  </si>
  <si>
    <t>12/26/2019 15:44:33</t>
  </si>
  <si>
    <t>12/26/2019 15:48:53</t>
  </si>
  <si>
    <t>XLOG_ellencds_26122019_080301.log</t>
  </si>
  <si>
    <t>\\acsfs\profiles$\ellencds\My Documents\xworkcenter\logs\XLOG_ellencds_26122019_080301.log</t>
  </si>
  <si>
    <t>12/26/2019 15:47:28</t>
  </si>
  <si>
    <t>lu456204qcqp1.tmp</t>
  </si>
  <si>
    <t>\\acsfs\profiles$\jonatanls\My Documents\lu456204qcqp1.tmp</t>
  </si>
  <si>
    <t>12/26/2019 15:47:41</t>
  </si>
  <si>
    <t>12/26/2019 15:43:55</t>
  </si>
  <si>
    <t>12/26/2019 15:45:55</t>
  </si>
  <si>
    <t>12/26/2019 15:43:50</t>
  </si>
  <si>
    <t>12/26/2019 15:44:21</t>
  </si>
  <si>
    <t>12/26/2019 15:45:14</t>
  </si>
  <si>
    <t>12/26/2019 15:45:47</t>
  </si>
  <si>
    <t>12/26/2019 15:48:02</t>
  </si>
  <si>
    <t>12/26/2019 15:49:53</t>
  </si>
  <si>
    <t>12/26/2019 15:48:03</t>
  </si>
  <si>
    <t>12/26/2019 15:48:29</t>
  </si>
  <si>
    <t>12/26/2019 15:50:53</t>
  </si>
  <si>
    <t>f97ec5bd-068d-40ec-9f3c-80af95f23acf.tmp</t>
  </si>
  <si>
    <t>\\acsfs\profiles$\brunalas\Downloads\f97ec5bd-068d-40ec-9f3c-80af95f23acf.tmp</t>
  </si>
  <si>
    <t>12/26/2019 15:45:03</t>
  </si>
  <si>
    <t>flaviacdst</t>
  </si>
  <si>
    <t>\\acsfs\profiles$\flaviacdst\Favorites\NetScaler Gateway.url\</t>
  </si>
  <si>
    <t>\\acsfs\profiles$\flaviacdst\Favorites\NetScaler Gateway.url\:favicon:$DATA</t>
  </si>
  <si>
    <t>\\acsfs\profiles$\flaviacdst\Favorites\</t>
  </si>
  <si>
    <t>\\acsfs\profiles$\flaviacdst\Favorites\NetScaler Gateway.url</t>
  </si>
  <si>
    <t>12/26/2019 15:45:44</t>
  </si>
  <si>
    <t>069b2ca5-9847-419b-9a35-2f61424b1ac3.tmp</t>
  </si>
  <si>
    <t>\\acsfs\profiles$\fabianobmf\Downloads\069b2ca5-9847-419b-9a35-2f61424b1ac3.tmp</t>
  </si>
  <si>
    <t>12/26/2019 15:48:33</t>
  </si>
  <si>
    <t>12/26/2019 15:48:37</t>
  </si>
  <si>
    <t>12/26/2019 15:46:15</t>
  </si>
  <si>
    <t>12/26/2019 15:46:45</t>
  </si>
  <si>
    <t>12/26/2019 15:47:15</t>
  </si>
  <si>
    <t>12/26/2019 15:47:45</t>
  </si>
  <si>
    <t>12/26/2019 15:50:15</t>
  </si>
  <si>
    <t>12/26/2019 15:47:29</t>
  </si>
  <si>
    <t>12/26/2019 15:51:54</t>
  </si>
  <si>
    <t>myllenardl</t>
  </si>
  <si>
    <t>\\acsfs\profiles$\myllenardl\Downloads\</t>
  </si>
  <si>
    <t>bd08e38c-25eb-40b9-a97c-dbfb655fc262.tmp</t>
  </si>
  <si>
    <t>\\acsfs\profiles$\myllenardl\Downloads\bd08e38c-25eb-40b9-a97c-dbfb655fc262.tmp</t>
  </si>
  <si>
    <t>12/26/2019 15:48:23</t>
  </si>
  <si>
    <t>146b1740-ea30-402c-a892-07948eb12f7f.tmp</t>
  </si>
  <si>
    <t>\\acsfs\profiles$\myllenardl\Downloads\146b1740-ea30-402c-a892-07948eb12f7f.tmp</t>
  </si>
  <si>
    <t>12/26/2019 15:48:57</t>
  </si>
  <si>
    <t>\\acsfs\profiles$\edicarlosdl\My Documents\.~lock.ATIVO 20.12.2019.ods#</t>
  </si>
  <si>
    <t>12/26/2019 15:47:37</t>
  </si>
  <si>
    <t>12/26/2019 15:52:53</t>
  </si>
  <si>
    <t>12/26/2019 15:50:20</t>
  </si>
  <si>
    <t>7d17dc48-97d7-494d-9c0d-f49bc2d6cfcd.tmp</t>
  </si>
  <si>
    <t>\\acsfs\profiles$\layonmof\Downloads\7d17dc48-97d7-494d-9c0d-f49bc2d6cfcd.tmp</t>
  </si>
  <si>
    <t>12/26/2019 15:49:55</t>
  </si>
  <si>
    <t>12/26/2019 15:53:54</t>
  </si>
  <si>
    <t>12/26/2019 15:51:55</t>
  </si>
  <si>
    <t>12/26/2019 15:49:46</t>
  </si>
  <si>
    <t>12/26/2019 15:49:47</t>
  </si>
  <si>
    <t>lu45281304n4.tmp</t>
  </si>
  <si>
    <t>\\acsfs\profiles$\VIVIANALDS\My Documents\lu45281304n4.tmp</t>
  </si>
  <si>
    <t>\\acsfs\profiles$\VIVIANALDS\My Documents\lu45281304n4.tmp\</t>
  </si>
  <si>
    <t>\\acsfs\profiles$\VIVIANALDS\My Documents\lu45281304n4.tmp\META-INF\</t>
  </si>
  <si>
    <t>\\acsfs\profiles$\VIVIANALDS\My Documents\lu45281304n4.tmp\Thumbnails\</t>
  </si>
  <si>
    <t>12/26/2019 15:49:49</t>
  </si>
  <si>
    <t>12/26/2019 15:49:50</t>
  </si>
  <si>
    <t>lu45281304n8.tmp</t>
  </si>
  <si>
    <t>\\acsfs\profiles$\VIVIANALDS\My Documents\lu45281304n8.tmp</t>
  </si>
  <si>
    <t>\\acsfs\profiles$\VIVIANALDS\My Documents\lu45281304n8.tmp\</t>
  </si>
  <si>
    <t>\\acsfs\profiles$\VIVIANALDS\My Documents\lu45281304n8.tmp\META-INF\</t>
  </si>
  <si>
    <t>\\acsfs\profiles$\VIVIANALDS\My Documents\lu45281304n8.tmp\Thumbnails\</t>
  </si>
  <si>
    <t>12/26/2019 15:52:17</t>
  </si>
  <si>
    <t>12/26/2019 15:50:45</t>
  </si>
  <si>
    <t>12/26/2019 15:55:53</t>
  </si>
  <si>
    <t>12/26/2019 15:51:15</t>
  </si>
  <si>
    <t>12/26/2019 15:51:52</t>
  </si>
  <si>
    <t>https://udpmailboxap01.acs.com.br:8443/h/search?si=0&amp;so=0&amp;sc=53941&amp;st=conversation&amp;action=compose</t>
  </si>
  <si>
    <t>12/26/2019 15:52:04</t>
  </si>
  <si>
    <t>12/26/2019 15:53:45</t>
  </si>
  <si>
    <t>12/26/2019 15:53:46</t>
  </si>
  <si>
    <t>12/26/2019 15:55:07</t>
  </si>
  <si>
    <t>12/26/2019 15:53:40</t>
  </si>
  <si>
    <t>12/26/2019 15:56:54</t>
  </si>
  <si>
    <t>\\acsfs\profiles$\marcelacdss\My Documents\ATENDIMENTOS\</t>
  </si>
  <si>
    <t>ATENDIMENTO.txt</t>
  </si>
  <si>
    <t>\\acsfs\profiles$\marcelacdss\My Documents\ATENDIMENTOS\ATENDIMENTO.txt</t>
  </si>
  <si>
    <t>12/26/2019 15:57:54</t>
  </si>
  <si>
    <t>12/26/2019 15:54:08</t>
  </si>
  <si>
    <t>12/26/2019 15:53:29</t>
  </si>
  <si>
    <t>andrelpsa@algartech.com;fabianacscg@algartech.com;harunams@algartech.com;luizffn@algartech.com;mirianppb@algartech.com;taysdss@algartech.com;</t>
  </si>
  <si>
    <t>andrelpsa@algartech.com,fabianacscg@algartech.com,harunams@algartech.com,luizffn@algartech.com,mirianppb@algartech.com,taysdss@algartech.com</t>
  </si>
  <si>
    <t>12/26/2019 15:53:32</t>
  </si>
  <si>
    <t>12/26/2019 15:55:55</t>
  </si>
  <si>
    <t>12/26/2019 15:58:54</t>
  </si>
  <si>
    <t>12/26/2019 15:57:56</t>
  </si>
  <si>
    <t>12/26/2019 15:54:52</t>
  </si>
  <si>
    <t>12/26/2019 15:56:12</t>
  </si>
  <si>
    <t>12/26/2019 15:59:54</t>
  </si>
  <si>
    <t>\\acsfs\profiles$\ERICALSR\My Documents\VENDAS.txt</t>
  </si>
  <si>
    <t>12/26/2019 15:54:02</t>
  </si>
  <si>
    <t>12/26/2019 15:54:04</t>
  </si>
  <si>
    <t>12/26/2019 15:56:18</t>
  </si>
  <si>
    <t>7aaa2ff7-bed7-4b24-ad57-e1e080b232d5.tmp</t>
  </si>
  <si>
    <t>\\acsfs\profiles$\victorgl\Downloads\7aaa2ff7-bed7-4b24-ad57-e1e080b232d5.tmp</t>
  </si>
  <si>
    <t>12/26/2019 15:56:14</t>
  </si>
  <si>
    <t>XLOG_marcosvnds_26122019_155601.log</t>
  </si>
  <si>
    <t>\\acsfs\profiles$\marcosvnds\My Documents\xworkcenter\logs\XLOG_marcosvnds_26122019_155601.log</t>
  </si>
  <si>
    <t>12/26/2019 15:56:38</t>
  </si>
  <si>
    <t>788cdf85-64bd-4154-9838-df2980f0441b.tmp</t>
  </si>
  <si>
    <t>\\acsfs\profiles$\marcosvnds\Downloads\788cdf85-64bd-4154-9838-df2980f0441b.tmp</t>
  </si>
  <si>
    <t>12/26/2019 15:56:49</t>
  </si>
  <si>
    <t>12/26/2019 15:57:24</t>
  </si>
  <si>
    <t>0ee7370d-35ad-46c2-a5d8-d97e59c5703d.tmp</t>
  </si>
  <si>
    <t>\\acsfs\profiles$\marcosvnds\Downloads\0ee7370d-35ad-46c2-a5d8-d97e59c5703d.tmp</t>
  </si>
  <si>
    <t>12/26/2019 15:57:53</t>
  </si>
  <si>
    <t>7b76c3c0-a775-4531-a8af-5af2c63712ac.tmp</t>
  </si>
  <si>
    <t>\\acsfs\profiles$\marcosvnds\Downloads\7b76c3c0-a775-4531-a8af-5af2c63712ac.tmp</t>
  </si>
  <si>
    <t>12/26/2019 15:57:14</t>
  </si>
  <si>
    <t>12/26/2019 16:00:53</t>
  </si>
  <si>
    <t>12/26/2019 15:57:49</t>
  </si>
  <si>
    <t>12/26/2019 15:57:45</t>
  </si>
  <si>
    <t>12/26/2019 15:58:15</t>
  </si>
  <si>
    <t>12/26/2019 16:00:16</t>
  </si>
  <si>
    <t>12/26/2019 16:00:07</t>
  </si>
  <si>
    <t>a73552d5-f41e-42d6-97cc-a3278fd30baf.tmp</t>
  </si>
  <si>
    <t>\\acsfs\profiles$\wedersonbadr\My Documents\My Music\a73552d5-f41e-42d6-97cc-a3278fd30baf.tmp</t>
  </si>
  <si>
    <t>12/26/2019 15:56:03</t>
  </si>
  <si>
    <t>82b5d24f-730b-4798-b009-eb454885dd56.tmp</t>
  </si>
  <si>
    <t>\\acsfs\profiles$\andreapdsg\Downloads\82b5d24f-730b-4798-b009-eb454885dd56.tmp</t>
  </si>
  <si>
    <t>12/26/2019 15:57:30</t>
  </si>
  <si>
    <t>12/26/2019 16:01:54</t>
  </si>
  <si>
    <t>anapscl@algartech.com;</t>
  </si>
  <si>
    <t>\\acsfs\DEPTOS\Operacao\PCP\5 - Comum\ACOMPANHAMENTO AMEX\10- Acompanhamento PF\BACKOFFICE PF\04-CONTROLES INTERNOS\04 - PAINEL IMPRODUTIVIDADE\2019\09 - Setembro\</t>
  </si>
  <si>
    <t>Painel de Improdutividade - Controles Internos - Setembro - Fechamento.xlsx</t>
  </si>
  <si>
    <t>anapscl@algartech.com</t>
  </si>
  <si>
    <t>12/26/2019 15:59:37</t>
  </si>
  <si>
    <t>\\acsfs\DEPTOS\Operacao\Banco_Votorantim\Qualidade\Anderson\Jose\Atualizado\E34C8B9B.tmp\</t>
  </si>
  <si>
    <t>\\acsfs\DEPTOS\Operacao\Banco_Votorantim\Qualidade\Anderson\Jose\Atualizado\E34C8B9B.tmp\:Zone.Identifier:$DATA</t>
  </si>
  <si>
    <t>12/26/2019 15:59:38</t>
  </si>
  <si>
    <t>12/26/2019 16:01:19</t>
  </si>
  <si>
    <t>Relatorio de Vendas - Auditoria BV Cartoes (Dezembro)_NOVO.xlsx</t>
  </si>
  <si>
    <t>\\acsfs\DEPTOS\Operacao\Banco_Votorantim\Qualidade\Anderson\Jose\Atualizado\Relatorio de Vendas - Auditoria BV Cartoes (Dezembro)_NOVO.xlsx</t>
  </si>
  <si>
    <t>12/26/2019 16:02:53</t>
  </si>
  <si>
    <t>12/26/2019 16:00:46</t>
  </si>
  <si>
    <t>12/26/2019 16:00:36</t>
  </si>
  <si>
    <t>12/26/2019 16:03:54</t>
  </si>
  <si>
    <t>59d6f19a-7552-483d-a3ed-004db72ec166.tmp</t>
  </si>
  <si>
    <t>\\acsfs\profiles$\marcosvnds\Downloads\59d6f19a-7552-483d-a3ed-004db72ec166.tmp</t>
  </si>
  <si>
    <t>12/26/2019 16:00:41</t>
  </si>
  <si>
    <t>efcb79e8-5254-4dc9-b02d-f15b171884a3.tmp</t>
  </si>
  <si>
    <t>\\acsfs\profiles$\marcosvnds\Downloads\efcb79e8-5254-4dc9-b02d-f15b171884a3.tmp</t>
  </si>
  <si>
    <t>12/26/2019 16:01:16</t>
  </si>
  <si>
    <t>d54dfd3e-4946-4da5-8835-c18b39a1a220.tmp</t>
  </si>
  <si>
    <t>\\acsfs\profiles$\marcosvnds\Downloads\d54dfd3e-4946-4da5-8835-c18b39a1a220.tmp</t>
  </si>
  <si>
    <t>12/26/2019 16:01:24</t>
  </si>
  <si>
    <t>86d69e36-f755-4cb0-8023-e94c29e78b59.tmp</t>
  </si>
  <si>
    <t>\\acsfs\profiles$\marcosvnds\Downloads\86d69e36-f755-4cb0-8023-e94c29e78b59.tmp</t>
  </si>
  <si>
    <t>12/26/2019 16:01:43</t>
  </si>
  <si>
    <t>e39990cf-e4f8-464d-8b5c-23ad73d40fc6.tmp</t>
  </si>
  <si>
    <t>\\acsfs\profiles$\marcosvnds\Downloads\e39990cf-e4f8-464d-8b5c-23ad73d40fc6.tmp</t>
  </si>
  <si>
    <t>12/26/2019 16:01:55</t>
  </si>
  <si>
    <t>12/26/2019 15:58:21</t>
  </si>
  <si>
    <t>b4de7067-cac6-4065-8849-f0fc8649e054.tmp</t>
  </si>
  <si>
    <t>\\acsfs\profiles$\luanaagl\Downloads\b4de7067-cac6-4065-8849-f0fc8649e054.tmp</t>
  </si>
  <si>
    <t>12/26/2019 15:59:29</t>
  </si>
  <si>
    <t>12/26/2019 15:59:50</t>
  </si>
  <si>
    <t>12/26/2019 16:01:25</t>
  </si>
  <si>
    <t>12/26/2019 16:02:09</t>
  </si>
  <si>
    <t>12/26/2019 16:02:40</t>
  </si>
  <si>
    <t>12/26/2019 16:00:43</t>
  </si>
  <si>
    <t>12/26/2019 16:03:00</t>
  </si>
  <si>
    <t>12/26/2019 16:05:54</t>
  </si>
  <si>
    <t>12/26/2019 16:03:01</t>
  </si>
  <si>
    <t>lu5240jw9c.tmp</t>
  </si>
  <si>
    <t>\\acsfs\DEPTOS\Operacao\Banco_Votorantim\Supervisao\SUPERS BV CARTÕES\ANA VITORIA\APOIO\lu5240jw9c.tmp</t>
  </si>
  <si>
    <t>\\acsfs\DEPTOS\Operacao\Banco_Votorantim\Supervisao\SUPERS BV CARTÕES\ANA VITORIA\APOIO\lu5240jw9c.tmp\</t>
  </si>
  <si>
    <t>\\acsfs\DEPTOS\Operacao\Banco_Votorantim\Supervisao\SUPERS BV CARTÕES\ANA VITORIA\APOIO\lu5240jw9c.tmp\META-INF\</t>
  </si>
  <si>
    <t>\\acsfs\DEPTOS\Operacao\Banco_Votorantim\Supervisao\SUPERS BV CARTÕES\ANA VITORIA\APOIO\lu5240jw9c.tmp\Thumbnails\</t>
  </si>
  <si>
    <t>12/26/2019 16:04:58</t>
  </si>
  <si>
    <t>12/26/2019 16:01:46</t>
  </si>
  <si>
    <t>12/26/2019 16:02:16</t>
  </si>
  <si>
    <t>12/26/2019 16:03:46</t>
  </si>
  <si>
    <t>12/26/2019 16:04:16</t>
  </si>
  <si>
    <t>12/26/2019 16:04:46</t>
  </si>
  <si>
    <t>12/26/2019 16:05:16</t>
  </si>
  <si>
    <t>12/26/2019 16:03:06</t>
  </si>
  <si>
    <t>12/26/2019 16:06:54</t>
  </si>
  <si>
    <t>\\acsfs\DEPTOS\Operacao\Banco_Votorantim\Comum\00 - COMUM - BV CARTÕES\EQUIPE ADILSON\</t>
  </si>
  <si>
    <t>ADERÊNCIA JANEIRO.pdf</t>
  </si>
  <si>
    <t>\\acsfs\DEPTOS\Operacao\Banco_Votorantim\Comum\00 - COMUM - BV CARTÕES\EQUIPE ADILSON\ADERÊNCIA JANEIRO.pdf</t>
  </si>
  <si>
    <t>12/26/2019 16:03:41</t>
  </si>
  <si>
    <t>12/26/2019 16:07:54</t>
  </si>
  <si>
    <t>XLOG_tiagosno_26122019_085715.log</t>
  </si>
  <si>
    <t>\\acsfs\profiles$\tiagosno\My Documents\xworkcenter\logs\XLOG_tiagosno_26122019_085715.log</t>
  </si>
  <si>
    <t>12/26/2019 16:03:39</t>
  </si>
  <si>
    <t>12/26/2019 16:08:54</t>
  </si>
  <si>
    <t>lu289764qsjvs.tmp</t>
  </si>
  <si>
    <t>\\acsfs\profiles$\jonatanls\My Documents\lu289764qsjvs.tmp</t>
  </si>
  <si>
    <t>12/26/2019 16:03:56</t>
  </si>
  <si>
    <t>12/26/2019 16:07:55</t>
  </si>
  <si>
    <t>12/26/2019 16:07:52</t>
  </si>
  <si>
    <t>12/26/2019 16:08:19</t>
  </si>
  <si>
    <t>12/26/2019 16:06:30</t>
  </si>
  <si>
    <t>12/26/2019 16:09:55</t>
  </si>
  <si>
    <t>12/26/2019 16:07:36</t>
  </si>
  <si>
    <t>4ad882b5-3431-4970-81e0-544f914d7877.tmp</t>
  </si>
  <si>
    <t>\\acsfs\profiles$\regisadsa\Downloads\4ad882b5-3431-4970-81e0-544f914d7877.tmp</t>
  </si>
  <si>
    <t>12/26/2019 16:05:45</t>
  </si>
  <si>
    <t>12/26/2019 16:05:34</t>
  </si>
  <si>
    <t>12/26/2019 16:10:54</t>
  </si>
  <si>
    <t>12b98dc2-df87-4797-ba41-63e721f1b417.tmp</t>
  </si>
  <si>
    <t>\\acsfs\profiles$\gabrielamdp\Downloads\12b98dc2-df87-4797-ba41-63e721f1b417.tmp</t>
  </si>
  <si>
    <t>12/26/2019 16:07:16</t>
  </si>
  <si>
    <t>12/26/2019 16:07:17</t>
  </si>
  <si>
    <t>12/26/2019 16:06:31</t>
  </si>
  <si>
    <t>38b02549-eda6-4704-b9d2-e7091df2d3ca.tmp</t>
  </si>
  <si>
    <t>\\acsfs\profiles$\alinepp\Downloads\38b02549-eda6-4704-b9d2-e7091df2d3ca.tmp</t>
  </si>
  <si>
    <t>12/26/2019 16:10:58</t>
  </si>
  <si>
    <t>12/26/2019 16:11:55</t>
  </si>
  <si>
    <t>12/26/2019 16:08:16</t>
  </si>
  <si>
    <t>4492756a-abe6-4ee7-b3db-8f72650b8676.tmp</t>
  </si>
  <si>
    <t>\\acsfs\profiles$\larissaad\Downloads\4492756a-abe6-4ee7-b3db-8f72650b8676.tmp</t>
  </si>
  <si>
    <t>12/26/2019 16:07:22</t>
  </si>
  <si>
    <t>12/26/2019 16:11:02</t>
  </si>
  <si>
    <t>12/26/2019 16:09:35</t>
  </si>
  <si>
    <t>mail.google.com/_/upload?authuser=0&amp;dcp=asu-n&amp;upload_id=AEnB2UoJy7xias7d75Hheu_bz9IESLSQuQYDqL-1n_2tyzsZQWIw9Q0CUe3_0xXXKtY36wTl81-NF_Nn3_sn0AyqXdtGgwWFXg&amp;upload_protocol=resumable</t>
  </si>
  <si>
    <t>BPP enviar grazi.xls</t>
  </si>
  <si>
    <t>12/26/2019 16:08:36</t>
  </si>
  <si>
    <t>a49d41c6-2636-4355-a27a-86018e7a7c50.tmp</t>
  </si>
  <si>
    <t>\\acsfs\profiles$\deborahsi\Downloads\a49d41c6-2636-4355-a27a-86018e7a7c50.tmp</t>
  </si>
  <si>
    <t>12/26/2019 16:12:54</t>
  </si>
  <si>
    <t>12/26/2019 16:13:54</t>
  </si>
  <si>
    <t>12/26/2019 16:10:08</t>
  </si>
  <si>
    <t>089b9dab-af0c-43ea-96dc-05b44ad49624.tmp</t>
  </si>
  <si>
    <t>\\acsfs\profiles$\luanaagl\Downloads\089b9dab-af0c-43ea-96dc-05b44ad49624.tmp</t>
  </si>
  <si>
    <t>12/26/2019 16:08:42</t>
  </si>
  <si>
    <t>12/26/2019 16:09:02</t>
  </si>
  <si>
    <t>12/26/2019 16:09:23</t>
  </si>
  <si>
    <t>12/26/2019 16:10:49</t>
  </si>
  <si>
    <t>12/26/2019 16:14:55</t>
  </si>
  <si>
    <t>855ebb74-7806-4442-a393-93bde67a17c1.tmp</t>
  </si>
  <si>
    <t>\\acsfs\profiles$\victorgl\Downloads\855ebb74-7806-4442-a393-93bde67a17c1.tmp</t>
  </si>
  <si>
    <t>12/26/2019 16:12:59</t>
  </si>
  <si>
    <t>12/26/2019 16:15:54</t>
  </si>
  <si>
    <t>3d259461-20fb-4d46-9aa2-ae2c2c4c911c.tmp</t>
  </si>
  <si>
    <t>\\acsfs\profiles$\brunalas\Downloads\3d259461-20fb-4d46-9aa2-ae2c2c4c911c.tmp</t>
  </si>
  <si>
    <t>12/26/2019 16:10:38</t>
  </si>
  <si>
    <t>12/26/2019 16:11:41</t>
  </si>
  <si>
    <t>12/26/2019 16:12:47</t>
  </si>
  <si>
    <t>12/26/2019 16:13:27</t>
  </si>
  <si>
    <t>12/26/2019 16:16:55</t>
  </si>
  <si>
    <t>12/26/2019 16:11:51</t>
  </si>
  <si>
    <t>C:\Users\robsonams\Desktop\COACHING\COACHING - DEZEMBRO\</t>
  </si>
  <si>
    <t>NPS CHAT.xlsb</t>
  </si>
  <si>
    <t>\\acsfs\deptos\Operacao\Banco_Votorantim\Supervisao\CAMILLA LIMA RODRIGUES\NPS CHAT.xlsb</t>
  </si>
  <si>
    <t>12/26/2019 16:14:54</t>
  </si>
  <si>
    <t>a991316b-93ab-4f2d-9310-3047c6456eda.tmp</t>
  </si>
  <si>
    <t>\\acsfs\profiles$\deborahsi\Downloads\a991316b-93ab-4f2d-9310-3047c6456eda.tmp</t>
  </si>
  <si>
    <t>12/26/2019 16:16:32</t>
  </si>
  <si>
    <t>d664c4f9-2d0b-4ecb-8223-b6d0a7bea1c1.tmp</t>
  </si>
  <si>
    <t>\\acsfs\profiles$\deborahsi\Downloads\d664c4f9-2d0b-4ecb-8223-b6d0a7bea1c1.tmp</t>
  </si>
  <si>
    <t>12/26/2019 16:16:30</t>
  </si>
  <si>
    <t>12/26/2019 16:17:54</t>
  </si>
  <si>
    <t>12/26/2019 16:14:21</t>
  </si>
  <si>
    <t>12/26/2019 16:14:15</t>
  </si>
  <si>
    <t>12/26/2019 16:18:55</t>
  </si>
  <si>
    <t>d68f76e2-5c25-4939-9ddb-ca9a4f7786ff.tmp</t>
  </si>
  <si>
    <t>\\acsfs\profiles$\higorss\Downloads\d68f76e2-5c25-4939-9ddb-ca9a4f7786ff.tmp</t>
  </si>
  <si>
    <t>12/26/2019 16:13:55</t>
  </si>
  <si>
    <t>12/26/2019 16:15:55</t>
  </si>
  <si>
    <t>12/26/2019 16:16:33</t>
  </si>
  <si>
    <t>https://joaogvc@algartech.com,leonardoao@algartech.com,marianadjc@algartech.com,rafaelggs@algartech.com,taysdss@algartech.com,thiagordu@algartech.com,viniciussg@algartech.com</t>
  </si>
  <si>
    <t>12/26/2019 16:15:18</t>
  </si>
  <si>
    <t>12/26/2019 16:19:54</t>
  </si>
  <si>
    <t>12/26/2019 16:17:51</t>
  </si>
  <si>
    <t>12/26/2019 16:20:54</t>
  </si>
  <si>
    <t>0873ad34-dfff-47c0-815d-bd64b607425e.tmp</t>
  </si>
  <si>
    <t>\\acsfs\profiles$\brunalas\Downloads\0873ad34-dfff-47c0-815d-bd64b607425e.tmp</t>
  </si>
  <si>
    <t>12/26/2019 16:18:05</t>
  </si>
  <si>
    <t>cfde40a7-af40-4702-a906-0c497520ace6.tmp</t>
  </si>
  <si>
    <t>\\acsfs\profiles$\brunalas\Downloads\cfde40a7-af40-4702-a906-0c497520ace6.tmp</t>
  </si>
  <si>
    <t>12/26/2019 16:17:30</t>
  </si>
  <si>
    <t>12/26/2019 16:18:43</t>
  </si>
  <si>
    <t>d183a7bb-b6b3-410d-931a-28badf42ce5d.tmp</t>
  </si>
  <si>
    <t>\\acsfs\profiles$\alinepp\Downloads\d183a7bb-b6b3-410d-931a-28badf42ce5d.tmp</t>
  </si>
  <si>
    <t>12/26/2019 16:17:25</t>
  </si>
  <si>
    <t>12/26/2019 16:21:55</t>
  </si>
  <si>
    <t>9f24bba6-d93a-4099-b008-74432cd7ee19.tmp</t>
  </si>
  <si>
    <t>\\acsfs\profiles$\geovannasm\Downloads\9f24bba6-d93a-4099-b008-74432cd7ee19.tmp</t>
  </si>
  <si>
    <t>12/26/2019 16:18:09</t>
  </si>
  <si>
    <t>b48126f5-f950-40da-99e2-f244291f0912.tmp</t>
  </si>
  <si>
    <t>\\acsfs\profiles$\geovannasm\Downloads\b48126f5-f950-40da-99e2-f244291f0912.tmp</t>
  </si>
  <si>
    <t>12/26/2019 16:20:41</t>
  </si>
  <si>
    <t>12/26/2019 16:22:54</t>
  </si>
  <si>
    <t>mail.google.com/_/upload?authuser=0&amp;dcp=asu-n&amp;upload_id=AEnB2UoPBd0zuVmiZVEN9i1ZxUVSxO4ME1m899JLAw0V_VOt-GTadmqHFN4TsL-xI_UI1fNC3WPXzgkdraJ2X9MOA71dCweEsA&amp;upload_protocol=resumable</t>
  </si>
  <si>
    <t>anapse@algartech.com;andremds@algartech.com;aparecidamb@algartech.com;brunocss@algartech.com;camilang@algartech.com;delair.silva@caixaseguradora.com.br;gabriela.harben@caixaseguradora.com.br;juliana.seixas@caixaseguradora.com.br;marilia.araujo@caixaseguradora.com.br;mariliafsc@algartech.com;viniciusmgv@algartech.com;</t>
  </si>
  <si>
    <t>\\acsfs\deptos\Operacao\CAIXA\Gerencia\IRIS LOPES\2019\Dezembro\</t>
  </si>
  <si>
    <t>Modelo Atuação Pilotos_PA's por ação vs4.xlsx</t>
  </si>
  <si>
    <t>anapse@algartech.com,andremds@algartech.com,aparecidamb@algartech.com,brunocss@algartech.com,camilang@algartech.com,delair.silva@caixaseguradora.com.br,gabriela.harben@caixaseguradora.com.br,juliana.seixas@caixaseguradora.com.br,marilia.araujo@caixaseguradora.com.br,mariliafsc@algartech.com,viniciusmgv@algartech.com</t>
  </si>
  <si>
    <t>12/26/2019 16:19:44</t>
  </si>
  <si>
    <t>12/26/2019 16:20:12</t>
  </si>
  <si>
    <t>12/26/2019 16:20:36</t>
  </si>
  <si>
    <t>12/26/2019 16:20:45</t>
  </si>
  <si>
    <t>12/26/2019 16:20:55</t>
  </si>
  <si>
    <t>12/26/2019 16:21:08</t>
  </si>
  <si>
    <t>12/26/2019 16:19:25</t>
  </si>
  <si>
    <t>12/26/2019 16:23:54</t>
  </si>
  <si>
    <t>7081656b-efc0-47f1-8352-c46c007edb9c.tmp</t>
  </si>
  <si>
    <t>\\acsfs\profiles$\vivianibfs\Downloads\7081656b-efc0-47f1-8352-c46c007edb9c.tmp</t>
  </si>
  <si>
    <t>12/26/2019 16:22:52</t>
  </si>
  <si>
    <t>12/26/2019 16:19:56</t>
  </si>
  <si>
    <t>12/26/2019 16:21:56</t>
  </si>
  <si>
    <t>12/26/2019 16:23:49</t>
  </si>
  <si>
    <t>12/26/2019 16:25:55</t>
  </si>
  <si>
    <t>10.200.66.21</t>
  </si>
  <si>
    <t>74-86-7A-FB-1B-1E</t>
  </si>
  <si>
    <t>VOTORANT-OB003</t>
  </si>
  <si>
    <t>C:\Users\flaviacno\AppData\Roaming\Adobe\LogTransport2\Logs\</t>
  </si>
  <si>
    <t>ulog_AcroARM2_Reader_3b8210f9-3618-47e4-b9cc-5aaaba62831a_42fd2002-43ad-424b-af14-860402d9cb98_0.log</t>
  </si>
  <si>
    <t>C:\Users\flaviacno\AppData\Roaming\Adobe\LogTransport2\Logs\ulog_AcroARM2_Reader_3b8210f9-3618-47e4-b9cc-5aaaba62831a_42fd2002-43ad-424b-af14-860402d9cb98_0.log\</t>
  </si>
  <si>
    <t>ulog_Acrobat12_Reader_3b8210f9-3618-47e4-b9cc-5aaaba62831a_31e71f32-6138-4b65-a9b2-8bf3439c61d3_0.log</t>
  </si>
  <si>
    <t>C:\Users\flaviacno\AppData\Roaming\Adobe\LogTransport2\Logs\ulog_Acrobat12_Reader_3b8210f9-3618-47e4-b9cc-5aaaba62831a_31e71f32-6138-4b65-a9b2-8bf3439c61d3_0.log\</t>
  </si>
  <si>
    <t>12/26/2019 16:21:46</t>
  </si>
  <si>
    <t>12/26/2019 16:26:54</t>
  </si>
  <si>
    <t>12/26/2019 16:21:49</t>
  </si>
  <si>
    <t>c71498d7-7e23-46f0-8d59-1b4ab750210c.tmp</t>
  </si>
  <si>
    <t>\\acsfs\profiles$\matheushds\Downloads\c71498d7-7e23-46f0-8d59-1b4ab750210c.tmp</t>
  </si>
  <si>
    <t>12/26/2019 16:24:02</t>
  </si>
  <si>
    <t>445acc9c-0748-4501-9a65-34ba12ca3f44.tmp</t>
  </si>
  <si>
    <t>\\acsfs\profiles$\matheushds\Downloads\445acc9c-0748-4501-9a65-34ba12ca3f44.tmp</t>
  </si>
  <si>
    <t>12/26/2019 16:25:01</t>
  </si>
  <si>
    <t>12/26/2019 16:27:55</t>
  </si>
  <si>
    <t>12/26/2019 16:25:56</t>
  </si>
  <si>
    <t>12/26/2019 16:28:54</t>
  </si>
  <si>
    <t>12/26/2019 16:27:56</t>
  </si>
  <si>
    <t>12/26/2019 16:26:09</t>
  </si>
  <si>
    <t>12/26/2019 16:26:40</t>
  </si>
  <si>
    <t>12/26/2019 16:26:47</t>
  </si>
  <si>
    <t>12/26/2019 16:28:50</t>
  </si>
  <si>
    <t>12/26/2019 16:30:54</t>
  </si>
  <si>
    <t>12/26/2019 16:29:10</t>
  </si>
  <si>
    <t>12/26/2019 16:25:40</t>
  </si>
  <si>
    <t>flaviacno@algartech.com</t>
  </si>
  <si>
    <t>12/26/2019 16:25:46</t>
  </si>
  <si>
    <t>12/26/2019 16:25:59</t>
  </si>
  <si>
    <t>12/26/2019 16:26:13</t>
  </si>
  <si>
    <t>C:\Users\flaviacno\Downloads\</t>
  </si>
  <si>
    <t>Rayanne 9.jpg</t>
  </si>
  <si>
    <t>Rayanne 8.jpg</t>
  </si>
  <si>
    <t>12/26/2019 16:26:49</t>
  </si>
  <si>
    <t>12/26/2019 16:26:50</t>
  </si>
  <si>
    <t>12/26/2019 16:27:25</t>
  </si>
  <si>
    <t>12/26/2019 16:31:55</t>
  </si>
  <si>
    <t>Relatorio de Vendas - Auditoria BV Cartoes (Dezembro)_Cliente.xlsx</t>
  </si>
  <si>
    <t>\\acsfs\DEPTOS\Operacao\Banco_Votorantim\Qualidade\Anderson\Jose\Atualizado\Relatorio de Vendas - Auditoria BV Cartoes (Dezembro)_Cliente.xlsx</t>
  </si>
  <si>
    <t>12/26/2019 16:29:55</t>
  </si>
  <si>
    <t>RELATORIO 26-12.png</t>
  </si>
  <si>
    <t>\\acsfs\DEPTOS\Operacao\Banco_Votorantim\Qualidade\Anderson\Jose\Atualizado\RELATORIO 26-12.png</t>
  </si>
  <si>
    <t>12/26/2019 16:30:03</t>
  </si>
  <si>
    <t>12/26/2019 16:30:52</t>
  </si>
  <si>
    <t>12/26/2019 16:31:36</t>
  </si>
  <si>
    <t>12/26/2019 16:32:54</t>
  </si>
  <si>
    <t>12/26/2019 16:32:19</t>
  </si>
  <si>
    <t>12/26/2019 16:29:24</t>
  </si>
  <si>
    <t>12/26/2019 16:33:54</t>
  </si>
  <si>
    <t>ed66c637-9790-49a1-9437-b78e803f4d4e.tmp</t>
  </si>
  <si>
    <t>\\acsfs\profiles$\rosileiam\Downloads\ed66c637-9790-49a1-9437-b78e803f4d4e.tmp</t>
  </si>
  <si>
    <t>12/26/2019 16:31:56</t>
  </si>
  <si>
    <t>08da6d68-0fcc-41c0-9f76-2390af9350e4.tmp</t>
  </si>
  <si>
    <t>\\acsfs\profiles$\brendadsl\Downloads\08da6d68-0fcc-41c0-9f76-2390af9350e4.tmp</t>
  </si>
  <si>
    <t>12/26/2019 16:33:24</t>
  </si>
  <si>
    <t>12/26/2019 16:29:46</t>
  </si>
  <si>
    <t>C:\Users\karlosgc\Dropbox\NB-AlgarTech\ITSM\serviceaide\</t>
  </si>
  <si>
    <t>Matriz de Avaliação ITSM 08_08_2019.xlsx</t>
  </si>
  <si>
    <t>12/26/2019 16:33:37</t>
  </si>
  <si>
    <t>12/26/2019 16:35:54</t>
  </si>
  <si>
    <t>12/26/2019 16:33:22</t>
  </si>
  <si>
    <t>12/26/2019 16:34:05</t>
  </si>
  <si>
    <t>e9bb680f-4a11-44a4-8000-8e1628c2f85e.tmp</t>
  </si>
  <si>
    <t>\\acsfs\profiles$\joycemmdl\Downloads\e9bb680f-4a11-44a4-8000-8e1628c2f85e.tmp</t>
  </si>
  <si>
    <t>12/26/2019 16:35:06</t>
  </si>
  <si>
    <t>385f62e1-f358-4cf6-afb6-48b051205a5d.tmp</t>
  </si>
  <si>
    <t>\\acsfs\profiles$\andreapdsg\Downloads\385f62e1-f358-4cf6-afb6-48b051205a5d.tmp</t>
  </si>
  <si>
    <t>12/26/2019 16:34:24</t>
  </si>
  <si>
    <t>12/26/2019 16:36:55</t>
  </si>
  <si>
    <t>Relatorio de Vendas - Auditoria BV Cartoes (Dezembro)_ SUPERVISOR.xlsx</t>
  </si>
  <si>
    <t>\\acsfs\DEPTOS\Operacao\Banco_Votorantim\Qualidade\Anderson\Jose\Atualizado\Relatorio de Vendas - Auditoria BV Cartoes (Dezembro)_ SUPERVISOR.xlsx</t>
  </si>
  <si>
    <t>12/26/2019 16:35:30</t>
  </si>
  <si>
    <t>12/26/2019 16:38:54</t>
  </si>
  <si>
    <t>12/26/2019 16:33:56</t>
  </si>
  <si>
    <t>12/26/2019 16:37:56</t>
  </si>
  <si>
    <t>12/26/2019 16:33:30</t>
  </si>
  <si>
    <t>12/26/2019 16:33:34</t>
  </si>
  <si>
    <t>12/26/2019 16:33:41</t>
  </si>
  <si>
    <t>12/26/2019 16:33:50</t>
  </si>
  <si>
    <t>12/26/2019 16:37:17</t>
  </si>
  <si>
    <t>12/26/2019 16:39:54</t>
  </si>
  <si>
    <t>241e61dd-83cf-47e1-bb12-2859d640fe7a.tmp</t>
  </si>
  <si>
    <t>\\acsfs\profiles$\KARENDSR\Downloads\241e61dd-83cf-47e1-bb12-2859d640fe7a.tmp</t>
  </si>
  <si>
    <t>12/26/2019 16:37:32</t>
  </si>
  <si>
    <t>12/26/2019 16:38:13</t>
  </si>
  <si>
    <t>mail.google.com/sync/u/0/i/s?hl=pt-BR&amp;c=609</t>
  </si>
  <si>
    <t>lu12848wr217.tmp</t>
  </si>
  <si>
    <t>\\acsfs\profiles$\victoriaksr\My Documents\lu12848wr217.tmp</t>
  </si>
  <si>
    <t>12/26/2019 16:39:21</t>
  </si>
  <si>
    <t>12/26/2019 16:39:22</t>
  </si>
  <si>
    <t>lu12848wr21c.tmp</t>
  </si>
  <si>
    <t>\\acsfs\profiles$\victoriaksr\My Documents\lu12848wr21c.tmp</t>
  </si>
  <si>
    <t>12/26/2019 16:36:14</t>
  </si>
  <si>
    <t>d749e29c-4e1b-4d8d-9729-63b605640519.tmp</t>
  </si>
  <si>
    <t>\\acsfs\profiles$\victorgl\Downloads\d749e29c-4e1b-4d8d-9729-63b605640519.tmp</t>
  </si>
  <si>
    <t>12/26/2019 16:36:38</t>
  </si>
  <si>
    <t>33cb4fa6-ad19-49c1-8581-d1c9a990f359.tmp</t>
  </si>
  <si>
    <t>\\acsfs\profiles$\victorgl\Downloads\33cb4fa6-ad19-49c1-8581-d1c9a990f359.tmp</t>
  </si>
  <si>
    <t>12/26/2019 16:39:02</t>
  </si>
  <si>
    <t>12/26/2019 16:40:54</t>
  </si>
  <si>
    <t>12/26/2019 16:36:07</t>
  </si>
  <si>
    <t>12/26/2019 16:41:25</t>
  </si>
  <si>
    <t>12/26/2019 16:41:54</t>
  </si>
  <si>
    <t>C:\Users\robsonams\Desktop\ROBSON\</t>
  </si>
  <si>
    <t>ATESTADO - GABRIELA BARREIRO - FALSO.pdf</t>
  </si>
  <si>
    <t>12/26/2019 16:38:39</t>
  </si>
  <si>
    <t>12/26/2019 16:40:09</t>
  </si>
  <si>
    <t>12/26/2019 16:43:54</t>
  </si>
  <si>
    <t>12/26/2019 16:39:56</t>
  </si>
  <si>
    <t>12/26/2019 16:42:06</t>
  </si>
  <si>
    <t>12/26/2019 16:44:53</t>
  </si>
  <si>
    <t>XLOG_anacdos_26122019_082853.log</t>
  </si>
  <si>
    <t>\\acsfs\profiles$\anacdos\My Documents\xworkcenter\logs\XLOG_anacdos_26122019_082853.log</t>
  </si>
  <si>
    <t>12/26/2019 16:42:20</t>
  </si>
  <si>
    <t>XLOG_anacdos_26122019_082815.log</t>
  </si>
  <si>
    <t>\\acsfs\profiles$\anacdos\My Documents\xworkcenter\logs\XLOG_anacdos_26122019_082815.log</t>
  </si>
  <si>
    <t>12/26/2019 16:40:28</t>
  </si>
  <si>
    <t>12/26/2019 16:45:53</t>
  </si>
  <si>
    <t>12/26/2019 16:40:51</t>
  </si>
  <si>
    <t>12/26/2019 16:40:57</t>
  </si>
  <si>
    <t>12/26/2019 16:40:59</t>
  </si>
  <si>
    <t>12/26/2019 16:41:00</t>
  </si>
  <si>
    <t>12/26/2019 16:42:14</t>
  </si>
  <si>
    <t>12/26/2019 16:43:24</t>
  </si>
  <si>
    <t>12/26/2019 16:46:54</t>
  </si>
  <si>
    <t>12/26/2019 16:43:52</t>
  </si>
  <si>
    <t>12/26/2019 16:45:30</t>
  </si>
  <si>
    <t>12/26/2019 16:43:26</t>
  </si>
  <si>
    <t>0f5cedb4-94c7-40eb-afe9-a9ae04705832.tmp</t>
  </si>
  <si>
    <t>\\acsfs\profiles$\laurandos\Downloads\0f5cedb4-94c7-40eb-afe9-a9ae04705832.tmp</t>
  </si>
  <si>
    <t>6fd9fda4-3af9-4864-811f-d405e44e779c.tmp</t>
  </si>
  <si>
    <t>\\acsfs\profiles$\laurandos\Downloads\6fd9fda4-3af9-4864-811f-d405e44e779c.tmp</t>
  </si>
  <si>
    <t>12/26/2019 16:41:46</t>
  </si>
  <si>
    <t>12/26/2019 16:42:08</t>
  </si>
  <si>
    <t>12/26/2019 16:42:29</t>
  </si>
  <si>
    <t>mail.google.com/sync/u/0/i/s?hl=pt-BR&amp;c=547</t>
  </si>
  <si>
    <t>12/26/2019 16:42:47</t>
  </si>
  <si>
    <t>12/26/2019 16:43:11</t>
  </si>
  <si>
    <t>12/26/2019 16:43:33</t>
  </si>
  <si>
    <t>12/26/2019 16:43:56</t>
  </si>
  <si>
    <t>12/26/2019 16:44:18</t>
  </si>
  <si>
    <t>12/26/2019 16:44:37</t>
  </si>
  <si>
    <t>12/26/2019 16:44:41</t>
  </si>
  <si>
    <t>12/26/2019 16:45:06</t>
  </si>
  <si>
    <t>12/26/2019 16:45:14</t>
  </si>
  <si>
    <t>12/26/2019 16:45:33</t>
  </si>
  <si>
    <t>12/26/2019 16:45:40</t>
  </si>
  <si>
    <t>12/26/2019 16:46:02</t>
  </si>
  <si>
    <t>12/26/2019 16:46:04</t>
  </si>
  <si>
    <t>12/26/2019 16:46:23</t>
  </si>
  <si>
    <t>12/26/2019 16:46:30</t>
  </si>
  <si>
    <t>12/26/2019 16:44:40</t>
  </si>
  <si>
    <t>12/26/2019 16:47:53</t>
  </si>
  <si>
    <t>6821fa0a-5a6a-48c9-a2ba-d08e56cfa0f4.tmp</t>
  </si>
  <si>
    <t>\\acsfs\profiles$\layonmof\Downloads\6821fa0a-5a6a-48c9-a2ba-d08e56cfa0f4.tmp</t>
  </si>
  <si>
    <t>12/26/2019 16:48:54</t>
  </si>
  <si>
    <t>12/26/2019 16:45:56</t>
  </si>
  <si>
    <t>12/26/2019 16:46:18</t>
  </si>
  <si>
    <t>12/26/2019 16:49:53</t>
  </si>
  <si>
    <t>12/26/2019 16:48:37</t>
  </si>
  <si>
    <t>12/26/2019 16:50:53</t>
  </si>
  <si>
    <t>12/26/2019 16:46:19</t>
  </si>
  <si>
    <t>e2035d13-a8e0-4415-87a2-a6f4ca4ae606.tmp</t>
  </si>
  <si>
    <t>\\acsfs\profiles$\andreapdsg\Downloads\e2035d13-a8e0-4415-87a2-a6f4ca4ae606.tmp</t>
  </si>
  <si>
    <t>12/26/2019 16:47:47</t>
  </si>
  <si>
    <t>12/26/2019 16:51:54</t>
  </si>
  <si>
    <t>12/26/2019 16:47:51</t>
  </si>
  <si>
    <t>12/26/2019 16:47:54</t>
  </si>
  <si>
    <t>12/26/2019 16:48:09</t>
  </si>
  <si>
    <t>12/26/2019 16:46:01</t>
  </si>
  <si>
    <t>12/26/2019 16:46:26</t>
  </si>
  <si>
    <t>12/26/2019 16:47:46</t>
  </si>
  <si>
    <t>12/26/2019 16:47:56</t>
  </si>
  <si>
    <t>12/26/2019 16:48:05</t>
  </si>
  <si>
    <t>mail.google.com/sync/u/0/i/s?hl=pt-BR&amp;c=311</t>
  </si>
  <si>
    <t>atendimentocartao@bv.com.br;backofficebv@dxc.com;bvs-centralcartoes@bv.com.br;fabianacscg@algartech.com;fernandorsju@algartech.com;jose.ric.dos-santos@dxc.com;kesiadof@algartech.com;larisacc@algartech.com;larissa.alcantara@bv.com.br;marianeps@algartech.com;marianerdo@algartech.com;mirianppb@algartech.com;talmaiardo@algartech.com;thiagordu@algartech.com;</t>
  </si>
  <si>
    <t>atendimentocartao@bv.com.br,backofficebv@dxc.com,bvs-centralcartoes@bv.com.br,fabianacscg@algartech.com,fernandorsju@algartech.com,jose.ric.dos-santos@dxc.com,kesiadof@algartech.com,larisacc@algartech.com,larissa.alcantara@bv.com.br,marianeps@algartech.com,marianerdo@algartech.com,mirianppb@algartech.com,talmaiardo@algartech.com,thiagordu@algartech.com</t>
  </si>
  <si>
    <t>12/26/2019 16:50:39</t>
  </si>
  <si>
    <t>12/26/2019 16:49:27</t>
  </si>
  <si>
    <t>1a54fb3f-b54b-4350-8e51-8f8bcfcde9bc.tmp</t>
  </si>
  <si>
    <t>\\acsfs\profiles$\henriqueco\Downloads\1a54fb3f-b54b-4350-8e51-8f8bcfcde9bc.tmp</t>
  </si>
  <si>
    <t>12/26/2019 16:51:21</t>
  </si>
  <si>
    <t>12/26/2019 16:46:45</t>
  </si>
  <si>
    <t>12/26/2019 16:47:04</t>
  </si>
  <si>
    <t>12/26/2019 16:47:14</t>
  </si>
  <si>
    <t>12/26/2019 16:47:20</t>
  </si>
  <si>
    <t>mail.google.com/sync/u/0/i/s?hl=pt-BR&amp;c=591</t>
  </si>
  <si>
    <t>12/26/2019 16:47:32</t>
  </si>
  <si>
    <t>12/26/2019 16:53:53</t>
  </si>
  <si>
    <t>12/26/2019 16:49:56</t>
  </si>
  <si>
    <t>12/26/2019 16:51:56</t>
  </si>
  <si>
    <t>12/26/2019 16:53:28</t>
  </si>
  <si>
    <t>12/26/2019 16:54:53</t>
  </si>
  <si>
    <t>mail.google.com/_/upload?authuser=0&amp;dcp=asu-n&amp;upload_id=AEnB2UpwsUzd3HMdajI21TpuNqmQkqMwR_Ve6MRAkd42CI5kh8FyUDRkI6ijUpTI35yPZOMb2rRaf-bQtSiwybzcbAhlsrOKAFK-PoBGIZChKsFb8GK7cY0&amp;upload_protocol=resumable</t>
  </si>
  <si>
    <t>\\acsfs\Engeset\FINANCEIRO_ULA\FATURAMENTO\22. Controle TIM\8. Compromissado\</t>
  </si>
  <si>
    <t>Circularização_Dez_2019_ENGESET.xls</t>
  </si>
  <si>
    <t>12/26/2019 16:53:37</t>
  </si>
  <si>
    <t>f4106569-a8c3-462c-b44c-0f3343abc31b.tmp</t>
  </si>
  <si>
    <t>\\acsfs\profiles$\regisadsa\Downloads\f4106569-a8c3-462c-b44c-0f3343abc31b.tmp</t>
  </si>
  <si>
    <t>12/26/2019 16:49:46</t>
  </si>
  <si>
    <t>Usuários bloqueados-Algar v2 (1).xlsx</t>
  </si>
  <si>
    <t>12/26/2019 16:50:24</t>
  </si>
  <si>
    <t>12/26/2019 16:51:39</t>
  </si>
  <si>
    <t>ba41fe99-26bc-4693-b2ac-d316690ce936.tmp</t>
  </si>
  <si>
    <t>\\acsfs\profiles$\victorgl\Downloads\ba41fe99-26bc-4693-b2ac-d316690ce936.tmp</t>
  </si>
  <si>
    <t>12/26/2019 16:52:24</t>
  </si>
  <si>
    <t>12/26/2019 16:55:53</t>
  </si>
  <si>
    <t>claudiofm@algartech.com</t>
  </si>
  <si>
    <t>carlosasr@algartech.com;gabrielpm@algartech.com.br;valmiriandfadsf@algartech.com;</t>
  </si>
  <si>
    <t>C:\Users\claudiofm\Desktop\</t>
  </si>
  <si>
    <t>Chamados IBI.xlsx</t>
  </si>
  <si>
    <t>carlosasr@algartech.com,gabrielpm@algartech.com.br,valmiriandfadsf@algartech.com</t>
  </si>
  <si>
    <t>12/26/2019 16:55:17</t>
  </si>
  <si>
    <t>12/26/2019 16:51:17</t>
  </si>
  <si>
    <t>23c251d9-9e6e-4b2b-8d57-d71592466456.tmp</t>
  </si>
  <si>
    <t>\\acsfs\profiles$\joycemmdl\Downloads\23c251d9-9e6e-4b2b-8d57-d71592466456.tmp</t>
  </si>
  <si>
    <t>12/26/2019 16:54:28</t>
  </si>
  <si>
    <t>66b35cf4-4c80-48e7-a280-83d0cc700f44.tmp</t>
  </si>
  <si>
    <t>\\acsfs\profiles$\joycemmdl\Downloads\66b35cf4-4c80-48e7-a280-83d0cc700f44.tmp</t>
  </si>
  <si>
    <t>12/26/2019 16:56:22</t>
  </si>
  <si>
    <t>12/26/2019 16:56:53</t>
  </si>
  <si>
    <t>12/26/2019 16:53:06</t>
  </si>
  <si>
    <t>12/26/2019 16:57:53</t>
  </si>
  <si>
    <t>image2019-12-26-163334.pdf</t>
  </si>
  <si>
    <t>12/26/2019 16:55:03</t>
  </si>
  <si>
    <t>image2019-12-26-163334 (1).pdf</t>
  </si>
  <si>
    <t>12/26/2019 16:55:06</t>
  </si>
  <si>
    <t>12/26/2019 16:54:30</t>
  </si>
  <si>
    <t>Template_-_Prorrogacao_de_Titulos GEFCO.xlsx</t>
  </si>
  <si>
    <t>12/26/2019 16:58:53</t>
  </si>
  <si>
    <t>12/26/2019 16:56:37</t>
  </si>
  <si>
    <t>12/26/2019 16:55:56</t>
  </si>
  <si>
    <t>12/26/2019 16:57:56</t>
  </si>
  <si>
    <t>12/26/2019 16:58:13</t>
  </si>
  <si>
    <t>12/26/2019 16:59:53</t>
  </si>
  <si>
    <t>12/26/2019 16:56:03</t>
  </si>
  <si>
    <t>12/26/2019 16:56:13</t>
  </si>
  <si>
    <t>12/26/2019 16:56:28</t>
  </si>
  <si>
    <t>12/26/2019 16:57:49</t>
  </si>
  <si>
    <t>12/26/2019 16:58:37</t>
  </si>
  <si>
    <t>12/26/2019 16:58:23</t>
  </si>
  <si>
    <t>12/26/2019 17:00:53</t>
  </si>
  <si>
    <t>12/26/2019 16:59:02</t>
  </si>
  <si>
    <t>12/26/2019 16:59:34</t>
  </si>
  <si>
    <t>12/26/2019 16:55:37</t>
  </si>
  <si>
    <t>12/26/2019 16:58:59</t>
  </si>
  <si>
    <t>12/26/2019 16:59:00</t>
  </si>
  <si>
    <t>12/26/2019 17:00:27</t>
  </si>
  <si>
    <t>12/26/2019 17:01:53</t>
  </si>
  <si>
    <t>12/26/2019 16:57:30</t>
  </si>
  <si>
    <t>C:\Users\robsonams\</t>
  </si>
  <si>
    <t>Template_folha_retificadora- Severino.xlsx</t>
  </si>
  <si>
    <t>12/26/2019 17:02:53</t>
  </si>
  <si>
    <t>10.200.66.68</t>
  </si>
  <si>
    <t>183abc5e-0ceb-4bb4-9a83-83b1a7f702b1.tmp</t>
  </si>
  <si>
    <t>\\acsfs\profiles$\anafaes\Downloads\183abc5e-0ceb-4bb4-9a83-83b1a7f702b1.tmp</t>
  </si>
  <si>
    <t>12/26/2019 16:58:00</t>
  </si>
  <si>
    <t>16e5e428-da10-4074-8717-c7477d3df238.tmp</t>
  </si>
  <si>
    <t>\\acsfs\profiles$\anafaes\Downloads\16e5e428-da10-4074-8717-c7477d3df238.tmp</t>
  </si>
  <si>
    <t>12/26/2019 16:58:20</t>
  </si>
  <si>
    <t>7a852849-8555-4eb8-90c5-2fa051b7a1ce.tmp</t>
  </si>
  <si>
    <t>\\acsfs\profiles$\anafaes\Downloads\7a852849-8555-4eb8-90c5-2fa051b7a1ce.tmp</t>
  </si>
  <si>
    <t>12/26/2019 16:58:22</t>
  </si>
  <si>
    <t>621b23a3-c0f2-4799-b0e4-b0202ce809ef.tmp</t>
  </si>
  <si>
    <t>\\acsfs\profiles$\anafaes\Downloads\621b23a3-c0f2-4799-b0e4-b0202ce809ef.tmp</t>
  </si>
  <si>
    <t>12/26/2019 16:58:27</t>
  </si>
  <si>
    <t>bc4b7456-d285-434c-ba97-5d14f2b756c3.tmp</t>
  </si>
  <si>
    <t>\\acsfs\profiles$\anafaes\Downloads\bc4b7456-d285-434c-ba97-5d14f2b756c3.tmp</t>
  </si>
  <si>
    <t>12/26/2019 16:58:38</t>
  </si>
  <si>
    <t>7fc9d410-2d26-4fa2-9d2a-48cd36fde197.tmp</t>
  </si>
  <si>
    <t>\\acsfs\profiles$\anafaes\Downloads\7fc9d410-2d26-4fa2-9d2a-48cd36fde197.tmp</t>
  </si>
  <si>
    <t>12/26/2019 16:58:49</t>
  </si>
  <si>
    <t>b78deb0f-d7f1-4696-a5fe-d0220b7eb740.tmp</t>
  </si>
  <si>
    <t>\\acsfs\profiles$\anafaes\Downloads\b78deb0f-d7f1-4696-a5fe-d0220b7eb740.tmp</t>
  </si>
  <si>
    <t>12/26/2019 16:59:25</t>
  </si>
  <si>
    <t>4233b036-a268-417c-bfb5-a84ae286b1a3.tmp</t>
  </si>
  <si>
    <t>\\acsfs\profiles$\anafaes\Downloads\4233b036-a268-417c-bfb5-a84ae286b1a3.tmp</t>
  </si>
  <si>
    <t>12/26/2019 17:00:38</t>
  </si>
  <si>
    <t>c00da845-da49-4936-8b75-fb3827e82b42.tmp</t>
  </si>
  <si>
    <t>\\acsfs\profiles$\anafaes\Downloads\c00da845-da49-4936-8b75-fb3827e82b42.tmp</t>
  </si>
  <si>
    <t>12/26/2019 17:03:52</t>
  </si>
  <si>
    <t>12/26/2019 17:01:56</t>
  </si>
  <si>
    <t>12/26/2019 17:02:44</t>
  </si>
  <si>
    <t>12/26/2019 17:04:53</t>
  </si>
  <si>
    <t>12/26/2019 17:00:18</t>
  </si>
  <si>
    <t>12/26/2019 17:05:53</t>
  </si>
  <si>
    <t>12/26/2019 17:00:37</t>
  </si>
  <si>
    <t>12/26/2019 17:02:50</t>
  </si>
  <si>
    <t>12/26/2019 17:02:24</t>
  </si>
  <si>
    <t>12/26/2019 17:02:31</t>
  </si>
  <si>
    <t>12/26/2019 17:02:33</t>
  </si>
  <si>
    <t>12/26/2019 17:04:30</t>
  </si>
  <si>
    <t>12/26/2019 17:02:58</t>
  </si>
  <si>
    <t>12/26/2019 17:06:53</t>
  </si>
  <si>
    <t>12/26/2019 17:06:48</t>
  </si>
  <si>
    <t>12/26/2019 17:07:53</t>
  </si>
  <si>
    <t>12/26/2019 17:03:02</t>
  </si>
  <si>
    <t>10a17818-6c73-4541-af79-63eed48beda9.tmp</t>
  </si>
  <si>
    <t>\\acsfs\profiles$\anafaes\Downloads\10a17818-6c73-4541-af79-63eed48beda9.tmp</t>
  </si>
  <si>
    <t>12/26/2019 17:04:10</t>
  </si>
  <si>
    <t>12/26/2019 17:08:53</t>
  </si>
  <si>
    <t>12/26/2019 17:04:11</t>
  </si>
  <si>
    <t>12/26/2019 17:04:12</t>
  </si>
  <si>
    <t>12/26/2019 17:04:13</t>
  </si>
  <si>
    <t>12/26/2019 17:04:14</t>
  </si>
  <si>
    <t>12/26/2019 17:04:15</t>
  </si>
  <si>
    <t>12/26/2019 17:04:16</t>
  </si>
  <si>
    <t>12/26/2019 17:04:17</t>
  </si>
  <si>
    <t>12/26/2019 17:04:18</t>
  </si>
  <si>
    <t>12/26/2019 17:04:19</t>
  </si>
  <si>
    <t>12/26/2019 17:04:20</t>
  </si>
  <si>
    <t>12/26/2019 17:04:21</t>
  </si>
  <si>
    <t>12/26/2019 17:04:22</t>
  </si>
  <si>
    <t>12/26/2019 17:04:23</t>
  </si>
  <si>
    <t>12/26/2019 17:04:24</t>
  </si>
  <si>
    <t>12/26/2019 17:04:25</t>
  </si>
  <si>
    <t>12/26/2019 17:04:26</t>
  </si>
  <si>
    <t>12/26/2019 17:04:27</t>
  </si>
  <si>
    <t>12/26/2019 17:04:28</t>
  </si>
  <si>
    <t>12/26/2019 17:04:29</t>
  </si>
  <si>
    <t>12/26/2019 17:04:31</t>
  </si>
  <si>
    <t>12/26/2019 17:04:32</t>
  </si>
  <si>
    <t>12/26/2019 17:04:33</t>
  </si>
  <si>
    <t>12/26/2019 17:04:34</t>
  </si>
  <si>
    <t>12/26/2019 17:03:56</t>
  </si>
  <si>
    <t>12/26/2019 17:07:56</t>
  </si>
  <si>
    <t>12/26/2019 17:06:16</t>
  </si>
  <si>
    <t>12/26/2019 17:09:52</t>
  </si>
  <si>
    <t>12/26/2019 17:10:17</t>
  </si>
  <si>
    <t>12/26/2019 17:10:53</t>
  </si>
  <si>
    <t>12/26/2019 17:06:07</t>
  </si>
  <si>
    <t>882d54c5-2f5f-4750-8209-40478494c07f.tmp</t>
  </si>
  <si>
    <t>\\acsfs\profiles$\andreapdsg\Downloads\882d54c5-2f5f-4750-8209-40478494c07f.tmp</t>
  </si>
  <si>
    <t>12/26/2019 17:09:56</t>
  </si>
  <si>
    <t>12/26/2019 17:13:53</t>
  </si>
  <si>
    <t>12/26/2019 17:09:10</t>
  </si>
  <si>
    <t>12/26/2019 17:09:11</t>
  </si>
  <si>
    <t>12/26/2019 17:09:12</t>
  </si>
  <si>
    <t>12/26/2019 17:09:13</t>
  </si>
  <si>
    <t>12/26/2019 17:09:14</t>
  </si>
  <si>
    <t>12/26/2019 17:09:15</t>
  </si>
  <si>
    <t>12/26/2019 17:09:16</t>
  </si>
  <si>
    <t>12/26/2019 17:09:17</t>
  </si>
  <si>
    <t>12/26/2019 17:09:18</t>
  </si>
  <si>
    <t>12/26/2019 17:09:19</t>
  </si>
  <si>
    <t>12/26/2019 17:09:29</t>
  </si>
  <si>
    <t>12/26/2019 17:09:30</t>
  </si>
  <si>
    <t>12/26/2019 17:09:31</t>
  </si>
  <si>
    <t>12/26/2019 17:09:33</t>
  </si>
  <si>
    <t>12/26/2019 17:12:12</t>
  </si>
  <si>
    <t>12/26/2019 17:13:44</t>
  </si>
  <si>
    <t>12/26/2019 17:10:58</t>
  </si>
  <si>
    <t>12/26/2019 17:15:53</t>
  </si>
  <si>
    <t>dbe29721-9ecf-468b-8e5f-3c8ba19caa34.tmp</t>
  </si>
  <si>
    <t>\\acsfs\profiles$\fabianobmf\Downloads\dbe29721-9ecf-468b-8e5f-3c8ba19caa34.tmp</t>
  </si>
  <si>
    <t>12/26/2019 17:10:47</t>
  </si>
  <si>
    <t>12/26/2019 17:11:04</t>
  </si>
  <si>
    <t>12/26/2019 17:11:09</t>
  </si>
  <si>
    <t>12/26/2019 17:12:20</t>
  </si>
  <si>
    <t>12/26/2019 17:12:52</t>
  </si>
  <si>
    <t>12/26/2019 17:16:53</t>
  </si>
  <si>
    <t>mail.google.com/sync/u/0/i/s?hl=pt-BR&amp;c=2212</t>
  </si>
  <si>
    <t>12/26/2019 17:13:10</t>
  </si>
  <si>
    <t>mail.google.com/sync/u/0/i/s?hl=pt-BR&amp;c=2214</t>
  </si>
  <si>
    <t>12/26/2019 17:13:27</t>
  </si>
  <si>
    <t>24/12/2019;</t>
  </si>
  <si>
    <t>https://24/12/2019</t>
  </si>
  <si>
    <t>12/26/2019 17:16:24</t>
  </si>
  <si>
    <t>12/26/2019 17:15:23</t>
  </si>
  <si>
    <t>12/26/2019 17:17:53</t>
  </si>
  <si>
    <t>12/26/2019 17:13:56</t>
  </si>
  <si>
    <t>12/26/2019 17:18:53</t>
  </si>
  <si>
    <t>12/26/2019 17:15:56</t>
  </si>
  <si>
    <t>12/26/2019 17:16:12</t>
  </si>
  <si>
    <t>https://leonardoao@algartech.com</t>
  </si>
  <si>
    <t>12/26/2019 17:16:29</t>
  </si>
  <si>
    <t>12/26/2019 17:14:21</t>
  </si>
  <si>
    <t>12/26/2019 17:14:35</t>
  </si>
  <si>
    <t>12/26/2019 17:14:43</t>
  </si>
  <si>
    <t>12/26/2019 17:15:02</t>
  </si>
  <si>
    <t>12/26/2019 17:16:47</t>
  </si>
  <si>
    <t>12/26/2019 17:17:41</t>
  </si>
  <si>
    <t>12/26/2019 17:18:37</t>
  </si>
  <si>
    <t>12/26/2019 17:18:44</t>
  </si>
  <si>
    <t>12/26/2019 17:18:49</t>
  </si>
  <si>
    <t>12/26/2019 17:16:21</t>
  </si>
  <si>
    <t>12/26/2019 17:20:53</t>
  </si>
  <si>
    <t>12/26/2019 17:18:55</t>
  </si>
  <si>
    <t>12/26/2019 17:19:38</t>
  </si>
  <si>
    <t>12/26/2019 17:17:55</t>
  </si>
  <si>
    <t>12/26/2019 17:21:53</t>
  </si>
  <si>
    <t>12/26/2019 17:17:57</t>
  </si>
  <si>
    <t>12/26/2019 17:20:36</t>
  </si>
  <si>
    <t>12/26/2019 17:21:17</t>
  </si>
  <si>
    <t>12/26/2019 17:22:53</t>
  </si>
  <si>
    <t>12/26/2019 17:19:56</t>
  </si>
  <si>
    <t>12/26/2019 17:23:53</t>
  </si>
  <si>
    <t>12/26/2019 17:21:56</t>
  </si>
  <si>
    <t>12/26/2019 17:18:52</t>
  </si>
  <si>
    <t>12/26/2019 17:19:09</t>
  </si>
  <si>
    <t>12/26/2019 17:19:17</t>
  </si>
  <si>
    <t>12/26/2019 17:19:18</t>
  </si>
  <si>
    <t>12/26/2019 17:20:05</t>
  </si>
  <si>
    <t>12/26/2019 17:20:35</t>
  </si>
  <si>
    <t>12/26/2019 17:21:01</t>
  </si>
  <si>
    <t>12/26/2019 17:22:40</t>
  </si>
  <si>
    <t>\\acsfs\DEPTOS\Operacao\PCP\5 - Comum\PLANEJAMENTO BV\22 - BANCO DE DADOS BV\CARTÕES\</t>
  </si>
  <si>
    <t>Dados Gerais BV - CARTÕES.xlsx</t>
  </si>
  <si>
    <t>\\acsfs\DEPTOS\Operacao\PCP\5 - Comum\PLANEJAMENTO BV\22 - BANCO DE DADOS BV\CARTÕES\Dados Gerais BV - CARTÕES.xlsx</t>
  </si>
  <si>
    <t>12/26/2019 17:23:29</t>
  </si>
  <si>
    <t>12/26/2019 17:20:30</t>
  </si>
  <si>
    <t>12/26/2019 17:24:53</t>
  </si>
  <si>
    <t>12/26/2019 17:22:38</t>
  </si>
  <si>
    <t>93d97fff-650c-491f-b913-10ff31dfffd3.tmp</t>
  </si>
  <si>
    <t>\\acsfs\profiles$\andressamf\Downloads\93d97fff-650c-491f-b913-10ff31dfffd3.tmp</t>
  </si>
  <si>
    <t>12/26/2019 17:23:30</t>
  </si>
  <si>
    <t>d629f844-c508-4687-9ba5-9844d7ceb72d.tmp</t>
  </si>
  <si>
    <t>\\acsfs\profiles$\victorgl\Downloads\d629f844-c508-4687-9ba5-9844d7ceb72d.tmp</t>
  </si>
  <si>
    <t>12/26/2019 17:24:01</t>
  </si>
  <si>
    <t>da3c043b-b4b5-4ec7-9bed-de8a8982a145.tmp</t>
  </si>
  <si>
    <t>\\acsfs\profiles$\victorgl\Downloads\da3c043b-b4b5-4ec7-9bed-de8a8982a145.tmp</t>
  </si>
  <si>
    <t>12/26/2019 17:24:29</t>
  </si>
  <si>
    <t>12/26/2019 17:25:53</t>
  </si>
  <si>
    <t>12/26/2019 17:24:43</t>
  </si>
  <si>
    <t>12/26/2019 17:21:37</t>
  </si>
  <si>
    <t>12/26/2019 17:26:53</t>
  </si>
  <si>
    <t>josiascdsj@algartech.com;leonardoao@algartech.com;ouvidoria@algar.com.br;paulacn@algartech.com;rafaelggs@algartech.com;thiagordu@algartech.com;</t>
  </si>
  <si>
    <t>josiascdsj@algartech.com,leonardoao@algartech.com,ouvidoria@algar.com.br,paulacn@algartech.com,rafaelggs@algartech.com,thiagordu@algartech.com</t>
  </si>
  <si>
    <t>12/26/2019 17:21:43</t>
  </si>
  <si>
    <t>12/26/2019 17:22:03</t>
  </si>
  <si>
    <t>b24901d5-5062-46ba-8803-51ad3d7964e7;</t>
  </si>
  <si>
    <t>IMG_0762.jpg</t>
  </si>
  <si>
    <t>12/26/2019 17:22:13</t>
  </si>
  <si>
    <t>bvcartes-supervisores@algarnet.onmicrosoft.com;ouvidoria@algar.com.br;thiagordu@algartech.com;</t>
  </si>
  <si>
    <t>bvcartes-supervisores@algarnet.onmicrosoft.com,ouvidoria@algar.com.br,thiagordu@algartech.com</t>
  </si>
  <si>
    <t>12/26/2019 17:24:34</t>
  </si>
  <si>
    <t>12/26/2019 17:27:53</t>
  </si>
  <si>
    <t>06b57c8a-e726-4650-b13a-67deba65f06b.tmp</t>
  </si>
  <si>
    <t>\\acsfs\profiles$\fabianafv\Downloads\06b57c8a-e726-4650-b13a-67deba65f06b.tmp</t>
  </si>
  <si>
    <t>12/26/2019 17:25:09</t>
  </si>
  <si>
    <t>1b1dde24-9f75-4ee1-8cb0-8a8697752ec1.tmp</t>
  </si>
  <si>
    <t>\\acsfs\profiles$\fabianafv\Downloads\1b1dde24-9f75-4ee1-8cb0-8a8697752ec1.tmp</t>
  </si>
  <si>
    <t>12/26/2019 17:25:23</t>
  </si>
  <si>
    <t>12/26/2019 17:28:53</t>
  </si>
  <si>
    <t>brunia.garcez@algar.com.br;</t>
  </si>
  <si>
    <t>\\acsfs\deptos\Ouvidoria Grupo Algar\03_Reunião\Algar Telecom\Algar Telecom - Tulio - 26122019 (1).pptx\</t>
  </si>
  <si>
    <t>brunia.garcez@algar.com.br</t>
  </si>
  <si>
    <t>12/26/2019 17:25:24</t>
  </si>
  <si>
    <t>12/26/2019 17:25:56</t>
  </si>
  <si>
    <t>12/26/2019 17:27:56</t>
  </si>
  <si>
    <t>12/26/2019 17:27:37</t>
  </si>
  <si>
    <t>8e9a76e1-d466-4f26-8fe6-89405fbfb9f1.tmp</t>
  </si>
  <si>
    <t>\\acsfs\profiles$\danielta\Downloads\8e9a76e1-d466-4f26-8fe6-89405fbfb9f1.tmp</t>
  </si>
  <si>
    <t>12/26/2019 17:28:00</t>
  </si>
  <si>
    <t>8fbb4a83-04e4-4059-96a6-dff5df6df20c.tmp</t>
  </si>
  <si>
    <t>\\acsfs\profiles$\danielta\Downloads\8fbb4a83-04e4-4059-96a6-dff5df6df20c.tmp</t>
  </si>
  <si>
    <t>12/26/2019 17:24:55</t>
  </si>
  <si>
    <t>12/26/2019 17:29:53</t>
  </si>
  <si>
    <t>12/26/2019 17:25:00</t>
  </si>
  <si>
    <t>12/26/2019 17:25:22</t>
  </si>
  <si>
    <t>12/26/2019 17:26:11</t>
  </si>
  <si>
    <t>12/26/2019 17:26:27</t>
  </si>
  <si>
    <t>12/26/2019 17:26:35</t>
  </si>
  <si>
    <t>12/26/2019 17:28:28</t>
  </si>
  <si>
    <t>C:\Users\miriantof\Desktop\CustomerSuccess_AlgarTech_Resultados 2019.pptx\</t>
  </si>
  <si>
    <t>12/26/2019 17:25:12</t>
  </si>
  <si>
    <t>12/26/2019 17:30:53</t>
  </si>
  <si>
    <t>12/26/2019 17:25:25</t>
  </si>
  <si>
    <t>12/26/2019 17:26:15</t>
  </si>
  <si>
    <t>12/26/2019 17:31:53</t>
  </si>
  <si>
    <t>IMG_0763.jpg</t>
  </si>
  <si>
    <t>12/26/2019 17:28:48</t>
  </si>
  <si>
    <t>12/26/2019 17:29:39</t>
  </si>
  <si>
    <t>mail.google.com/_/upload?authuser=1&amp;dcp=asu-n&amp;upload_id=AEnB2UqsYDisqdWQR2frQAyfB8wyYZZchcN_VaOzriMIMGdN8hYuALjCruwFSkY_5VP4LTj-zYpO2Jo_XKoAvo5KElA93myuoQ&amp;upload_protocol=resumable</t>
  </si>
  <si>
    <t>C:\Users\lucasav\Desktop\</t>
  </si>
  <si>
    <t>Ocorrências casos pendentes.xlsx</t>
  </si>
  <si>
    <t>12/26/2019 17:31:21</t>
  </si>
  <si>
    <t>12/26/2019 17:28:45</t>
  </si>
  <si>
    <t>12/26/2019 17:32:53</t>
  </si>
  <si>
    <t>34ede69e-c9f7-4f12-bd56-87b084d3fa39.tmp</t>
  </si>
  <si>
    <t>\\acsfs\profiles$\fabianafv\Downloads\34ede69e-c9f7-4f12-bd56-87b084d3fa39.tmp</t>
  </si>
  <si>
    <t>12/26/2019 17:30:17</t>
  </si>
  <si>
    <t>12/26/2019 17:31:40</t>
  </si>
  <si>
    <t>12/26/2019 17:33:53</t>
  </si>
  <si>
    <t>12/26/2019 17:31:56</t>
  </si>
  <si>
    <t>12/26/2019 17:30:31</t>
  </si>
  <si>
    <t>2316d250-cb2b-4e8b-a6af-5d916bee2fc6.tmp</t>
  </si>
  <si>
    <t>\\acsfs\profiles$\victorgl\Downloads\2316d250-cb2b-4e8b-a6af-5d916bee2fc6.tmp</t>
  </si>
  <si>
    <t>12/26/2019 17:28:50</t>
  </si>
  <si>
    <t>d130888d-7394-4bc4-b420-3e43ff622ab8.tmp</t>
  </si>
  <si>
    <t>\\acsfs\profiles$\danielta\Downloads\d130888d-7394-4bc4-b420-3e43ff622ab8.tmp</t>
  </si>
  <si>
    <t>12/26/2019 17:29:45</t>
  </si>
  <si>
    <t>12/26/2019 17:34:53</t>
  </si>
  <si>
    <t>12/26/2019 17:30:50</t>
  </si>
  <si>
    <t>12/26/2019 17:31:32</t>
  </si>
  <si>
    <t>12/26/2019 17:32:35</t>
  </si>
  <si>
    <t>12/26/2019 17:32:39</t>
  </si>
  <si>
    <t>12/26/2019 17:33:04</t>
  </si>
  <si>
    <t>12/26/2019 17:33:23</t>
  </si>
  <si>
    <t>12/26/2019 17:35:52</t>
  </si>
  <si>
    <t>12/26/2019 17:30:46</t>
  </si>
  <si>
    <t>12/26/2019 17:30:47</t>
  </si>
  <si>
    <t>12/26/2019 17:32:36</t>
  </si>
  <si>
    <t>12/26/2019 17:33:38</t>
  </si>
  <si>
    <t>https://udpmailboxap01/h/search?si=0&amp;so=0&amp;sc=54091&amp;sfi=6&amp;st=message&amp;action=compose</t>
  </si>
  <si>
    <t>12/26/2019 17:36:53</t>
  </si>
  <si>
    <t>12/26/2019 17:31:45</t>
  </si>
  <si>
    <t>12/26/2019 17:32:00</t>
  </si>
  <si>
    <t>12/26/2019 17:32:04</t>
  </si>
  <si>
    <t>12/26/2019 17:34:58</t>
  </si>
  <si>
    <t>12/26/2019 17:37:14</t>
  </si>
  <si>
    <t>12/26/2019 17:37:52</t>
  </si>
  <si>
    <t>12/26/2019 17:33:33</t>
  </si>
  <si>
    <t>12/26/2019 17:38:53</t>
  </si>
  <si>
    <t>6ac1b958-54c7-47fd-b75d-ecec8ba9170a.tmp</t>
  </si>
  <si>
    <t>\\acsfs\profiles$\taylaedoa\Downloads\6ac1b958-54c7-47fd-b75d-ecec8ba9170a.tmp</t>
  </si>
  <si>
    <t>bd4de3ad-af78-44a5-ac12-8230b4d12a70.tmp</t>
  </si>
  <si>
    <t>\\acsfs\profiles$\taylaedoa\Downloads\bd4de3ad-af78-44a5-ac12-8230b4d12a70.tmp</t>
  </si>
  <si>
    <t>12/26/2019 17:35:32</t>
  </si>
  <si>
    <t>06d94543-1fd4-473e-b72d-81448c4bb82f.tmp</t>
  </si>
  <si>
    <t>\\acsfs\profiles$\taylaedoa\Downloads\06d94543-1fd4-473e-b72d-81448c4bb82f.tmp</t>
  </si>
  <si>
    <t>12/26/2019 17:33:56</t>
  </si>
  <si>
    <t>12/26/2019 17:37:58</t>
  </si>
  <si>
    <t>12/26/2019 17:38:10</t>
  </si>
  <si>
    <t>12/26/2019 17:39:52</t>
  </si>
  <si>
    <t>12/26/2019 17:38:35</t>
  </si>
  <si>
    <t>12/26/2019 17:39:28</t>
  </si>
  <si>
    <t>mail.google.com/_/upload?authuser=1&amp;dcp=asu-n&amp;upload_id=AEnB2Uqpp7hZP4yw6NEvvmluOvgMCIyfjEytjyXGJO4u_uuQ2y1Du5oPrjfuPqKq71EGAtXNRt6qVqxB2pcEbfTu7p4nUUfO5Q&amp;upload_protocol=resumable</t>
  </si>
  <si>
    <t>12/26/2019 17:35:22</t>
  </si>
  <si>
    <t>12/26/2019 17:40:53</t>
  </si>
  <si>
    <t>12/26/2019 17:35:24</t>
  </si>
  <si>
    <t>12/26/2019 17:35:26</t>
  </si>
  <si>
    <t>12/26/2019 17:36:26</t>
  </si>
  <si>
    <t>12/26/2019 17:36:17</t>
  </si>
  <si>
    <t>c3cdebee-6951-4dfb-a1b8-c2fff17a2535.tmp</t>
  </si>
  <si>
    <t>\\acsfs\profiles$\gabriellalpr\Downloads\c3cdebee-6951-4dfb-a1b8-c2fff17a2535.tmp</t>
  </si>
  <si>
    <t>12/26/2019 17:36:28</t>
  </si>
  <si>
    <t>12/26/2019 17:41:53</t>
  </si>
  <si>
    <t>12/26/2019 17:37:13</t>
  </si>
  <si>
    <t>12/26/2019 17:38:03</t>
  </si>
  <si>
    <t>12/26/2019 17:39:24</t>
  </si>
  <si>
    <t>lu8452tp8f.tmp</t>
  </si>
  <si>
    <t>\\acsfs\profiles$\edicarlosdl\My Documents\lu8452tp8f.tmp</t>
  </si>
  <si>
    <t>\\acsfs\profiles$\edicarlosdl\My Documents\lu8452tp8f.tmp\</t>
  </si>
  <si>
    <t>\\acsfs\profiles$\edicarlosdl\My Documents\lu8452tp8f.tmp\META-INF\</t>
  </si>
  <si>
    <t>\\acsfs\profiles$\edicarlosdl\My Documents\lu8452tp8f.tmp\Thumbnails\</t>
  </si>
  <si>
    <t>12/26/2019 17:37:59</t>
  </si>
  <si>
    <t>869c42b3-a7ed-48a4-ac2b-36556d03b0cc.tmp</t>
  </si>
  <si>
    <t>\\acsfs\profiles$\leandromsa\Downloads\869c42b3-a7ed-48a4-ac2b-36556d03b0cc.tmp</t>
  </si>
  <si>
    <t>12/26/2019 17:39:59</t>
  </si>
  <si>
    <t>ff617578-bcf2-4a88-9116-5d71885611cb.tmp</t>
  </si>
  <si>
    <t>\\acsfs\profiles$\leandromsa\Downloads\ff617578-bcf2-4a88-9116-5d71885611cb.tmp</t>
  </si>
  <si>
    <t>12/26/2019 17:40:38</t>
  </si>
  <si>
    <t>a85dc4c6-2e74-4d6a-996e-51aae7ba8c8b.tmp</t>
  </si>
  <si>
    <t>\\acsfs\profiles$\leandromsa\Downloads\a85dc4c6-2e74-4d6a-996e-51aae7ba8c8b.tmp</t>
  </si>
  <si>
    <t>12/26/2019 17:41:10</t>
  </si>
  <si>
    <t>a30f1e29-82fd-43b2-b81d-76f0be657cdc.tmp</t>
  </si>
  <si>
    <t>\\acsfs\profiles$\leandromsa\Downloads\a30f1e29-82fd-43b2-b81d-76f0be657cdc.tmp</t>
  </si>
  <si>
    <t>12/26/2019 17:38:08</t>
  </si>
  <si>
    <t>12/26/2019 17:42:52</t>
  </si>
  <si>
    <t>93e57b09-dcfe-49af-b9b5-1c3c48f00074.tmp</t>
  </si>
  <si>
    <t>\\acsfs\profiles$\fabianafv\Downloads\93e57b09-dcfe-49af-b9b5-1c3c48f00074.tmp</t>
  </si>
  <si>
    <t>12/26/2019 17:39:56</t>
  </si>
  <si>
    <t>12/26/2019 17:43:53</t>
  </si>
  <si>
    <t>12/26/2019 17:42:27</t>
  </si>
  <si>
    <t>12/26/2019 17:44:52</t>
  </si>
  <si>
    <t>Y:\09. Interface Contábil OEBS\ARQUIVOS INTERFACE 2019\</t>
  </si>
  <si>
    <t>PLANO DE CONTAS.xlsx</t>
  </si>
  <si>
    <t>12/26/2019 17:41:08</t>
  </si>
  <si>
    <t>12/26/2019 17:42:28</t>
  </si>
  <si>
    <t>12/26/2019 17:46:52</t>
  </si>
  <si>
    <t>eafa8496-d0a6-470f-8974-4bdacb65d592.tmp</t>
  </si>
  <si>
    <t>\\acsfs\profiles$\leandromsa\Downloads\eafa8496-d0a6-470f-8974-4bdacb65d592.tmp</t>
  </si>
  <si>
    <t>12/26/2019 17:42:42</t>
  </si>
  <si>
    <t>76a3c0e6-9f41-485e-99eb-394bd6a4db95.tmp</t>
  </si>
  <si>
    <t>\\acsfs\profiles$\leandromsa\Downloads\76a3c0e6-9f41-485e-99eb-394bd6a4db95.tmp</t>
  </si>
  <si>
    <t>12/26/2019 17:43:38</t>
  </si>
  <si>
    <t>2ae02ae8-03a3-498f-ad60-f30bb604ad94.tmp</t>
  </si>
  <si>
    <t>\\acsfs\profiles$\leandromsa\Downloads\2ae02ae8-03a3-498f-ad60-f30bb604ad94.tmp</t>
  </si>
  <si>
    <t>12/26/2019 17:43:58</t>
  </si>
  <si>
    <t>12/26/2019 17:47:52</t>
  </si>
  <si>
    <t>12/26/2019 17:45:41</t>
  </si>
  <si>
    <t>12/26/2019 17:43:56</t>
  </si>
  <si>
    <t>12/26/2019 17:48:53</t>
  </si>
  <si>
    <t>12/26/2019 17:45:56</t>
  </si>
  <si>
    <t>12/26/2019 17:47:56</t>
  </si>
  <si>
    <t>mariajaf</t>
  </si>
  <si>
    <t>\\acsfs\profiles$\mariajaf\Downloads\</t>
  </si>
  <si>
    <t>90c61d31-9fb4-44e3-882f-2942609919da.tmp</t>
  </si>
  <si>
    <t>\\acsfs\profiles$\mariajaf\Downloads\90c61d31-9fb4-44e3-882f-2942609919da.tmp</t>
  </si>
  <si>
    <t>12/26/2019 17:48:06</t>
  </si>
  <si>
    <t>Q29udHJvbGxlci5QYXl3YXJlLU5vaXRl (3).ica</t>
  </si>
  <si>
    <t>\\acsfs\profiles$\mariajaf\Downloads\Q29udHJvbGxlci5QYXl3YXJlLU5vaXRl (3).ica</t>
  </si>
  <si>
    <t>12/26/2019 17:44:35</t>
  </si>
  <si>
    <t>12/26/2019 17:49:52</t>
  </si>
  <si>
    <t>12/26/2019 17:45:13</t>
  </si>
  <si>
    <t>12/26/2019 17:46:01</t>
  </si>
  <si>
    <t>12/26/2019 17:46:06</t>
  </si>
  <si>
    <t>12/26/2019 17:46:12</t>
  </si>
  <si>
    <t>12/26/2019 17:46:20</t>
  </si>
  <si>
    <t>12/26/2019 17:46:04</t>
  </si>
  <si>
    <t>12/26/2019 17:50:53</t>
  </si>
  <si>
    <t>f519cab7-f4d9-485f-82fc-74d1ba06b1f5.tmp</t>
  </si>
  <si>
    <t>\\acsfs\profiles$\joycemmdl\Downloads\f519cab7-f4d9-485f-82fc-74d1ba06b1f5.tmp</t>
  </si>
  <si>
    <t>12/26/2019 17:46:09</t>
  </si>
  <si>
    <t>2c38aad8-53c5-4e32-be8a-c02334b8b18a.tmp</t>
  </si>
  <si>
    <t>\\acsfs\profiles$\joycemmdl\Downloads\2c38aad8-53c5-4e32-be8a-c02334b8b18a.tmp</t>
  </si>
  <si>
    <t>12/26/2019 17:50:27</t>
  </si>
  <si>
    <t>12/26/2019 17:51:53</t>
  </si>
  <si>
    <t>12/26/2019 17:50:38</t>
  </si>
  <si>
    <t>12/26/2019 17:48:56</t>
  </si>
  <si>
    <t>12/26/2019 17:52:52</t>
  </si>
  <si>
    <t>aef497cf-9571-4ca4-af34-0d33ac1731f3.tmp</t>
  </si>
  <si>
    <t>\\acsfs\profiles$\victorgl\Downloads\aef497cf-9571-4ca4-af34-0d33ac1731f3.tmp</t>
  </si>
  <si>
    <t>12/26/2019 17:50:10</t>
  </si>
  <si>
    <t>ffe44b32-4d41-43f4-997d-7b0c882706fa.tmp</t>
  </si>
  <si>
    <t>\\acsfs\profiles$\victorgl\Downloads\ffe44b32-4d41-43f4-997d-7b0c882706fa.tmp</t>
  </si>
  <si>
    <t>12/26/2019 17:52:05</t>
  </si>
  <si>
    <t>12/26/2019 17:47:48</t>
  </si>
  <si>
    <t>12/26/2019 17:49:56</t>
  </si>
  <si>
    <t>12/26/2019 17:53:53</t>
  </si>
  <si>
    <t>12/26/2019 17:51:57</t>
  </si>
  <si>
    <t>6d8eeb88-8ea6-4e6a-beae-8489e6cce244.tmp</t>
  </si>
  <si>
    <t>\\acsfs\profiles$\mariajaf\Downloads\6d8eeb88-8ea6-4e6a-beae-8489e6cce244.tmp</t>
  </si>
  <si>
    <t>12/26/2019 17:50:23</t>
  </si>
  <si>
    <t>12/26/2019 17:54:54</t>
  </si>
  <si>
    <t>10.200.66.202</t>
  </si>
  <si>
    <t>78-2B-CB-C3-0A-29</t>
  </si>
  <si>
    <t>VOTORANT-WB004</t>
  </si>
  <si>
    <t>acbcc35e-3011-487f-8400-e21fe6a4d8a0.tmp</t>
  </si>
  <si>
    <t>\\acsfs\profiles$\gabrieleods\Downloads\acbcc35e-3011-487f-8400-e21fe6a4d8a0.tmp</t>
  </si>
  <si>
    <t>12/26/2019 17:50:13</t>
  </si>
  <si>
    <t>12/26/2019 17:44:23</t>
  </si>
  <si>
    <t>H:\Controladoria\23.Faturamento\8. MATRIZ TRIBUTARIA\</t>
  </si>
  <si>
    <t>12/26/2019 17:53:33</t>
  </si>
  <si>
    <t>12/26/2019 17:56:53</t>
  </si>
  <si>
    <t>12/26/2019 17:51:47</t>
  </si>
  <si>
    <t>12/26/2019 17:52:19</t>
  </si>
  <si>
    <t>12/26/2019 17:52:32</t>
  </si>
  <si>
    <t>12/26/2019 17:55:28</t>
  </si>
  <si>
    <t>afa783a4-3a8f-40cd-a881-89c607646a5a.tmp</t>
  </si>
  <si>
    <t>\\acsfs\profiles$\wenderbnm\Downloads\afa783a4-3a8f-40cd-a881-89c607646a5a.tmp</t>
  </si>
  <si>
    <t>66392df2-cd3f-43ad-87ce-373420f689e2.tmp</t>
  </si>
  <si>
    <t>\\acsfs\profiles$\edicarlosdl\Downloads\66392df2-cd3f-43ad-87ce-373420f689e2.tmp</t>
  </si>
  <si>
    <t>12/26/2019 17:54:42</t>
  </si>
  <si>
    <t>12/26/2019 17:52:22</t>
  </si>
  <si>
    <t>12/26/2019 17:55:56</t>
  </si>
  <si>
    <t>12/26/2019 17:58:53</t>
  </si>
  <si>
    <t>12/26/2019 17:57:56</t>
  </si>
  <si>
    <t>12/26/2019 17:59:13</t>
  </si>
  <si>
    <t>12/26/2019 17:59:53</t>
  </si>
  <si>
    <t>c8b580dc-ee70-4074-bf6c-025745f7f523.tmp</t>
  </si>
  <si>
    <t>\\acsfs\profiles$\regisadsa\Downloads\c8b580dc-ee70-4074-bf6c-025745f7f523.tmp</t>
  </si>
  <si>
    <t>12/26/2019 17:56:31</t>
  </si>
  <si>
    <t>12/26/2019 18:00:53</t>
  </si>
  <si>
    <t>346bed7f-362a-4a65-bff5-7a7b1f0cab21.tmp</t>
  </si>
  <si>
    <t>\\acsfs\profiles$\alinepp\Downloads\346bed7f-362a-4a65-bff5-7a7b1f0cab21.tmp</t>
  </si>
  <si>
    <t>12/26/2019 17:59:00</t>
  </si>
  <si>
    <t>12/26/2019 18:01:53</t>
  </si>
  <si>
    <t>12/26/2019 17:59:20</t>
  </si>
  <si>
    <t>mail.google.com/sync/u/0/i/s?hl=pt-BR&amp;c=468</t>
  </si>
  <si>
    <t>12/26/2019 17:59:35</t>
  </si>
  <si>
    <t>12/26/2019 17:59:44</t>
  </si>
  <si>
    <t>12/26/2019 17:59:59</t>
  </si>
  <si>
    <t>12/26/2019 18:00:08</t>
  </si>
  <si>
    <t>12/26/2019 18:00:11</t>
  </si>
  <si>
    <t>12/26/2019 18:00:15</t>
  </si>
  <si>
    <t>mail.google.com/sync/u/0/i/s?hl=pt-BR&amp;c=499</t>
  </si>
  <si>
    <t>cb2c1844-9834-420e-8a15-598e5c457fa8.tmp</t>
  </si>
  <si>
    <t>\\acsfs\profiles$\KARENJSS\Downloads\cb2c1844-9834-420e-8a15-598e5c457fa8.tmp</t>
  </si>
  <si>
    <t>12/26/2019 17:59:03</t>
  </si>
  <si>
    <t>14c537d4-7fb5-4332-b001-f1232e1ed3a6.tmp</t>
  </si>
  <si>
    <t>\\acsfs\profiles$\KARENJSS\Downloads\14c537d4-7fb5-4332-b001-f1232e1ed3a6.tmp</t>
  </si>
  <si>
    <t>12/26/2019 18:02:54</t>
  </si>
  <si>
    <t>44dcc560-23bd-4bec-bba8-d896a0b3e16f.tmp</t>
  </si>
  <si>
    <t>\\acsfs\profiles$\victorgl\Downloads\44dcc560-23bd-4bec-bba8-d896a0b3e16f.tmp</t>
  </si>
  <si>
    <t>12/26/2019 18:01:56</t>
  </si>
  <si>
    <t>12/26/2019 18:03:53</t>
  </si>
  <si>
    <t>12/26/2019 17:58:54</t>
  </si>
  <si>
    <t>12/26/2019 18:00:29</t>
  </si>
  <si>
    <t>12/26/2019 18:05:53</t>
  </si>
  <si>
    <t>bd29cb0e-0ace-4b28-b111-267ff8387a34.tmp</t>
  </si>
  <si>
    <t>\\acsfs\profiles$\joycemmdl\Downloads\bd29cb0e-0ace-4b28-b111-267ff8387a34.tmp</t>
  </si>
  <si>
    <t>12/26/2019 18:02:34</t>
  </si>
  <si>
    <t>12/26/2019 18:06:53</t>
  </si>
  <si>
    <t>12/26/2019 18:02:40</t>
  </si>
  <si>
    <t>12/26/2019 18:02:45</t>
  </si>
  <si>
    <t>12/26/2019 18:02:52</t>
  </si>
  <si>
    <t>12/26/2019 18:03:05</t>
  </si>
  <si>
    <t>12/26/2019 18:03:06</t>
  </si>
  <si>
    <t>12/26/2019 18:04:02</t>
  </si>
  <si>
    <t>12/26/2019 18:04:23</t>
  </si>
  <si>
    <t>12/26/2019 18:04:33</t>
  </si>
  <si>
    <t>12/26/2019 18:04:51</t>
  </si>
  <si>
    <t>12/26/2019 18:05:03</t>
  </si>
  <si>
    <t>mail.google.com/sync/u/0/i/s?hl=pt-BR&amp;c=605</t>
  </si>
  <si>
    <t>12/26/2019 18:05:08</t>
  </si>
  <si>
    <t>mail.google.com/sync/u/0/i/s?hl=pt-BR&amp;c=615</t>
  </si>
  <si>
    <t>12/26/2019 18:05:28</t>
  </si>
  <si>
    <t>mail.google.com/sync/u/0/i/s?hl=pt-BR&amp;c=626</t>
  </si>
  <si>
    <t>12/26/2019 18:05:31</t>
  </si>
  <si>
    <t>12/26/2019 18:03:52</t>
  </si>
  <si>
    <t>12/26/2019 18:03:57</t>
  </si>
  <si>
    <t>12/26/2019 18:08:53</t>
  </si>
  <si>
    <t>12/26/2019 18:07:56</t>
  </si>
  <si>
    <t>12/26/2019 18:06:26</t>
  </si>
  <si>
    <t>12/26/2019 18:10:53</t>
  </si>
  <si>
    <t>12/26/2019 18:07:53</t>
  </si>
  <si>
    <t>12/26/2019 18:06:27</t>
  </si>
  <si>
    <t>12/26/2019 18:11:53</t>
  </si>
  <si>
    <t>mail.google.com/sync/u/0/i/s?hl=pt-BR&amp;c=631</t>
  </si>
  <si>
    <t>12/26/2019 18:06:32</t>
  </si>
  <si>
    <t>12/26/2019 18:06:37</t>
  </si>
  <si>
    <t>12/26/2019 18:06:49</t>
  </si>
  <si>
    <t>12/26/2019 18:06:59</t>
  </si>
  <si>
    <t>12/26/2019 18:07:19</t>
  </si>
  <si>
    <t>12/26/2019 18:10:32</t>
  </si>
  <si>
    <t>12/26/2019 18:08:46</t>
  </si>
  <si>
    <t>12/26/2019 18:12:52</t>
  </si>
  <si>
    <t>12/26/2019 18:09:03</t>
  </si>
  <si>
    <t>12/26/2019 18:09:04</t>
  </si>
  <si>
    <t>12/26/2019 18:09:06</t>
  </si>
  <si>
    <t>12/26/2019 18:09:13</t>
  </si>
  <si>
    <t>12/26/2019 18:09:54</t>
  </si>
  <si>
    <t>12/26/2019 18:10:02</t>
  </si>
  <si>
    <t>12/26/2019 18:10:03</t>
  </si>
  <si>
    <t>12/26/2019 18:09:57</t>
  </si>
  <si>
    <t>12/26/2019 18:13:53</t>
  </si>
  <si>
    <t>12/26/2019 18:12:56</t>
  </si>
  <si>
    <t>12/26/2019 18:11:41</t>
  </si>
  <si>
    <t>9ebd63c7-06ea-4f81-b228-045e999ccd42.tmp</t>
  </si>
  <si>
    <t>\\acsfs\profiles$\JOAOVAL\Downloads\9ebd63c7-06ea-4f81-b228-045e999ccd42.tmp</t>
  </si>
  <si>
    <t>12/26/2019 18:11:49</t>
  </si>
  <si>
    <t>12/26/2019 18:15:53</t>
  </si>
  <si>
    <t>d3bca258-9396-4d4f-9ea3-12b7c8dd4d2a.tmp</t>
  </si>
  <si>
    <t>\\acsfs\profiles$\alinepp\Downloads\d3bca258-9396-4d4f-9ea3-12b7c8dd4d2a.tmp</t>
  </si>
  <si>
    <t>12/26/2019 18:13:45</t>
  </si>
  <si>
    <t>12/26/2019 18:16:53</t>
  </si>
  <si>
    <t>12/26/2019 18:14:44</t>
  </si>
  <si>
    <t>12/26/2019 18:15:07</t>
  </si>
  <si>
    <t>12/26/2019 18:15:23</t>
  </si>
  <si>
    <t>12/26/2019 18:15:58</t>
  </si>
  <si>
    <t>12/26/2019 18:16:26</t>
  </si>
  <si>
    <t>8635ee11-5380-4e0a-883e-dc197bebc792.tmp</t>
  </si>
  <si>
    <t>\\acsfs\profiles$\leandromsa\Downloads\8635ee11-5380-4e0a-883e-dc197bebc792.tmp</t>
  </si>
  <si>
    <t>12/26/2019 18:13:19</t>
  </si>
  <si>
    <t>12/26/2019 18:17:52</t>
  </si>
  <si>
    <t>12/26/2019 18:15:33</t>
  </si>
  <si>
    <t>12/26/2019 18:18:53</t>
  </si>
  <si>
    <t>12/26/2019 18:15:56</t>
  </si>
  <si>
    <t>12/26/2019 18:13:28</t>
  </si>
  <si>
    <t>12/26/2019 18:19:36</t>
  </si>
  <si>
    <t>12/26/2019 18:20:53</t>
  </si>
  <si>
    <t>12/26/2019 18:18:24</t>
  </si>
  <si>
    <t>12/26/2019 18:18:10</t>
  </si>
  <si>
    <t>12/26/2019 18:20:37</t>
  </si>
  <si>
    <t>12/26/2019 18:21:53</t>
  </si>
  <si>
    <t>d21be84c-7b2e-46a4-bae3-6c089acb0399.tmp</t>
  </si>
  <si>
    <t>\\acsfs\profiles$\myllenardl\Downloads\d21be84c-7b2e-46a4-bae3-6c089acb0399.tmp</t>
  </si>
  <si>
    <t>12/26/2019 18:20:26</t>
  </si>
  <si>
    <t>9d562ac8-c244-4aad-8b51-07e5b950111b.tmp</t>
  </si>
  <si>
    <t>\\acsfs\profiles$\edicarlosdl\Downloads\9d562ac8-c244-4aad-8b51-07e5b950111b.tmp</t>
  </si>
  <si>
    <t>12/26/2019 18:19:55</t>
  </si>
  <si>
    <t>12/26/2019 18:23:53</t>
  </si>
  <si>
    <t>\\acsfs\DEPTOS\Operacao\Banco_Votorantim\Supervisao\CAMILLA LIMA RODRIGUES\COACHING - DEZEMBRO.xlsx</t>
  </si>
  <si>
    <t>12/26/2019 18:21:57</t>
  </si>
  <si>
    <t>12/26/2019 18:23:02</t>
  </si>
  <si>
    <t>12/26/2019 18:25:53</t>
  </si>
  <si>
    <t>11d05356-5acb-4036-84e1-1cbae3791595.tmp</t>
  </si>
  <si>
    <t>\\acsfs\profiles$\joycemmdl\Downloads\11d05356-5acb-4036-84e1-1cbae3791595.tmp</t>
  </si>
  <si>
    <t>12/26/2019 18:21:50</t>
  </si>
  <si>
    <t>62d0d546-8d63-4a17-8960-dc5b0034d525.tmp</t>
  </si>
  <si>
    <t>\\acsfs\profiles$\gabriellalpr\Downloads\62d0d546-8d63-4a17-8960-dc5b0034d525.tmp</t>
  </si>
  <si>
    <t>12/26/2019 18:23:21</t>
  </si>
  <si>
    <t>12/26/2019 18:26:53</t>
  </si>
  <si>
    <t>0880abbe-a375-4551-a427-ed0bb4fc680c.tmp</t>
  </si>
  <si>
    <t>\\acsfs\profiles$\erichds\Downloads\0880abbe-a375-4551-a427-ed0bb4fc680c.tmp</t>
  </si>
  <si>
    <t>12/26/2019 18:23:00</t>
  </si>
  <si>
    <t>69949c6d-89a5-40bc-88ef-da96a144e613.tmp</t>
  </si>
  <si>
    <t>\\acsfs\profiles$\laurandos\Downloads\69949c6d-89a5-40bc-88ef-da96a144e613.tmp</t>
  </si>
  <si>
    <t>12/26/2019 18:22:05</t>
  </si>
  <si>
    <t>12/26/2019 18:22:20</t>
  </si>
  <si>
    <t>12/26/2019 18:22:49</t>
  </si>
  <si>
    <t>12/26/2019 18:25:43</t>
  </si>
  <si>
    <t>12/26/2019 18:25:45</t>
  </si>
  <si>
    <t>12/26/2019 18:25:48</t>
  </si>
  <si>
    <t>12/26/2019 18:26:08</t>
  </si>
  <si>
    <t>12/26/2019 18:26:11</t>
  </si>
  <si>
    <t>12/26/2019 18:26:30</t>
  </si>
  <si>
    <t>12/26/2019 18:26:25</t>
  </si>
  <si>
    <t>12/26/2019 18:28:53</t>
  </si>
  <si>
    <t>f6438ec2-473a-4377-9160-f4e4f126fbcb.tmp</t>
  </si>
  <si>
    <t>\\acsfs\profiles$\rosileiam\Downloads\f6438ec2-473a-4377-9160-f4e4f126fbcb.tmp</t>
  </si>
  <si>
    <t>12/26/2019 18:28:17</t>
  </si>
  <si>
    <t>12/26/2019 18:25:57</t>
  </si>
  <si>
    <t>12/26/2019 18:27:57</t>
  </si>
  <si>
    <t>12/26/2019 18:30:13</t>
  </si>
  <si>
    <t>12/26/2019 18:30:53</t>
  </si>
  <si>
    <t>51856b87-ad15-42df-b000-80d2dd808550.tmp</t>
  </si>
  <si>
    <t>\\acsfs\profiles$\andreapdsg\Downloads\51856b87-ad15-42df-b000-80d2dd808550.tmp</t>
  </si>
  <si>
    <t>12/26/2019 18:26:34</t>
  </si>
  <si>
    <t>12/26/2019 18:31:53</t>
  </si>
  <si>
    <t>12/26/2019 18:26:38</t>
  </si>
  <si>
    <t>12/26/2019 18:26:57</t>
  </si>
  <si>
    <t>12/26/2019 18:27:00</t>
  </si>
  <si>
    <t>12/26/2019 18:27:15</t>
  </si>
  <si>
    <t>12/26/2019 18:27:18</t>
  </si>
  <si>
    <t>12/26/2019 18:27:30</t>
  </si>
  <si>
    <t>12/26/2019 18:27:37</t>
  </si>
  <si>
    <t>12/26/2019 18:27:39</t>
  </si>
  <si>
    <t>12/26/2019 18:27:46</t>
  </si>
  <si>
    <t>12/26/2019 18:29:49</t>
  </si>
  <si>
    <t>12/26/2019 18:33:53</t>
  </si>
  <si>
    <t>12/26/2019 18:30:20</t>
  </si>
  <si>
    <t>12/26/2019 18:31:57</t>
  </si>
  <si>
    <t>12/26/2019 18:32:28</t>
  </si>
  <si>
    <t>12/26/2019 18:34:36</t>
  </si>
  <si>
    <t>12/26/2019 18:35:53</t>
  </si>
  <si>
    <t>9c6ba88c-809c-4c58-a7a8-e8a1abcaec19.tmp</t>
  </si>
  <si>
    <t>\\acsfs\profiles$\fabianobmf\Downloads\9c6ba88c-809c-4c58-a7a8-e8a1abcaec19.tmp</t>
  </si>
  <si>
    <t>12/26/2019 18:36:10</t>
  </si>
  <si>
    <t>12/26/2019 18:37:53</t>
  </si>
  <si>
    <t>12/26/2019 18:34:31</t>
  </si>
  <si>
    <t>12/26/2019 18:38:53</t>
  </si>
  <si>
    <t>12/26/2019 18:33:57</t>
  </si>
  <si>
    <t>12/26/2019 18:37:57</t>
  </si>
  <si>
    <t>12/26/2019 18:37:46</t>
  </si>
  <si>
    <t>12/26/2019 18:39:02</t>
  </si>
  <si>
    <t>12/26/2019 18:39:53</t>
  </si>
  <si>
    <t>mail.google.com/_/upload?authuser=0&amp;dcp=asu-n&amp;upload_id=AEnB2Uo9ukhDNI38UbhqAlQUc-wXrC58NGQYUgVmSYtQDtOx3C0LoXpt-4KCVjbBD9ZI3ukI7K31JnRuikzsdH9GaJzgvOnVMb4yLjeoaw1I41BBs9Er1lg&amp;upload_protocol=resumable</t>
  </si>
  <si>
    <t>Cópia de EXTRACAO_COMPROMISSOS_A19M12D26.xlsb</t>
  </si>
  <si>
    <t>12/26/2019 18:36:55</t>
  </si>
  <si>
    <t>12/26/2019 18:42:53</t>
  </si>
  <si>
    <t>\\acsfs\DEPTOS\Operacao\PCP\5 - Comum\PLANEJAMENTO BV\14 - ACOMPANHAMENTO\1 - REPORT ACOMPANHAMENTO\2019\12 - Dezembro\FINANCEIRA\REPORT ACOMPANHAMENTO - BV - DEZEMBRO.xlsb</t>
  </si>
  <si>
    <t>12/26/2019 18:38:04</t>
  </si>
  <si>
    <t>12/26/2019 18:43:53</t>
  </si>
  <si>
    <t>12/26/2019 18:38:23</t>
  </si>
  <si>
    <t>12/26/2019 18:38:33</t>
  </si>
  <si>
    <t>12/26/2019 18:38:36</t>
  </si>
  <si>
    <t>12/26/2019 18:38:45</t>
  </si>
  <si>
    <t>12/26/2019 18:39:57</t>
  </si>
  <si>
    <t>12/26/2019 18:41:46</t>
  </si>
  <si>
    <t>12/26/2019 18:45:53</t>
  </si>
  <si>
    <t>6ac5c375-4ded-4d50-8c8e-e4898531bb3f.tmp</t>
  </si>
  <si>
    <t>\\acsfs\profiles$\joycemmdl\Downloads\6ac5c375-4ded-4d50-8c8e-e4898531bb3f.tmp</t>
  </si>
  <si>
    <t>12/26/2019 18:42:40</t>
  </si>
  <si>
    <t>12/26/2019 18:46:52</t>
  </si>
  <si>
    <t>12/26/2019 18:42:23</t>
  </si>
  <si>
    <t>12/26/2019 18:47:53</t>
  </si>
  <si>
    <t>12/26/2019 18:44:27</t>
  </si>
  <si>
    <t>12/26/2019 18:48:07</t>
  </si>
  <si>
    <t>12/26/2019 18:48:52</t>
  </si>
  <si>
    <t>51be74af-30c4-46dc-9734-3f3db00962b7.tmp</t>
  </si>
  <si>
    <t>\\acsfs\profiles$\taylaedoa\Downloads\51be74af-30c4-46dc-9734-3f3db00962b7.tmp</t>
  </si>
  <si>
    <t>12/26/2019 18:43:33</t>
  </si>
  <si>
    <t>12/26/2019 18:43:57</t>
  </si>
  <si>
    <t>12/26/2019 18:45:57</t>
  </si>
  <si>
    <t>12/26/2019 18:47:08</t>
  </si>
  <si>
    <t>12/26/2019 18:46:23</t>
  </si>
  <si>
    <t>d9e32260-f6fb-4768-8efa-3bb74f724a8b.tmp</t>
  </si>
  <si>
    <t>\\acsfs\profiles$\mariajaf\Downloads\d9e32260-f6fb-4768-8efa-3bb74f724a8b.tmp</t>
  </si>
  <si>
    <t>12/26/2019 18:47:03</t>
  </si>
  <si>
    <t>12/26/2019 18:51:53</t>
  </si>
  <si>
    <t>lu8452tp8l.tmp</t>
  </si>
  <si>
    <t>\\acsfs\profiles$\edicarlosdl\My Documents\lu8452tp8l.tmp</t>
  </si>
  <si>
    <t>\\acsfs\profiles$\edicarlosdl\My Documents\lu8452tp8l.tmp\</t>
  </si>
  <si>
    <t>\\acsfs\profiles$\edicarlosdl\My Documents\lu8452tp8l.tmp\META-INF\</t>
  </si>
  <si>
    <t>\\acsfs\profiles$\edicarlosdl\My Documents\lu8452tp8l.tmp\Thumbnails\</t>
  </si>
  <si>
    <t>12/26/2019 18:47:20</t>
  </si>
  <si>
    <t>12/26/2019 18:49:44</t>
  </si>
  <si>
    <t>12/26/2019 18:52:53</t>
  </si>
  <si>
    <t>1bade75c-9ef4-4613-b085-8ebead16d237.tmp</t>
  </si>
  <si>
    <t>\\acsfs\profiles$\fabianafv\Downloads\1bade75c-9ef4-4613-b085-8ebead16d237.tmp</t>
  </si>
  <si>
    <t>12/26/2019 18:49:57</t>
  </si>
  <si>
    <t>12/26/2019 18:53:53</t>
  </si>
  <si>
    <t>12/26/2019 18:51:57</t>
  </si>
  <si>
    <t>12/26/2019 18:51:34</t>
  </si>
  <si>
    <t>d942b247-9a76-4ed8-9002-63396036d448.tmp</t>
  </si>
  <si>
    <t>\\acsfs\profiles$\mariajaf\Downloads\d942b247-9a76-4ed8-9002-63396036d448.tmp</t>
  </si>
  <si>
    <t>12/26/2019 18:52:09</t>
  </si>
  <si>
    <t>fc06fb0a-e5dd-410d-8f85-25a6d153db82.tmp</t>
  </si>
  <si>
    <t>\\acsfs\profiles$\mariajaf\Downloads\fc06fb0a-e5dd-410d-8f85-25a6d153db82.tmp</t>
  </si>
  <si>
    <t>12/26/2019 18:53:45</t>
  </si>
  <si>
    <t>12/26/2019 18:55:53</t>
  </si>
  <si>
    <t>e82b7c4a-6a59-41be-b372-99f852209350.tmp</t>
  </si>
  <si>
    <t>\\acsfs\profiles$\joycemmdl\Downloads\e82b7c4a-6a59-41be-b372-99f852209350.tmp</t>
  </si>
  <si>
    <t>12/26/2019 18:54:54</t>
  </si>
  <si>
    <t>12/26/2019 18:55:38</t>
  </si>
  <si>
    <t>12/26/2019 18:52:45</t>
  </si>
  <si>
    <t>af0a6fc3-3e0d-4a48-b345-5dad2397fec9.tmp</t>
  </si>
  <si>
    <t>\\acsfs\profiles$\andreapdsg\Downloads\af0a6fc3-3e0d-4a48-b345-5dad2397fec9.tmp</t>
  </si>
  <si>
    <t>12/26/2019 18:56:24</t>
  </si>
  <si>
    <t>12/26/2019 18:56:53</t>
  </si>
  <si>
    <t>12/26/2019 18:53:15</t>
  </si>
  <si>
    <t>12/26/2019 18:57:54</t>
  </si>
  <si>
    <t>b0a72e61-feeb-4848-8ac5-03e8650e789a.tmp</t>
  </si>
  <si>
    <t>\\acsfs\profiles$\fabianafv\Downloads\b0a72e61-feeb-4848-8ac5-03e8650e789a.tmp</t>
  </si>
  <si>
    <t>12/26/2019 18:53:38</t>
  </si>
  <si>
    <t>12/26/2019 18:58:53</t>
  </si>
  <si>
    <t>d1d6f7e0-bdeb-42b1-87e0-eb8fc10c9871.tmp</t>
  </si>
  <si>
    <t>\\acsfs\profiles$\cintiadjl\Downloads\d1d6f7e0-bdeb-42b1-87e0-eb8fc10c9871.tmp</t>
  </si>
  <si>
    <t>12/26/2019 18:55:57</t>
  </si>
  <si>
    <t>12/26/2019 18:57:57</t>
  </si>
  <si>
    <t>12/26/2019 19:00:15</t>
  </si>
  <si>
    <t>12/26/2019 19:00:53</t>
  </si>
  <si>
    <t>12/26/2019 18:56:22</t>
  </si>
  <si>
    <t>12/26/2019 18:56:23</t>
  </si>
  <si>
    <t>12/26/2019 18:56:25</t>
  </si>
  <si>
    <t>12/26/2019 19:01:53</t>
  </si>
  <si>
    <t>12/26/2019 18:56:26</t>
  </si>
  <si>
    <t>12/26/2019 18:56:27</t>
  </si>
  <si>
    <t>12/26/2019 18:57:05</t>
  </si>
  <si>
    <t>12/26/2019 18:57:06</t>
  </si>
  <si>
    <t>12/26/2019 18:57:09</t>
  </si>
  <si>
    <t>12/26/2019 18:58:54</t>
  </si>
  <si>
    <t>12/26/2019 19:00:44</t>
  </si>
  <si>
    <t>12/26/2019 18:58:15</t>
  </si>
  <si>
    <t>12/26/2019 19:01:57</t>
  </si>
  <si>
    <t>12/26/2019 19:03:53</t>
  </si>
  <si>
    <t>12/26/2019 19:03:08</t>
  </si>
  <si>
    <t>12/26/2019 19:05:53</t>
  </si>
  <si>
    <t>12/26/2019 19:02:26</t>
  </si>
  <si>
    <t>12/26/2019 19:04:47</t>
  </si>
  <si>
    <t>12/26/2019 19:04:33</t>
  </si>
  <si>
    <t>12/26/2019 19:06:54</t>
  </si>
  <si>
    <t>474c1a2c-8428-49b6-a706-e62e1b80dc3b.tmp</t>
  </si>
  <si>
    <t>\\acsfs\profiles$\andreapdsg\Downloads\474c1a2c-8428-49b6-a706-e62e1b80dc3b.tmp</t>
  </si>
  <si>
    <t>12/26/2019 19:04:49</t>
  </si>
  <si>
    <t>efd72edb-62c9-404f-a969-f953f9c39c9a.tmp</t>
  </si>
  <si>
    <t>\\acsfs\profiles$\andreapdsg\Downloads\efd72edb-62c9-404f-a969-f953f9c39c9a.tmp</t>
  </si>
  <si>
    <t>12/26/2019 19:01:04</t>
  </si>
  <si>
    <t>12/26/2019 19:01:36</t>
  </si>
  <si>
    <t>12/26/2019 19:02:36</t>
  </si>
  <si>
    <t>12/26/2019 19:03:25</t>
  </si>
  <si>
    <t>12/26/2019 19:03:40</t>
  </si>
  <si>
    <t>12/26/2019 19:03:45</t>
  </si>
  <si>
    <t>12/26/2019 19:04:18</t>
  </si>
  <si>
    <t>12/26/2019 19:04:21</t>
  </si>
  <si>
    <t>12/26/2019 19:04:22</t>
  </si>
  <si>
    <t>bvcartes-supervisores@algarnet.onmicrosoft.com;joaogvc@algartech.com;josiascdsj@algartech.com;leonardoao@algartech.com;marianadjc@algartech.com;taysdss@algartech.com;thiagordu@algartech.com;viniciussg@algartech.com;</t>
  </si>
  <si>
    <t>bvcartes-supervisores@algarnet.onmicrosoft.com,joaogvc@algartech.com,josiascdsj@algartech.com,leonardoao@algartech.com,marianadjc@algartech.com,taysdss@algartech.com,thiagordu@algartech.com,viniciussg@algartech.com</t>
  </si>
  <si>
    <t>12/26/2019 19:05:17</t>
  </si>
  <si>
    <t>12/26/2019 19:03:57</t>
  </si>
  <si>
    <t>12/26/2019 19:08:54</t>
  </si>
  <si>
    <t>12/26/2019 19:07:57</t>
  </si>
  <si>
    <t>12/26/2019 19:04:23</t>
  </si>
  <si>
    <t>12/26/2019 19:05:42</t>
  </si>
  <si>
    <t>78-2B-CB-C1-06-90</t>
  </si>
  <si>
    <t>VOTORANT-MB009</t>
  </si>
  <si>
    <t>59d9f4b6-8444-4582-a4c8-5f49516a9851.tmp</t>
  </si>
  <si>
    <t>\\acsfs\profiles$\victorgl\Downloads\59d9f4b6-8444-4582-a4c8-5f49516a9851.tmp</t>
  </si>
  <si>
    <t>12/26/2019 19:07:30</t>
  </si>
  <si>
    <t>84b3b4f8-468f-45ec-a246-73d9ffb094b4.tmp</t>
  </si>
  <si>
    <t>\\acsfs\profiles$\victorgl\Downloads\84b3b4f8-468f-45ec-a246-73d9ffb094b4.tmp</t>
  </si>
  <si>
    <t>12/26/2019 19:06:27</t>
  </si>
  <si>
    <t>12/26/2019 19:09:53</t>
  </si>
  <si>
    <t>12/26/2019 19:06:24</t>
  </si>
  <si>
    <t>12/26/2019 19:10:53</t>
  </si>
  <si>
    <t>401fb0d4-55f1-47aa-8e9c-918e14996e4b.tmp</t>
  </si>
  <si>
    <t>\\acsfs\profiles$\gabrielamdp\Downloads\401fb0d4-55f1-47aa-8e9c-918e14996e4b.tmp</t>
  </si>
  <si>
    <t>12/26/2019 19:07:23</t>
  </si>
  <si>
    <t>12/26/2019 19:11:53</t>
  </si>
  <si>
    <t>12/26/2019 19:07:27</t>
  </si>
  <si>
    <t>12/26/2019 19:07:36</t>
  </si>
  <si>
    <t>12/26/2019 19:08:36</t>
  </si>
  <si>
    <t>12/26/2019 19:09:41</t>
  </si>
  <si>
    <t>12/26/2019 19:08:42</t>
  </si>
  <si>
    <t>12/26/2019 19:09:49</t>
  </si>
  <si>
    <t>12/26/2019 19:12:53</t>
  </si>
  <si>
    <t>12/26/2019 19:10:02</t>
  </si>
  <si>
    <t>12/26/2019 19:11:25</t>
  </si>
  <si>
    <t>12/26/2019 19:13:53</t>
  </si>
  <si>
    <t>12/26/2019 19:11:59</t>
  </si>
  <si>
    <t>12/26/2019 19:09:57</t>
  </si>
  <si>
    <t>12/26/2019 19:09:11</t>
  </si>
  <si>
    <t>b9b6d602-ca48-4b8e-b0e4-dfc174903254;</t>
  </si>
  <si>
    <t>12/26/2019 19:09:12</t>
  </si>
  <si>
    <t>12/26/2019 19:09:14</t>
  </si>
  <si>
    <t>12/26/2019 19:09:15</t>
  </si>
  <si>
    <t>12/26/2019 19:09:22</t>
  </si>
  <si>
    <t>12/26/2019 19:09:25</t>
  </si>
  <si>
    <t>12/26/2019 19:09:26</t>
  </si>
  <si>
    <t>12/26/2019 19:09:27</t>
  </si>
  <si>
    <t>12/26/2019 19:09:37</t>
  </si>
  <si>
    <t>12/26/2019 19:09:54</t>
  </si>
  <si>
    <t>12/26/2019 19:09:55</t>
  </si>
  <si>
    <t>12/26/2019 19:10:00</t>
  </si>
  <si>
    <t>12/26/2019 19:10:07</t>
  </si>
  <si>
    <t>12/26/2019 19:10:29</t>
  </si>
  <si>
    <t>12/26/2019 19:14:53</t>
  </si>
  <si>
    <t>12/26/2019 19:12:55</t>
  </si>
  <si>
    <t>12/26/2019 19:15:52</t>
  </si>
  <si>
    <t>12/26/2019 19:11:38</t>
  </si>
  <si>
    <t>12/26/2019 19:16:53</t>
  </si>
  <si>
    <t>https://bvcartes-supervisores@algarnet.onmicrosoft.com,joaogvc@algartech.com,josiascdsj@algartech.com,leonardoao@algartech.com,marianadjc@algartech.com,rafaelggs@algartech.com,taysdss@algartech.com,thiagordu@algartech.com,viniciussg@algartech.com</t>
  </si>
  <si>
    <t>12/26/2019 19:11:45</t>
  </si>
  <si>
    <t>12/26/2019 19:13:36</t>
  </si>
  <si>
    <t>12/26/2019 19:14:36</t>
  </si>
  <si>
    <t>12/26/2019 19:14:41</t>
  </si>
  <si>
    <t>12/26/2019 19:17:53</t>
  </si>
  <si>
    <t>0135c2f1-3e92-4a64-aba7-7f2011b8b0cc.tmp</t>
  </si>
  <si>
    <t>\\acsfs\profiles$\layonmof\Downloads\0135c2f1-3e92-4a64-aba7-7f2011b8b0cc.tmp</t>
  </si>
  <si>
    <t>12/26/2019 19:13:30</t>
  </si>
  <si>
    <t>12/26/2019 19:18:53</t>
  </si>
  <si>
    <t>12/26/2019 19:17:44</t>
  </si>
  <si>
    <t>12/26/2019 19:13:57</t>
  </si>
  <si>
    <t>12/26/2019 19:15:57</t>
  </si>
  <si>
    <t>12/26/2019 19:15:48</t>
  </si>
  <si>
    <t>c2f7b7e2-48b9-48c6-a046-7138064e469b.tmp</t>
  </si>
  <si>
    <t>\\acsfs\profiles$\victorgl\Downloads\c2f7b7e2-48b9-48c6-a046-7138064e469b.tmp</t>
  </si>
  <si>
    <t>12/26/2019 19:16:45</t>
  </si>
  <si>
    <t>40611788-0a0f-43c5-91c0-04d60aa9e245.tmp</t>
  </si>
  <si>
    <t>\\acsfs\profiles$\victorgl\Downloads\40611788-0a0f-43c5-91c0-04d60aa9e245.tmp</t>
  </si>
  <si>
    <t>12/26/2019 19:19:36</t>
  </si>
  <si>
    <t>12/26/2019 19:21:53</t>
  </si>
  <si>
    <t>12/26/2019 19:20:36</t>
  </si>
  <si>
    <t>12/26/2019 19:16:30</t>
  </si>
  <si>
    <t>12/26/2019 19:19:20</t>
  </si>
  <si>
    <t>12/26/2019 19:22:53</t>
  </si>
  <si>
    <t>c22cd49e-695e-4f0d-a815-b8fcc440fe8e.tmp</t>
  </si>
  <si>
    <t>\\acsfs\profiles$\fabianafv\Downloads\c22cd49e-695e-4f0d-a815-b8fcc440fe8e.tmp</t>
  </si>
  <si>
    <t>12/26/2019 19:18:58</t>
  </si>
  <si>
    <t>12/26/2019 19:23:53</t>
  </si>
  <si>
    <t>12/26/2019 19:19:21</t>
  </si>
  <si>
    <t>12/26/2019 19:21:03</t>
  </si>
  <si>
    <t>12/26/2019 19:19:57</t>
  </si>
  <si>
    <t>12/26/2019 19:21:57</t>
  </si>
  <si>
    <t>12/26/2019 19:22:42</t>
  </si>
  <si>
    <t>d09d2c7e-453d-4e36-b9c2-70c1a8029de4.tmp</t>
  </si>
  <si>
    <t>\\acsfs\profiles$\victorgl\Downloads\d09d2c7e-453d-4e36-b9c2-70c1a8029de4.tmp</t>
  </si>
  <si>
    <t>12/26/2019 19:25:36</t>
  </si>
  <si>
    <t>12/26/2019 19:26:53</t>
  </si>
  <si>
    <t>12/26/2019 19:23:34</t>
  </si>
  <si>
    <t>12/26/2019 19:27:53</t>
  </si>
  <si>
    <t>12/26/2019 19:25:57</t>
  </si>
  <si>
    <t>12/26/2019 19:28:53</t>
  </si>
  <si>
    <t>12/26/2019 19:27:57</t>
  </si>
  <si>
    <t>12/26/2019 19:25:51</t>
  </si>
  <si>
    <t>12/26/2019 19:30:53</t>
  </si>
  <si>
    <t>12/26/2019 19:26:36</t>
  </si>
  <si>
    <t>12/26/2019 19:31:53</t>
  </si>
  <si>
    <t>12/26/2019 19:29:41</t>
  </si>
  <si>
    <t>12/26/2019 19:33:53</t>
  </si>
  <si>
    <t>12/26/2019 19:31:57</t>
  </si>
  <si>
    <t>12/26/2019 19:33:17</t>
  </si>
  <si>
    <t>12/26/2019 19:34:53</t>
  </si>
  <si>
    <t>12/26/2019 19:31:36</t>
  </si>
  <si>
    <t>12/26/2019 19:36:53</t>
  </si>
  <si>
    <t>12/26/2019 19:32:36</t>
  </si>
  <si>
    <t>12/26/2019 19:35:41</t>
  </si>
  <si>
    <t>12/26/2019 19:38:53</t>
  </si>
  <si>
    <t>7ee47db9-14dd-4237-8c7c-af3a0d06e62c.tmp</t>
  </si>
  <si>
    <t>\\acsfs\profiles$\rosileiam\Downloads\7ee47db9-14dd-4237-8c7c-af3a0d06e62c.tmp</t>
  </si>
  <si>
    <t>12/26/2019 19:33:58</t>
  </si>
  <si>
    <t>12/26/2019 19:37:57</t>
  </si>
  <si>
    <t>12/26/2019 19:34:07</t>
  </si>
  <si>
    <t>533cdb6b-a6e8-44cb-9395-b131be5bc651.tmp</t>
  </si>
  <si>
    <t>\\acsfs\profiles$\victorgl\Downloads\533cdb6b-a6e8-44cb-9395-b131be5bc651.tmp</t>
  </si>
  <si>
    <t>12/26/2019 19:37:36</t>
  </si>
  <si>
    <t>12/26/2019 19:41:53</t>
  </si>
  <si>
    <t>12/26/2019 19:38:36</t>
  </si>
  <si>
    <t>12/26/2019 19:39:57</t>
  </si>
  <si>
    <t>12/26/2019 19:43:52</t>
  </si>
  <si>
    <t>12/26/2019 19:43:13</t>
  </si>
  <si>
    <t>12/26/2019 19:45:53</t>
  </si>
  <si>
    <t>12/26/2019 19:44:39</t>
  </si>
  <si>
    <t>12/26/2019 19:43:36</t>
  </si>
  <si>
    <t>12/26/2019 19:46:52</t>
  </si>
  <si>
    <t>12/26/2019 19:44:36</t>
  </si>
  <si>
    <t>12/26/2019 19:41:17</t>
  </si>
  <si>
    <t>12/26/2019 19:46:21</t>
  </si>
  <si>
    <t>2e080248-3f56-40a4-82ad-f481462ed76e.tmp</t>
  </si>
  <si>
    <t>\\acsfs\profiles$\leandromsa\Downloads\2e080248-3f56-40a4-82ad-f481462ed76e.tmp</t>
  </si>
  <si>
    <t>12/26/2019 19:43:57</t>
  </si>
  <si>
    <t>12/26/2019 19:48:53</t>
  </si>
  <si>
    <t>12/26/2019 19:45:57</t>
  </si>
  <si>
    <t>12/26/2019 19:49:36</t>
  </si>
  <si>
    <t>12/26/2019 19:51:52</t>
  </si>
  <si>
    <t>12/26/2019 19:50:36</t>
  </si>
  <si>
    <t>12/26/2019 19:49:00</t>
  </si>
  <si>
    <t>fd6b6ae6-6376-4e7f-a937-f06c6dae3c5d.tmp</t>
  </si>
  <si>
    <t>\\acsfs\profiles$\henriqueco\Downloads\fd6b6ae6-6376-4e7f-a937-f06c6dae3c5d.tmp</t>
  </si>
  <si>
    <t>12/26/2019 19:50:06</t>
  </si>
  <si>
    <t>759f9849-ad36-4205-be19-d14940806de8.tmp</t>
  </si>
  <si>
    <t>\\acsfs\profiles$\henriqueco\Downloads\759f9849-ad36-4205-be19-d14940806de8.tmp</t>
  </si>
  <si>
    <t>12/26/2019 19:51:10</t>
  </si>
  <si>
    <t>db7c51ba-fe46-4725-a94e-340e961a9c28.tmp</t>
  </si>
  <si>
    <t>\\acsfs\profiles$\wenderbnm\Downloads\db7c51ba-fe46-4725-a94e-340e961a9c28.tmp</t>
  </si>
  <si>
    <t>12/26/2019 19:50:23</t>
  </si>
  <si>
    <t>12/26/2019 19:53:53</t>
  </si>
  <si>
    <t>7234f1b9-96b6-440e-987d-d17f667fb962.tmp</t>
  </si>
  <si>
    <t>\\acsfs\profiles$\vivianibfs\Downloads\7234f1b9-96b6-440e-987d-d17f667fb962.tmp</t>
  </si>
  <si>
    <t>12/26/2019 19:49:57</t>
  </si>
  <si>
    <t>12/26/2019 19:51:57</t>
  </si>
  <si>
    <t>12/26/2019 19:49:25</t>
  </si>
  <si>
    <t>0ef786d1-24e0-457e-8ce4-7d0a8375983b.tmp</t>
  </si>
  <si>
    <t>\\acsfs\profiles$\victorgl\Downloads\0ef786d1-24e0-457e-8ce4-7d0a8375983b.tmp</t>
  </si>
  <si>
    <t>12/26/2019 19:54:40</t>
  </si>
  <si>
    <t>12/26/2019 19:54:53</t>
  </si>
  <si>
    <t>ENC: Relatório Treinamento NR-17 - 40ª Parcial 2019</t>
  </si>
  <si>
    <t>Farol NR-17 - 40ª Parcial 2019.xlsb</t>
  </si>
  <si>
    <t>12/26/2019 19:54:12</t>
  </si>
  <si>
    <t>12/26/2019 19:55:53</t>
  </si>
  <si>
    <t>b47d89b2-3472-4bab-88da-a4e1778ec5a2.tmp</t>
  </si>
  <si>
    <t>\\acsfs\profiles$\alinepp\Downloads\b47d89b2-3472-4bab-88da-a4e1778ec5a2.tmp</t>
  </si>
  <si>
    <t>12/26/2019 19:55:36</t>
  </si>
  <si>
    <t>12/26/2019 19:56:53</t>
  </si>
  <si>
    <t>12/26/2019 19:55:14</t>
  </si>
  <si>
    <t>12/26/2019 19:57:53</t>
  </si>
  <si>
    <t>12/26/2019 19:53:32</t>
  </si>
  <si>
    <t>12/26/2019 19:53:57</t>
  </si>
  <si>
    <t>865454bc-38c9-47ec-8c9b-47c2445576fb.tmp</t>
  </si>
  <si>
    <t>\\acsfs\profiles$\anafaes\Downloads\865454bc-38c9-47ec-8c9b-47c2445576fb.tmp</t>
  </si>
  <si>
    <t>12/26/2019 19:54:57</t>
  </si>
  <si>
    <t>12/26/2019 19:55:57</t>
  </si>
  <si>
    <t>12/26/2019 19:58:53</t>
  </si>
  <si>
    <t>12/26/2019 19:57:58</t>
  </si>
  <si>
    <t>12/26/2019 19:56:36</t>
  </si>
  <si>
    <t>12/26/2019 20:01:53</t>
  </si>
  <si>
    <t>12/26/2019 20:02:15</t>
  </si>
  <si>
    <t>12/26/2019 20:03:53</t>
  </si>
  <si>
    <t>12/26/2019 20:02:47</t>
  </si>
  <si>
    <t>12/26/2019 20:03:18</t>
  </si>
  <si>
    <t>12/26/2019 20:01:57</t>
  </si>
  <si>
    <t>12/26/2019 20:00:24</t>
  </si>
  <si>
    <t>12/26/2019 20:01:52</t>
  </si>
  <si>
    <t>d9a9ec27-f0e0-4d79-93e2-03a3d8cd0c74.tmp</t>
  </si>
  <si>
    <t>\\acsfs\profiles$\victorgl\Downloads\d9a9ec27-f0e0-4d79-93e2-03a3d8cd0c74.tmp</t>
  </si>
  <si>
    <t>87d95b95-15fb-49dc-938c-8502834f43e9.tmp</t>
  </si>
  <si>
    <t>\\acsfs\profiles$\victorgl\Downloads\87d95b95-15fb-49dc-938c-8502834f43e9.tmp</t>
  </si>
  <si>
    <t>12/26/2019 19:59:14</t>
  </si>
  <si>
    <t>12/26/2019 20:04:53</t>
  </si>
  <si>
    <t>12/26/2019 20:00:55</t>
  </si>
  <si>
    <t>12/26/2019 20:05:53</t>
  </si>
  <si>
    <t>f7080bbc-c674-413d-9dc2-9063de9abc8d.tmp</t>
  </si>
  <si>
    <t>\\acsfs\profiles$\alinepp\Downloads\f7080bbc-c674-413d-9dc2-9063de9abc8d.tmp</t>
  </si>
  <si>
    <t>12/26/2019 20:01:36</t>
  </si>
  <si>
    <t>12/26/2019 20:06:52</t>
  </si>
  <si>
    <t>12/26/2019 20:02:25</t>
  </si>
  <si>
    <t>12/26/2019 20:02:32</t>
  </si>
  <si>
    <t>12/26/2019 20:02:36</t>
  </si>
  <si>
    <t>12/26/2019 20:03:25</t>
  </si>
  <si>
    <t>12/26/2019 20:03:29</t>
  </si>
  <si>
    <t>12/26/2019 20:03:42</t>
  </si>
  <si>
    <t>12/26/2019 20:03:47</t>
  </si>
  <si>
    <t>12/26/2019 20:04:00</t>
  </si>
  <si>
    <t>12/26/2019 20:07:53</t>
  </si>
  <si>
    <t>12/26/2019 20:04:19</t>
  </si>
  <si>
    <t>12/26/2019 20:08:52</t>
  </si>
  <si>
    <t>12/26/2019 20:03:57</t>
  </si>
  <si>
    <t>12/26/2019 20:07:58</t>
  </si>
  <si>
    <t>12/26/2019 20:05:37</t>
  </si>
  <si>
    <t>12/26/2019 20:09:53</t>
  </si>
  <si>
    <t>12/26/2019 20:09:35</t>
  </si>
  <si>
    <t>12/26/2019 20:12:52</t>
  </si>
  <si>
    <t>12/26/2019 20:09:32</t>
  </si>
  <si>
    <t>12/26/2019 20:13:53</t>
  </si>
  <si>
    <t>12/26/2019 20:09:57</t>
  </si>
  <si>
    <t>12/26/2019 20:08:59</t>
  </si>
  <si>
    <t>26b0b3fc-0af1-4b94-b771-edaed5bb63fd.tmp</t>
  </si>
  <si>
    <t>\\acsfs\profiles$\victorgl\Downloads\26b0b3fc-0af1-4b94-b771-edaed5bb63fd.tmp</t>
  </si>
  <si>
    <t>12/26/2019 20:09:56</t>
  </si>
  <si>
    <t>12/26/2019 20:14:52</t>
  </si>
  <si>
    <t>ENC: Calendário Monitorias Janeiro/2020</t>
  </si>
  <si>
    <t>Cópia de CALENDÁRIO DE JANEIRO - 2020.xlsx</t>
  </si>
  <si>
    <t>12/26/2019 20:16:02</t>
  </si>
  <si>
    <t>12/26/2019 20:17:53</t>
  </si>
  <si>
    <t>lu2640fqrtj.tmp</t>
  </si>
  <si>
    <t>\\acsfs\profiles$\FABIANAFV\My Documents\lu2640fqrtj.tmp</t>
  </si>
  <si>
    <t>\\acsfs\profiles$\FABIANAFV\My Documents\lu2640fqrtj.tmp\</t>
  </si>
  <si>
    <t>\\acsfs\profiles$\FABIANAFV\My Documents\lu2640fqrtj.tmp\META-INF\</t>
  </si>
  <si>
    <t>\\acsfs\profiles$\FABIANAFV\My Documents\lu2640fqrtj.tmp\Thumbnails\</t>
  </si>
  <si>
    <t>12/26/2019 20:13:09</t>
  </si>
  <si>
    <t>12/26/2019 20:18:52</t>
  </si>
  <si>
    <t>12/26/2019 20:15:54</t>
  </si>
  <si>
    <t>12/26/2019 20:17:45</t>
  </si>
  <si>
    <t>12/26/2019 20:13:58</t>
  </si>
  <si>
    <t>12/26/2019 20:15:58</t>
  </si>
  <si>
    <t>12/26/2019 20:16:55</t>
  </si>
  <si>
    <t>12/26/2019 20:20:53</t>
  </si>
  <si>
    <t>12/26/2019 20:19:53</t>
  </si>
  <si>
    <t>DHE.txt</t>
  </si>
  <si>
    <t>\\acsfs\Deptos\Operacao\Banco_Votorantim\Supervisao\Flávia Constantina Nogueira\DHE.txt</t>
  </si>
  <si>
    <t>12/26/2019 20:19:09</t>
  </si>
  <si>
    <t>12/26/2019 20:22:53</t>
  </si>
  <si>
    <t>.~lock.planilha ativo fabiana.ods#</t>
  </si>
  <si>
    <t>\\acsfs\profiles$\FABIANAFV\My Documents\.~lock.planilha ativo fabiana.ods#</t>
  </si>
  <si>
    <t>12/26/2019 20:19:31</t>
  </si>
  <si>
    <t>\\acsfs\profiles$\FABIANAFV\My Documents\.~lock.Fabiana.ods#</t>
  </si>
  <si>
    <t>12/26/2019 20:22:12</t>
  </si>
  <si>
    <t>12/26/2019 20:21:11</t>
  </si>
  <si>
    <t>12/26/2019 20:23:53</t>
  </si>
  <si>
    <t>12/26/2019 20:19:58</t>
  </si>
  <si>
    <t>12/26/2019 20:21:58</t>
  </si>
  <si>
    <t>12/26/2019 20:21:55</t>
  </si>
  <si>
    <t>12/26/2019 20:25:54</t>
  </si>
  <si>
    <t>12/26/2019 20:22:17</t>
  </si>
  <si>
    <t>Coaching.xlsx</t>
  </si>
  <si>
    <t>\\acsfs\Deptos\Operacao\Banco_Votorantim\Supervisao\Flávia Constantina Nogueira\Coaching.xlsx</t>
  </si>
  <si>
    <t>12/26/2019 20:25:43</t>
  </si>
  <si>
    <t>12/26/2019 20:27:54</t>
  </si>
  <si>
    <t>12/26/2019 20:27:10</t>
  </si>
  <si>
    <t>12/26/2019 20:27:11</t>
  </si>
  <si>
    <t>12/26/2019 20:27:12</t>
  </si>
  <si>
    <t>12/26/2019 20:28:53</t>
  </si>
  <si>
    <t>12/26/2019 20:27:13</t>
  </si>
  <si>
    <t>12/26/2019 20:27:14</t>
  </si>
  <si>
    <t>12/26/2019 20:27:15</t>
  </si>
  <si>
    <t>12/26/2019 20:27:17</t>
  </si>
  <si>
    <t>12/26/2019 20:27:18</t>
  </si>
  <si>
    <t>12/26/2019 20:27:19</t>
  </si>
  <si>
    <t>12/26/2019 20:27:20</t>
  </si>
  <si>
    <t>12/26/2019 20:27:21</t>
  </si>
  <si>
    <t>12/26/2019 20:27:22</t>
  </si>
  <si>
    <t>12/26/2019 20:27:23</t>
  </si>
  <si>
    <t>12/26/2019 20:27:24</t>
  </si>
  <si>
    <t>12/26/2019 20:25:32</t>
  </si>
  <si>
    <t>12/26/2019 20:25:58</t>
  </si>
  <si>
    <t>12/26/2019 20:27:58</t>
  </si>
  <si>
    <t>12/26/2019 20:31:45</t>
  </si>
  <si>
    <t>12/26/2019 20:32:54</t>
  </si>
  <si>
    <t>12/26/2019 20:27:25</t>
  </si>
  <si>
    <t>12/26/2019 20:33:54</t>
  </si>
  <si>
    <t>12/26/2019 20:27:26</t>
  </si>
  <si>
    <t>12/26/2019 20:27:27</t>
  </si>
  <si>
    <t>12/26/2019 20:27:28</t>
  </si>
  <si>
    <t>12/26/2019 20:27:29</t>
  </si>
  <si>
    <t>12/26/2019 20:27:30</t>
  </si>
  <si>
    <t>12/26/2019 20:27:31</t>
  </si>
  <si>
    <t>12/26/2019 20:27:32</t>
  </si>
  <si>
    <t>12/26/2019 20:27:33</t>
  </si>
  <si>
    <t>12/26/2019 20:27:34</t>
  </si>
  <si>
    <t>12/26/2019 20:27:35</t>
  </si>
  <si>
    <t>12/26/2019 20:27:36</t>
  </si>
  <si>
    <t>12/26/2019 20:27:40</t>
  </si>
  <si>
    <t>12/26/2019 20:27:45</t>
  </si>
  <si>
    <t>12/26/2019 20:27:46</t>
  </si>
  <si>
    <t>12/26/2019 20:27:48</t>
  </si>
  <si>
    <t>12/26/2019 20:28:15</t>
  </si>
  <si>
    <t>12/26/2019 20:32:37</t>
  </si>
  <si>
    <t>12/26/2019 20:31:58</t>
  </si>
  <si>
    <t>12/26/2019 20:34:49</t>
  </si>
  <si>
    <t>12/26/2019 20:35:54</t>
  </si>
  <si>
    <t>12/26/2019 20:33:26</t>
  </si>
  <si>
    <t>12/26/2019 20:37:54</t>
  </si>
  <si>
    <t>12/26/2019 20:33:36</t>
  </si>
  <si>
    <t>12/26/2019 20:38:54</t>
  </si>
  <si>
    <t>12/26/2019 20:33:59</t>
  </si>
  <si>
    <t>12/26/2019 20:37:58</t>
  </si>
  <si>
    <t>12/26/2019 20:35:04</t>
  </si>
  <si>
    <t>12/26/2019 20:39:54</t>
  </si>
  <si>
    <t>12/26/2019 20:37:43</t>
  </si>
  <si>
    <t>12/26/2019 20:40:54</t>
  </si>
  <si>
    <t>12/26/2019 20:36:39</t>
  </si>
  <si>
    <t>12/26/2019 20:37:08</t>
  </si>
  <si>
    <t>12/26/2019 20:39:32</t>
  </si>
  <si>
    <t>12/26/2019 20:39:52</t>
  </si>
  <si>
    <t>12/26/2019 20:40:05</t>
  </si>
  <si>
    <t>12/26/2019 20:36:30</t>
  </si>
  <si>
    <t>NetScaler Gateway.url:favicon</t>
  </si>
  <si>
    <t>\\acsfs\profiles$\flaviacdst\Favorites\NetScaler Gateway.url:favicon</t>
  </si>
  <si>
    <t>12/26/2019 20:36:31</t>
  </si>
  <si>
    <t>12/26/2019 20:38:36</t>
  </si>
  <si>
    <t>12/26/2019 20:43:53</t>
  </si>
  <si>
    <t>12/26/2019 20:39:36</t>
  </si>
  <si>
    <t>12/26/2019 20:39:58</t>
  </si>
  <si>
    <t>12/26/2019 20:42:25</t>
  </si>
  <si>
    <t>12/26/2019 20:45:44</t>
  </si>
  <si>
    <t>12/26/2019 20:46:54</t>
  </si>
  <si>
    <t>12/26/2019 20:44:36</t>
  </si>
  <si>
    <t>12/26/2019 20:48:54</t>
  </si>
  <si>
    <t>12/26/2019 20:45:36</t>
  </si>
  <si>
    <t>12/26/2019 20:43:58</t>
  </si>
  <si>
    <t>12/26/2019 20:45:58</t>
  </si>
  <si>
    <t>12/26/2019 20:46:19</t>
  </si>
  <si>
    <t>12/26/2019 20:44:28</t>
  </si>
  <si>
    <t>12/26/2019 20:44:29</t>
  </si>
  <si>
    <t>ee0bf67a-84fe-4ed4-a3ef-c91b3f3d4363;</t>
  </si>
  <si>
    <t>12/26/2019 20:44:34</t>
  </si>
  <si>
    <t>12/26/2019 20:44:40</t>
  </si>
  <si>
    <t>12/26/2019 20:44:41</t>
  </si>
  <si>
    <t>12/26/2019 20:44:42</t>
  </si>
  <si>
    <t>12/26/2019 20:44:48</t>
  </si>
  <si>
    <t>12/26/2019 20:45:02</t>
  </si>
  <si>
    <t>12/26/2019 20:45:03</t>
  </si>
  <si>
    <t>12/26/2019 20:45:09</t>
  </si>
  <si>
    <t>12/26/2019 20:45:11</t>
  </si>
  <si>
    <t>12/26/2019 20:45:22</t>
  </si>
  <si>
    <t>12/26/2019 20:45:25</t>
  </si>
  <si>
    <t>12/26/2019 20:45:26</t>
  </si>
  <si>
    <t>12/26/2019 20:45:27</t>
  </si>
  <si>
    <t>12/26/2019 20:45:28</t>
  </si>
  <si>
    <t>12/26/2019 20:45:30</t>
  </si>
  <si>
    <t>12/26/2019 20:45:47</t>
  </si>
  <si>
    <t>12/26/2019 20:50:53</t>
  </si>
  <si>
    <t>12/26/2019 20:46:21</t>
  </si>
  <si>
    <t>12/26/2019 20:46:26</t>
  </si>
  <si>
    <t>12/26/2019 20:46:32</t>
  </si>
  <si>
    <t>12/26/2019 20:46:52</t>
  </si>
  <si>
    <t>12/26/2019 20:46:55</t>
  </si>
  <si>
    <t>12/26/2019 20:47:05</t>
  </si>
  <si>
    <t>12/26/2019 20:47:13</t>
  </si>
  <si>
    <t>12/26/2019 20:47:24</t>
  </si>
  <si>
    <t>12/26/2019 20:47:30</t>
  </si>
  <si>
    <t>12/26/2019 20:47:37</t>
  </si>
  <si>
    <t>12/26/2019 20:46:27</t>
  </si>
  <si>
    <t>12/26/2019 20:47:17</t>
  </si>
  <si>
    <t>Chamados Desvio.txt</t>
  </si>
  <si>
    <t>\\acsfs\Deptos\Operacao\Banco_Votorantim\Supervisao\Flávia Constantina Nogueira\Chamados Desvio.txt</t>
  </si>
  <si>
    <t>12/26/2019 20:46:51</t>
  </si>
  <si>
    <t>12/26/2019 20:51:54</t>
  </si>
  <si>
    <t>https://udpmailboxap01.acs.com.br:8443/h/search?si=14&amp;so=0&amp;sc=53994&amp;sfi=6&amp;st=conversation&amp;action=compose&amp;paction=rowview</t>
  </si>
  <si>
    <t>12/26/2019 20:50:31</t>
  </si>
  <si>
    <t>12/26/2019 20:52:53</t>
  </si>
  <si>
    <t>12/26/2019 20:50:58</t>
  </si>
  <si>
    <t>12/26/2019 20:51:51</t>
  </si>
  <si>
    <t>12/26/2019 20:50:37</t>
  </si>
  <si>
    <t>12/26/2019 20:53:54</t>
  </si>
  <si>
    <t>12/26/2019 20:51:36</t>
  </si>
  <si>
    <t>12/26/2019 20:51:00</t>
  </si>
  <si>
    <t>12/26/2019 20:49:58</t>
  </si>
  <si>
    <t>12/26/2019 20:51:58</t>
  </si>
  <si>
    <t>12/26/2019 20:52:05</t>
  </si>
  <si>
    <t>12/26/2019 20:55:53</t>
  </si>
  <si>
    <t>12/26/2019 20:50:39</t>
  </si>
  <si>
    <t>12/26/2019 20:52:09</t>
  </si>
  <si>
    <t>12/26/2019 20:53:07</t>
  </si>
  <si>
    <t>12/26/2019 20:53:29</t>
  </si>
  <si>
    <t>12/26/2019 20:51:26</t>
  </si>
  <si>
    <t>12/26/2019 20:54:30</t>
  </si>
  <si>
    <t>12/26/2019 20:57:53</t>
  </si>
  <si>
    <t>12/26/2019 20:55:17</t>
  </si>
  <si>
    <t>12/26/2019 20:55:44</t>
  </si>
  <si>
    <t>12/26/2019 20:58:53</t>
  </si>
  <si>
    <t>12/26/2019 20:56:36</t>
  </si>
  <si>
    <t>12/26/2019 20:57:37</t>
  </si>
  <si>
    <t>12/26/2019 20:55:36</t>
  </si>
  <si>
    <t>12/26/2019 20:55:58</t>
  </si>
  <si>
    <t>12/26/2019 20:57:58</t>
  </si>
  <si>
    <t>12/26/2019 20:58:04</t>
  </si>
  <si>
    <t>12/26/2019 21:02:53</t>
  </si>
  <si>
    <t>12/26/2019 21:00:35</t>
  </si>
  <si>
    <t>12/26/2019 21:02:37</t>
  </si>
  <si>
    <t>12/26/2019 21:03:53</t>
  </si>
  <si>
    <t>12/26/2019 21:01:58</t>
  </si>
  <si>
    <t>12/26/2019 21:03:12</t>
  </si>
  <si>
    <t>12/26/2019 21:03:14</t>
  </si>
  <si>
    <t>12/26/2019 21:03:30</t>
  </si>
  <si>
    <t>12/26/2019 21:03:33</t>
  </si>
  <si>
    <t>12/26/2019 21:03:35</t>
  </si>
  <si>
    <t>12/26/2019 21:03:39</t>
  </si>
  <si>
    <t>12/26/2019 21:03:41</t>
  </si>
  <si>
    <t>12/26/2019 21:03:42</t>
  </si>
  <si>
    <t>12/26/2019 21:03:45</t>
  </si>
  <si>
    <t>12/26/2019 21:01:37</t>
  </si>
  <si>
    <t>12/26/2019 21:05:53</t>
  </si>
  <si>
    <t>12/26/2019 21:01:43</t>
  </si>
  <si>
    <t>12/26/2019 21:02:28</t>
  </si>
  <si>
    <t>12/26/2019 21:02:34</t>
  </si>
  <si>
    <t>100035125381406;joaogvc@algartech.com;josiascdsj@algartech.com;marianadjc@algartech.com;rafaelggs@algartech.com;taysdss@algartech.com;viniciussg@algartech.com;</t>
  </si>
  <si>
    <t>https://100035125381406,joaogvc@algartech.com,josiascdsj@algartech.com,marianadjc@algartech.com,rafaelggs@algartech.com,taysdss@algartech.com,viniciussg@algartech.com</t>
  </si>
  <si>
    <t>12/26/2019 21:03:59</t>
  </si>
  <si>
    <t>12/26/2019 21:06:53</t>
  </si>
  <si>
    <t>12/26/2019 21:03:54</t>
  </si>
  <si>
    <t>12/26/2019 21:07:53</t>
  </si>
  <si>
    <t>12/26/2019 21:04:11</t>
  </si>
  <si>
    <t>12/26/2019 21:07:29</t>
  </si>
  <si>
    <t>12/26/2019 21:06:52</t>
  </si>
  <si>
    <t>12/26/2019 21:08:53</t>
  </si>
  <si>
    <t>12/26/2019 21:03:36</t>
  </si>
  <si>
    <t>12/26/2019 21:03:58</t>
  </si>
  <si>
    <t>12/26/2019 21:07:59</t>
  </si>
  <si>
    <t>12/26/2019 21:06:47</t>
  </si>
  <si>
    <t>12/26/2019 21:03:48</t>
  </si>
  <si>
    <t>12/26/2019 21:04:01</t>
  </si>
  <si>
    <t>12/26/2019 21:04:02</t>
  </si>
  <si>
    <t>12/26/2019 21:04:03</t>
  </si>
  <si>
    <t>12/26/2019 21:04:05</t>
  </si>
  <si>
    <t>12/26/2019 21:09:53</t>
  </si>
  <si>
    <t>12/26/2019 21:04:06</t>
  </si>
  <si>
    <t>12/26/2019 21:04:08</t>
  </si>
  <si>
    <t>12/26/2019 21:04:09</t>
  </si>
  <si>
    <t>12/26/2019 21:04:10</t>
  </si>
  <si>
    <t>12/26/2019 21:04:13</t>
  </si>
  <si>
    <t>12/26/2019 21:04:18</t>
  </si>
  <si>
    <t>12/26/2019 21:04:24</t>
  </si>
  <si>
    <t>12/26/2019 21:05:02</t>
  </si>
  <si>
    <t>12/26/2019 21:05:03</t>
  </si>
  <si>
    <t>12/26/2019 21:05:05</t>
  </si>
  <si>
    <t>12/26/2019 21:05:06</t>
  </si>
  <si>
    <t>12/26/2019 21:05:12</t>
  </si>
  <si>
    <t>12/26/2019 21:05:14</t>
  </si>
  <si>
    <t>12/26/2019 21:08:02</t>
  </si>
  <si>
    <t>12/26/2019 21:08:04</t>
  </si>
  <si>
    <t>12/26/2019 21:08:05</t>
  </si>
  <si>
    <t>12/26/2019 21:08:06</t>
  </si>
  <si>
    <t>12/26/2019 21:08:07</t>
  </si>
  <si>
    <t>12/26/2019 21:08:10</t>
  </si>
  <si>
    <t>12/26/2019 21:08:13</t>
  </si>
  <si>
    <t>12/26/2019 21:08:16</t>
  </si>
  <si>
    <t>12/26/2019 21:08:19</t>
  </si>
  <si>
    <t>12/26/2019 21:08:23</t>
  </si>
  <si>
    <t>12/26/2019 21:08:25</t>
  </si>
  <si>
    <t>12/26/2019 21:08:26</t>
  </si>
  <si>
    <t>12/26/2019 21:08:27</t>
  </si>
  <si>
    <t>12/26/2019 21:08:28</t>
  </si>
  <si>
    <t>12/26/2019 21:08:33</t>
  </si>
  <si>
    <t>12/26/2019 21:08:37</t>
  </si>
  <si>
    <t>12/26/2019 21:08:44</t>
  </si>
  <si>
    <t>12/26/2019 21:10:53</t>
  </si>
  <si>
    <t>12/26/2019 21:06:24</t>
  </si>
  <si>
    <t>12/26/2019 21:06:46</t>
  </si>
  <si>
    <t>12/26/2019 21:11:53</t>
  </si>
  <si>
    <t>12/26/2019 21:11:38</t>
  </si>
  <si>
    <t>12/26/2019 21:12:53</t>
  </si>
  <si>
    <t>XLOG_anakcs_26122019_125759.log</t>
  </si>
  <si>
    <t>\\acsfs\profiles$\anakcs\My Documents\xworkcenter\logs\XLOG_anakcs_26122019_125759.log</t>
  </si>
  <si>
    <t>12/26/2019 21:09:50</t>
  </si>
  <si>
    <t>12/26/2019 21:11:21</t>
  </si>
  <si>
    <t>12/26/2019 21:13:53</t>
  </si>
  <si>
    <t>12/26/2019 21:09:37</t>
  </si>
  <si>
    <t>12/26/2019 21:09:59</t>
  </si>
  <si>
    <t>12/26/2019 21:14:53</t>
  </si>
  <si>
    <t>12/26/2019 21:08:55</t>
  </si>
  <si>
    <t>12/26/2019 21:08:57</t>
  </si>
  <si>
    <t>12/26/2019 21:08:58</t>
  </si>
  <si>
    <t>12/26/2019 21:08:59</t>
  </si>
  <si>
    <t>12/26/2019 21:09:04</t>
  </si>
  <si>
    <t>12/26/2019 21:09:05</t>
  </si>
  <si>
    <t>12/26/2019 21:09:09</t>
  </si>
  <si>
    <t>12/26/2019 21:09:13</t>
  </si>
  <si>
    <t>12/26/2019 21:09:16</t>
  </si>
  <si>
    <t>12/26/2019 21:09:18</t>
  </si>
  <si>
    <t>12/26/2019 21:09:20</t>
  </si>
  <si>
    <t>12/26/2019 21:09:23</t>
  </si>
  <si>
    <t>12/26/2019 21:09:24</t>
  </si>
  <si>
    <t>12/26/2019 21:09:30</t>
  </si>
  <si>
    <t>12/26/2019 21:09:31</t>
  </si>
  <si>
    <t>12/26/2019 21:09:45</t>
  </si>
  <si>
    <t>12/26/2019 21:09:57</t>
  </si>
  <si>
    <t>12/26/2019 21:09:58</t>
  </si>
  <si>
    <t>12/26/2019 21:10:04</t>
  </si>
  <si>
    <t>12/26/2019 21:10:05</t>
  </si>
  <si>
    <t>12/26/2019 21:13:07</t>
  </si>
  <si>
    <t>12/26/2019 21:13:09</t>
  </si>
  <si>
    <t>12/26/2019 21:13:10</t>
  </si>
  <si>
    <t>12/26/2019 21:13:11</t>
  </si>
  <si>
    <t>12/26/2019 21:13:12</t>
  </si>
  <si>
    <t>12/26/2019 21:13:14</t>
  </si>
  <si>
    <t>12/26/2019 21:13:19</t>
  </si>
  <si>
    <t>12/26/2019 21:14:05</t>
  </si>
  <si>
    <t>12/26/2019 21:14:45</t>
  </si>
  <si>
    <t>12/26/2019 21:15:53</t>
  </si>
  <si>
    <t>12/26/2019 21:11:43</t>
  </si>
  <si>
    <t>12/26/2019 21:11:45</t>
  </si>
  <si>
    <t>12/26/2019 21:11:49</t>
  </si>
  <si>
    <t>12/26/2019 21:11:52</t>
  </si>
  <si>
    <t>12/26/2019 21:11:55</t>
  </si>
  <si>
    <t>12/26/2019 21:12:22</t>
  </si>
  <si>
    <t>algartechcpcbv@algartech.com;andrelpsa@algartech.com;josiascdsj@algartech.com;leonardoao@algartech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12/26/2019 21:12:40</t>
  </si>
  <si>
    <t>12/26/2019 21:11:58</t>
  </si>
  <si>
    <t>12/26/2019 21:16:53</t>
  </si>
  <si>
    <t>89a05a4b-b4a1-4def-9171-ec8425d76e28.tmp</t>
  </si>
  <si>
    <t>\\acsfs\profiles$\laurandos\Downloads\89a05a4b-b4a1-4def-9171-ec8425d76e28.tmp</t>
  </si>
  <si>
    <t>12/26/2019 21:15:54</t>
  </si>
  <si>
    <t>12/26/2019 21:17:53</t>
  </si>
  <si>
    <t>12/26/2019 21:14:37</t>
  </si>
  <si>
    <t>12/26/2019 21:18:54</t>
  </si>
  <si>
    <t>12/26/2019 21:15:37</t>
  </si>
  <si>
    <t>12/26/2019 21:13:59</t>
  </si>
  <si>
    <t>12/26/2019 21:15:59</t>
  </si>
  <si>
    <t>12/26/2019 21:17:35</t>
  </si>
  <si>
    <t>12/26/2019 21:20:53</t>
  </si>
  <si>
    <t>12/26/2019 21:20:37</t>
  </si>
  <si>
    <t>12/26/2019 21:23:53</t>
  </si>
  <si>
    <t>12/26/2019 21:21:37</t>
  </si>
  <si>
    <t>12/26/2019 21:19:59</t>
  </si>
  <si>
    <t>12/26/2019 21:21:59</t>
  </si>
  <si>
    <t>12/26/2019 21:21:57</t>
  </si>
  <si>
    <t>12/26/2019 21:24:53</t>
  </si>
  <si>
    <t>12/26/2019 21:20:54</t>
  </si>
  <si>
    <t>12/26/2019 21:25:53</t>
  </si>
  <si>
    <t>12/26/2019 21:20:57</t>
  </si>
  <si>
    <t>12/26/2019 21:21:03</t>
  </si>
  <si>
    <t>12/26/2019 21:21:28</t>
  </si>
  <si>
    <t>12/26/2019 21:21:31</t>
  </si>
  <si>
    <t>12/26/2019 21:21:52</t>
  </si>
  <si>
    <t>12/26/2019 21:21:56</t>
  </si>
  <si>
    <t>12/26/2019 21:22:14</t>
  </si>
  <si>
    <t>12/26/2019 21:22:18</t>
  </si>
  <si>
    <t>12/26/2019 21:22:47</t>
  </si>
  <si>
    <t>12/26/2019 21:23:22</t>
  </si>
  <si>
    <t>12/26/2019 21:22:41</t>
  </si>
  <si>
    <t>63a966d1-b5dd-4ed1-9a48-2cd017d90976.tmp</t>
  </si>
  <si>
    <t>\\acsfs\profiles$\alinepp\Downloads\63a966d1-b5dd-4ed1-9a48-2cd017d90976.tmp</t>
  </si>
  <si>
    <t>12/26/2019 21:23:25</t>
  </si>
  <si>
    <t>12/26/2019 21:26:53</t>
  </si>
  <si>
    <t>f290ff23-ad6e-4556-9edb-ceb201010ed0.tmp</t>
  </si>
  <si>
    <t>\\acsfs\profiles$\leandromsa\Downloads\f290ff23-ad6e-4556-9edb-ceb201010ed0.tmp</t>
  </si>
  <si>
    <t>12/26/2019 21:26:37</t>
  </si>
  <si>
    <t>12/26/2019 21:28:53</t>
  </si>
  <si>
    <t>12/26/2019 21:27:37</t>
  </si>
  <si>
    <t>12/26/2019 21:25:58</t>
  </si>
  <si>
    <t>12/26/2019 21:27:59</t>
  </si>
  <si>
    <t>12/26/2019 21:25:15</t>
  </si>
  <si>
    <t>12/26/2019 21:30:54</t>
  </si>
  <si>
    <t>12/26/2019 21:25:23</t>
  </si>
  <si>
    <t>12/26/2019 21:26:14</t>
  </si>
  <si>
    <t>Cópia de REPORT ACOMPANHAMENTO - BV - DEZEMBRO.xlsb</t>
  </si>
  <si>
    <t>\\acsfs\DEPTOS\Operacao\PCP\5 - Comum\PLANEJAMENTO BV\14 - ACOMPANHAMENTO\1 - REPORT ACOMPANHAMENTO\2019\12 - Dezembro\FINANCEIRA\Cópia de REPORT ACOMPANHAMENTO - BV - DEZEMBRO.xlsb</t>
  </si>
  <si>
    <t>12/26/2019 21:26:20</t>
  </si>
  <si>
    <t>\\acsfs\DEPTOS\Operacao\PCP\5 - Comum\PLANEJAMENTO BV\02 - DIMENSIONAMENTO SEM CURVA\</t>
  </si>
  <si>
    <t>\\acsfs\DEPTOS\Operacao\PCP\5 - Comum\PLANEJAMENTO BV\02 - DIMENSIONAMENTO SEM CURVA\TURBOTAB.xls</t>
  </si>
  <si>
    <t>12/26/2019 21:28:23</t>
  </si>
  <si>
    <t>12/26/2019 21:26:45</t>
  </si>
  <si>
    <t>12/26/2019 21:31:53</t>
  </si>
  <si>
    <t>12/26/2019 21:32:37</t>
  </si>
  <si>
    <t>12/26/2019 21:33:53</t>
  </si>
  <si>
    <t>12/26/2019 21:31:58</t>
  </si>
  <si>
    <t>12/26/2019 21:33:01</t>
  </si>
  <si>
    <t>12/26/2019 21:34:53</t>
  </si>
  <si>
    <t>12/26/2019 21:31:40</t>
  </si>
  <si>
    <t>12/26/2019 21:35:54</t>
  </si>
  <si>
    <t>12/26/2019 21:31:42</t>
  </si>
  <si>
    <t>12/26/2019 21:31:50</t>
  </si>
  <si>
    <t>12/26/2019 21:31:59</t>
  </si>
  <si>
    <t>12/26/2019 21:32:18</t>
  </si>
  <si>
    <t>12/26/2019 21:32:21</t>
  </si>
  <si>
    <t>100035125381406,joaogvc@algartech.com,josiascdsj@algartech.com,marianadjc@algartech.com,rafaelggs@algartech.com,taysdss@algartech.com,viniciussg@algartech.com</t>
  </si>
  <si>
    <t>12/26/2019 21:34:17</t>
  </si>
  <si>
    <t>12/26/2019 21:36:34</t>
  </si>
  <si>
    <t>12/26/2019 21:37:53</t>
  </si>
  <si>
    <t>12/26/2019 21:33:37</t>
  </si>
  <si>
    <t>12/26/2019 21:38:53</t>
  </si>
  <si>
    <t>12/26/2019 21:34:00</t>
  </si>
  <si>
    <t>12/26/2019 21:37:58</t>
  </si>
  <si>
    <t>12/26/2019 21:35:29</t>
  </si>
  <si>
    <t>12/26/2019 21:40:54</t>
  </si>
  <si>
    <t>12/26/2019 21:35:52</t>
  </si>
  <si>
    <t>12/26/2019 21:36:07</t>
  </si>
  <si>
    <t>12/26/2019 21:36:24</t>
  </si>
  <si>
    <t>12/26/2019 21:37:15</t>
  </si>
  <si>
    <t>12/26/2019 21:37:12</t>
  </si>
  <si>
    <t>57d61268-d91c-4c79-970e-fbed21d84c7a.tmp</t>
  </si>
  <si>
    <t>\\acsfs\profiles$\wedersonbadr\My Documents\My Music\57d61268-d91c-4c79-970e-fbed21d84c7a.tmp</t>
  </si>
  <si>
    <t>12/26/2019 21:38:20</t>
  </si>
  <si>
    <t>12/26/2019 21:43:53</t>
  </si>
  <si>
    <t>12/26/2019 21:38:37</t>
  </si>
  <si>
    <t>12/26/2019 21:39:37</t>
  </si>
  <si>
    <t>12/26/2019 21:39:58</t>
  </si>
  <si>
    <t>12/26/2019 21:40:42</t>
  </si>
  <si>
    <t>12/26/2019 21:45:53</t>
  </si>
  <si>
    <t>12/26/2019 21:40:46</t>
  </si>
  <si>
    <t>12/26/2019 21:41:43</t>
  </si>
  <si>
    <t>12/26/2019 21:42:36</t>
  </si>
  <si>
    <t>12/26/2019 21:45:46</t>
  </si>
  <si>
    <t>12/26/2019 21:46:53</t>
  </si>
  <si>
    <t>12/26/2019 21:44:37</t>
  </si>
  <si>
    <t>12/26/2019 21:48:53</t>
  </si>
  <si>
    <t>12/26/2019 21:45:37</t>
  </si>
  <si>
    <t>12/26/2019 21:43:58</t>
  </si>
  <si>
    <t>12/26/2019 21:45:58</t>
  </si>
  <si>
    <t>12/26/2019 21:45:06</t>
  </si>
  <si>
    <t>12/26/2019 21:49:53</t>
  </si>
  <si>
    <t>12/26/2019 21:50:37</t>
  </si>
  <si>
    <t>12/26/2019 21:53:54</t>
  </si>
  <si>
    <t>12/26/2019 21:49:58</t>
  </si>
  <si>
    <t>12/26/2019 21:51:58</t>
  </si>
  <si>
    <t>12/26/2019 21:53:35</t>
  </si>
  <si>
    <t>12/26/2019 21:55:54</t>
  </si>
  <si>
    <t>12/26/2019 21:53:38</t>
  </si>
  <si>
    <t>12/26/2019 21:54:13</t>
  </si>
  <si>
    <t>12/26/2019 21:54:57</t>
  </si>
  <si>
    <t>12/26/2019 21:55:00</t>
  </si>
  <si>
    <t>12/26/2019 21:52:59</t>
  </si>
  <si>
    <t>12/26/2019 21:56:53</t>
  </si>
  <si>
    <t>12/26/2019 21:55:58</t>
  </si>
  <si>
    <t>12/26/2019 21:58:53</t>
  </si>
  <si>
    <t>12/26/2019 21:57:58</t>
  </si>
  <si>
    <t>12/26/2019 21:56:24</t>
  </si>
  <si>
    <t>3bbe4d5d-0be2-42ff-ba72-efd95e3715b6.tmp</t>
  </si>
  <si>
    <t>\\acsfs\profiles$\mariajaf\Downloads\3bbe4d5d-0be2-42ff-ba72-efd95e3715b6.tmp</t>
  </si>
  <si>
    <t>12/26/2019 21:56:59</t>
  </si>
  <si>
    <t>12/26/2019 22:01:54</t>
  </si>
  <si>
    <t>12/26/2019 22:01:58</t>
  </si>
  <si>
    <t>12/26/2019 22:03:53</t>
  </si>
  <si>
    <t>12/26/2019 22:00:01</t>
  </si>
  <si>
    <t>12/26/2019 22:04:53</t>
  </si>
  <si>
    <t>12/26/2019 22:01:22</t>
  </si>
  <si>
    <t>12/26/2019 22:05:53</t>
  </si>
  <si>
    <t>12/26/2019 22:01:41</t>
  </si>
  <si>
    <t>12/26/2019 22:01:44</t>
  </si>
  <si>
    <t>12/26/2019 22:04:24</t>
  </si>
  <si>
    <t>12/26/2019 22:06:53</t>
  </si>
  <si>
    <t>12/26/2019 22:03:11</t>
  </si>
  <si>
    <t>12/26/2019 22:07:53</t>
  </si>
  <si>
    <t>12/26/2019 22:03:58</t>
  </si>
  <si>
    <t>12/26/2019 22:08:53</t>
  </si>
  <si>
    <t>12/26/2019 22:07:58</t>
  </si>
  <si>
    <t>12/26/2019 22:09:33</t>
  </si>
  <si>
    <t>12/26/2019 22:10:53</t>
  </si>
  <si>
    <t>12/26/2019 22:09:58</t>
  </si>
  <si>
    <t>12/26/2019 22:13:54</t>
  </si>
  <si>
    <t>12/26/2019 22:13:58</t>
  </si>
  <si>
    <t>12/26/2019 22:18:53</t>
  </si>
  <si>
    <t>12/26/2019 22:15:58</t>
  </si>
  <si>
    <t>12/26/2019 22:19:58</t>
  </si>
  <si>
    <t>12/26/2019 22:23:54</t>
  </si>
  <si>
    <t>12/26/2019 22:21:58</t>
  </si>
  <si>
    <t>12/26/2019 22:25:58</t>
  </si>
  <si>
    <t>12/26/2019 22:28:54</t>
  </si>
  <si>
    <t>12/26/2019 22:27:58</t>
  </si>
  <si>
    <t>12/26/2019 22:29:37</t>
  </si>
  <si>
    <t>12/26/2019 22:30:53</t>
  </si>
  <si>
    <t>12/26/2019 22:30:01</t>
  </si>
  <si>
    <t>12/26/2019 22:31:54</t>
  </si>
  <si>
    <t>12/26/2019 22:31:58</t>
  </si>
  <si>
    <t>12/26/2019 22:33:54</t>
  </si>
  <si>
    <t>12/26/2019 22:33:55</t>
  </si>
  <si>
    <t>12/26/2019 22:36:54</t>
  </si>
  <si>
    <t>12/26/2019 22:33:47</t>
  </si>
  <si>
    <t>12/26/2019 22:33:59</t>
  </si>
  <si>
    <t>12/26/2019 22:38:54</t>
  </si>
  <si>
    <t>12/26/2019 22:37:59</t>
  </si>
  <si>
    <t>12/26/2019 22:37:01</t>
  </si>
  <si>
    <t>12/26/2019 22:40:54</t>
  </si>
  <si>
    <t>12/26/2019 22:38:13</t>
  </si>
  <si>
    <t>12/26/2019 22:41:53</t>
  </si>
  <si>
    <t>12/26/2019 22:39:59</t>
  </si>
  <si>
    <t>12/26/2019 22:43:53</t>
  </si>
  <si>
    <t>12/26/2019 22:43:59</t>
  </si>
  <si>
    <t>12/26/2019 22:48:54</t>
  </si>
  <si>
    <t>12/26/2019 22:45:59</t>
  </si>
  <si>
    <t>12/26/2019 22:46:47</t>
  </si>
  <si>
    <t>12/26/2019 22:50:54</t>
  </si>
  <si>
    <t>12/26/2019 22:49:59</t>
  </si>
  <si>
    <t>12/26/2019 22:53:53</t>
  </si>
  <si>
    <t>12/26/2019 22:51:59</t>
  </si>
  <si>
    <t>12/26/2019 22:55:59</t>
  </si>
  <si>
    <t>12/26/2019 22:58:54</t>
  </si>
  <si>
    <t>12/26/2019 22:57:59</t>
  </si>
  <si>
    <t>12/26/2019 22:54:11</t>
  </si>
  <si>
    <t>12/26/2019 22:57:52</t>
  </si>
  <si>
    <t>12/26/2019 23:00:54</t>
  </si>
  <si>
    <t>12/26/2019 23:01:59</t>
  </si>
  <si>
    <t>12/26/2019 23:03:55</t>
  </si>
  <si>
    <t>12/26/2019 23:02:45</t>
  </si>
  <si>
    <t>12/26/2019 23:06:54</t>
  </si>
  <si>
    <t>12/26/2019 23:07:13</t>
  </si>
  <si>
    <t>12/26/2019 23:07:54</t>
  </si>
  <si>
    <t>12/26/2019 23:03:59</t>
  </si>
  <si>
    <t>12/26/2019 23:08:54</t>
  </si>
  <si>
    <t>12/26/2019 23:07:59</t>
  </si>
  <si>
    <t>12/26/2019 23:07:27</t>
  </si>
  <si>
    <t>12/26/2019 23:10:54</t>
  </si>
  <si>
    <t>12/26/2019 23:06:37</t>
  </si>
  <si>
    <t>12/26/2019 23:11:03</t>
  </si>
  <si>
    <t>12/26/2019 23:13:55</t>
  </si>
  <si>
    <t>12/26/2019 23:09:59</t>
  </si>
  <si>
    <t>12/26/2019 23:14:26</t>
  </si>
  <si>
    <t>12/26/2019 23:15:54</t>
  </si>
  <si>
    <t>12/26/2019 23:11:30</t>
  </si>
  <si>
    <t>12/26/2019 23:16:54</t>
  </si>
  <si>
    <t>12/26/2019 23:13:59</t>
  </si>
  <si>
    <t>12/26/2019 23:18:54</t>
  </si>
  <si>
    <t>12/26/2019 23:15:59</t>
  </si>
  <si>
    <t>12/26/2019 23:18:48</t>
  </si>
  <si>
    <t>12/26/2019 23:23:54</t>
  </si>
  <si>
    <t>12/26/2019 23:19:59</t>
  </si>
  <si>
    <t>12/26/2019 23:21:59</t>
  </si>
  <si>
    <t>12/26/2019 23:20:49</t>
  </si>
  <si>
    <t>12/26/2019 23:24:54</t>
  </si>
  <si>
    <t>12/26/2019 23:25:59</t>
  </si>
  <si>
    <t>12/26/2019 23:28:55</t>
  </si>
  <si>
    <t>12/26/2019 23:27:59</t>
  </si>
  <si>
    <t>12/26/2019 23:31:59</t>
  </si>
  <si>
    <t>12/26/2019 23:33:55</t>
  </si>
  <si>
    <t>12/26/2019 23:33:24</t>
  </si>
  <si>
    <t>12/26/2019 23:37:55</t>
  </si>
  <si>
    <t>12/26/2019 23:33:32</t>
  </si>
  <si>
    <t>12/26/2019 23:38:55</t>
  </si>
  <si>
    <t>12/26/2019 23:36:19</t>
  </si>
  <si>
    <t>12/26/2019 23:34:00</t>
  </si>
  <si>
    <t>12/26/2019 23:37:59</t>
  </si>
  <si>
    <t>12/26/2019 23:39:59</t>
  </si>
  <si>
    <t>12/26/2019 23:43:55</t>
  </si>
  <si>
    <t>12/26/2019 23:45:22</t>
  </si>
  <si>
    <t>12/26/2019 23:47:55</t>
  </si>
  <si>
    <t>12/26/2019 23:43:59</t>
  </si>
  <si>
    <t>12/26/2019 23:48:55</t>
  </si>
  <si>
    <t>12/26/2019 23:46:00</t>
  </si>
  <si>
    <t>12/26/2019 23:50:00</t>
  </si>
  <si>
    <t>12/26/2019 23:53:54</t>
  </si>
  <si>
    <t>12/26/2019 23:52:00</t>
  </si>
  <si>
    <t>12/26/2019 23:50:12</t>
  </si>
  <si>
    <t>12/26/2019 23:54:55</t>
  </si>
  <si>
    <t>12/26/2019 23:56:00</t>
  </si>
  <si>
    <t>12/26/2019 23:58:55</t>
  </si>
  <si>
    <t>12/26/2019 23:58:00</t>
  </si>
  <si>
    <t>12/26/2019 23:58:14</t>
  </si>
  <si>
    <t>12/27/2019 00:01:55</t>
  </si>
  <si>
    <t>12/26/2019 23:58:38</t>
  </si>
  <si>
    <t>16bae3be-7ca7-4ae8-8465-fb9a7f4c079e.tmp</t>
  </si>
  <si>
    <t>\\acsfs\profiles$\rogeriofd\Downloads\16bae3be-7ca7-4ae8-8465-fb9a7f4c079e.tmp</t>
  </si>
  <si>
    <t>12/27/2019 00:00:52</t>
  </si>
  <si>
    <t>9d2fcc88-d646-472d-a6e0-ff405a577353.tmp</t>
  </si>
  <si>
    <t>\\acsfs\profiles$\rogeriofd\Downloads\9d2fcc88-d646-472d-a6e0-ff405a577353.tmp</t>
  </si>
  <si>
    <t>12/27/2019 00:01:21</t>
  </si>
  <si>
    <t>12/27/2019 00:02:16</t>
  </si>
  <si>
    <t>12/27/2019 00:02:54</t>
  </si>
  <si>
    <t>12/27/2019 00:01:10</t>
  </si>
  <si>
    <t>12/27/2019 00:02:00</t>
  </si>
  <si>
    <t>12/27/2019 00:03:55</t>
  </si>
  <si>
    <t>12/27/2019 00:03:30</t>
  </si>
  <si>
    <t>12/27/2019 00:04:54</t>
  </si>
  <si>
    <t>marlyannegdls</t>
  </si>
  <si>
    <t>\\acsfs\profiles$\marlyannegdls\Downloads\</t>
  </si>
  <si>
    <t>25472397-beea-4c41-8e84-dc0f36a17897.tmp</t>
  </si>
  <si>
    <t>\\acsfs\profiles$\marlyannegdls\Downloads\25472397-beea-4c41-8e84-dc0f36a17897.tmp</t>
  </si>
  <si>
    <t>12/27/2019 00:03:28</t>
  </si>
  <si>
    <t>12/27/2019 00:05:55</t>
  </si>
  <si>
    <t>12/27/2019 00:03:36</t>
  </si>
  <si>
    <t>12/27/2019 00:04:27</t>
  </si>
  <si>
    <t>12/27/2019 00:04:40</t>
  </si>
  <si>
    <t>12/27/2019 00:03:17</t>
  </si>
  <si>
    <t>12/27/2019 00:06:54</t>
  </si>
  <si>
    <t>12/27/2019 00:04:43</t>
  </si>
  <si>
    <t>12/27/2019 00:04:37</t>
  </si>
  <si>
    <t>12/27/2019 00:01:45</t>
  </si>
  <si>
    <t>a2469997-f2eb-4a28-ae51-4f489b2a9029.tmp</t>
  </si>
  <si>
    <t>\\acsfs\profiles$\rogeriofd\Downloads\a2469997-f2eb-4a28-ae51-4f489b2a9029.tmp</t>
  </si>
  <si>
    <t>12/27/2019 00:05:04</t>
  </si>
  <si>
    <t>12/27/2019 00:01:51</t>
  </si>
  <si>
    <t>cd3aa2e8-5c24-496c-83b1-40bfb4d4e5eb.tmp</t>
  </si>
  <si>
    <t>\\acsfs\profiles$\Adrieledgc\Downloads\cd3aa2e8-5c24-496c-83b1-40bfb4d4e5eb.tmp</t>
  </si>
  <si>
    <t>12/27/2019 00:02:51</t>
  </si>
  <si>
    <t>1e56dd2e-4385-4ff1-81c7-32b04df90d92.tmp</t>
  </si>
  <si>
    <t>\\acsfs\profiles$\Adrieledgc\Downloads\1e56dd2e-4385-4ff1-81c7-32b04df90d92.tmp</t>
  </si>
  <si>
    <t>12/27/2019 00:06:27</t>
  </si>
  <si>
    <t>12/27/2019 00:07:54</t>
  </si>
  <si>
    <t>12/27/2019 00:08:07</t>
  </si>
  <si>
    <t>12/27/2019 00:08:55</t>
  </si>
  <si>
    <t>12/27/2019 00:04:00</t>
  </si>
  <si>
    <t>12/27/2019 00:08:00</t>
  </si>
  <si>
    <t>12/27/2019 00:07:38</t>
  </si>
  <si>
    <t>12/27/2019 00:09:54</t>
  </si>
  <si>
    <t>12/27/2019 00:04:33</t>
  </si>
  <si>
    <t>13edc43d-9525-408f-80a2-bd9bd17e099a.tmp</t>
  </si>
  <si>
    <t>\\acsfs\profiles$\marlyannegdls\Downloads\13edc43d-9525-408f-80a2-bd9bd17e099a.tmp</t>
  </si>
  <si>
    <t>12/27/2019 00:04:45</t>
  </si>
  <si>
    <t>12/27/2019 00:05:47</t>
  </si>
  <si>
    <t>12/27/2019 00:10:54</t>
  </si>
  <si>
    <t>12/27/2019 00:06:58</t>
  </si>
  <si>
    <t>12/27/2019 00:10:02</t>
  </si>
  <si>
    <t>12/27/2019 00:11:54</t>
  </si>
  <si>
    <t>12/27/2019 00:12:25</t>
  </si>
  <si>
    <t>12/27/2019 00:13:54</t>
  </si>
  <si>
    <t>12/27/2019 00:12:04</t>
  </si>
  <si>
    <t>12/27/2019 00:09:21</t>
  </si>
  <si>
    <t>12/27/2019 00:09:22</t>
  </si>
  <si>
    <t>12/27/2019 00:09:24</t>
  </si>
  <si>
    <t>12/27/2019 00:09:25</t>
  </si>
  <si>
    <t>12/27/2019 00:09:27</t>
  </si>
  <si>
    <t>12/27/2019 00:09:28</t>
  </si>
  <si>
    <t>12/27/2019 00:09:30</t>
  </si>
  <si>
    <t>12/27/2019 00:09:31</t>
  </si>
  <si>
    <t>12/27/2019 00:09:33</t>
  </si>
  <si>
    <t>12/27/2019 00:09:34</t>
  </si>
  <si>
    <t>12/27/2019 00:09:36</t>
  </si>
  <si>
    <t>12/27/2019 00:10:00</t>
  </si>
  <si>
    <t>12/27/2019 00:10:16</t>
  </si>
  <si>
    <t>12/27/2019 00:14:54</t>
  </si>
  <si>
    <t>12/27/2019 00:10:47</t>
  </si>
  <si>
    <t>12/27/2019 00:13:09</t>
  </si>
  <si>
    <t>12/27/2019 00:15:55</t>
  </si>
  <si>
    <t>12/27/2019 00:15:19</t>
  </si>
  <si>
    <t>12/27/2019 00:16:54</t>
  </si>
  <si>
    <t>12/27/2019 00:15:38</t>
  </si>
  <si>
    <t>12/27/2019 00:17:55</t>
  </si>
  <si>
    <t>12/27/2019 00:15:00</t>
  </si>
  <si>
    <t>12/27/2019 00:18:54</t>
  </si>
  <si>
    <t>12/27/2019 00:16:00</t>
  </si>
  <si>
    <t>12/27/2019 00:21:12</t>
  </si>
  <si>
    <t>12/27/2019 00:21:55</t>
  </si>
  <si>
    <t>12/27/2019 00:21:00</t>
  </si>
  <si>
    <t>12/27/2019 00:23:55</t>
  </si>
  <si>
    <t>12/27/2019 00:22:00</t>
  </si>
  <si>
    <t>12/27/2019 00:27:00</t>
  </si>
  <si>
    <t>12/27/2019 00:28:56</t>
  </si>
  <si>
    <t>12/27/2019 00:28:00</t>
  </si>
  <si>
    <t>12/27/2019 00:24:39</t>
  </si>
  <si>
    <t>12/27/2019 00:29:55</t>
  </si>
  <si>
    <t>12/27/2019 00:27:05</t>
  </si>
  <si>
    <t>12/27/2019 00:32:56</t>
  </si>
  <si>
    <t>12/27/2019 00:33:00</t>
  </si>
  <si>
    <t>12/27/2019 00:33:55</t>
  </si>
  <si>
    <t>12/27/2019 00:34:41</t>
  </si>
  <si>
    <t>12/27/2019 00:37:55</t>
  </si>
  <si>
    <t>12/27/2019 00:34:01</t>
  </si>
  <si>
    <t>12/27/2019 00:38:55</t>
  </si>
  <si>
    <t>12/27/2019 00:39:00</t>
  </si>
  <si>
    <t>12/27/2019 00:43:55</t>
  </si>
  <si>
    <t>12/27/2019 00:40:00</t>
  </si>
  <si>
    <t>12/27/2019 00:43:23</t>
  </si>
  <si>
    <t>12/27/2019 00:46:55</t>
  </si>
  <si>
    <t>12/27/2019 00:45:18</t>
  </si>
  <si>
    <t>12/27/2019 00:48:55</t>
  </si>
  <si>
    <t>12/27/2019 00:45:00</t>
  </si>
  <si>
    <t>12/27/2019 00:46:00</t>
  </si>
  <si>
    <t>12/27/2019 00:49:06</t>
  </si>
  <si>
    <t>12/27/2019 00:51:54</t>
  </si>
  <si>
    <t>12/27/2019 00:49:39</t>
  </si>
  <si>
    <t>12/27/2019 00:52:55</t>
  </si>
  <si>
    <t>12/27/2019 00:51:00</t>
  </si>
  <si>
    <t>12/27/2019 00:53:54</t>
  </si>
  <si>
    <t>12/27/2019 00:52:00</t>
  </si>
  <si>
    <t>12/27/2019 00:50:27</t>
  </si>
  <si>
    <t>12/27/2019 00:55:55</t>
  </si>
  <si>
    <t>12/27/2019 00:57:00</t>
  </si>
  <si>
    <t>12/27/2019 00:58:54</t>
  </si>
  <si>
    <t>12/27/2019 00:58:00</t>
  </si>
  <si>
    <t>12/27/2019 00:58:37</t>
  </si>
  <si>
    <t>12/27/2019 00:59:27</t>
  </si>
  <si>
    <t>12/27/2019 01:14:54</t>
  </si>
  <si>
    <t>12/27/2019 01:03:00</t>
  </si>
  <si>
    <t>12/27/2019 01:05:44</t>
  </si>
  <si>
    <t>12/27/2019 01:06:11</t>
  </si>
  <si>
    <t>12/27/2019 01:04:00</t>
  </si>
  <si>
    <t>12/27/2019 01:09:22</t>
  </si>
  <si>
    <t>12/27/2019 01:07:01</t>
  </si>
  <si>
    <t>12/27/2019 01:09:00</t>
  </si>
  <si>
    <t>12/27/2019 01:12:01</t>
  </si>
  <si>
    <t>12/27/2019 01:15:55</t>
  </si>
  <si>
    <t>12/27/2019 01:17:54</t>
  </si>
  <si>
    <t>12/27/2019 01:10:00</t>
  </si>
  <si>
    <t>12/27/2019 01:15:00</t>
  </si>
  <si>
    <t>12/27/2019 01:16:00</t>
  </si>
  <si>
    <t>12/27/2019 01:18:54</t>
  </si>
  <si>
    <t>12/27/2019 01:21:00</t>
  </si>
  <si>
    <t>12/27/2019 01:22:55</t>
  </si>
  <si>
    <t>12/27/2019 01:22:00</t>
  </si>
  <si>
    <t>12/27/2019 01:27:00</t>
  </si>
  <si>
    <t>12/27/2019 01:27:54</t>
  </si>
  <si>
    <t>12/27/2019 01:28:00</t>
  </si>
  <si>
    <t>12/27/2019 01:32:55</t>
  </si>
  <si>
    <t>12/27/2019 01:30:00</t>
  </si>
  <si>
    <t>12/27/2019 01:33:54</t>
  </si>
  <si>
    <t>12/27/2019 01:33:17</t>
  </si>
  <si>
    <t>12/27/2019 01:34:55</t>
  </si>
  <si>
    <t>12/27/2019 01:33:00</t>
  </si>
  <si>
    <t>12/27/2019 01:37:55</t>
  </si>
  <si>
    <t>12/27/2019 01:34:02</t>
  </si>
  <si>
    <t>12/27/2019 01:39:00</t>
  </si>
  <si>
    <t>12/27/2019 01:42:55</t>
  </si>
  <si>
    <t>12/27/2019 01:40:00</t>
  </si>
  <si>
    <t>12/27/2019 01:45:00</t>
  </si>
  <si>
    <t>12/27/2019 01:47:55</t>
  </si>
  <si>
    <t>12/27/2019 01:46:00</t>
  </si>
  <si>
    <t>12/27/2019 01:51:00</t>
  </si>
  <si>
    <t>12/27/2019 01:52:55</t>
  </si>
  <si>
    <t>12/27/2019 01:52:00</t>
  </si>
  <si>
    <t>12/27/2019 01:53:58</t>
  </si>
  <si>
    <t>12/27/2019 01:55:56</t>
  </si>
  <si>
    <t>12/27/2019 01:51:02</t>
  </si>
  <si>
    <t>12/27/2019 01:57:00</t>
  </si>
  <si>
    <t>12/27/2019 01:57:56</t>
  </si>
  <si>
    <t>12/27/2019 01:58:00</t>
  </si>
  <si>
    <t>12/27/2019 02:02:55</t>
  </si>
  <si>
    <t>12/27/2019 02:02:38</t>
  </si>
  <si>
    <t>12/27/2019 02:06:56</t>
  </si>
  <si>
    <t>12/27/2019 02:03:00</t>
  </si>
  <si>
    <t>12/27/2019 02:07:55</t>
  </si>
  <si>
    <t>12/27/2019 02:04:00</t>
  </si>
  <si>
    <t>12/27/2019 02:07:26</t>
  </si>
  <si>
    <t>12/27/2019 02:09:55</t>
  </si>
  <si>
    <t>12/27/2019 02:09:00</t>
  </si>
  <si>
    <t>12/27/2019 02:12:56</t>
  </si>
  <si>
    <t>12/27/2019 02:10:00</t>
  </si>
  <si>
    <t>12/27/2019 02:08:57</t>
  </si>
  <si>
    <t>12/27/2019 02:14:56</t>
  </si>
  <si>
    <t>12/27/2019 02:15:00</t>
  </si>
  <si>
    <t>12/27/2019 02:17:56</t>
  </si>
  <si>
    <t>12/27/2019 02:16:00</t>
  </si>
  <si>
    <t>12/27/2019 02:18:20</t>
  </si>
  <si>
    <t>12/27/2019 02:18:56</t>
  </si>
  <si>
    <t>12/27/2019 02:18:48</t>
  </si>
  <si>
    <t>12/27/2019 02:20:55</t>
  </si>
  <si>
    <t>12/27/2019 02:20:40</t>
  </si>
  <si>
    <t>12/27/2019 02:22:55</t>
  </si>
  <si>
    <t>12/27/2019 02:21:00</t>
  </si>
  <si>
    <t>12/27/2019 02:22:00</t>
  </si>
  <si>
    <t>12/27/2019 02:27:00</t>
  </si>
  <si>
    <t>12/27/2019 02:27:56</t>
  </si>
  <si>
    <t>12/27/2019 02:28:00</t>
  </si>
  <si>
    <t>12/27/2019 02:32:55</t>
  </si>
  <si>
    <t>12/27/2019 02:33:00</t>
  </si>
  <si>
    <t>12/27/2019 02:37:55</t>
  </si>
  <si>
    <t>12/27/2019 02:34:01</t>
  </si>
  <si>
    <t>12/27/2019 02:35:44</t>
  </si>
  <si>
    <t>12/27/2019 02:40:55</t>
  </si>
  <si>
    <t>12/27/2019 02:39:01</t>
  </si>
  <si>
    <t>12/27/2019 02:42:55</t>
  </si>
  <si>
    <t>12/27/2019 02:40:00</t>
  </si>
  <si>
    <t>12/27/2019 02:45:00</t>
  </si>
  <si>
    <t>12/27/2019 02:47:54</t>
  </si>
  <si>
    <t>12/27/2019 02:46:00</t>
  </si>
  <si>
    <t>12/27/2019 02:46:10</t>
  </si>
  <si>
    <t>12/27/2019 02:50:55</t>
  </si>
  <si>
    <t>12/27/2019 02:48:06</t>
  </si>
  <si>
    <t>12/27/2019 02:52:54</t>
  </si>
  <si>
    <t>12/27/2019 02:51:00</t>
  </si>
  <si>
    <t>12/27/2019 02:52:00</t>
  </si>
  <si>
    <t>12/27/2019 02:53:02</t>
  </si>
  <si>
    <t>12/27/2019 02:53:54</t>
  </si>
  <si>
    <t>12/27/2019 02:51:03</t>
  </si>
  <si>
    <t>12/27/2019 02:55:55</t>
  </si>
  <si>
    <t>12/27/2019 02:54:24</t>
  </si>
  <si>
    <t>12/27/2019 02:57:55</t>
  </si>
  <si>
    <t>12/27/2019 02:57:01</t>
  </si>
  <si>
    <t>12/27/2019 02:53:49</t>
  </si>
  <si>
    <t>12/27/2019 02:58:55</t>
  </si>
  <si>
    <t>12/27/2019 02:56:26</t>
  </si>
  <si>
    <t>12/27/2019 03:00:55</t>
  </si>
  <si>
    <t>12/27/2019 02:58:00</t>
  </si>
  <si>
    <t>12/27/2019 03:02:55</t>
  </si>
  <si>
    <t>12/27/2019 03:03:05</t>
  </si>
  <si>
    <t>12/27/2019 03:05:55</t>
  </si>
  <si>
    <t>12/27/2019 03:03:50</t>
  </si>
  <si>
    <t>12/27/2019 03:03:01</t>
  </si>
  <si>
    <t>12/27/2019 03:07:55</t>
  </si>
  <si>
    <t>12/27/2019 03:04:01</t>
  </si>
  <si>
    <t>12/27/2019 03:06:46</t>
  </si>
  <si>
    <t>12/27/2019 03:08:54</t>
  </si>
  <si>
    <t>12/27/2019 03:05:19</t>
  </si>
  <si>
    <t>12/27/2019 03:09:55</t>
  </si>
  <si>
    <t>12/27/2019 03:06:15</t>
  </si>
  <si>
    <t>12/27/2019 03:10:55</t>
  </si>
  <si>
    <t>12/27/2019 03:09:40</t>
  </si>
  <si>
    <t>12/27/2019 03:12:54</t>
  </si>
  <si>
    <t>12/27/2019 03:09:01</t>
  </si>
  <si>
    <t>12/27/2019 03:10:01</t>
  </si>
  <si>
    <t>12/27/2019 03:12:48</t>
  </si>
  <si>
    <t>12/27/2019 03:15:55</t>
  </si>
  <si>
    <t>12/27/2019 03:15:53</t>
  </si>
  <si>
    <t>12/27/2019 03:17:55</t>
  </si>
  <si>
    <t>12/27/2019 03:15:01</t>
  </si>
  <si>
    <t>12/27/2019 03:16:01</t>
  </si>
  <si>
    <t>12/27/2019 03:14:50</t>
  </si>
  <si>
    <t>12/27/2019 03:19:55</t>
  </si>
  <si>
    <t>12/27/2019 03:19:14</t>
  </si>
  <si>
    <t>12/27/2019 03:21:55</t>
  </si>
  <si>
    <t>12/27/2019 03:21:01</t>
  </si>
  <si>
    <t>12/27/2019 03:22:55</t>
  </si>
  <si>
    <t>12/27/2019 03:22:01</t>
  </si>
  <si>
    <t>12/27/2019 03:21:00</t>
  </si>
  <si>
    <t>12/27/2019 03:23:55</t>
  </si>
  <si>
    <t>12/27/2019 03:21:42</t>
  </si>
  <si>
    <t>12/27/2019 03:21:58</t>
  </si>
  <si>
    <t>12/27/2019 03:24:55</t>
  </si>
  <si>
    <t>12/27/2019 03:23:24</t>
  </si>
  <si>
    <t>12/27/2019 03:25:55</t>
  </si>
  <si>
    <t>12/27/2019 03:27:01</t>
  </si>
  <si>
    <t>12/27/2019 03:27:56</t>
  </si>
  <si>
    <t>12/27/2019 03:26:35</t>
  </si>
  <si>
    <t>12/27/2019 03:28:55</t>
  </si>
  <si>
    <t>12/27/2019 03:28:01</t>
  </si>
  <si>
    <t>12/27/2019 03:32:55</t>
  </si>
  <si>
    <t>12/27/2019 03:32:57</t>
  </si>
  <si>
    <t>12/27/2019 03:34:56</t>
  </si>
  <si>
    <t>12/27/2019 03:33:16</t>
  </si>
  <si>
    <t>12/27/2019 03:35:55</t>
  </si>
  <si>
    <t>12/27/2019 03:33:01</t>
  </si>
  <si>
    <t>12/27/2019 03:37:56</t>
  </si>
  <si>
    <t>12/27/2019 03:34:02</t>
  </si>
  <si>
    <t>12/27/2019 03:36:53</t>
  </si>
  <si>
    <t>12/27/2019 03:38:56</t>
  </si>
  <si>
    <t>12/27/2019 03:39:48</t>
  </si>
  <si>
    <t>12/27/2019 03:40:56</t>
  </si>
  <si>
    <t>12/27/2019 03:38:08</t>
  </si>
  <si>
    <t>12/27/2019 03:41:55</t>
  </si>
  <si>
    <t>12/27/2019 03:42:17</t>
  </si>
  <si>
    <t>12/27/2019 03:42:56</t>
  </si>
  <si>
    <t>12/27/2019 03:39:01</t>
  </si>
  <si>
    <t>12/27/2019 03:40:01</t>
  </si>
  <si>
    <t>12/27/2019 03:45:01</t>
  </si>
  <si>
    <t>12/27/2019 03:47:56</t>
  </si>
  <si>
    <t>12/27/2019 03:46:01</t>
  </si>
  <si>
    <t>12/27/2019 03:46:46</t>
  </si>
  <si>
    <t>12/27/2019 03:48:56</t>
  </si>
  <si>
    <t>12/27/2019 03:49:26</t>
  </si>
  <si>
    <t>12/27/2019 03:51:55</t>
  </si>
  <si>
    <t>12/27/2019 03:50:07</t>
  </si>
  <si>
    <t>12/27/2019 03:51:49</t>
  </si>
  <si>
    <t>12/27/2019 03:52:55</t>
  </si>
  <si>
    <t>12/27/2019 03:51:01</t>
  </si>
  <si>
    <t>12/27/2019 03:52:01</t>
  </si>
  <si>
    <t>12/27/2019 03:52:40</t>
  </si>
  <si>
    <t>12/27/2019 03:54:55</t>
  </si>
  <si>
    <t>12/27/2019 03:52:06</t>
  </si>
  <si>
    <t>12/27/2019 03:55:55</t>
  </si>
  <si>
    <t>12/27/2019 03:57:27</t>
  </si>
  <si>
    <t>12/27/2019 03:57:56</t>
  </si>
  <si>
    <t>12/27/2019 03:57:02</t>
  </si>
  <si>
    <t>12/27/2019 03:59:56</t>
  </si>
  <si>
    <t>12/27/2019 03:59:25</t>
  </si>
  <si>
    <t>12/27/2019 04:02:55</t>
  </si>
  <si>
    <t>12/27/2019 03:58:02</t>
  </si>
  <si>
    <t>12/27/2019 04:05:03</t>
  </si>
  <si>
    <t>12/27/2019 04:05:56</t>
  </si>
  <si>
    <t>12/27/2019 04:04:21</t>
  </si>
  <si>
    <t>12/27/2019 04:06:55</t>
  </si>
  <si>
    <t>12/27/2019 04:03:02</t>
  </si>
  <si>
    <t>12/27/2019 04:07:56</t>
  </si>
  <si>
    <t>12/27/2019 04:04:02</t>
  </si>
  <si>
    <t>12/27/2019 04:09:43</t>
  </si>
  <si>
    <t>12/27/2019 04:10:55</t>
  </si>
  <si>
    <t>12/27/2019 04:07:23</t>
  </si>
  <si>
    <t>12/27/2019 04:09:02</t>
  </si>
  <si>
    <t>12/27/2019 04:12:56</t>
  </si>
  <si>
    <t>12/27/2019 04:10:02</t>
  </si>
  <si>
    <t>12/27/2019 04:15:02</t>
  </si>
  <si>
    <t>12/27/2019 04:17:55</t>
  </si>
  <si>
    <t>12/27/2019 04:16:02</t>
  </si>
  <si>
    <t>12/27/2019 04:18:13</t>
  </si>
  <si>
    <t>12/27/2019 04:19:56</t>
  </si>
  <si>
    <t>12/27/2019 04:21:12</t>
  </si>
  <si>
    <t>12/27/2019 04:22:56</t>
  </si>
  <si>
    <t>12/27/2019 04:18:51</t>
  </si>
  <si>
    <t>12/27/2019 04:21:02</t>
  </si>
  <si>
    <t>12/27/2019 04:22:02</t>
  </si>
  <si>
    <t>12/27/2019 04:22:15</t>
  </si>
  <si>
    <t>12/27/2019 04:27:56</t>
  </si>
  <si>
    <t>12/27/2019 04:27:02</t>
  </si>
  <si>
    <t>12/27/2019 04:24:47</t>
  </si>
  <si>
    <t>12/27/2019 04:29:56</t>
  </si>
  <si>
    <t>12/27/2019 04:29:32</t>
  </si>
  <si>
    <t>12/27/2019 04:31:56</t>
  </si>
  <si>
    <t>12/27/2019 04:28:02</t>
  </si>
  <si>
    <t>12/27/2019 04:32:56</t>
  </si>
  <si>
    <t>12/27/2019 04:33:55</t>
  </si>
  <si>
    <t>12/27/2019 04:36:56</t>
  </si>
  <si>
    <t>12/27/2019 04:33:02</t>
  </si>
  <si>
    <t>12/27/2019 04:37:56</t>
  </si>
  <si>
    <t>12/27/2019 04:34:03</t>
  </si>
  <si>
    <t>12/27/2019 04:36:15</t>
  </si>
  <si>
    <t>12/27/2019 04:40:57</t>
  </si>
  <si>
    <t>12/27/2019 04:36:17</t>
  </si>
  <si>
    <t>12/27/2019 04:41:56</t>
  </si>
  <si>
    <t>12/27/2019 04:39:02</t>
  </si>
  <si>
    <t>12/27/2019 04:42:56</t>
  </si>
  <si>
    <t>12/27/2019 04:40:02</t>
  </si>
  <si>
    <t>12/27/2019 04:45:36</t>
  </si>
  <si>
    <t>12/27/2019 04:46:57</t>
  </si>
  <si>
    <t>12/27/2019 04:45:02</t>
  </si>
  <si>
    <t>12/27/2019 04:47:57</t>
  </si>
  <si>
    <t>12/27/2019 04:46:02</t>
  </si>
  <si>
    <t>12/27/2019 04:51:03</t>
  </si>
  <si>
    <t>12/27/2019 04:52:56</t>
  </si>
  <si>
    <t>12/27/2019 04:52:04</t>
  </si>
  <si>
    <t>12/27/2019 04:54:46</t>
  </si>
  <si>
    <t>12/27/2019 04:56:57</t>
  </si>
  <si>
    <t>12/27/2019 04:57:03</t>
  </si>
  <si>
    <t>12/27/2019 04:57:57</t>
  </si>
  <si>
    <t>12/27/2019 05:00:33</t>
  </si>
  <si>
    <t>12/27/2019 05:04:56</t>
  </si>
  <si>
    <t>12/27/2019 04:58:03</t>
  </si>
  <si>
    <t>12/27/2019 05:08:56</t>
  </si>
  <si>
    <t>12/27/2019 05:03:03</t>
  </si>
  <si>
    <t>12/27/2019 05:04:03</t>
  </si>
  <si>
    <t>12/27/2019 05:05:57</t>
  </si>
  <si>
    <t>12/27/2019 05:09:56</t>
  </si>
  <si>
    <t>12/27/2019 05:09:03</t>
  </si>
  <si>
    <t>12/27/2019 05:13:56</t>
  </si>
  <si>
    <t>12/27/2019 05:10:03</t>
  </si>
  <si>
    <t>12/27/2019 05:09:26</t>
  </si>
  <si>
    <t>12/27/2019 05:14:56</t>
  </si>
  <si>
    <t>f6f9c4f8-da08-4df1-9990-2708475da6df.tmp</t>
  </si>
  <si>
    <t>\\acsfs\profiles$\marlyannegdls\Downloads\f6f9c4f8-da08-4df1-9990-2708475da6df.tmp</t>
  </si>
  <si>
    <t>12/27/2019 05:10:46</t>
  </si>
  <si>
    <t>503a13e2-ca83-438b-bb09-5d511a29c438.tmp</t>
  </si>
  <si>
    <t>\\acsfs\profiles$\marlyannegdls\Downloads\503a13e2-ca83-438b-bb09-5d511a29c438.tmp</t>
  </si>
  <si>
    <t>12/27/2019 05:11:21</t>
  </si>
  <si>
    <t>12/27/2019 05:15:56</t>
  </si>
  <si>
    <t>12/27/2019 05:15:03</t>
  </si>
  <si>
    <t>12/27/2019 05:18:55</t>
  </si>
  <si>
    <t>12/27/2019 05:16:03</t>
  </si>
  <si>
    <t>12/27/2019 05:18:28</t>
  </si>
  <si>
    <t>12/27/2019 05:21:55</t>
  </si>
  <si>
    <t>358e3f6c-cb4e-4ab4-93f0-6be0e96bd761.tmp</t>
  </si>
  <si>
    <t>\\acsfs\profiles$\rogeriofd\Downloads\358e3f6c-cb4e-4ab4-93f0-6be0e96bd761.tmp</t>
  </si>
  <si>
    <t>12/27/2019 05:17:58</t>
  </si>
  <si>
    <t>12/27/2019 05:18:12</t>
  </si>
  <si>
    <t>12/27/2019 05:22:55</t>
  </si>
  <si>
    <t>12/27/2019 05:20:19</t>
  </si>
  <si>
    <t>12/27/2019 05:23:56</t>
  </si>
  <si>
    <t>12/27/2019 05:21:03</t>
  </si>
  <si>
    <t>12/27/2019 05:22:02</t>
  </si>
  <si>
    <t>12/27/2019 05:27:02</t>
  </si>
  <si>
    <t>12/27/2019 05:28:55</t>
  </si>
  <si>
    <t>12/27/2019 05:28:02</t>
  </si>
  <si>
    <t>12/27/2019 05:33:02</t>
  </si>
  <si>
    <t>12/27/2019 05:33:55</t>
  </si>
  <si>
    <t>12/27/2019 05:34:03</t>
  </si>
  <si>
    <t>12/27/2019 05:38:56</t>
  </si>
  <si>
    <t>12/27/2019 05:39:45</t>
  </si>
  <si>
    <t>12/27/2019 05:40:56</t>
  </si>
  <si>
    <t>12/27/2019 05:37:11</t>
  </si>
  <si>
    <t>12/27/2019 05:41:56</t>
  </si>
  <si>
    <t>f6c645f3-40e2-49de-86c2-b1fee638e753.tmp</t>
  </si>
  <si>
    <t>\\acsfs\profiles$\Adrieledgc\Downloads\f6c645f3-40e2-49de-86c2-b1fee638e753.tmp</t>
  </si>
  <si>
    <t>12/27/2019 05:37:32</t>
  </si>
  <si>
    <t>283c8782-22a4-47dd-8c2b-de7577ba213d.tmp</t>
  </si>
  <si>
    <t>\\acsfs\profiles$\Adrieledgc\Downloads\283c8782-22a4-47dd-8c2b-de7577ba213d.tmp</t>
  </si>
  <si>
    <t>12/27/2019 05:39:02</t>
  </si>
  <si>
    <t>12/27/2019 05:43:56</t>
  </si>
  <si>
    <t>12/27/2019 05:40:02</t>
  </si>
  <si>
    <t>12/27/2019 05:48:12</t>
  </si>
  <si>
    <t>12/27/2019 05:48:55</t>
  </si>
  <si>
    <t>rozencam</t>
  </si>
  <si>
    <t>\\acsfs\profiles$\ROZENCAM\Downloads\</t>
  </si>
  <si>
    <t>f729fe31-2bc4-4878-832f-b6ee1d3f0b74.tmp</t>
  </si>
  <si>
    <t>\\acsfs\profiles$\ROZENCAM\Downloads\f729fe31-2bc4-4878-832f-b6ee1d3f0b74.tmp</t>
  </si>
  <si>
    <t>12/27/2019 05:46:44</t>
  </si>
  <si>
    <t>12/27/2019 05:45:02</t>
  </si>
  <si>
    <t>12/27/2019 05:46:02</t>
  </si>
  <si>
    <t>12/27/2019 05:48:11</t>
  </si>
  <si>
    <t>12/27/2019 05:52:55</t>
  </si>
  <si>
    <t>12/27/2019 05:51:02</t>
  </si>
  <si>
    <t>12/27/2019 05:53:55</t>
  </si>
  <si>
    <t>12/27/2019 05:52:02</t>
  </si>
  <si>
    <t>12/27/2019 05:50:12</t>
  </si>
  <si>
    <t>12/27/2019 05:54:55</t>
  </si>
  <si>
    <t>12/27/2019 05:57:02</t>
  </si>
  <si>
    <t>12/27/2019 05:58:55</t>
  </si>
  <si>
    <t>12/27/2019 05:58:02</t>
  </si>
  <si>
    <t>12/27/2019 05:59:42</t>
  </si>
  <si>
    <t>12/27/2019 06:00:55</t>
  </si>
  <si>
    <t>12/27/2019 05:59:16</t>
  </si>
  <si>
    <t>12/27/2019 06:03:02</t>
  </si>
  <si>
    <t>12/27/2019 06:03:56</t>
  </si>
  <si>
    <t>12/27/2019 06:02:08</t>
  </si>
  <si>
    <t>12/27/2019 06:05:56</t>
  </si>
  <si>
    <t>f513cdc7-e2c8-4cc9-9fcd-a27532b43b24.tmp</t>
  </si>
  <si>
    <t>\\acsfs\profiles$\lucasqdss\Downloads\f513cdc7-e2c8-4cc9-9fcd-a27532b43b24.tmp</t>
  </si>
  <si>
    <t>12/27/2019 06:04:02</t>
  </si>
  <si>
    <t>12/27/2019 06:08:56</t>
  </si>
  <si>
    <t>12/27/2019 06:09:08</t>
  </si>
  <si>
    <t>12/27/2019 06:10:56</t>
  </si>
  <si>
    <t>12/27/2019 06:08:46</t>
  </si>
  <si>
    <t>a65b827e-7f94-4945-be66-48f8eb1a9365.tmp</t>
  </si>
  <si>
    <t>\\acsfs\profiles$\lucasqdss\Downloads\a65b827e-7f94-4945-be66-48f8eb1a9365.tmp</t>
  </si>
  <si>
    <t>12/27/2019 06:09:56</t>
  </si>
  <si>
    <t>0feefa4d-ddaf-408a-9d42-15719d689ba6.tmp</t>
  </si>
  <si>
    <t>\\acsfs\profiles$\lucasqdss\Downloads\0feefa4d-ddaf-408a-9d42-15719d689ba6.tmp</t>
  </si>
  <si>
    <t>12/27/2019 06:08:53</t>
  </si>
  <si>
    <t>12/27/2019 06:13:56</t>
  </si>
  <si>
    <t>bd16632f-e7ea-46d3-8a37-64ebb4f9d423.tmp</t>
  </si>
  <si>
    <t>\\acsfs\profiles$\ROZENCAM\Downloads\bd16632f-e7ea-46d3-8a37-64ebb4f9d423.tmp</t>
  </si>
  <si>
    <t>12/27/2019 06:09:06</t>
  </si>
  <si>
    <t>3ba307fc-a835-495a-9488-8bc45fb1c318.tmp</t>
  </si>
  <si>
    <t>\\acsfs\profiles$\ROZENCAM\Downloads\3ba307fc-a835-495a-9488-8bc45fb1c318.tmp</t>
  </si>
  <si>
    <t>12/27/2019 06:09:02</t>
  </si>
  <si>
    <t>12/27/2019 06:10:02</t>
  </si>
  <si>
    <t>12/27/2019 06:14:28</t>
  </si>
  <si>
    <t>12/27/2019 06:18:56</t>
  </si>
  <si>
    <t>e05c567a-d480-4815-a3ec-f4fe9d43af57.tmp</t>
  </si>
  <si>
    <t>\\acsfs\profiles$\ROZENCAM\Downloads\e05c567a-d480-4815-a3ec-f4fe9d43af57.tmp</t>
  </si>
  <si>
    <t>12/27/2019 06:15:02</t>
  </si>
  <si>
    <t>12/27/2019 06:16:02</t>
  </si>
  <si>
    <t>12/27/2019 06:19:00</t>
  </si>
  <si>
    <t>12/27/2019 06:23:56</t>
  </si>
  <si>
    <t>12/27/2019 06:21:02</t>
  </si>
  <si>
    <t>12/27/2019 06:22:03</t>
  </si>
  <si>
    <t>12/27/2019 06:24:28</t>
  </si>
  <si>
    <t>12/27/2019 06:25:56</t>
  </si>
  <si>
    <t>12/27/2019 06:21:59</t>
  </si>
  <si>
    <t>12/27/2019 06:26:56</t>
  </si>
  <si>
    <t>12/27/2019 06:27:03</t>
  </si>
  <si>
    <t>12/27/2019 06:28:56</t>
  </si>
  <si>
    <t>12/27/2019 06:28:03</t>
  </si>
  <si>
    <t>12/27/2019 06:29:53</t>
  </si>
  <si>
    <t>12/27/2019 06:32:56</t>
  </si>
  <si>
    <t>12/27/2019 06:33:03</t>
  </si>
  <si>
    <t>12/27/2019 06:33:56</t>
  </si>
  <si>
    <t>12/27/2019 06:34:03</t>
  </si>
  <si>
    <t>12/27/2019 06:38:57</t>
  </si>
  <si>
    <t>12/27/2019 06:39:03</t>
  </si>
  <si>
    <t>12/27/2019 06:43:57</t>
  </si>
  <si>
    <t>12/27/2019 06:40:03</t>
  </si>
  <si>
    <t>12/27/2019 06:45:41</t>
  </si>
  <si>
    <t>12/27/2019 06:48:57</t>
  </si>
  <si>
    <t>4fbc9115-1e16-407f-a12f-7de8f8e563e4.tmp</t>
  </si>
  <si>
    <t>\\acsfs\profiles$\vivianalds\Downloads\4fbc9115-1e16-407f-a12f-7de8f8e563e4.tmp</t>
  </si>
  <si>
    <t>12/27/2019 06:46:56</t>
  </si>
  <si>
    <t>f0a767ea-3573-452c-9e78-f85efabe06a7.tmp</t>
  </si>
  <si>
    <t>\\acsfs\profiles$\vivianalds\Downloads\f0a767ea-3573-452c-9e78-f85efabe06a7.tmp</t>
  </si>
  <si>
    <t>12/27/2019 06:48:21</t>
  </si>
  <si>
    <t>12/27/2019 06:45:03</t>
  </si>
  <si>
    <t>12/27/2019 06:46:03</t>
  </si>
  <si>
    <t>12/27/2019 06:50:41</t>
  </si>
  <si>
    <t>12/27/2019 06:51:57</t>
  </si>
  <si>
    <t>c32db4e0-037f-4bb1-ac76-a58855ed2302.tmp</t>
  </si>
  <si>
    <t>\\acsfs\profiles$\nathaliadf\Downloads\c32db4e0-037f-4bb1-ac76-a58855ed2302.tmp</t>
  </si>
  <si>
    <t>12/27/2019 06:51:31</t>
  </si>
  <si>
    <t>12/27/2019 06:52:56</t>
  </si>
  <si>
    <t>61828d35-a023-468c-961b-be7c958d373e.tmp</t>
  </si>
  <si>
    <t>\\acsfs\profiles$\vivianealda\Downloads\61828d35-a023-468c-961b-be7c958d373e.tmp</t>
  </si>
  <si>
    <t>12/27/2019 06:51:33</t>
  </si>
  <si>
    <t>de763587-5978-4e04-9193-3a11e75497f0.tmp</t>
  </si>
  <si>
    <t>\\acsfs\profiles$\vivianealda\Downloads\de763587-5978-4e04-9193-3a11e75497f0.tmp</t>
  </si>
  <si>
    <t>12/27/2019 06:51:03</t>
  </si>
  <si>
    <t>12/27/2019 06:53:57</t>
  </si>
  <si>
    <t>12/27/2019 06:52:03</t>
  </si>
  <si>
    <t>12/27/2019 06:50:28</t>
  </si>
  <si>
    <t>12/27/2019 06:55:57</t>
  </si>
  <si>
    <t>12/27/2019 06:51:10</t>
  </si>
  <si>
    <t>12/27/2019 06:56:56</t>
  </si>
  <si>
    <t>27ae0b86-6a36-4cc4-b943-d87b7571122f.tmp</t>
  </si>
  <si>
    <t>\\acsfs\profiles$\nathaliadf\Downloads\27ae0b86-6a36-4cc4-b943-d87b7571122f.tmp</t>
  </si>
  <si>
    <t>12/27/2019 06:52:09</t>
  </si>
  <si>
    <t>513d6088-403d-44cd-86ff-8c1b4d064c3a.tmp</t>
  </si>
  <si>
    <t>\\acsfs\profiles$\nathaliadf\Downloads\513d6088-403d-44cd-86ff-8c1b4d064c3a.tmp</t>
  </si>
  <si>
    <t>12/27/2019 06:52:30</t>
  </si>
  <si>
    <t>1a10acfa-de13-4234-af34-1795457609d2.tmp</t>
  </si>
  <si>
    <t>\\acsfs\profiles$\nathaliadf\Downloads\1a10acfa-de13-4234-af34-1795457609d2.tmp</t>
  </si>
  <si>
    <t>12/27/2019 06:52:57</t>
  </si>
  <si>
    <t>12/27/2019 06:57:57</t>
  </si>
  <si>
    <t>3265eeb6-9a3d-466e-9e23-ab9dbc7ad7ff.tmp</t>
  </si>
  <si>
    <t>\\acsfs\profiles$\vivianealda\Downloads\3265eeb6-9a3d-466e-9e23-ab9dbc7ad7ff.tmp</t>
  </si>
  <si>
    <t>12/27/2019 06:56:30</t>
  </si>
  <si>
    <t>12/27/2019 06:57:59</t>
  </si>
  <si>
    <t>12/27/2019 06:58:56</t>
  </si>
  <si>
    <t>12/27/2019 06:58:03</t>
  </si>
  <si>
    <t>1e8ffe5e-04c1-4a60-8865-f2cd0bda8405.tmp</t>
  </si>
  <si>
    <t>\\acsfs\profiles$\BRUNAAR\Downloads\1e8ffe5e-04c1-4a60-8865-f2cd0bda8405.tmp</t>
  </si>
  <si>
    <t>12/27/2019 06:56:52</t>
  </si>
  <si>
    <t>8b13b3da-b646-4546-9fe4-09772ce0d119.tmp</t>
  </si>
  <si>
    <t>\\acsfs\profiles$\ROZENCAM\Downloads\8b13b3da-b646-4546-9fe4-09772ce0d119.tmp</t>
  </si>
  <si>
    <t>12/27/2019 06:57:03</t>
  </si>
  <si>
    <t>12/27/2019 06:54:37</t>
  </si>
  <si>
    <t>12/27/2019 06:59:57</t>
  </si>
  <si>
    <t>12/27/2019 06:54:38</t>
  </si>
  <si>
    <t>12/27/2019 06:59:50</t>
  </si>
  <si>
    <t>12/27/2019 07:01:57</t>
  </si>
  <si>
    <t>a495cee0-40fc-4cc2-b75d-9ac23a50fb46.tmp</t>
  </si>
  <si>
    <t>\\acsfs\profiles$\nathaliadf\Downloads\a495cee0-40fc-4cc2-b75d-9ac23a50fb46.tmp</t>
  </si>
  <si>
    <t>12/27/2019 06:57:39</t>
  </si>
  <si>
    <t>12/27/2019 07:02:57</t>
  </si>
  <si>
    <t>0d94f039-ac11-4b01-baa5-8b4e84a42bc2.tmp</t>
  </si>
  <si>
    <t>\\acsfs\profiles$\vivianealda\Downloads\0d94f039-ac11-4b01-baa5-8b4e84a42bc2.tmp</t>
  </si>
  <si>
    <t>12/27/2019 06:59:43</t>
  </si>
  <si>
    <t>12/27/2019 07:00:04</t>
  </si>
  <si>
    <t>12/27/2019 07:00:12</t>
  </si>
  <si>
    <t>12/27/2019 06:59:32</t>
  </si>
  <si>
    <t>12/27/2019 07:03:57</t>
  </si>
  <si>
    <t>767d555f-3531-4401-990c-ecef5aaa77a6.tmp</t>
  </si>
  <si>
    <t>\\acsfs\profiles$\BRUNAAR\Downloads\767d555f-3531-4401-990c-ecef5aaa77a6.tmp</t>
  </si>
  <si>
    <t>12/27/2019 07:03:03</t>
  </si>
  <si>
    <t>12/27/2019 07:05:57</t>
  </si>
  <si>
    <t>10.200.57.228</t>
  </si>
  <si>
    <t>12/24/2019 09:06:37</t>
  </si>
  <si>
    <t>12/24/2019 09:09:39</t>
  </si>
  <si>
    <t>planilha propostas N3 Prudential 161219.xlsx</t>
  </si>
  <si>
    <t>12/24/2019 09:09:40</t>
  </si>
  <si>
    <t>12/27/2019 07:06:08</t>
  </si>
  <si>
    <t>12/27/2019 07:08:56</t>
  </si>
  <si>
    <t>12/27/2019 07:04:03</t>
  </si>
  <si>
    <t>12/27/2019 07:05:40</t>
  </si>
  <si>
    <t>12/27/2019 07:10:56</t>
  </si>
  <si>
    <t>Holerite_122019_2106152.pdf.mxabw1w.partial</t>
  </si>
  <si>
    <t>\\acsfs\profiles$\monicargds\Downloads\Holerite_122019_2106152.pdf.mxabw1w.partial</t>
  </si>
  <si>
    <t>12/27/2019 07:06:48</t>
  </si>
  <si>
    <t>ALBERTO FERREIRA NETO (3704).contact</t>
  </si>
  <si>
    <t>\\acsfs\profiles$\albertofn\Contacts\ALBERTO FERREIRA NETO (3704).contact</t>
  </si>
  <si>
    <t>12/27/2019 07:07:00</t>
  </si>
  <si>
    <t>12/27/2019 07:07:01</t>
  </si>
  <si>
    <t>12/27/2019 07:07:02</t>
  </si>
  <si>
    <t>12/27/2019 07:07:03</t>
  </si>
  <si>
    <t>12/27/2019 07:07:04</t>
  </si>
  <si>
    <t>12/27/2019 07:07:05</t>
  </si>
  <si>
    <t>12/27/2019 07:07:06</t>
  </si>
  <si>
    <t>12/27/2019 07:07:15</t>
  </si>
  <si>
    <t>12/27/2019 07:07:16</t>
  </si>
  <si>
    <t>12/27/2019 07:08:34</t>
  </si>
  <si>
    <t>12/27/2019 07:11:22</t>
  </si>
  <si>
    <t>12/27/2019 07:13:57</t>
  </si>
  <si>
    <t>12/27/2019 07:11:30</t>
  </si>
  <si>
    <t>12/27/2019 07:08:46</t>
  </si>
  <si>
    <t>12/27/2019 07:08:47</t>
  </si>
  <si>
    <t>12/27/2019 07:09:03</t>
  </si>
  <si>
    <t>12/27/2019 07:10:03</t>
  </si>
  <si>
    <t>12/27/2019 07:11:34</t>
  </si>
  <si>
    <t>12/27/2019 07:13:04</t>
  </si>
  <si>
    <t>12/27/2019 07:14:57</t>
  </si>
  <si>
    <t>12/27/2019 07:12:02</t>
  </si>
  <si>
    <t>12/27/2019 07:15:57</t>
  </si>
  <si>
    <t>12/27/2019 07:17:44</t>
  </si>
  <si>
    <t>12/27/2019 07:18:56</t>
  </si>
  <si>
    <t>12/27/2019 07:17:45</t>
  </si>
  <si>
    <t>lu87561g57ln.tmp</t>
  </si>
  <si>
    <t>\\acsfs\profiles$\BRUNAAR\Numero\lu87561g57ln.tmp</t>
  </si>
  <si>
    <t>12/27/2019 07:16:05</t>
  </si>
  <si>
    <t>12/27/2019 07:15:03</t>
  </si>
  <si>
    <t>12/27/2019 07:16:03</t>
  </si>
  <si>
    <t>12/27/2019 07:15:45</t>
  </si>
  <si>
    <t>12/27/2019 07:20:57</t>
  </si>
  <si>
    <t>12/27/2019 07:19:46</t>
  </si>
  <si>
    <t>12/27/2019 07:20:03</t>
  </si>
  <si>
    <t>12/27/2019 07:20:07</t>
  </si>
  <si>
    <t>12/27/2019 07:20:12</t>
  </si>
  <si>
    <t>12/27/2019 07:19:50</t>
  </si>
  <si>
    <t>12/27/2019 07:23:56</t>
  </si>
  <si>
    <t>12/27/2019 07:21:03</t>
  </si>
  <si>
    <t>12/27/2019 07:22:03</t>
  </si>
  <si>
    <t>12/27/2019 07:24:09</t>
  </si>
  <si>
    <t>12/27/2019 07:25:56</t>
  </si>
  <si>
    <t>df6a88ac-3b8d-4191-83d8-92c05776ca53.tmp</t>
  </si>
  <si>
    <t>\\acsfs\profiles$\sarahbal\Downloads\df6a88ac-3b8d-4191-83d8-92c05776ca53.tmp</t>
  </si>
  <si>
    <t>12/27/2019 07:20:34</t>
  </si>
  <si>
    <t>12/27/2019 07:20:42</t>
  </si>
  <si>
    <t>12/27/2019 07:20:49</t>
  </si>
  <si>
    <t>12/27/2019 07:21:02</t>
  </si>
  <si>
    <t>12/27/2019 07:21:12</t>
  </si>
  <si>
    <t>12/27/2019 07:21:16</t>
  </si>
  <si>
    <t>12/27/2019 07:21:20</t>
  </si>
  <si>
    <t>12/27/2019 07:24:30</t>
  </si>
  <si>
    <t>12/27/2019 07:26:57</t>
  </si>
  <si>
    <t>12/27/2019 07:25:43</t>
  </si>
  <si>
    <t>12/27/2019 07:27:08</t>
  </si>
  <si>
    <t>12/27/2019 07:27:56</t>
  </si>
  <si>
    <t>12/27/2019 07:27:03</t>
  </si>
  <si>
    <t>12/27/2019 07:28:57</t>
  </si>
  <si>
    <t>12/27/2019 07:28:03</t>
  </si>
  <si>
    <t>12/27/2019 07:25:39</t>
  </si>
  <si>
    <t>12/27/2019 07:29:56</t>
  </si>
  <si>
    <t>effc3aae-5cb1-475d-bfc8-20c4ea503692.tmp</t>
  </si>
  <si>
    <t>\\acsfs\profiles$\cintiadcf\Downloads\effc3aae-5cb1-475d-bfc8-20c4ea503692.tmp</t>
  </si>
  <si>
    <t>12/27/2019 07:25:42</t>
  </si>
  <si>
    <t>381f8ce4-0d2a-4b11-a1ae-38fc2874c6d3.tmp</t>
  </si>
  <si>
    <t>\\acsfs\profiles$\cintiadcf\Downloads\381f8ce4-0d2a-4b11-a1ae-38fc2874c6d3.tmp</t>
  </si>
  <si>
    <t>12/27/2019 07:26:08</t>
  </si>
  <si>
    <t>12/27/2019 07:27:30</t>
  </si>
  <si>
    <t>bdefb7ad-ce9b-4093-929c-4a7a22d1ef20.tmp</t>
  </si>
  <si>
    <t>\\acsfs\profiles$\cintiadcf\Downloads\bdefb7ad-ce9b-4093-929c-4a7a22d1ef20.tmp</t>
  </si>
  <si>
    <t>12/27/2019 07:27:59</t>
  </si>
  <si>
    <t>48bd2c79-d1be-42d2-befc-d7574e91c9f8.tmp</t>
  </si>
  <si>
    <t>\\acsfs\profiles$\cintiadcf\Downloads\48bd2c79-d1be-42d2-befc-d7574e91c9f8.tmp</t>
  </si>
  <si>
    <t>12/27/2019 07:28:59</t>
  </si>
  <si>
    <t>12/27/2019 07:25:21</t>
  </si>
  <si>
    <t>12/27/2019 07:30:57</t>
  </si>
  <si>
    <t>e3dcfe1b-d0af-40fe-ab00-b73c79948913.tmp</t>
  </si>
  <si>
    <t>\\acsfs\profiles$\sarahbal\Downloads\e3dcfe1b-d0af-40fe-ab00-b73c79948913.tmp</t>
  </si>
  <si>
    <t>12/27/2019 07:26:10</t>
  </si>
  <si>
    <t>172e0160-fd93-4347-a06d-a6f8574e1838.tmp</t>
  </si>
  <si>
    <t>\\acsfs\profiles$\sarahbal\Downloads\172e0160-fd93-4347-a06d-a6f8574e1838.tmp</t>
  </si>
  <si>
    <t>12/27/2019 07:26:42</t>
  </si>
  <si>
    <t>b2cfc898-23cf-4a34-bceb-cddfe9024ccd.tmp</t>
  </si>
  <si>
    <t>\\acsfs\profiles$\sarahbal\Downloads\b2cfc898-23cf-4a34-bceb-cddfe9024ccd.tmp</t>
  </si>
  <si>
    <t>12/27/2019 07:26:35</t>
  </si>
  <si>
    <t>12/27/2019 07:28:55</t>
  </si>
  <si>
    <t>5a1df554-2e4e-4efb-a593-6df8d8aec1f1.tmp</t>
  </si>
  <si>
    <t>\\acsfs\profiles$\danielac\Downloads\5a1df554-2e4e-4efb-a593-6df8d8aec1f1.tmp</t>
  </si>
  <si>
    <t>12/27/2019 07:26:28</t>
  </si>
  <si>
    <t>12/27/2019 07:31:57</t>
  </si>
  <si>
    <t>12/27/2019 07:27:22</t>
  </si>
  <si>
    <t>12/27/2019 07:32:57</t>
  </si>
  <si>
    <t>12/27/2019 07:27:31</t>
  </si>
  <si>
    <t>f4b22ee7-b2a3-42f7-81c7-ece04b787709.tmp</t>
  </si>
  <si>
    <t>\\acsfs\profiles$\deboraaa\Downloads\f4b22ee7-b2a3-42f7-81c7-ece04b787709.tmp</t>
  </si>
  <si>
    <t>12/27/2019 07:27:42</t>
  </si>
  <si>
    <t>e8bd4cdc-0b56-433e-8c4e-c10fd2a0b621.tmp</t>
  </si>
  <si>
    <t>\\acsfs\profiles$\deboraaa\Downloads\e8bd4cdc-0b56-433e-8c4e-c10fd2a0b621.tmp</t>
  </si>
  <si>
    <t>12/27/2019 07:28:16</t>
  </si>
  <si>
    <t>a8a96d77-7ca8-4130-9e27-547023a8f090.tmp</t>
  </si>
  <si>
    <t>\\acsfs\profiles$\deboraaa\Downloads\a8a96d77-7ca8-4130-9e27-547023a8f090.tmp</t>
  </si>
  <si>
    <t>12/27/2019 07:28:44</t>
  </si>
  <si>
    <t>b2f05d1d-8bbc-482a-8368-dd0158792abd.tmp</t>
  </si>
  <si>
    <t>\\acsfs\profiles$\deboraaa\Downloads\b2f05d1d-8bbc-482a-8368-dd0158792abd.tmp</t>
  </si>
  <si>
    <t>12/27/2019 07:29:20</t>
  </si>
  <si>
    <t>16dc8c32-3d0c-4a8d-9d29-b665d05b1823.tmp</t>
  </si>
  <si>
    <t>\\acsfs\profiles$\deboraaa\Downloads\16dc8c32-3d0c-4a8d-9d29-b665d05b1823.tmp</t>
  </si>
  <si>
    <t>12/27/2019 07:33:03</t>
  </si>
  <si>
    <t>12/27/2019 07:33:57</t>
  </si>
  <si>
    <t>12/27/2019 07:33:17</t>
  </si>
  <si>
    <t>12/27/2019 07:34:57</t>
  </si>
  <si>
    <t>12/27/2019 07:32:36</t>
  </si>
  <si>
    <t>12/27/2019 07:31:23</t>
  </si>
  <si>
    <t>12/27/2019 07:35:57</t>
  </si>
  <si>
    <t>12/27/2019 07:32:19</t>
  </si>
  <si>
    <t>12/27/2019 07:32:47</t>
  </si>
  <si>
    <t>12/27/2019 07:32:54</t>
  </si>
  <si>
    <t>12/27/2019 07:33:02</t>
  </si>
  <si>
    <t>12/27/2019 07:33:12</t>
  </si>
  <si>
    <t>12/27/2019 07:33:18</t>
  </si>
  <si>
    <t>12/27/2019 07:33:37</t>
  </si>
  <si>
    <t>12/27/2019 07:31:01</t>
  </si>
  <si>
    <t>3d0a359b-56b9-4c0e-821e-7f1cc187c140.tmp</t>
  </si>
  <si>
    <t>\\acsfs\profiles$\danielac\Downloads\3d0a359b-56b9-4c0e-821e-7f1cc187c140.tmp</t>
  </si>
  <si>
    <t>12/27/2019 07:31:25</t>
  </si>
  <si>
    <t>056518d6-c253-45d8-8906-b668df64bbef.tmp</t>
  </si>
  <si>
    <t>\\acsfs\profiles$\danielac\Downloads\056518d6-c253-45d8-8906-b668df64bbef.tmp</t>
  </si>
  <si>
    <t>12/27/2019 07:34:23</t>
  </si>
  <si>
    <t>12/27/2019 07:37:57</t>
  </si>
  <si>
    <t>12/27/2019 07:34:28</t>
  </si>
  <si>
    <t>5b3751d0-c6dd-4673-8ee9-d41f0f538da8.tmp</t>
  </si>
  <si>
    <t>\\acsfs\profiles$\websondsa\Downloads\5b3751d0-c6dd-4673-8ee9-d41f0f538da8.tmp</t>
  </si>
  <si>
    <t>12/27/2019 07:34:29</t>
  </si>
  <si>
    <t>730beb86-2a4d-4708-985b-fac38e583ad1.tmp</t>
  </si>
  <si>
    <t>\\acsfs\profiles$\websondsa\Downloads\730beb86-2a4d-4708-985b-fac38e583ad1.tmp</t>
  </si>
  <si>
    <t>12/27/2019 07:34:34</t>
  </si>
  <si>
    <t>4454eca2-99f3-4beb-b72f-967e080abb0e.tmp</t>
  </si>
  <si>
    <t>\\acsfs\profiles$\websondsa\Downloads\4454eca2-99f3-4beb-b72f-967e080abb0e.tmp</t>
  </si>
  <si>
    <t>12/27/2019 07:35:24</t>
  </si>
  <si>
    <t>b1a08e5b-70cb-4819-a71a-ae0e8b9d131d.tmp</t>
  </si>
  <si>
    <t>\\acsfs\profiles$\websondsa\Downloads\b1a08e5b-70cb-4819-a71a-ae0e8b9d131d.tmp</t>
  </si>
  <si>
    <t>12/27/2019 07:34:15</t>
  </si>
  <si>
    <t>12/27/2019 07:38:57</t>
  </si>
  <si>
    <t>12/27/2019 07:34:04</t>
  </si>
  <si>
    <t>12/27/2019 07:39:00</t>
  </si>
  <si>
    <t>12/27/2019 07:39:57</t>
  </si>
  <si>
    <t>12/27/2019 07:35:41</t>
  </si>
  <si>
    <t>12/27/2019 07:40:57</t>
  </si>
  <si>
    <t>joaogvc@algartech.com;katia.cardoso@bv.com.br;marianadjc@algartech.com;rafaelggs@algartech.com;taysdss@algartech.com;viniciussg@algartech.com;</t>
  </si>
  <si>
    <t>joaogvc@algartech.com,katia.cardoso@bv.com.br,marianadjc@algartech.com,rafaelggs@algartech.com,taysdss@algartech.com,viniciussg@algartech.com</t>
  </si>
  <si>
    <t>12/27/2019 07:36:42</t>
  </si>
  <si>
    <t>12/27/2019 07:36:45</t>
  </si>
  <si>
    <t>12/27/2019 07:37:13</t>
  </si>
  <si>
    <t>12/27/2019 07:39:26</t>
  </si>
  <si>
    <t>12/27/2019 07:42:06</t>
  </si>
  <si>
    <t>12/27/2019 07:42:57</t>
  </si>
  <si>
    <t>1b7a9db9-ffbe-4026-a539-58ab51852681.tmp</t>
  </si>
  <si>
    <t>\\acsfs\profiles$\websondsa\Downloads\1b7a9db9-ffbe-4026-a539-58ab51852681.tmp</t>
  </si>
  <si>
    <t>12/27/2019 07:39:03</t>
  </si>
  <si>
    <t>12/27/2019 07:43:56</t>
  </si>
  <si>
    <t>12/27/2019 07:40:03</t>
  </si>
  <si>
    <t>12/27/2019 07:42:24</t>
  </si>
  <si>
    <t>12/27/2019 07:45:57</t>
  </si>
  <si>
    <t>12/27/2019 07:42:32</t>
  </si>
  <si>
    <t>12/27/2019 07:42:34</t>
  </si>
  <si>
    <t>12/27/2019 07:42:41</t>
  </si>
  <si>
    <t>12/27/2019 07:42:48</t>
  </si>
  <si>
    <t>joaogvc@algartech.com;katia.cardoso@bv.com.br;marianadjc@algartech.com;planejamentodeoperacoesetrafego@bv.com.br;rafaelggs@algartech.com;taysdss@algartech.com;viniciussg@algartech.com;</t>
  </si>
  <si>
    <t>joaogvc@algartech.com,katia.cardoso@bv.com.br,marianadjc@algartech.com,planejamentodeoperacoesetrafego@bv.com.br,rafaelggs@algartech.com,taysdss@algartech.com,viniciussg@algartech.com</t>
  </si>
  <si>
    <t>12/27/2019 07:42:56</t>
  </si>
  <si>
    <t>12/27/2019 07:43:23</t>
  </si>
  <si>
    <t>12/27/2019 07:43:44</t>
  </si>
  <si>
    <t>12/27/2019 07:43:48</t>
  </si>
  <si>
    <t>12/27/2019 07:47:57</t>
  </si>
  <si>
    <t>3c39b786-0830-409c-b14e-ccb137603acc.tmp</t>
  </si>
  <si>
    <t>\\acsfs\profiles$\websondsa\Downloads\3c39b786-0830-409c-b14e-ccb137603acc.tmp</t>
  </si>
  <si>
    <t>12/27/2019 07:44:26</t>
  </si>
  <si>
    <t>29ddeafd-3b03-490d-9f6e-bd5882de1a96.tmp</t>
  </si>
  <si>
    <t>\\acsfs\profiles$\websondsa\Downloads\29ddeafd-3b03-490d-9f6e-bd5882de1a96.tmp</t>
  </si>
  <si>
    <t>12/27/2019 07:44:39</t>
  </si>
  <si>
    <t>7b845ec7-dde3-48cf-aefa-a0a6ff59b413.tmp</t>
  </si>
  <si>
    <t>\\acsfs\profiles$\websondsa\Downloads\7b845ec7-dde3-48cf-aefa-a0a6ff59b413.tmp</t>
  </si>
  <si>
    <t>12/27/2019 07:45:29</t>
  </si>
  <si>
    <t>12/27/2019 07:48:57</t>
  </si>
  <si>
    <t>12/27/2019 07:47:12</t>
  </si>
  <si>
    <t>e3e01928-44ba-4c1d-be69-583ef2227d71.tmp</t>
  </si>
  <si>
    <t>\\acsfs\profiles$\anafsb\Downloads\e3e01928-44ba-4c1d-be69-583ef2227d71.tmp</t>
  </si>
  <si>
    <t>12/27/2019 07:47:14</t>
  </si>
  <si>
    <t>128c4c7c-a0ee-499c-b9c1-e013dff28723.tmp</t>
  </si>
  <si>
    <t>\\acsfs\profiles$\anafsb\Downloads\128c4c7c-a0ee-499c-b9c1-e013dff28723.tmp</t>
  </si>
  <si>
    <t>12/27/2019 07:45:03</t>
  </si>
  <si>
    <t>12/27/2019 07:46:03</t>
  </si>
  <si>
    <t>12/27/2019 07:49:39</t>
  </si>
  <si>
    <t>12/27/2019 07:50:57</t>
  </si>
  <si>
    <t>12/27/2019 07:48:53</t>
  </si>
  <si>
    <t>12/27/2019 07:51:58</t>
  </si>
  <si>
    <t>a2928519-026f-4ac2-ac79-d992a34991f0.tmp</t>
  </si>
  <si>
    <t>\\acsfs\profiles$\gabrielarb\Downloads\a2928519-026f-4ac2-ac79-d992a34991f0.tmp</t>
  </si>
  <si>
    <t>b4175c09-448b-441b-84bd-41373089f160.tmp</t>
  </si>
  <si>
    <t>\\acsfs\profiles$\gabrielarb\Downloads\b4175c09-448b-441b-84bd-41373089f160.tmp</t>
  </si>
  <si>
    <t>12/27/2019 07:49:46</t>
  </si>
  <si>
    <t>ac042f16-5458-41e8-a0aa-ef3215333d5c.tmp</t>
  </si>
  <si>
    <t>\\acsfs\profiles$\gabrielarb\Downloads\ac042f16-5458-41e8-a0aa-ef3215333d5c.tmp</t>
  </si>
  <si>
    <t>12/27/2019 07:50:21</t>
  </si>
  <si>
    <t>f002472b-ea4e-4457-ad7b-9b79a3099166.tmp</t>
  </si>
  <si>
    <t>\\acsfs\profiles$\gabrielarb\Downloads\f002472b-ea4e-4457-ad7b-9b79a3099166.tmp</t>
  </si>
  <si>
    <t>12/27/2019 07:51:19</t>
  </si>
  <si>
    <t>28a4fdd8-573d-443c-b9ed-4d4375d1ef8d.tmp</t>
  </si>
  <si>
    <t>\\acsfs\profiles$\gabrielarb\Downloads\28a4fdd8-573d-443c-b9ed-4d4375d1ef8d.tmp</t>
  </si>
  <si>
    <t>12/27/2019 07:51:26</t>
  </si>
  <si>
    <t>8dbe2d55-cd53-4116-b365-cf0dffb4baf2.tmp</t>
  </si>
  <si>
    <t>\\acsfs\profiles$\gabrielarb\Downloads\8dbe2d55-cd53-4116-b365-cf0dffb4baf2.tmp</t>
  </si>
  <si>
    <t>12/27/2019 07:52:42</t>
  </si>
  <si>
    <t>12/27/2019 07:53:58</t>
  </si>
  <si>
    <t>12/27/2019 07:52:44</t>
  </si>
  <si>
    <t>12/27/2019 07:52:45</t>
  </si>
  <si>
    <t>12/27/2019 07:52:46</t>
  </si>
  <si>
    <t>12/27/2019 07:52:47</t>
  </si>
  <si>
    <t>12/27/2019 07:52:49</t>
  </si>
  <si>
    <t>12/27/2019 07:52:50</t>
  </si>
  <si>
    <t>12/27/2019 07:52:51</t>
  </si>
  <si>
    <t>12/27/2019 07:52:53</t>
  </si>
  <si>
    <t>12/27/2019 07:52:54</t>
  </si>
  <si>
    <t>12/27/2019 07:52:55</t>
  </si>
  <si>
    <t>12/27/2019 07:52:56</t>
  </si>
  <si>
    <t>12/27/2019 07:52:57</t>
  </si>
  <si>
    <t>12/27/2019 07:52:59</t>
  </si>
  <si>
    <t>12/27/2019 07:53:01</t>
  </si>
  <si>
    <t>12/27/2019 07:53:02</t>
  </si>
  <si>
    <t>12/27/2019 07:53:03</t>
  </si>
  <si>
    <t>12/27/2019 07:53:04</t>
  </si>
  <si>
    <t>12/27/2019 07:53:05</t>
  </si>
  <si>
    <t>12/27/2019 07:53:07</t>
  </si>
  <si>
    <t>12/27/2019 07:53:08</t>
  </si>
  <si>
    <t>12/27/2019 07:53:11</t>
  </si>
  <si>
    <t>12/27/2019 07:48:51</t>
  </si>
  <si>
    <t>5fbdc8d1-094b-4e73-828e-234b04e1c85c.tmp</t>
  </si>
  <si>
    <t>\\acsfs\profiles$\anafsb\Downloads\5fbdc8d1-094b-4e73-828e-234b04e1c85c.tmp</t>
  </si>
  <si>
    <t>12/27/2019 07:49:18</t>
  </si>
  <si>
    <t>2983f064-0772-416e-83b2-17330aaf7bfe.tmp</t>
  </si>
  <si>
    <t>\\acsfs\profiles$\anafsb\Downloads\2983f064-0772-416e-83b2-17330aaf7bfe.tmp</t>
  </si>
  <si>
    <t>12/27/2019 07:50:08</t>
  </si>
  <si>
    <t>b162d3e9-df9f-4932-aa5d-73ab77e2d0e5.tmp</t>
  </si>
  <si>
    <t>\\acsfs\profiles$\anafsb\Downloads\b162d3e9-df9f-4932-aa5d-73ab77e2d0e5.tmp</t>
  </si>
  <si>
    <t>12/27/2019 07:51:04</t>
  </si>
  <si>
    <t>a5951684-a5fe-4e20-a86b-2469a6b3c6fd.tmp</t>
  </si>
  <si>
    <t>\\acsfs\profiles$\anafsb\Downloads\a5951684-a5fe-4e20-a86b-2469a6b3c6fd.tmp</t>
  </si>
  <si>
    <t>12/27/2019 07:48:42</t>
  </si>
  <si>
    <t>lu234802fhqm8.tmp</t>
  </si>
  <si>
    <t>\\acsfs\profiles$\VIVIANALDS\My Documents\lu234802fhqm8.tmp</t>
  </si>
  <si>
    <t>\\acsfs\profiles$\VIVIANALDS\My Documents\lu234802fhqm8.tmp\</t>
  </si>
  <si>
    <t>\\acsfs\profiles$\VIVIANALDS\My Documents\lu234802fhqm8.tmp\META-INF\</t>
  </si>
  <si>
    <t>\\acsfs\profiles$\VIVIANALDS\My Documents\lu234802fhqm8.tmp\Thumbnails\</t>
  </si>
  <si>
    <t>12/27/2019 07:51:03</t>
  </si>
  <si>
    <t>12/27/2019 07:52:03</t>
  </si>
  <si>
    <t>12/27/2019 07:51:47</t>
  </si>
  <si>
    <t>12/27/2019 07:55:58</t>
  </si>
  <si>
    <t>0139e4bb-d98f-4a2a-919f-bed7da0bf266.tmp</t>
  </si>
  <si>
    <t>\\acsfs\profiles$\sarahbal\Downloads\0139e4bb-d98f-4a2a-919f-bed7da0bf266.tmp</t>
  </si>
  <si>
    <t>12/27/2019 07:53:16</t>
  </si>
  <si>
    <t>aef8b960-9f0c-40f7-9fa2-36f7fba5da47.tmp</t>
  </si>
  <si>
    <t>\\acsfs\profiles$\valeriasda\Downloads\aef8b960-9f0c-40f7-9fa2-36f7fba5da47.tmp</t>
  </si>
  <si>
    <t>12/27/2019 07:53:18</t>
  </si>
  <si>
    <t>b8149656-72b5-4a11-95df-ceb71aa9b8a0.tmp</t>
  </si>
  <si>
    <t>\\acsfs\profiles$\valeriasda\Downloads\b8149656-72b5-4a11-95df-ceb71aa9b8a0.tmp</t>
  </si>
  <si>
    <t>12/27/2019 07:54:24</t>
  </si>
  <si>
    <t>3dbe6d03-a5bf-4f43-85ea-a3ac7f4e9845.tmp</t>
  </si>
  <si>
    <t>\\acsfs\profiles$\valeriasda\Downloads\3dbe6d03-a5bf-4f43-85ea-a3ac7f4e9845.tmp</t>
  </si>
  <si>
    <t>12/27/2019 07:53:54</t>
  </si>
  <si>
    <t>12/27/2019 07:53:55</t>
  </si>
  <si>
    <t>12/27/2019 07:57:30</t>
  </si>
  <si>
    <t>12/27/2019 07:58:58</t>
  </si>
  <si>
    <t>30245599-3b90-4c50-89ec-503b71706884.tmp</t>
  </si>
  <si>
    <t>\\acsfs\profiles$\BRUNAAR\Downloads\30245599-3b90-4c50-89ec-503b71706884.tmp</t>
  </si>
  <si>
    <t>12/27/2019 07:53:13</t>
  </si>
  <si>
    <t>12/27/2019 07:53:14</t>
  </si>
  <si>
    <t>12/27/2019 07:53:17</t>
  </si>
  <si>
    <t>12/27/2019 07:53:19</t>
  </si>
  <si>
    <t>12/27/2019 07:53:20</t>
  </si>
  <si>
    <t>12/27/2019 07:53:21</t>
  </si>
  <si>
    <t>12/27/2019 07:53:22</t>
  </si>
  <si>
    <t>12/27/2019 07:53:24</t>
  </si>
  <si>
    <t>12/27/2019 07:53:26</t>
  </si>
  <si>
    <t>12/27/2019 07:53:27</t>
  </si>
  <si>
    <t>12/27/2019 07:53:28</t>
  </si>
  <si>
    <t>12/27/2019 07:53:29</t>
  </si>
  <si>
    <t>12/27/2019 07:53:30</t>
  </si>
  <si>
    <t>12/27/2019 07:53:31</t>
  </si>
  <si>
    <t>12/27/2019 07:53:32</t>
  </si>
  <si>
    <t>12/27/2019 07:54:38</t>
  </si>
  <si>
    <t>12/27/2019 07:57:09</t>
  </si>
  <si>
    <t>6e203369-75a0-484c-93e1-b5c73dd58407.tmp</t>
  </si>
  <si>
    <t>\\acsfs\profiles$\marcellewdl\Downloads\6e203369-75a0-484c-93e1-b5c73dd58407.tmp</t>
  </si>
  <si>
    <t>12/27/2019 07:55:32</t>
  </si>
  <si>
    <t>1c748001-5952-4d0d-93c9-de4bb345d4e5.tmp</t>
  </si>
  <si>
    <t>\\acsfs\profiles$\luanaagl\Downloads\1c748001-5952-4d0d-93c9-de4bb345d4e5.tmp</t>
  </si>
  <si>
    <t>12/27/2019 07:55:33</t>
  </si>
  <si>
    <t>5ecaaf17-f044-4bdd-923f-9d28dd1ff698.tmp</t>
  </si>
  <si>
    <t>\\acsfs\profiles$\luanaagl\Downloads\5ecaaf17-f044-4bdd-923f-9d28dd1ff698.tmp</t>
  </si>
  <si>
    <t>12/27/2019 07:57:03</t>
  </si>
  <si>
    <t>12/27/2019 07:58:03</t>
  </si>
  <si>
    <t>12/27/2019 07:55:09</t>
  </si>
  <si>
    <t>12/27/2019 07:59:57</t>
  </si>
  <si>
    <t>12/27/2019 07:57:10</t>
  </si>
  <si>
    <t>fc90c69a-70a3-41d3-a6b5-77f2521727fa.tmp</t>
  </si>
  <si>
    <t>\\acsfs\profiles$\paulovadc\Downloads\fc90c69a-70a3-41d3-a6b5-77f2521727fa.tmp</t>
  </si>
  <si>
    <t>12/27/2019 07:58:30</t>
  </si>
  <si>
    <t>f924e011-6f1a-4591-a33b-593b29c70d5a.tmp</t>
  </si>
  <si>
    <t>\\acsfs\profiles$\paulovadc\Downloads\f924e011-6f1a-4591-a33b-593b29c70d5a.tmp</t>
  </si>
  <si>
    <t>12/27/2019 07:56:52</t>
  </si>
  <si>
    <t>12/27/2019 07:57:20</t>
  </si>
  <si>
    <t>8e524083-ea6b-4c8b-bb9c-8b2adb251450.tmp</t>
  </si>
  <si>
    <t>\\acsfs\profiles$\mariliafplb\Downloads\8e524083-ea6b-4c8b-bb9c-8b2adb251450.tmp</t>
  </si>
  <si>
    <t>12/27/2019 07:58:50</t>
  </si>
  <si>
    <t>cb079fb2-caad-4215-b528-357dad7df311.tmp</t>
  </si>
  <si>
    <t>\\acsfs\profiles$\mariliafplb\Downloads\cb079fb2-caad-4215-b528-357dad7df311.tmp</t>
  </si>
  <si>
    <t>12/27/2019 08:00:55</t>
  </si>
  <si>
    <t>12/27/2019 08:01:58</t>
  </si>
  <si>
    <t>4a79a0bc-9be3-48e4-9de5-709284c770ad.tmp</t>
  </si>
  <si>
    <t>\\acsfs\profiles$\nathaliadf\Downloads\4a79a0bc-9be3-48e4-9de5-709284c770ad.tmp</t>
  </si>
  <si>
    <t>12/27/2019 07:58:00</t>
  </si>
  <si>
    <t>2e099837-9931-4f5b-ad80-1784b04ec6a3.tmp</t>
  </si>
  <si>
    <t>\\acsfs\profiles$\rafaelamsv\Downloads\2e099837-9931-4f5b-ad80-1784b04ec6a3.tmp</t>
  </si>
  <si>
    <t>12/27/2019 07:58:20</t>
  </si>
  <si>
    <t>25de2f6f-7a5e-401a-92a6-e5926b90ce25.tmp</t>
  </si>
  <si>
    <t>\\acsfs\profiles$\rafaelamsv\Downloads\25de2f6f-7a5e-401a-92a6-e5926b90ce25.tmp</t>
  </si>
  <si>
    <t>12/27/2019 07:58:25</t>
  </si>
  <si>
    <t>12/27/2019 07:56:51</t>
  </si>
  <si>
    <t>12/27/2019 07:58:43</t>
  </si>
  <si>
    <t>69ba9301-2127-43f2-8eaa-52f75b26c705.tmp</t>
  </si>
  <si>
    <t>\\acsfs\profiles$\deborahsi\Downloads\69ba9301-2127-43f2-8eaa-52f75b26c705.tmp</t>
  </si>
  <si>
    <t>12/27/2019 07:59:33</t>
  </si>
  <si>
    <t>5dd8a9cf-6ad4-47f9-9d64-bd02d480d2cd.tmp</t>
  </si>
  <si>
    <t>\\acsfs\profiles$\deborahsi\Downloads\5dd8a9cf-6ad4-47f9-9d64-bd02d480d2cd.tmp</t>
  </si>
  <si>
    <t>12/27/2019 07:59:40</t>
  </si>
  <si>
    <t>12/27/2019 08:00:23</t>
  </si>
  <si>
    <t>12/27/2019 08:01:12</t>
  </si>
  <si>
    <t>12/27/2019 08:00:21</t>
  </si>
  <si>
    <t>12/27/2019 08:02:57</t>
  </si>
  <si>
    <t>99642286-df40-4945-af88-7d53b992963e.tmp</t>
  </si>
  <si>
    <t>\\acsfs\profiles$\luanarda\Downloads\99642286-df40-4945-af88-7d53b992963e.tmp</t>
  </si>
  <si>
    <t>12/27/2019 08:03:58</t>
  </si>
  <si>
    <t>9b67a6b1-f9f2-4ff8-bf13-a51e09b7fb03.tmp</t>
  </si>
  <si>
    <t>\\acsfs\profiles$\marcellewdl\Downloads\9b67a6b1-f9f2-4ff8-bf13-a51e09b7fb03.tmp</t>
  </si>
  <si>
    <t>12/27/2019 08:01:50</t>
  </si>
  <si>
    <t>12/27/2019 08:02:21</t>
  </si>
  <si>
    <t>7d92ab8a-79de-4845-a6e4-3c8228cde558.tmp</t>
  </si>
  <si>
    <t>\\acsfs\profiles$\marcellewdl\Downloads\7d92ab8a-79de-4845-a6e4-3c8228cde558.tmp</t>
  </si>
  <si>
    <t>12/27/2019 08:00:38</t>
  </si>
  <si>
    <t>12/27/2019 08:00:39</t>
  </si>
  <si>
    <t>12/27/2019 08:00:40</t>
  </si>
  <si>
    <t>12/27/2019 08:00:41</t>
  </si>
  <si>
    <t>12/27/2019 08:00:42</t>
  </si>
  <si>
    <t>12/27/2019 08:00:53</t>
  </si>
  <si>
    <t>12/27/2019 08:00:54</t>
  </si>
  <si>
    <t>12/27/2019 08:00:57</t>
  </si>
  <si>
    <t>12/27/2019 07:59:56</t>
  </si>
  <si>
    <t>12/27/2019 08:01:54</t>
  </si>
  <si>
    <t>12/27/2019 08:03:04</t>
  </si>
  <si>
    <t>12/27/2019 08:00:46</t>
  </si>
  <si>
    <t>12/27/2019 08:04:57</t>
  </si>
  <si>
    <t>12/27/2019 08:03:46</t>
  </si>
  <si>
    <t>12/27/2019 08:03:13</t>
  </si>
  <si>
    <t>12/27/2019 08:02:05</t>
  </si>
  <si>
    <t>12/27/2019 08:03:31</t>
  </si>
  <si>
    <t>12/27/2019 08:05:58</t>
  </si>
  <si>
    <t>689755ff-29f0-4999-9e7c-9faaf23904d5.tmp</t>
  </si>
  <si>
    <t>\\acsfs\profiles$\valeriasda\Downloads\689755ff-29f0-4999-9e7c-9faaf23904d5.tmp</t>
  </si>
  <si>
    <t>12/27/2019 08:03:23</t>
  </si>
  <si>
    <t>\\acsfs\DEPTOS\Operacao\PCP\5 - Comum\PLANEJAMENTO BV\14 - ACOMPANHAMENTO\1 - REPORT ACOMPANHAMENTO\2019\12 - Dezembro\CARTÕES\Range.xlsx</t>
  </si>
  <si>
    <t>https://udpmailboxap01.acs.com.br:8443/h/search?si=0&amp;so=0&amp;sc=54267&amp;sfi=6&amp;st=conversation&amp;action=compose</t>
  </si>
  <si>
    <t>12/27/2019 08:00:59</t>
  </si>
  <si>
    <t>12/27/2019 08:01:52</t>
  </si>
  <si>
    <t>12/27/2019 08:06:58</t>
  </si>
  <si>
    <t>12/27/2019 08:01:26</t>
  </si>
  <si>
    <t>0621aa21-6a65-4dba-b0dc-79107e9e22a3.tmp</t>
  </si>
  <si>
    <t>\\acsfs\profiles$\rafaelamsv\Downloads\0621aa21-6a65-4dba-b0dc-79107e9e22a3.tmp</t>
  </si>
  <si>
    <t>12/27/2019 08:02:18</t>
  </si>
  <si>
    <t>66dfefc4-f6c0-4fb2-9495-135eed7c7dfc.tmp</t>
  </si>
  <si>
    <t>\\acsfs\profiles$\rafaelamsv\Downloads\66dfefc4-f6c0-4fb2-9495-135eed7c7dfc.tmp</t>
  </si>
  <si>
    <t>12/27/2019 08:04:00</t>
  </si>
  <si>
    <t>12/27/2019 08:07:57</t>
  </si>
  <si>
    <t>e6e61af6-fd09-4d46-afc1-eb9d9e0a583e.tmp</t>
  </si>
  <si>
    <t>\\acsfs\profiles$\luanarda\Downloads\e6e61af6-fd09-4d46-afc1-eb9d9e0a583e.tmp</t>
  </si>
  <si>
    <t>12/27/2019 08:06:09</t>
  </si>
  <si>
    <t>12/27/2019 08:08:58</t>
  </si>
  <si>
    <t>12/27/2019 08:08:00</t>
  </si>
  <si>
    <t>1c5aa100-afb0-48ab-ba81-9692178938cc.tmp</t>
  </si>
  <si>
    <t>\\acsfs\profiles$\anafsb\Downloads\1c5aa100-afb0-48ab-ba81-9692178938cc.tmp</t>
  </si>
  <si>
    <t>12/27/2019 08:04:04</t>
  </si>
  <si>
    <t>12/27/2019 08:06:53</t>
  </si>
  <si>
    <t>12/27/2019 08:09:57</t>
  </si>
  <si>
    <t>30b09f37-deb5-4701-99b4-b6ffa31bff43.tmp</t>
  </si>
  <si>
    <t>\\acsfs\profiles$\dhiulliananads\Downloads\30b09f37-deb5-4701-99b4-b6ffa31bff43.tmp</t>
  </si>
  <si>
    <t>12/27/2019 08:07:33</t>
  </si>
  <si>
    <t>12/27/2019 08:07:39</t>
  </si>
  <si>
    <t>12/27/2019 08:07:58</t>
  </si>
  <si>
    <t>12/27/2019 08:10:58</t>
  </si>
  <si>
    <t>12/27/2019 08:08:28</t>
  </si>
  <si>
    <t>12/27/2019 08:09:58</t>
  </si>
  <si>
    <t>12/27/2019 08:09:34</t>
  </si>
  <si>
    <t>12/27/2019 08:11:57</t>
  </si>
  <si>
    <t>12/27/2019 08:11:30</t>
  </si>
  <si>
    <t>12/27/2019 08:12:58</t>
  </si>
  <si>
    <t>12/27/2019 08:08:26</t>
  </si>
  <si>
    <t>12/27/2019 08:13:58</t>
  </si>
  <si>
    <t>12/27/2019 08:12:09</t>
  </si>
  <si>
    <t>12/27/2019 08:09:03</t>
  </si>
  <si>
    <t>12/27/2019 08:10:03</t>
  </si>
  <si>
    <t>12/27/2019 08:11:53</t>
  </si>
  <si>
    <t>12/27/2019 08:14:58</t>
  </si>
  <si>
    <t>12/27/2019 08:09:47</t>
  </si>
  <si>
    <t>12/27/2019 08:12:46</t>
  </si>
  <si>
    <t>551cd360-616a-449f-ac27-551c569f211b.tmp</t>
  </si>
  <si>
    <t>\\acsfs\profiles$\mariliafplb\Downloads\551cd360-616a-449f-ac27-551c569f211b.tmp</t>
  </si>
  <si>
    <t>12/27/2019 08:11:44</t>
  </si>
  <si>
    <t>12/27/2019 08:15:58</t>
  </si>
  <si>
    <t>c90cb29d-21df-452f-9509-7fcebb151a86.tmp</t>
  </si>
  <si>
    <t>\\acsfs\profiles$\lucasqdss\Downloads\c90cb29d-21df-452f-9509-7fcebb151a86.tmp</t>
  </si>
  <si>
    <t>12/27/2019 08:11:12</t>
  </si>
  <si>
    <t>12/27/2019 08:11:28</t>
  </si>
  <si>
    <t>12/27/2019 08:11:58</t>
  </si>
  <si>
    <t>12/27/2019 08:11:22</t>
  </si>
  <si>
    <t>12/27/2019 08:16:58</t>
  </si>
  <si>
    <t>12/27/2019 08:12:27</t>
  </si>
  <si>
    <t>e5a34bcf-72d2-4b0d-8920-63487ab23daf.tmp</t>
  </si>
  <si>
    <t>\\acsfs\profiles$\felipetds\Downloads\e5a34bcf-72d2-4b0d-8920-63487ab23daf.tmp</t>
  </si>
  <si>
    <t>12/27/2019 08:14:22</t>
  </si>
  <si>
    <t>6febc64c-9807-4142-b882-03f783008d32.tmp</t>
  </si>
  <si>
    <t>\\acsfs\profiles$\felipetds\Downloads\6febc64c-9807-4142-b882-03f783008d32.tmp</t>
  </si>
  <si>
    <t>12/27/2019 08:13:38</t>
  </si>
  <si>
    <t>12/27/2019 08:13:39</t>
  </si>
  <si>
    <t>12/27/2019 08:13:40</t>
  </si>
  <si>
    <t>12/27/2019 08:13:41</t>
  </si>
  <si>
    <t>12/27/2019 08:13:42</t>
  </si>
  <si>
    <t>12/27/2019 08:13:43</t>
  </si>
  <si>
    <t>12/27/2019 08:13:44</t>
  </si>
  <si>
    <t>12/27/2019 08:13:45</t>
  </si>
  <si>
    <t>12/27/2019 08:13:46</t>
  </si>
  <si>
    <t>12/27/2019 08:17:58</t>
  </si>
  <si>
    <t>12/27/2019 08:13:47</t>
  </si>
  <si>
    <t>12/27/2019 08:13:48</t>
  </si>
  <si>
    <t>12/27/2019 08:13:49</t>
  </si>
  <si>
    <t>12/27/2019 08:13:50</t>
  </si>
  <si>
    <t>12/27/2019 08:13:51</t>
  </si>
  <si>
    <t>12/27/2019 08:13:52</t>
  </si>
  <si>
    <t>12/27/2019 08:13:53</t>
  </si>
  <si>
    <t>12/27/2019 08:13:54</t>
  </si>
  <si>
    <t>12/27/2019 08:13:55</t>
  </si>
  <si>
    <t>12/27/2019 08:13:56</t>
  </si>
  <si>
    <t>12/27/2019 08:13:57</t>
  </si>
  <si>
    <t>12/27/2019 08:13:07</t>
  </si>
  <si>
    <t>56811249-d69b-42a2-a703-9c53bdf0accc.tmp</t>
  </si>
  <si>
    <t>\\acsfs\profiles$\vivianealda\Downloads\56811249-d69b-42a2-a703-9c53bdf0accc.tmp</t>
  </si>
  <si>
    <t>12/27/2019 08:13:09</t>
  </si>
  <si>
    <t>68d33c33-a12e-4bc0-a545-578a009e5a56.tmp</t>
  </si>
  <si>
    <t>\\acsfs\profiles$\vivianealda\Downloads\68d33c33-a12e-4bc0-a545-578a009e5a56.tmp</t>
  </si>
  <si>
    <t>12/27/2019 08:15:18</t>
  </si>
  <si>
    <t>bc353d9d-0b11-471e-af03-1c7b65db641b.tmp</t>
  </si>
  <si>
    <t>\\acsfs\profiles$\vivianealda\Downloads\bc353d9d-0b11-471e-af03-1c7b65db641b.tmp</t>
  </si>
  <si>
    <t>12/27/2019 08:13:13</t>
  </si>
  <si>
    <t>12/27/2019 08:18:09</t>
  </si>
  <si>
    <t>12/27/2019 08:18:58</t>
  </si>
  <si>
    <t>12/27/2019 08:15:04</t>
  </si>
  <si>
    <t>12/27/2019 08:16:04</t>
  </si>
  <si>
    <t>12/27/2019 08:15:39</t>
  </si>
  <si>
    <t>12/27/2019 08:19:58</t>
  </si>
  <si>
    <t>12/27/2019 08:15:40</t>
  </si>
  <si>
    <t>12/27/2019 08:15:41</t>
  </si>
  <si>
    <t>12/27/2019 08:15:42</t>
  </si>
  <si>
    <t>12/27/2019 08:15:43</t>
  </si>
  <si>
    <t>12/27/2019 08:15:44</t>
  </si>
  <si>
    <t>12/27/2019 08:15:45</t>
  </si>
  <si>
    <t>12/27/2019 08:15:46</t>
  </si>
  <si>
    <t>12/27/2019 08:15:47</t>
  </si>
  <si>
    <t>12/27/2019 08:15:48</t>
  </si>
  <si>
    <t>12/27/2019 08:15:49</t>
  </si>
  <si>
    <t>12/27/2019 08:15:50</t>
  </si>
  <si>
    <t>12/27/2019 08:15:51</t>
  </si>
  <si>
    <t>12/27/2019 08:15:52</t>
  </si>
  <si>
    <t>12/27/2019 08:15:53</t>
  </si>
  <si>
    <t>12/27/2019 08:15:54</t>
  </si>
  <si>
    <t>12/27/2019 08:15:55</t>
  </si>
  <si>
    <t>12/27/2019 08:15:56</t>
  </si>
  <si>
    <t>12/27/2019 08:15:57</t>
  </si>
  <si>
    <t>12/27/2019 08:15:59</t>
  </si>
  <si>
    <t>12/27/2019 08:16:05</t>
  </si>
  <si>
    <t>12/27/2019 08:18:52</t>
  </si>
  <si>
    <t>12/27/2019 08:19:05</t>
  </si>
  <si>
    <t>12/27/2019 08:20:58</t>
  </si>
  <si>
    <t>\\acsfs\profiles$\LUCASQDSS\Favorites\Cartão Protegido - MAPFRE.url\</t>
  </si>
  <si>
    <t>\\acsfs\profiles$\LUCASQDSS\Favorites\Cartão Protegido - MAPFRE.url\:favicon:$DATA</t>
  </si>
  <si>
    <t>\\acsfs\profiles$\LUCASQDSS\Favorites\</t>
  </si>
  <si>
    <t>Cartão Protegido - MAPFRE.url</t>
  </si>
  <si>
    <t>\\acsfs\profiles$\LUCASQDSS\Favorites\Cartão Protegido - MAPFRE.url</t>
  </si>
  <si>
    <t>12/27/2019 08:16:20</t>
  </si>
  <si>
    <t>12/27/2019 08:16:26</t>
  </si>
  <si>
    <t>12/27/2019 08:16:42</t>
  </si>
  <si>
    <t>12/27/2019 08:16:47</t>
  </si>
  <si>
    <t>12/27/2019 08:17:00</t>
  </si>
  <si>
    <t>12/27/2019 08:17:12</t>
  </si>
  <si>
    <t>bvcartes-supervisores@algarnet.onmicrosoft.com;joaogvc@algartech.com;leonardoao@algartech.com;marianadjc@algartech.com;mirianppb@algartech.com;paulacn@algartech.com;rafaelggs@algartech.com;taysdss@algartech.com;viniciussg@algartech.com;</t>
  </si>
  <si>
    <t>bvcartes-supervisores@algarnet.onmicrosoft.com,joaogvc@algartech.com,leonardoao@algartech.com,marianadjc@algartech.com,mirianppb@algartech.com,paulacn@algartech.com,rafaelggs@algartech.com,taysdss@algartech.com,viniciussg@algartech.com</t>
  </si>
  <si>
    <t>12/27/2019 08:17:16</t>
  </si>
  <si>
    <t>12/27/2019 08:17:23</t>
  </si>
  <si>
    <t>12/27/2019 08:17:24</t>
  </si>
  <si>
    <t>\\acsfs\DEPTOS\Operacao\PCP\5 - Comum\PLANEJAMENTO BV\14 - ACOMPANHAMENTO\1 - REPORT ACOMPANHAMENTO\2019\12 - Dezembro\CARTÕES\SHORTCALLS\</t>
  </si>
  <si>
    <t>\\acsfs\DEPTOS\Operacao\PCP\5 - Comum\PLANEJAMENTO BV\14 - ACOMPANHAMENTO\1 - REPORT ACOMPANHAMENTO\2019\12 - Dezembro\CARTÕES\SHORTCALLS\Shortcalls.xlsx</t>
  </si>
  <si>
    <t>12/27/2019 08:17:34</t>
  </si>
  <si>
    <t>mail.google.com/_/upload?authuser=0&amp;dcp=asu-n&amp;upload_id=AEnB2UoB5MB4Mo9H3-LU_CLLQFY8xTqPEwqi7K2K96TUWdqcCT0yOxYmeerC7NHG8T6WgT8e50FrlkCmr4AdQmaIqrngisZio_YXAmwsDJgs9IIOaU4Tquo&amp;upload_protocol=resumable</t>
  </si>
  <si>
    <t>12/27/2019 08:17:36</t>
  </si>
  <si>
    <t>12/27/2019 08:17:38</t>
  </si>
  <si>
    <t>12/27/2019 08:18:28</t>
  </si>
  <si>
    <t>12/27/2019 08:18:45</t>
  </si>
  <si>
    <t>12/27/2019 08:20:50</t>
  </si>
  <si>
    <t>12/27/2019 08:21:58</t>
  </si>
  <si>
    <t>12/27/2019 08:19:56</t>
  </si>
  <si>
    <t>43e854aa-d030-4262-82d7-4d1482cedc38.tmp</t>
  </si>
  <si>
    <t>\\acsfs\profiles$\laianear\Downloads\43e854aa-d030-4262-82d7-4d1482cedc38.tmp</t>
  </si>
  <si>
    <t>12/27/2019 08:20:05</t>
  </si>
  <si>
    <t>e6117ce4-3529-4f6c-b0db-292ca211efbc.tmp</t>
  </si>
  <si>
    <t>\\acsfs\profiles$\laianear\Downloads\e6117ce4-3529-4f6c-b0db-292ca211efbc.tmp</t>
  </si>
  <si>
    <t>12/27/2019 08:20:45</t>
  </si>
  <si>
    <t>12fe5152-d122-48e2-b082-a2f17eb11dc5.tmp</t>
  </si>
  <si>
    <t>\\acsfs\profiles$\laianear\Downloads\12fe5152-d122-48e2-b082-a2f17eb11dc5.tmp</t>
  </si>
  <si>
    <t>12/27/2019 08:17:42</t>
  </si>
  <si>
    <t>af31452c-bae9-4f11-a036-397952ff2831.tmp</t>
  </si>
  <si>
    <t>\\acsfs\profiles$\deborahsi\Downloads\af31452c-bae9-4f11-a036-397952ff2831.tmp</t>
  </si>
  <si>
    <t>12/27/2019 08:22:57</t>
  </si>
  <si>
    <t>b0255805-5b27-468b-8647-9c0d01d1c553.tmp</t>
  </si>
  <si>
    <t>\\acsfs\profiles$\deboraaa\Downloads\b0255805-5b27-468b-8647-9c0d01d1c553.tmp</t>
  </si>
  <si>
    <t>12/27/2019 08:21:29</t>
  </si>
  <si>
    <t>b1ea98f2-dcf8-4296-b950-2b7d6dee76bd.tmp</t>
  </si>
  <si>
    <t>\\acsfs\profiles$\websondsa\Downloads\b1ea98f2-dcf8-4296-b950-2b7d6dee76bd.tmp</t>
  </si>
  <si>
    <t>12/27/2019 08:19:23</t>
  </si>
  <si>
    <t>12/27/2019 08:23:58</t>
  </si>
  <si>
    <t>12/27/2019 08:23:16</t>
  </si>
  <si>
    <t>12/27/2019 08:18:34</t>
  </si>
  <si>
    <t>12/27/2019 08:22:39</t>
  </si>
  <si>
    <t>12/27/2019 08:22:56</t>
  </si>
  <si>
    <t>12/27/2019 08:21:04</t>
  </si>
  <si>
    <t>12/27/2019 08:22:04</t>
  </si>
  <si>
    <t>12/27/2019 08:24:57</t>
  </si>
  <si>
    <t>7a6c2d4d-93de-44a7-86fd-cb070c3de2d7.tmp</t>
  </si>
  <si>
    <t>\\acsfs\profiles$\nayarasds\Downloads\7a6c2d4d-93de-44a7-86fd-cb070c3de2d7.tmp</t>
  </si>
  <si>
    <t>12/27/2019 08:20:13</t>
  </si>
  <si>
    <t>2a3c54c5-0adb-41be-9b90-7093bb390cbc.tmp</t>
  </si>
  <si>
    <t>\\acsfs\profiles$\nayarasds\Downloads\2a3c54c5-0adb-41be-9b90-7093bb390cbc.tmp</t>
  </si>
  <si>
    <t>12/27/2019 08:20:36</t>
  </si>
  <si>
    <t>8a2ba35a-3ab2-4557-8c42-e504a8fdd790.tmp</t>
  </si>
  <si>
    <t>\\acsfs\profiles$\nayarasds\Downloads\8a2ba35a-3ab2-4557-8c42-e504a8fdd790.tmp</t>
  </si>
  <si>
    <t>42e4cab8-d0a5-4b50-b7da-7603d79d8b35.tmp</t>
  </si>
  <si>
    <t>\\acsfs\profiles$\nayarasds\Downloads\42e4cab8-d0a5-4b50-b7da-7603d79d8b35.tmp</t>
  </si>
  <si>
    <t>12/27/2019 08:21:17</t>
  </si>
  <si>
    <t>fd62ff84-3e13-4cd4-82e6-c2ccc751dee6.tmp</t>
  </si>
  <si>
    <t>\\acsfs\profiles$\nayarasds\Downloads\fd62ff84-3e13-4cd4-82e6-c2ccc751dee6.tmp</t>
  </si>
  <si>
    <t>12/27/2019 08:21:50</t>
  </si>
  <si>
    <t>9ce372b0-8e7f-4514-abf9-3c9d8734be3f.tmp</t>
  </si>
  <si>
    <t>\\acsfs\profiles$\nayarasds\Downloads\9ce372b0-8e7f-4514-abf9-3c9d8734be3f.tmp</t>
  </si>
  <si>
    <t>12/27/2019 08:20:02</t>
  </si>
  <si>
    <t>12/27/2019 08:20:31</t>
  </si>
  <si>
    <t>84e4bd6e-a14a-4296-9c9a-a4ebc9987f64.tmp</t>
  </si>
  <si>
    <t>\\acsfs\profiles$\larissaad\Downloads\84e4bd6e-a14a-4296-9c9a-a4ebc9987f64.tmp</t>
  </si>
  <si>
    <t>12/27/2019 08:20:34</t>
  </si>
  <si>
    <t>d13d844b-211f-4c47-ba81-f039e9e77135.tmp</t>
  </si>
  <si>
    <t>\\acsfs\profiles$\larissaad\Downloads\d13d844b-211f-4c47-ba81-f039e9e77135.tmp</t>
  </si>
  <si>
    <t>310c147a-9543-4071-a361-f633fcc90021.tmp</t>
  </si>
  <si>
    <t>\\acsfs\profiles$\larissaad\Downloads\310c147a-9543-4071-a361-f633fcc90021.tmp</t>
  </si>
  <si>
    <t>12/27/2019 08:21:44</t>
  </si>
  <si>
    <t>12/27/2019 08:25:58</t>
  </si>
  <si>
    <t>12/27/2019 08:23:59</t>
  </si>
  <si>
    <t>deb94f3d-9113-4be5-8898-199d3c67dfc1.tmp</t>
  </si>
  <si>
    <t>\\acsfs\profiles$\jonatanls\Downloads\deb94f3d-9113-4be5-8898-199d3c67dfc1.tmp</t>
  </si>
  <si>
    <t>12/27/2019 08:21:28</t>
  </si>
  <si>
    <t>12/27/2019 08:22:36</t>
  </si>
  <si>
    <t>https://udpmailboxap01.acs.com.br:8443/h/search?si=0&amp;so=0&amp;sc=54292&amp;sfi=6&amp;st=conversation&amp;action=compose</t>
  </si>
  <si>
    <t>12/27/2019 08:23:06</t>
  </si>
  <si>
    <t>12/27/2019 08:23:36</t>
  </si>
  <si>
    <t>12/27/2019 08:21:57</t>
  </si>
  <si>
    <t>d53d2576-086a-4bc5-8ae6-f7cc9920a6c8.tmp</t>
  </si>
  <si>
    <t>\\acsfs\profiles$\ayalabfi\Downloads\d53d2576-086a-4bc5-8ae6-f7cc9920a6c8.tmp</t>
  </si>
  <si>
    <t>12/27/2019 08:21:59</t>
  </si>
  <si>
    <t>2e6886bd-58b8-436c-98d7-9c292c30a9b1.tmp</t>
  </si>
  <si>
    <t>\\acsfs\profiles$\ayalabfi\Downloads\2e6886bd-58b8-436c-98d7-9c292c30a9b1.tmp</t>
  </si>
  <si>
    <t>dc5bf1bb-0ab3-4eb5-b981-b1864237c2fa.tmp</t>
  </si>
  <si>
    <t>\\acsfs\profiles$\ayalabfi\Downloads\dc5bf1bb-0ab3-4eb5-b981-b1864237c2fa.tmp</t>
  </si>
  <si>
    <t>12/27/2019 08:23:02</t>
  </si>
  <si>
    <t>0be33ebb-3ee3-4496-a70b-e644a20dd0b9.tmp</t>
  </si>
  <si>
    <t>\\acsfs\profiles$\ayalabfi\Downloads\0be33ebb-3ee3-4496-a70b-e644a20dd0b9.tmp</t>
  </si>
  <si>
    <t>12/27/2019 08:25:54</t>
  </si>
  <si>
    <t>12/27/2019 08:26:58</t>
  </si>
  <si>
    <t>Laudo 27-12 1.docx</t>
  </si>
  <si>
    <t>\\acsfs\DEPTOS\Operacao\Banco_Votorantim\Qualidade\Anderson\Jose\Atualizado\Laudo 27-12 1.docx</t>
  </si>
  <si>
    <t>12/27/2019 08:25:52</t>
  </si>
  <si>
    <t>be14e7dc-72cb-41a2-8d20-24ba1a89f48f.tmp</t>
  </si>
  <si>
    <t>\\acsfs\profiles$\laianear\Downloads\be14e7dc-72cb-41a2-8d20-24ba1a89f48f.tmp</t>
  </si>
  <si>
    <t>12/27/2019 08:25:55</t>
  </si>
  <si>
    <t>5781b96e-63ca-4ec3-a13b-c7d35b7cd33b.tmp</t>
  </si>
  <si>
    <t>\\acsfs\profiles$\laianear\Downloads\5781b96e-63ca-4ec3-a13b-c7d35b7cd33b.tmp</t>
  </si>
  <si>
    <t>12/27/2019 08:24:23</t>
  </si>
  <si>
    <t>973ca215-2660-4d99-9f4f-9d03d0152908.tmp</t>
  </si>
  <si>
    <t>\\acsfs\profiles$\deborahsi\Downloads\973ca215-2660-4d99-9f4f-9d03d0152908.tmp</t>
  </si>
  <si>
    <t>12/27/2019 08:24:32</t>
  </si>
  <si>
    <t>745d3b05-1be8-47b1-83fb-c24f717b0861.tmp</t>
  </si>
  <si>
    <t>\\acsfs\profiles$\deborahsi\Downloads\745d3b05-1be8-47b1-83fb-c24f717b0861.tmp</t>
  </si>
  <si>
    <t>12/27/2019 08:22:47</t>
  </si>
  <si>
    <t>89fb968a-1cd9-40e2-abc0-a89db5b41d58.tmp</t>
  </si>
  <si>
    <t>\\acsfs\profiles$\geovannasm\Downloads\89fb968a-1cd9-40e2-abc0-a89db5b41d58.tmp</t>
  </si>
  <si>
    <t>12/27/2019 08:23:52</t>
  </si>
  <si>
    <t>25f9e3e6-2664-4fba-a553-17732b6c2766.tmp</t>
  </si>
  <si>
    <t>\\acsfs\profiles$\geovannasm\Downloads\25f9e3e6-2664-4fba-a553-17732b6c2766.tmp</t>
  </si>
  <si>
    <t>12/27/2019 08:25:26</t>
  </si>
  <si>
    <t>2254e6df-7c3a-4e0e-99a1-e1b024ac61b3.tmp</t>
  </si>
  <si>
    <t>\\acsfs\profiles$\geovannasm\Downloads\2254e6df-7c3a-4e0e-99a1-e1b024ac61b3.tmp</t>
  </si>
  <si>
    <t>12/27/2019 08:26:40</t>
  </si>
  <si>
    <t>12/27/2019 08:27:58</t>
  </si>
  <si>
    <t>54371c1b-c234-42fb-8faa-a0a1f10894a2.tmp</t>
  </si>
  <si>
    <t>\\acsfs\profiles$\ERICALSR\Downloads\54371c1b-c234-42fb-8faa-a0a1f10894a2.tmp</t>
  </si>
  <si>
    <t>12/27/2019 08:22:22</t>
  </si>
  <si>
    <t>12/27/2019 08:27:46</t>
  </si>
  <si>
    <t>12/27/2019 08:28:58</t>
  </si>
  <si>
    <t>12/27/2019 08:28:02</t>
  </si>
  <si>
    <t>ddebdfcf-1de6-4f6e-8c08-c25efeb064f0.tmp</t>
  </si>
  <si>
    <t>\\acsfs\profiles$\marcellewdl\Downloads\ddebdfcf-1de6-4f6e-8c08-c25efeb064f0.tmp</t>
  </si>
  <si>
    <t>12/27/2019 08:24:09</t>
  </si>
  <si>
    <t>12/27/2019 08:25:04</t>
  </si>
  <si>
    <t>12/27/2019 08:25:53</t>
  </si>
  <si>
    <t>12/27/2019 08:26:11</t>
  </si>
  <si>
    <t>12/27/2019 08:26:51</t>
  </si>
  <si>
    <t>12/27/2019 08:26:33</t>
  </si>
  <si>
    <t>12/27/2019 08:27:04</t>
  </si>
  <si>
    <t>12/27/2019 08:28:04</t>
  </si>
  <si>
    <t>12/27/2019 08:24:11</t>
  </si>
  <si>
    <t>12/27/2019 08:29:58</t>
  </si>
  <si>
    <t>916ebfda-0f89-4792-aa7f-764c56a47239.tmp</t>
  </si>
  <si>
    <t>\\acsfs\profiles$\nayarasds\Downloads\916ebfda-0f89-4792-aa7f-764c56a47239.tmp</t>
  </si>
  <si>
    <t>12/27/2019 08:29:51</t>
  </si>
  <si>
    <t>12/27/2019 08:30:58</t>
  </si>
  <si>
    <t>12/27/2019 08:27:17</t>
  </si>
  <si>
    <t>78f0ca79-54e1-4bb0-bc2a-8e384412faf5.tmp</t>
  </si>
  <si>
    <t>\\acsfs\profiles$\jonatanls\Downloads\78f0ca79-54e1-4bb0-bc2a-8e384412faf5.tmp</t>
  </si>
  <si>
    <t>12/27/2019 08:28:03</t>
  </si>
  <si>
    <t>fe190868-8057-48aa-81f7-b0d564a418df.tmp</t>
  </si>
  <si>
    <t>\\acsfs\profiles$\jonatanls\Downloads\fe190868-8057-48aa-81f7-b0d564a418df.tmp</t>
  </si>
  <si>
    <t>12/27/2019 08:28:37</t>
  </si>
  <si>
    <t>03439920-9c6b-409f-ab3e-9b8fe4ce6fca.tmp</t>
  </si>
  <si>
    <t>\\acsfs\profiles$\jonatanls\Downloads\03439920-9c6b-409f-ab3e-9b8fe4ce6fca.tmp</t>
  </si>
  <si>
    <t>12/27/2019 08:27:05</t>
  </si>
  <si>
    <t>12/27/2019 08:31:58</t>
  </si>
  <si>
    <t>67505a76-8a42-4958-a738-391151a98e6e.tmp</t>
  </si>
  <si>
    <t>\\acsfs\profiles$\geovannasm\Downloads\67505a76-8a42-4958-a738-391151a98e6e.tmp</t>
  </si>
  <si>
    <t>12/27/2019 08:31:46</t>
  </si>
  <si>
    <t>de61cdeb-cfac-42bb-929e-da5a3d11b9d3.tmp</t>
  </si>
  <si>
    <t>\\acsfs\profiles$\victoriaksr\Downloads\de61cdeb-cfac-42bb-929e-da5a3d11b9d3.tmp</t>
  </si>
  <si>
    <t>12/27/2019 08:27:31</t>
  </si>
  <si>
    <t>12/27/2019 08:32:58</t>
  </si>
  <si>
    <t>12/27/2019 08:27:48</t>
  </si>
  <si>
    <t>309b6b6d-b500-4b69-8171-75e0c0686f40.tmp</t>
  </si>
  <si>
    <t>\\acsfs\profiles$\ERICALSR\Downloads\309b6b6d-b500-4b69-8171-75e0c0686f40.tmp</t>
  </si>
  <si>
    <t>12/24/2019 19:06:24</t>
  </si>
  <si>
    <t>vocabulario atualizado- 24-12-19.xlsx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,shar,shared,sharedwithmedate,thumbnailversion,thumbnailversion�,title,userpermission(role)</t>
  </si>
  <si>
    <t>12/26/2019 19:23:26</t>
  </si>
  <si>
    <t>vocabulario atualizado- 26-12-19.xlsx</t>
  </si>
  <si>
    <t>12/27/2019 08:29:23</t>
  </si>
  <si>
    <t>12/27/2019 08:33:58</t>
  </si>
  <si>
    <t>f1792eca-30f5-4ea0-a47f-a27468dcca85.tmp</t>
  </si>
  <si>
    <t>\\acsfs\profiles$\luanaagl\Downloads\f1792eca-30f5-4ea0-a47f-a27468dcca85.tmp</t>
  </si>
  <si>
    <t>12/27/2019 08:28:27</t>
  </si>
  <si>
    <t>91b9ceb5-b3e5-4afc-bc65-8a3ce89328b2.tmp</t>
  </si>
  <si>
    <t>\\acsfs\profiles$\ROZENCAM\Downloads\91b9ceb5-b3e5-4afc-bc65-8a3ce89328b2.tmp</t>
  </si>
  <si>
    <t>12/27/2019 08:29:48</t>
  </si>
  <si>
    <t>12/27/2019 08:29:54</t>
  </si>
  <si>
    <t>12/27/2019 08:30:09</t>
  </si>
  <si>
    <t>12/27/2019 08:29:21</t>
  </si>
  <si>
    <t>12/27/2019 08:33:04</t>
  </si>
  <si>
    <t>12/27/2019 08:33:37</t>
  </si>
  <si>
    <t>12/27/2019 08:34:58</t>
  </si>
  <si>
    <t>210aebc5-bb03-404f-bdc6-002efc53faa7.tmp</t>
  </si>
  <si>
    <t>\\acsfs\profiles$\cintiadcf\Downloads\210aebc5-bb03-404f-bdc6-002efc53faa7.tmp</t>
  </si>
  <si>
    <t>12/27/2019 08:33:25</t>
  </si>
  <si>
    <t>285f3961-efb2-46d8-85c2-057dfc088466.tmp</t>
  </si>
  <si>
    <t>\\acsfs\profiles$\larissaad\Downloads\285f3961-efb2-46d8-85c2-057dfc088466.tmp</t>
  </si>
  <si>
    <t>12/27/2019 08:31:09</t>
  </si>
  <si>
    <t>12/27/2019 08:35:57</t>
  </si>
  <si>
    <t>12/27/2019 08:32:03</t>
  </si>
  <si>
    <t>12/27/2019 08:34:31</t>
  </si>
  <si>
    <t>\\acsfs\profiles$\pamelamcmdsg\Downloads\</t>
  </si>
  <si>
    <t>e6f7ba7b-1c41-4d83-8801-a5e9eb393653.tmp</t>
  </si>
  <si>
    <t>\\acsfs\profiles$\pamelamcmdsg\Downloads\e6f7ba7b-1c41-4d83-8801-a5e9eb393653.tmp</t>
  </si>
  <si>
    <t>12/27/2019 08:34:41</t>
  </si>
  <si>
    <t>Unconfirmed 71818.crdownload</t>
  </si>
  <si>
    <t>\\acsfs\profiles$\pamelamcmdsg\Downloads\Unconfirmed 71818.crdownload</t>
  </si>
  <si>
    <t>12/27/2019 08:31:05</t>
  </si>
  <si>
    <t>12/27/2019 08:34:30</t>
  </si>
  <si>
    <t>89794e90-1c7f-4806-86cd-bdf3a1610a36.tmp</t>
  </si>
  <si>
    <t>\\acsfs\profiles$\ayalabfi\Downloads\89794e90-1c7f-4806-86cd-bdf3a1610a36.tmp</t>
  </si>
  <si>
    <t>12/27/2019 08:32:18</t>
  </si>
  <si>
    <t>12/27/2019 08:36:58</t>
  </si>
  <si>
    <t>http:///batch?%24ct=multipart%2Fmixed%3B%20boundary%3D%22%3D%3D%3D%3D%3Dcv9d7xjwfw5l%3D%3D%3D%3D%3D%22&amp;key=AIzaSyAy9VVXHSpS2IJpptzYtGbLP3-3_l0aBk4</t>
  </si>
  <si>
    <t>http:///batch?%24ct=multipart%2Fmixed%3B%20boundary%3D%22%3D%3D%3D%3D%3Dpbzynlwmo4o%3D%3D%3D%3D%3D%22&amp;key=AIzaSyAy9VVXHSpS2IJpptzYtGbLP3-3_l0aBk4</t>
  </si>
  <si>
    <t>12/27/2019 08:32:19</t>
  </si>
  <si>
    <t>12/27/2019 08:32:32</t>
  </si>
  <si>
    <t>http:///batch?%24ct=multipart%2Fmixed%3B%20boundary%3D%22%3D%3D%3D%3D%3D9az2flxd6oj5%3D%3D%3D%3D%3D%22&amp;key=AIzaSyAy9VVXHSpS2IJpptzYtGbLP3-3_l0aBk4</t>
  </si>
  <si>
    <t>12/27/2019 08:32:33</t>
  </si>
  <si>
    <t>http://browser.pipe.aria.microsoft.com/collector/3.0/?qsp=true&amp;content-type=application/bond-compact-binary&amp;client-id=no_auth&amp;sdk-version=awt-web-js-1.8.5&amp;x-apikey=a387cfcf60114a43a7699f9fbb49289e-9bceb9fe-1c06-460f-96c5-6a0b247358bc-7238&amp;client-time-epoch-millis=1577368601119&amp;time-delta-to-apply-millis=331</t>
  </si>
  <si>
    <t>12/27/2019 08:32:36</t>
  </si>
  <si>
    <t>http:///batch?%24ct=multipart%2Fmixed%3B%20boundary%3D%22%3D%3D%3D%3D%3Dqkfh8ngbm6ma%3D%3D%3D%3D%3D%22&amp;key=AIzaSyAy9VVXHSpS2IJpptzYtGbLP3-3_l0aBk4</t>
  </si>
  <si>
    <t>12/27/2019 08:32:37</t>
  </si>
  <si>
    <t>http:///batch?%24ct=multipart%2Fmixed%3B%20boundary%3D%22%3D%3D%3D%3D%3D81jd6ld76pug%3D%3D%3D%3D%3D%22&amp;key=AIzaSyAy9VVXHSpS2IJpptzYtGbLP3-3_l0aBk4</t>
  </si>
  <si>
    <t>12/27/2019 08:33:09</t>
  </si>
  <si>
    <t>http://portalapps.bancovotorantim.com.br/citrix/xabvweb/resources/list</t>
  </si>
  <si>
    <t>12/27/2019 08:34:46</t>
  </si>
  <si>
    <t>b8be9e7a-618a-4490-92df-9af6ea8d90a4.tmp</t>
  </si>
  <si>
    <t>\\acsfs\profiles$\wenderbnm\Downloads\b8be9e7a-618a-4490-92df-9af6ea8d90a4.tmp</t>
  </si>
  <si>
    <t>12/27/2019 08:35:46</t>
  </si>
  <si>
    <t>4231e1ef-086c-4f57-8b13-fca5784714e1.tmp</t>
  </si>
  <si>
    <t>\\acsfs\profiles$\wenderbnm\Downloads\4231e1ef-086c-4f57-8b13-fca5784714e1.tmp</t>
  </si>
  <si>
    <t>12/27/2019 08:31:55</t>
  </si>
  <si>
    <t>.~lock.1721 1724 ate 26122019.xlsx#</t>
  </si>
  <si>
    <t>\\acsfs\profiles$\victoriaksr\Downloads\.~lock.1721 1724 ate 26122019.xlsx#</t>
  </si>
  <si>
    <t>12/27/2019 08:32:22</t>
  </si>
  <si>
    <t>12/27/2019 08:33:06</t>
  </si>
  <si>
    <t>b48d0b7e-2596-401d-ba73-3b75633adade.tmp</t>
  </si>
  <si>
    <t>\\acsfs\profiles$\victoriaksr\Downloads\b48d0b7e-2596-401d-ba73-3b75633adade.tmp</t>
  </si>
  <si>
    <t>12/27/2019 08:34:40</t>
  </si>
  <si>
    <t>adf4e1dd-4556-4e60-b566-4de20bd16637.tmp</t>
  </si>
  <si>
    <t>\\acsfs\profiles$\victoriaksr\Downloads\adf4e1dd-4556-4e60-b566-4de20bd16637.tmp</t>
  </si>
  <si>
    <t>12/27/2019 08:37:59</t>
  </si>
  <si>
    <t>14f9dade-d6fa-480c-8ea5-d1f75f38799a.tmp</t>
  </si>
  <si>
    <t>\\acsfs\profiles$\vivianealda\Downloads\14f9dade-d6fa-480c-8ea5-d1f75f38799a.tmp</t>
  </si>
  <si>
    <t>12/27/2019 08:35:09</t>
  </si>
  <si>
    <t>12/27/2019 08:36:46</t>
  </si>
  <si>
    <t>85c4173c-fcbb-415f-9bbc-d88f32164e00.tmp</t>
  </si>
  <si>
    <t>\\acsfs\profiles$\nataliacsl\Downloads\85c4173c-fcbb-415f-9bbc-d88f32164e00.tmp</t>
  </si>
  <si>
    <t>12/27/2019 08:36:48</t>
  </si>
  <si>
    <t>6567d6a9-59c2-4538-a65a-98b889cb46b6.tmp</t>
  </si>
  <si>
    <t>\\acsfs\profiles$\nataliacsl\Downloads\6567d6a9-59c2-4538-a65a-98b889cb46b6.tmp</t>
  </si>
  <si>
    <t>12/27/2019 08:36:09</t>
  </si>
  <si>
    <t>12/27/2019 08:38:58</t>
  </si>
  <si>
    <t>12/27/2019 08:37:02</t>
  </si>
  <si>
    <t>12/27/2019 08:37:25</t>
  </si>
  <si>
    <t>12/27/2019 08:34:04</t>
  </si>
  <si>
    <t>12/27/2019 08:37:22</t>
  </si>
  <si>
    <t>6eddcf1a-569f-4967-850d-f0d3e6d6ff39.tmp</t>
  </si>
  <si>
    <t>\\acsfs\profiles$\eduardofss\Downloads\6eddcf1a-569f-4967-850d-f0d3e6d6ff39.tmp</t>
  </si>
  <si>
    <t>12/27/2019 08:37:41</t>
  </si>
  <si>
    <t>Q29udHJvbGxlci5QYXl3YXJlXzEtMg-- (40).ica</t>
  </si>
  <si>
    <t>\\acsfs\profiles$\eduardofss\Downloads\Q29udHJvbGxlci5QYXl3YXJlXzEtMg-- (40).ica</t>
  </si>
  <si>
    <t>12/27/2019 08:38:26</t>
  </si>
  <si>
    <t>19e8ad7d-1c3b-4c48-8221-66ff567d55cc.tmp</t>
  </si>
  <si>
    <t>\\acsfs\profiles$\adelvinsonle\Downloads\19e8ad7d-1c3b-4c48-8221-66ff567d55cc.tmp</t>
  </si>
  <si>
    <t>12/27/2019 08:38:35</t>
  </si>
  <si>
    <t>\\acsfs\profiles$\adelvinsonle\Downloads\Q29udHJvbGxlci5DYWxjdWxhZG9yYURlVmVuY2lt (8).ica</t>
  </si>
  <si>
    <t>12/27/2019 08:36:08</t>
  </si>
  <si>
    <t>12/27/2019 08:39:59</t>
  </si>
  <si>
    <t>5e893e53-5ff1-4436-8a42-87583e77c2d5.tmp</t>
  </si>
  <si>
    <t>\\acsfs\profiles$\dhiulliananads\Downloads\5e893e53-5ff1-4436-8a42-87583e77c2d5.tmp</t>
  </si>
  <si>
    <t>12/27/2019 08:35:36</t>
  </si>
  <si>
    <t>12/27/2019 08:40:58</t>
  </si>
  <si>
    <t>12/27/2019 08:36:06</t>
  </si>
  <si>
    <t>12/27/2019 08:37:36</t>
  </si>
  <si>
    <t>12/27/2019 08:40:06</t>
  </si>
  <si>
    <t>12/27/2019 08:33:51</t>
  </si>
  <si>
    <t>mail.google.com/_/upload?authuser=0&amp;dcp=asu-n&amp;upload_id=AEnB2UrM6DMalc_6b-3VWJWh3eYm9o2jTuaofLmSNjFGZjhlENyDGm16sWmMsapWSrGTHPK_U32K1Gr0tUovwJ_l1JIbR3VqD3NL_IcVdlL3C4o5fUdLXJw&amp;upload_protocol=resumable</t>
  </si>
  <si>
    <t>12/27/2019 08:37:12</t>
  </si>
  <si>
    <t>12/27/2019 08:37:56</t>
  </si>
  <si>
    <t>97ad8ac7-5b1f-406c-b546-78f834924cc3.tmp</t>
  </si>
  <si>
    <t>\\acsfs\profiles$\PEDROHAB\Downloads\97ad8ac7-5b1f-406c-b546-78f834924cc3.tmp</t>
  </si>
  <si>
    <t>ad3c8d1e-baae-477f-a25a-af060b4d8d2e.tmp</t>
  </si>
  <si>
    <t>\\acsfs\profiles$\PEDROHAB\Downloads\ad3c8d1e-baae-477f-a25a-af060b4d8d2e.tmp</t>
  </si>
  <si>
    <t>12/27/2019 08:38:39</t>
  </si>
  <si>
    <t>a985352b-bc39-4a76-942d-2d6d1c2f041d.tmp</t>
  </si>
  <si>
    <t>\\acsfs\profiles$\PEDROHAB\Downloads\a985352b-bc39-4a76-942d-2d6d1c2f041d.tmp</t>
  </si>
  <si>
    <t>12/27/2019 08:38:57</t>
  </si>
  <si>
    <t>12/27/2019 08:37:30</t>
  </si>
  <si>
    <t>12/27/2019 08:41:58</t>
  </si>
  <si>
    <t>12/27/2019 08:40:23</t>
  </si>
  <si>
    <t>12/27/2019 08:42:58</t>
  </si>
  <si>
    <t>12/27/2019 08:42:11</t>
  </si>
  <si>
    <t>12/27/2019 08:43:58</t>
  </si>
  <si>
    <t>lu87561g57lq.tmp</t>
  </si>
  <si>
    <t>\\acsfs\profiles$\BRUNAAR\Numero\lu87561g57lq.tmp</t>
  </si>
  <si>
    <t>12/27/2019 08:43:11</t>
  </si>
  <si>
    <t>12/27/2019 08:42:09</t>
  </si>
  <si>
    <t>12/27/2019 08:43:01</t>
  </si>
  <si>
    <t>12/27/2019 08:39:04</t>
  </si>
  <si>
    <t>12/27/2019 08:40:04</t>
  </si>
  <si>
    <t>12/27/2019 08:40:18</t>
  </si>
  <si>
    <t>34e00469-3715-4930-885e-3a6be6a7dedd.tmp</t>
  </si>
  <si>
    <t>\\acsfs\profiles$\eduardofss\Downloads\34e00469-3715-4930-885e-3a6be6a7dedd.tmp</t>
  </si>
  <si>
    <t>12/27/2019 08:40:49</t>
  </si>
  <si>
    <t>d8496e65-d6f2-460e-8869-5d4b9d66944a.tmp</t>
  </si>
  <si>
    <t>\\acsfs\profiles$\eduardofss\Downloads\d8496e65-d6f2-460e-8869-5d4b9d66944a.tmp</t>
  </si>
  <si>
    <t>12/27/2019 08:39:30</t>
  </si>
  <si>
    <t>281796de-2a0d-4106-91ca-9f857a279855.tmp</t>
  </si>
  <si>
    <t>\\acsfs\profiles$\adelvinsonle\Downloads\281796de-2a0d-4106-91ca-9f857a279855.tmp</t>
  </si>
  <si>
    <t>12/27/2019 08:41:42</t>
  </si>
  <si>
    <t>12/27/2019 08:44:58</t>
  </si>
  <si>
    <t>12/27/2019 08:42:26</t>
  </si>
  <si>
    <t>12/27/2019 08:42:27</t>
  </si>
  <si>
    <t>12/27/2019 08:42:30</t>
  </si>
  <si>
    <t>12/27/2019 08:42:31</t>
  </si>
  <si>
    <t>12/27/2019 08:42:35</t>
  </si>
  <si>
    <t>12/27/2019 08:42:39</t>
  </si>
  <si>
    <t>12/27/2019 08:42:41</t>
  </si>
  <si>
    <t>12/27/2019 08:42:42</t>
  </si>
  <si>
    <t>12/27/2019 08:42:43</t>
  </si>
  <si>
    <t>12/27/2019 08:42:44</t>
  </si>
  <si>
    <t>12/27/2019 08:42:49</t>
  </si>
  <si>
    <t>12/27/2019 08:42:52</t>
  </si>
  <si>
    <t>12/27/2019 08:43:08</t>
  </si>
  <si>
    <t>12/27/2019 08:43:09</t>
  </si>
  <si>
    <t>12/27/2019 08:42:21</t>
  </si>
  <si>
    <t>12/27/2019 08:45:59</t>
  </si>
  <si>
    <t>12/27/2019 08:43:54</t>
  </si>
  <si>
    <t>12/27/2019 08:46:28</t>
  </si>
  <si>
    <t>12/27/2019 08:47:58</t>
  </si>
  <si>
    <t>12/27/2019 08:46:30</t>
  </si>
  <si>
    <t>4b11457b-7218-4739-8e21-5c52123501cc.tmp</t>
  </si>
  <si>
    <t>\\acsfs\profiles$\YASMINSC\Downloads\4b11457b-7218-4739-8e21-5c52123501cc.tmp</t>
  </si>
  <si>
    <t>12/27/2019 08:45:47</t>
  </si>
  <si>
    <t>12/27/2019 08:48:09</t>
  </si>
  <si>
    <t>12/27/2019 08:48:58</t>
  </si>
  <si>
    <t>12/27/2019 08:45:04</t>
  </si>
  <si>
    <t>12/27/2019 08:46:04</t>
  </si>
  <si>
    <t>12/27/2019 08:47:12</t>
  </si>
  <si>
    <t>12/27/2019 08:49:58</t>
  </si>
  <si>
    <t>lu768411w7mi.tmp</t>
  </si>
  <si>
    <t>\\acsfs\profiles$\dhiulliananads\My Documents\lu768411w7mi.tmp</t>
  </si>
  <si>
    <t>\\acsfs\profiles$\dhiulliananads\My Documents\lu768411w7mi.tmp\</t>
  </si>
  <si>
    <t>\\acsfs\profiles$\dhiulliananads\My Documents\lu768411w7mi.tmp\META-INF\</t>
  </si>
  <si>
    <t>\\acsfs\profiles$\dhiulliananads\My Documents\lu768411w7mi.tmp\Thumbnails\</t>
  </si>
  <si>
    <t>12/27/2019 08:49:24</t>
  </si>
  <si>
    <t>5acd0cb1-447f-4e58-8c14-e2ff82579cc5.tmp</t>
  </si>
  <si>
    <t>\\acsfs\profiles$\larissaad\Downloads\5acd0cb1-447f-4e58-8c14-e2ff82579cc5.tmp</t>
  </si>
  <si>
    <t>12/27/2019 08:46:21</t>
  </si>
  <si>
    <t>12/27/2019 08:49:23</t>
  </si>
  <si>
    <t>12/27/2019 08:50:59</t>
  </si>
  <si>
    <t>12/27/2019 08:47:06</t>
  </si>
  <si>
    <t>12/27/2019 08:48:06</t>
  </si>
  <si>
    <t>12/27/2019 08:48:36</t>
  </si>
  <si>
    <t>12/27/2019 08:49:06</t>
  </si>
  <si>
    <t>12/27/2019 08:49:36</t>
  </si>
  <si>
    <t>12/27/2019 08:46:47</t>
  </si>
  <si>
    <t>Dimensionamento_Dezembro 2 (2).xlsx</t>
  </si>
  <si>
    <t>\\acsfs\DEPTOS\Operacao\Banco_Votorantim\Qualidade\Anderson\Dimensionamento Elii kk\Dimensionamento_Dezembro 2 (2).xlsx</t>
  </si>
  <si>
    <t>12/27/2019 08:46:48</t>
  </si>
  <si>
    <t>\\acsfs\DEPTOS\Operacao\Banco_Votorantim\Qualidade\Anderson\Dimensionamento Elii kk\Dimensionamento_Dezembro 2 (2).xlsx\</t>
  </si>
  <si>
    <t>\\acsfs\DEPTOS\Operacao\Banco_Votorantim\Qualidade\Anderson\Dimensionamento Elii kk\Dimensionamento_Dezembro 2 (2).xlsx\:Zone.Identifier:$DATA</t>
  </si>
  <si>
    <t>12/26/2019 17:37:38</t>
  </si>
  <si>
    <t>0248c094-1e96-4154-bbdc-7bcb1acc3f26.tmp</t>
  </si>
  <si>
    <t>\\acsfs\profiles$\victorgl\Downloads\0248c094-1e96-4154-bbdc-7bcb1acc3f26.tmp</t>
  </si>
  <si>
    <t>12/27/2019 08:49:14</t>
  </si>
  <si>
    <t>12/27/2019 08:51:58</t>
  </si>
  <si>
    <t>9b6c20ae-f0c4-4abb-a79a-9f1a0c67d7dd.tmp</t>
  </si>
  <si>
    <t>\\acsfs\profiles$\rafaelamsv\Downloads\9b6c20ae-f0c4-4abb-a79a-9f1a0c67d7dd.tmp</t>
  </si>
  <si>
    <t>12/27/2019 08:49:45</t>
  </si>
  <si>
    <t>1390189254;1577446938367;3;[];[]]];atendimentocartao@bv.com.br;axglkz3mj7ff2mq7aatiqtsft_cquuq2hykgdi-wt9ieiteelyv1vbe0s90ir_k3zmsjy8ffc-rr1tzjivjatnoozvnypvumlae6lsgjimgookhu6czfpqvf21pchdq7tawcqaqg4nxhseujtfjadmemcafafwjmmxrou_jmi4yorg1wryyidybzmfrlzb3lnl5sr-0w6jpfmxvuaiqvgvo4id6r4xrbimcb6g_xquccazdiyzoy1_k_yydoatozkhtp9dl9kpqqmv7gyzxmh1cbb3jaymwz6tralydu21e0j2cvpa54uv-dhmamya\";azdiyzoy1_k_yydoatozkhtp9dl9kpqqmv7gyzxmh1cbb3jaymwz6tralydu21e0j2cvpa54uv-dhmamya\";backofficebv@dxc.com;bvs-centralcartoes@bv.com.br;fabianacscg@algartech.com;false;fernandorsju@algartech.com;jose.ric.dos-santos@dxc.com;kesiadof@algartech.com;larisacc@algartech.com;larissa.alcantara@bv.com.br;marianeps@algartech.com;marianerdo@algartech.com;mirianppb@algartech.com;null;talmaiardo@algartech.com;thiagordu@algartech.com;true]";</t>
  </si>
  <si>
    <t>1390189254,1577446938367,3,[],[]]],atendimentocartao@bv.com.br,axglkz3mj7ff2mq7aatiqtsft_cquuq2hykgdi-wt9ieiteelyv1vbe0s90ir_k3zmsjy8ffc-rr1tzjivjatnoozvnypvumlae6lsgjimgookhu6czfpqvf21pchdq7tawcqaqg4nxhseujtfjadmemcafafwjmmxrou_jmi4yorg1wryyidybzmfrlzb3lnl5sr-0w6jpfmxvuaiqvgvo4id6r4xrbimcb6g_xquccazdiyzoy1_k_yydoatozkhtp9dl9kpqqmv7gyzxmh1cbb3jaymwz6tralydu21e0j2cvpa54uv-dhmamya\",azdiyzoy1_k_yydoatozkhtp9dl9kpqqmv7gyzxmh1cbb3jaymwz6tralydu21e0j2cvpa54uv-dhmamya\",backofficebv@dxc.com,bvs-centralcartoes@bv.com.br,fabianacscg@algartech.com,false,fernandorsju@algartech.com,jose.ric.dos-santos@dxc.com,kesiadof@algartech.com,larisacc@algartech.com,larissa.alcantara@bv.com.br,marianeps@algartech.com,marianerdo@algartech.com,mirianppb@algartech.com,null,talmaiardo@algartech.com,thiagordu@algartech.com,true]"</t>
  </si>
  <si>
    <t>12/27/2019 08:50:00</t>
  </si>
  <si>
    <t>12/27/2019 08:48:04</t>
  </si>
  <si>
    <t>475624b5-aa4d-46fe-8bc8-90cd5e953dd2.tmp</t>
  </si>
  <si>
    <t>\\acsfs\profiles$\KARENDSR\Downloads\475624b5-aa4d-46fe-8bc8-90cd5e953dd2.tmp</t>
  </si>
  <si>
    <t>12/27/2019 08:49:17</t>
  </si>
  <si>
    <t>f39a81ed-261c-40b1-be35-233b0fef528b.tmp</t>
  </si>
  <si>
    <t>\\acsfs\profiles$\KARENDSR\Downloads\f39a81ed-261c-40b1-be35-233b0fef528b.tmp</t>
  </si>
  <si>
    <t>12/27/2019 08:49:25</t>
  </si>
  <si>
    <t>dd1735d8-38ed-47b2-a2f1-ed2552c3bbfc.tmp</t>
  </si>
  <si>
    <t>\\acsfs\profiles$\KARENDSR\Downloads\dd1735d8-38ed-47b2-a2f1-ed2552c3bbfc.tmp</t>
  </si>
  <si>
    <t>12/27/2019 08:49:42</t>
  </si>
  <si>
    <t>5ba85000-3f2c-4f64-a15d-03f89436f76c.tmp</t>
  </si>
  <si>
    <t>\\acsfs\profiles$\KARENDSR\Downloads\5ba85000-3f2c-4f64-a15d-03f89436f76c.tmp</t>
  </si>
  <si>
    <t>12/27/2019 08:47:27</t>
  </si>
  <si>
    <t>49b5a117-bfd8-4526-9550-2500d623e728.tmp</t>
  </si>
  <si>
    <t>\\acsfs\profiles$\leticiala\Downloads\49b5a117-bfd8-4526-9550-2500d623e728.tmp</t>
  </si>
  <si>
    <t>12/27/2019 08:47:32</t>
  </si>
  <si>
    <t>895996f4-8c4b-485a-a5df-8271112dca6f.tmp</t>
  </si>
  <si>
    <t>\\acsfs\profiles$\leticiala\Downloads\895996f4-8c4b-485a-a5df-8271112dca6f.tmp</t>
  </si>
  <si>
    <t>9158c808-63d0-4d97-9bcf-42603cecff6a.tmp</t>
  </si>
  <si>
    <t>\\acsfs\profiles$\leticiala\Downloads\9158c808-63d0-4d97-9bcf-42603cecff6a.tmp</t>
  </si>
  <si>
    <t>12/27/2019 08:48:25</t>
  </si>
  <si>
    <t>6b7e6d09-59db-4cbd-89a2-049d9b1bb4ac.tmp</t>
  </si>
  <si>
    <t>\\acsfs\profiles$\leticiala\Downloads\6b7e6d09-59db-4cbd-89a2-049d9b1bb4ac.tmp</t>
  </si>
  <si>
    <t>12/27/2019 08:49:27</t>
  </si>
  <si>
    <t>12/27/2019 08:52:59</t>
  </si>
  <si>
    <t>4660ad00-b5e4-4cd2-92b6-dabbf5c03dc7.tmp</t>
  </si>
  <si>
    <t>\\acsfs\profiles$\deboraaa\Downloads\4660ad00-b5e4-4cd2-92b6-dabbf5c03dc7.tmp</t>
  </si>
  <si>
    <t>12/27/2019 08:47:34</t>
  </si>
  <si>
    <t>7585144b-bb02-491a-a096-6eef8a536f01.tmp</t>
  </si>
  <si>
    <t>\\acsfs\profiles$\YASMINSC\Downloads\7585144b-bb02-491a-a096-6eef8a536f01.tmp</t>
  </si>
  <si>
    <t>12/27/2019 08:49:13</t>
  </si>
  <si>
    <t>12/27/2019 08:48:24</t>
  </si>
  <si>
    <t>12/27/2019 08:52:33</t>
  </si>
  <si>
    <t>12/27/2019 08:53:58</t>
  </si>
  <si>
    <t>12/27/2019 08:52:35</t>
  </si>
  <si>
    <t>12/27/2019 08:52:38</t>
  </si>
  <si>
    <t>12/27/2019 08:52:39</t>
  </si>
  <si>
    <t>12/27/2019 08:52:40</t>
  </si>
  <si>
    <t>12/27/2019 08:52:41</t>
  </si>
  <si>
    <t>12/27/2019 08:52:42</t>
  </si>
  <si>
    <t>12/27/2019 08:52:43</t>
  </si>
  <si>
    <t>12/27/2019 08:52:37</t>
  </si>
  <si>
    <t>12/27/2019 08:51:04</t>
  </si>
  <si>
    <t>12/27/2019 08:52:04</t>
  </si>
  <si>
    <t>12/27/2019 08:52:03</t>
  </si>
  <si>
    <t>12/27/2019 08:54:59</t>
  </si>
  <si>
    <t>22cca2ff-804b-4d1e-9e9e-37544321f9cf.tmp</t>
  </si>
  <si>
    <t>\\acsfs\profiles$\nayarasds\Downloads\22cca2ff-804b-4d1e-9e9e-37544321f9cf.tmp</t>
  </si>
  <si>
    <t>12/27/2019 08:52:14</t>
  </si>
  <si>
    <t>12/27/2019 08:52:25</t>
  </si>
  <si>
    <t>56cef78a-bfd5-4541-a694-dd0d16b3e1b6.tmp</t>
  </si>
  <si>
    <t>\\acsfs\profiles$\mariliafplb\Downloads\56cef78a-bfd5-4541-a694-dd0d16b3e1b6.tmp</t>
  </si>
  <si>
    <t>12/27/2019 08:52:26</t>
  </si>
  <si>
    <t>6d9f8678-8fe2-4974-a5f7-960e7d9a0cc5.tmp</t>
  </si>
  <si>
    <t>\\acsfs\profiles$\mariliafplb\Downloads\6d9f8678-8fe2-4974-a5f7-960e7d9a0cc5.tmp</t>
  </si>
  <si>
    <t>12/27/2019 08:53:13</t>
  </si>
  <si>
    <t>7509925f-a6f1-4879-aaf2-78de8664c327.tmp</t>
  </si>
  <si>
    <t>\\acsfs\profiles$\mariliafplb\Downloads\7509925f-a6f1-4879-aaf2-78de8664c327.tmp</t>
  </si>
  <si>
    <t>12/27/2019 08:51:36</t>
  </si>
  <si>
    <t>12/27/2019 08:55:59</t>
  </si>
  <si>
    <t>1cd6cca9-f972-4230-ab65-9e40f5bbc51a.tmp</t>
  </si>
  <si>
    <t>\\acsfs\profiles$\sarahbal\Downloads\1cd6cca9-f972-4230-ab65-9e40f5bbc51a.tmp</t>
  </si>
  <si>
    <t>12/27/2019 08:50:42</t>
  </si>
  <si>
    <t>59a86c8c-dcdd-4c93-adc9-416e749f0b7f.tmp</t>
  </si>
  <si>
    <t>\\acsfs\profiles$\lucasqdss\Downloads\59a86c8c-dcdd-4c93-adc9-416e749f0b7f.tmp</t>
  </si>
  <si>
    <t>12/27/2019 08:52:20</t>
  </si>
  <si>
    <t>12/27/2019 08:55:04</t>
  </si>
  <si>
    <t>12/27/2019 08:52:06</t>
  </si>
  <si>
    <t>12/27/2019 08:51:45</t>
  </si>
  <si>
    <t>12/27/2019 08:51:47</t>
  </si>
  <si>
    <t>12/27/2019 08:52:01</t>
  </si>
  <si>
    <t>12/27/2019 08:55:01</t>
  </si>
  <si>
    <t>thallitaqna</t>
  </si>
  <si>
    <t>\\acsfs\profiles$\thallitaqna\Downloads\</t>
  </si>
  <si>
    <t>c2c07c52-9c70-47ed-9187-34cc1c0acbd3.tmp</t>
  </si>
  <si>
    <t>\\acsfs\profiles$\thallitaqna\Downloads\c2c07c52-9c70-47ed-9187-34cc1c0acbd3.tmp</t>
  </si>
  <si>
    <t>14d0e749-c1b9-48a6-ad6d-3e126a91b6cc.tmp</t>
  </si>
  <si>
    <t>\\acsfs\profiles$\thallitaqna\Downloads\14d0e749-c1b9-48a6-ad6d-3e126a91b6cc.tmp</t>
  </si>
  <si>
    <t>12/27/2019 08:51:31</t>
  </si>
  <si>
    <t>12/27/2019 08:56:58</t>
  </si>
  <si>
    <t>12/27/2019 08:52:05</t>
  </si>
  <si>
    <t>12/27/2019 08:54:48</t>
  </si>
  <si>
    <t>12/27/2019 08:55:36</t>
  </si>
  <si>
    <t>e7f27ed6-5a54-4948-8d6f-9e632a97c023.tmp</t>
  </si>
  <si>
    <t>\\acsfs\profiles$\claudiajca\Downloads\e7f27ed6-5a54-4948-8d6f-9e632a97c023.tmp</t>
  </si>
  <si>
    <t>12/27/2019 08:52:17</t>
  </si>
  <si>
    <t>b697d2dd-dfe8-4fcf-90e7-c35d44b30fd5.tmp</t>
  </si>
  <si>
    <t>\\acsfs\profiles$\gabrielhca\Downloads\b697d2dd-dfe8-4fcf-90e7-c35d44b30fd5.tmp</t>
  </si>
  <si>
    <t>12/27/2019 08:52:49</t>
  </si>
  <si>
    <t>36ea529d-3dd9-4ea1-8107-eab376e368e6.tmp</t>
  </si>
  <si>
    <t>\\acsfs\profiles$\gabrielhca\Downloads\36ea529d-3dd9-4ea1-8107-eab376e368e6.tmp</t>
  </si>
  <si>
    <t>12/27/2019 08:52:50</t>
  </si>
  <si>
    <t>59de2832-2e3a-41da-9eff-e1cec286eace.tmp</t>
  </si>
  <si>
    <t>\\acsfs\profiles$\gabrielhca\Downloads\59de2832-2e3a-41da-9eff-e1cec286eace.tmp</t>
  </si>
  <si>
    <t>12/27/2019 08:53:31</t>
  </si>
  <si>
    <t>12/27/2019 08:57:58</t>
  </si>
  <si>
    <t>12/27/2019 08:54:14</t>
  </si>
  <si>
    <t>5b958de0-494f-4cbe-b6a7-166df1509c6e.tmp</t>
  </si>
  <si>
    <t>\\acsfs\profiles$\vivianealda\Downloads\5b958de0-494f-4cbe-b6a7-166df1509c6e.tmp</t>
  </si>
  <si>
    <t>12/27/2019 08:53:51</t>
  </si>
  <si>
    <t>12/27/2019 08:58:58</t>
  </si>
  <si>
    <t>12/27/2019 08:52:44</t>
  </si>
  <si>
    <t>12/27/2019 08:52:45</t>
  </si>
  <si>
    <t>12/27/2019 08:52:46</t>
  </si>
  <si>
    <t>12/27/2019 08:52:47</t>
  </si>
  <si>
    <t>12/27/2019 08:52:48</t>
  </si>
  <si>
    <t>12/27/2019 08:52:51</t>
  </si>
  <si>
    <t>12/27/2019 08:52:52</t>
  </si>
  <si>
    <t>12/27/2019 08:52:53</t>
  </si>
  <si>
    <t>12/27/2019 08:52:54</t>
  </si>
  <si>
    <t>12/27/2019 08:52:55</t>
  </si>
  <si>
    <t>12/27/2019 08:52:56</t>
  </si>
  <si>
    <t>12/27/2019 08:52:57</t>
  </si>
  <si>
    <t>12/27/2019 08:52:58</t>
  </si>
  <si>
    <t>12/27/2019 08:54:09</t>
  </si>
  <si>
    <t>12/27/2019 08:54:04</t>
  </si>
  <si>
    <t>12/27/2019 08:56:05</t>
  </si>
  <si>
    <t>12/27/2019 08:57:04</t>
  </si>
  <si>
    <t>12/27/2019 08:58:04</t>
  </si>
  <si>
    <t>12/27/2019 08:58:36</t>
  </si>
  <si>
    <t>12/27/2019 09:00:58</t>
  </si>
  <si>
    <t>12/27/2019 08:58:39</t>
  </si>
  <si>
    <t>12/27/2019 08:58:54</t>
  </si>
  <si>
    <t>12/27/2019 08:59:04</t>
  </si>
  <si>
    <t>12/27/2019 08:59:23</t>
  </si>
  <si>
    <t>12/27/2019 08:59:29</t>
  </si>
  <si>
    <t>12/27/2019 08:59:32</t>
  </si>
  <si>
    <t>12/27/2019 08:59:42</t>
  </si>
  <si>
    <t>12/27/2019 08:59:53</t>
  </si>
  <si>
    <t>12/27/2019 08:59:56</t>
  </si>
  <si>
    <t>12/27/2019 09:00:02</t>
  </si>
  <si>
    <t>12/27/2019 09:00:11</t>
  </si>
  <si>
    <t>12/27/2019 08:56:08</t>
  </si>
  <si>
    <t>73382565-56ac-4f6e-927d-70290b3b698d.tmp</t>
  </si>
  <si>
    <t>\\acsfs\profiles$\thallitaqna\Downloads\73382565-56ac-4f6e-927d-70290b3b698d.tmp</t>
  </si>
  <si>
    <t>12/27/2019 09:00:42</t>
  </si>
  <si>
    <t>299cc2e2-0bc0-49a1-800c-07755653884f.tmp</t>
  </si>
  <si>
    <t>\\acsfs\profiles$\wedersonbadr\My Documents\My Music\299cc2e2-0bc0-49a1-800c-07755653884f.tmp</t>
  </si>
  <si>
    <t>12/27/2019 08:57:57</t>
  </si>
  <si>
    <t>12/27/2019 09:01:58</t>
  </si>
  <si>
    <t>af9c448d-60c5-498b-b15f-17f65a358be7.tmp</t>
  </si>
  <si>
    <t>\\acsfs\profiles$\laianear\Downloads\af9c448d-60c5-498b-b15f-17f65a358be7.tmp</t>
  </si>
  <si>
    <t>12/27/2019 08:57:50</t>
  </si>
  <si>
    <t>12/27/2019 08:57:56</t>
  </si>
  <si>
    <t>12/27/2019 08:58:00</t>
  </si>
  <si>
    <t>12/27/2019 08:58:07</t>
  </si>
  <si>
    <t>12/27/2019 08:58:09</t>
  </si>
  <si>
    <t>12/27/2019 08:58:05</t>
  </si>
  <si>
    <t>12/26/2019 10:34:54</t>
  </si>
  <si>
    <t>12/27/2019 09:02:59</t>
  </si>
  <si>
    <t>dellatorres@gmail.com</t>
  </si>
  <si>
    <t>Relação Fornecedor.xlsx</t>
  </si>
  <si>
    <t>12/27/2019 08:59:18</t>
  </si>
  <si>
    <t>12/27/2019 09:00:52</t>
  </si>
  <si>
    <t>12/27/2019 09:03:58</t>
  </si>
  <si>
    <t>lu87561g57lt.tmp</t>
  </si>
  <si>
    <t>\\acsfs\profiles$\BRUNAAR\Numero\lu87561g57lt.tmp</t>
  </si>
  <si>
    <t>12/27/2019 09:00:10</t>
  </si>
  <si>
    <t>12/27/2019 09:02:05</t>
  </si>
  <si>
    <t>12/27/2019 09:02:11</t>
  </si>
  <si>
    <t>12/27/2019 09:02:28</t>
  </si>
  <si>
    <t>12/27/2019 09:03:04</t>
  </si>
  <si>
    <t>12/27/2019 09:01:46</t>
  </si>
  <si>
    <t>12/27/2019 09:04:58</t>
  </si>
  <si>
    <t>3b0cf395-c168-4162-85ca-5267ca9657d5.tmp</t>
  </si>
  <si>
    <t>\\acsfs\profiles$\paulovadc\Downloads\3b0cf395-c168-4162-85ca-5267ca9657d5.tmp</t>
  </si>
  <si>
    <t>12/27/2019 09:02:47</t>
  </si>
  <si>
    <t>12/27/2019 09:03:36</t>
  </si>
  <si>
    <t>12/27/2019 09:05:58</t>
  </si>
  <si>
    <t>12/27/2019 09:04:06</t>
  </si>
  <si>
    <t>12/27/2019 09:04:36</t>
  </si>
  <si>
    <t>12/27/2019 09:05:06</t>
  </si>
  <si>
    <t>12/27/2019 09:02:58</t>
  </si>
  <si>
    <t>12/27/2019 09:03:08</t>
  </si>
  <si>
    <t>12/27/2019 09:03:18</t>
  </si>
  <si>
    <t>12/27/2019 09:03:19</t>
  </si>
  <si>
    <t>12/27/2019 09:03:26</t>
  </si>
  <si>
    <t>12/27/2019 09:03:40</t>
  </si>
  <si>
    <t>12/27/2019 09:03:48</t>
  </si>
  <si>
    <t>12/27/2019 09:03:51</t>
  </si>
  <si>
    <t>12/27/2019 09:04:17</t>
  </si>
  <si>
    <t>12/27/2019 09:04:21</t>
  </si>
  <si>
    <t>12/27/2019 09:04:26</t>
  </si>
  <si>
    <t>12/27/2019 09:04:54</t>
  </si>
  <si>
    <t>12/27/2019 09:04:57</t>
  </si>
  <si>
    <t>842febca-f845-47c8-83f6-674d4be25a1f.tmp</t>
  </si>
  <si>
    <t>\\acsfs\profiles$\thallitaqna\Downloads\842febca-f845-47c8-83f6-674d4be25a1f.tmp</t>
  </si>
  <si>
    <t>12/27/2019 09:03:07</t>
  </si>
  <si>
    <t>5e306fe9-998c-41ce-a42e-ab82696521f3.tmp</t>
  </si>
  <si>
    <t>\\acsfs\profiles$\ayalabfi\Downloads\5e306fe9-998c-41ce-a42e-ab82696521f3.tmp</t>
  </si>
  <si>
    <t>12/27/2019 09:01:40</t>
  </si>
  <si>
    <t>12/27/2019 09:06:58</t>
  </si>
  <si>
    <t>12/27/2019 09:02:54</t>
  </si>
  <si>
    <t>12/27/2019 09:07:58</t>
  </si>
  <si>
    <t>12/27/2019 09:04:37</t>
  </si>
  <si>
    <t>12/27/2019 09:08:58</t>
  </si>
  <si>
    <t>10.200.66.61</t>
  </si>
  <si>
    <t>74-86-7A-FD-D4-6C</t>
  </si>
  <si>
    <t>VOTORANT-OB015</t>
  </si>
  <si>
    <t>antoniosva</t>
  </si>
  <si>
    <t>\\acsfs\profiles$\antoniosva\Downloads\</t>
  </si>
  <si>
    <t>12876c53-bf27-4a2c-b1ff-9ab2c1e856d2.tmp</t>
  </si>
  <si>
    <t>\\acsfs\profiles$\antoniosva\Downloads\12876c53-bf27-4a2c-b1ff-9ab2c1e856d2.tmp</t>
  </si>
  <si>
    <t>12/27/2019 09:05:17</t>
  </si>
  <si>
    <t>89de6ce1-c62b-4003-a706-c4251267822f.tmp</t>
  </si>
  <si>
    <t>\\acsfs\profiles$\antoniosva\Downloads\89de6ce1-c62b-4003-a706-c4251267822f.tmp</t>
  </si>
  <si>
    <t>12/27/2019 09:05:21</t>
  </si>
  <si>
    <t>830a6165-602e-441d-83c3-228f5a203b0c.tmp</t>
  </si>
  <si>
    <t>\\acsfs\profiles$\antoniosva\Downloads\830a6165-602e-441d-83c3-228f5a203b0c.tmp</t>
  </si>
  <si>
    <t>12/27/2019 09:06:19</t>
  </si>
  <si>
    <t>caa8bf46-a784-421a-8750-668e29180bcc.tmp</t>
  </si>
  <si>
    <t>\\acsfs\profiles$\antoniosva\Downloads\caa8bf46-a784-421a-8750-668e29180bcc.tmp</t>
  </si>
  <si>
    <t>12/27/2019 09:08:10</t>
  </si>
  <si>
    <t>63d79bf0-3e01-408d-bef7-c0559d708961.tmp</t>
  </si>
  <si>
    <t>\\acsfs\profiles$\antoniosva\Downloads\63d79bf0-3e01-408d-bef7-c0559d708961.tmp</t>
  </si>
  <si>
    <t>CURVA NORMAL - 26/12/2019</t>
  </si>
  <si>
    <t>12/27/2019 09:06:53</t>
  </si>
  <si>
    <t>12/27/2019 09:07:24</t>
  </si>
  <si>
    <t>12/27/2019 09:07:27</t>
  </si>
  <si>
    <t>12/27/2019 09:06:09</t>
  </si>
  <si>
    <t>12/27/2019 09:04:09</t>
  </si>
  <si>
    <t>12/27/2019 09:04:12</t>
  </si>
  <si>
    <t>12/27/2019 09:06:26</t>
  </si>
  <si>
    <t>12/27/2019 09:04:16</t>
  </si>
  <si>
    <t>12/27/2019 09:06:48</t>
  </si>
  <si>
    <t>12/27/2019 09:04:29</t>
  </si>
  <si>
    <t>12/27/2019 09:04:51</t>
  </si>
  <si>
    <t>12/27/2019 09:05:18</t>
  </si>
  <si>
    <t>12/27/2019 09:06:59</t>
  </si>
  <si>
    <t>12/27/2019 09:07:00</t>
  </si>
  <si>
    <t>12/27/2019 09:05:41</t>
  </si>
  <si>
    <t>12/27/2019 09:05:44</t>
  </si>
  <si>
    <t>12/27/2019 09:05:45</t>
  </si>
  <si>
    <t>12/27/2019 09:08:14</t>
  </si>
  <si>
    <t>12/27/2019 09:06:45</t>
  </si>
  <si>
    <t>12/27/2019 09:06:46</t>
  </si>
  <si>
    <t>12/27/2019 09:04:04</t>
  </si>
  <si>
    <t>12/27/2019 09:09:59</t>
  </si>
  <si>
    <t>lu768411w7mo.tmp</t>
  </si>
  <si>
    <t>\\acsfs\profiles$\dhiulliananads\My Documents\lu768411w7mo.tmp</t>
  </si>
  <si>
    <t>\\acsfs\profiles$\dhiulliananads\My Documents\lu768411w7mo.tmp\</t>
  </si>
  <si>
    <t>\\acsfs\profiles$\dhiulliananads\My Documents\lu768411w7mo.tmp\META-INF\</t>
  </si>
  <si>
    <t>\\acsfs\profiles$\dhiulliananads\My Documents\lu768411w7mo.tmp\Thumbnails\</t>
  </si>
  <si>
    <t>12/27/2019 09:05:09</t>
  </si>
  <si>
    <t>98efd229-7863-4ebb-97c6-e29746360778.tmp</t>
  </si>
  <si>
    <t>\\acsfs\profiles$\larissaad\Downloads\98efd229-7863-4ebb-97c6-e29746360778.tmp</t>
  </si>
  <si>
    <t>12/27/2019 09:05:59</t>
  </si>
  <si>
    <t>12/27/2019 09:10:58</t>
  </si>
  <si>
    <t>\\acsfs\DEPTOS\Operacao\PCP\5 - Comum\PLANEJAMENTO BV\14 - ACOMPANHAMENTO\1 - REPORT ACOMPANHAMENTO\2019\12 - Dezembro\CARTÕES\Pausas CARTÕES\</t>
  </si>
  <si>
    <t>\\acsfs\DEPTOS\Operacao\PCP\5 - Comum\PLANEJAMENTO BV\14 - ACOMPANHAMENTO\1 - REPORT ACOMPANHAMENTO\2019\12 - Dezembro\CARTÕES\Pausas CARTÕES\Pausas.xlsx</t>
  </si>
  <si>
    <t>12/27/2019 09:07:59</t>
  </si>
  <si>
    <t>12/27/2019 09:08:08</t>
  </si>
  <si>
    <t>12/27/2019 09:08:12</t>
  </si>
  <si>
    <t>100014123564284;bvcartes-supervisores@algarnet.onmicrosoft.com;</t>
  </si>
  <si>
    <t>100014123564284,bvcartes-supervisores@algarnet.onmicrosoft.com</t>
  </si>
  <si>
    <t>12/27/2019 09:08:16</t>
  </si>
  <si>
    <t>12/27/2019 09:08:22</t>
  </si>
  <si>
    <t>100014123564284;bvcartes-supervisores@algarnet.onmicrosoft.com;joaogvc@algartech.com;leonardoao@algartech.com;marianadjc@algartech.com;paulacn@algartech.com;rafaelggs@algartech.com;taysdss@algartech.com;thiagordu@algartech.com;viniciussg@algartech.com;</t>
  </si>
  <si>
    <t>100014123564284,bvcartes-supervisores@algarnet.onmicrosoft.com,joaogvc@algartech.com,leonardoao@algartech.com,marianadjc@algartech.com,paulacn@algartech.com,rafaelggs@algartech.com,taysdss@algartech.com,thiagordu@algartech.com,viniciussg@algartech.com</t>
  </si>
  <si>
    <t>12/27/2019 09:08:35</t>
  </si>
  <si>
    <t>12/27/2019 09:08:43</t>
  </si>
  <si>
    <t>12/27/2019 09:09:02</t>
  </si>
  <si>
    <t>12/27/2019 09:09:10</t>
  </si>
  <si>
    <t>12/27/2019 09:09:34</t>
  </si>
  <si>
    <t>12/27/2019 09:09:40</t>
  </si>
  <si>
    <t>12/27/2019 09:09:46</t>
  </si>
  <si>
    <t>12/27/2019 09:05:36</t>
  </si>
  <si>
    <t>12/27/2019 09:06:06</t>
  </si>
  <si>
    <t>12/27/2019 09:06:36</t>
  </si>
  <si>
    <t>12/27/2019 09:07:06</t>
  </si>
  <si>
    <t>12/27/2019 09:07:25</t>
  </si>
  <si>
    <t>12/27/2019 09:07:45</t>
  </si>
  <si>
    <t>12/27/2019 09:07:54</t>
  </si>
  <si>
    <t>12/27/2019 09:08:15</t>
  </si>
  <si>
    <t>12/27/2019 09:09:09</t>
  </si>
  <si>
    <t>12/27/2019 09:09:22</t>
  </si>
  <si>
    <t>12/27/2019 09:09:42</t>
  </si>
  <si>
    <t>12/27/2019 09:10:09</t>
  </si>
  <si>
    <t>12/27/2019 09:10:15</t>
  </si>
  <si>
    <t>12/27/2019 09:10:25</t>
  </si>
  <si>
    <t>12/27/2019 09:07:50</t>
  </si>
  <si>
    <t>17a5b6f3-a1ce-47c8-9e90-8acf1dde2234.tmp</t>
  </si>
  <si>
    <t>\\acsfs\profiles$\PEDROHAB\Downloads\17a5b6f3-a1ce-47c8-9e90-8acf1dde2234.tmp</t>
  </si>
  <si>
    <t>12/27/2019 09:06:12</t>
  </si>
  <si>
    <t>b00a8eff-189e-45ef-ba91-57d97480143e.tmp</t>
  </si>
  <si>
    <t>\\acsfs\profiles$\wedersonbadr\My Documents\My Music\b00a8eff-189e-45ef-ba91-57d97480143e.tmp</t>
  </si>
  <si>
    <t>12/27/2019 09:07:57</t>
  </si>
  <si>
    <t>12/27/2019 09:11:58</t>
  </si>
  <si>
    <t>12/27/2019 09:07:42</t>
  </si>
  <si>
    <t>Dimensionamento_Dezembro_Cartões (1) 27-12-19.xlsx</t>
  </si>
  <si>
    <t>\\acsfs\Deptos\EDUCACAO EMPRESARIAL\FERNANDA MONIT\Dimensionamento_Dezembro_Cartões (1) 27-12-19.xlsx</t>
  </si>
  <si>
    <t>12/27/2019 09:11:15</t>
  </si>
  <si>
    <t>12/27/2019 09:13:59</t>
  </si>
  <si>
    <t>12/27/2019 09:11:20</t>
  </si>
  <si>
    <t>12/27/2019 09:10:41</t>
  </si>
  <si>
    <t>12/27/2019 09:10:43</t>
  </si>
  <si>
    <t>12/27/2019 09:12:12</t>
  </si>
  <si>
    <t>12/27/2019 09:09:27</t>
  </si>
  <si>
    <t>12/27/2019 09:09:50</t>
  </si>
  <si>
    <t>12/27/2019 09:09:54</t>
  </si>
  <si>
    <t>12/27/2019 09:10:10</t>
  </si>
  <si>
    <t>12/27/2019 09:10:23</t>
  </si>
  <si>
    <t>12/27/2019 09:12:23</t>
  </si>
  <si>
    <t>12/27/2019 09:12:44</t>
  </si>
  <si>
    <t>12/27/2019 09:12:53</t>
  </si>
  <si>
    <t>12/27/2019 09:12:57</t>
  </si>
  <si>
    <t>12/27/2019 09:12:07</t>
  </si>
  <si>
    <t>12/27/2019 09:09:04</t>
  </si>
  <si>
    <t>12/27/2019 09:10:04</t>
  </si>
  <si>
    <t>12/27/2019 09:10:48</t>
  </si>
  <si>
    <t>12/27/2019 09:10:49</t>
  </si>
  <si>
    <t>12/27/2019 09:13:37</t>
  </si>
  <si>
    <t>12/27/2019 09:13:38</t>
  </si>
  <si>
    <t>12/27/2019 09:13:40</t>
  </si>
  <si>
    <t>12/27/2019 09:12:16</t>
  </si>
  <si>
    <t>12/27/2019 09:14:58</t>
  </si>
  <si>
    <t>lu768411w7mv.tmp</t>
  </si>
  <si>
    <t>\\acsfs\profiles$\dhiulliananads\My Documents\lu768411w7mv.tmp</t>
  </si>
  <si>
    <t>\\acsfs\profiles$\dhiulliananads\My Documents\lu768411w7mv.tmp\</t>
  </si>
  <si>
    <t>\\acsfs\profiles$\dhiulliananads\My Documents\lu768411w7mv.tmp\META-INF\</t>
  </si>
  <si>
    <t>\\acsfs\profiles$\dhiulliananads\My Documents\lu768411w7mv.tmp\Thumbnails\</t>
  </si>
  <si>
    <t>12/27/2019 09:12:35</t>
  </si>
  <si>
    <t>12/27/2019 09:12:36</t>
  </si>
  <si>
    <t>lu768411w7mz.tmp</t>
  </si>
  <si>
    <t>\\acsfs\profiles$\dhiulliananads\My Documents\lu768411w7mz.tmp</t>
  </si>
  <si>
    <t>\\acsfs\profiles$\dhiulliananads\My Documents\lu768411w7mz.tmp\</t>
  </si>
  <si>
    <t>\\acsfs\profiles$\dhiulliananads\My Documents\lu768411w7mz.tmp\META-INF\</t>
  </si>
  <si>
    <t>\\acsfs\profiles$\dhiulliananads\My Documents\lu768411w7mz.tmp\Thumbnails\</t>
  </si>
  <si>
    <t>12/27/2019 09:10:13</t>
  </si>
  <si>
    <t>12/27/2019 09:10:18</t>
  </si>
  <si>
    <t>12/27/2019 09:15:59</t>
  </si>
  <si>
    <t>12/27/2019 09:10:36</t>
  </si>
  <si>
    <t>12/27/2019 09:11:29</t>
  </si>
  <si>
    <t>12/27/2019 09:11:53</t>
  </si>
  <si>
    <t>12/27/2019 09:12:32</t>
  </si>
  <si>
    <t>12/27/2019 09:12:43</t>
  </si>
  <si>
    <t>12/27/2019 09:12:58</t>
  </si>
  <si>
    <t>mail.google.com/_/upload?authuser=0&amp;dcp=asu-n&amp;upload_id=AEnB2Ur823Y3iGLgyXHcfW5M_yib64sjn1okUl_qMUtHGFBeeawHjMhsx3bTs0EucYP-kxd2-h72zrEOqqmgwoy9aZHuT6xgT6NNRz2Bl7rMfezR6SNTro8&amp;upload_protocol=resumable</t>
  </si>
  <si>
    <t>12/27/2019 09:11:06</t>
  </si>
  <si>
    <t>12/27/2019 09:11:36</t>
  </si>
  <si>
    <t>12/27/2019 09:12:06</t>
  </si>
  <si>
    <t>12/27/2019 09:11:50</t>
  </si>
  <si>
    <t>12/27/2019 09:12:05</t>
  </si>
  <si>
    <t>12/27/2019 09:12:10</t>
  </si>
  <si>
    <t>12/27/2019 09:12:31</t>
  </si>
  <si>
    <t>12/27/2019 09:13:26</t>
  </si>
  <si>
    <t>12/27/2019 09:14:03</t>
  </si>
  <si>
    <t>12/27/2019 09:14:06</t>
  </si>
  <si>
    <t>12/27/2019 09:14:16</t>
  </si>
  <si>
    <t>12/27/2019 09:14:27</t>
  </si>
  <si>
    <t>12/27/2019 09:14:36</t>
  </si>
  <si>
    <t>12/27/2019 09:16:46</t>
  </si>
  <si>
    <t>12/27/2019 09:18:58</t>
  </si>
  <si>
    <t>12/27/2019 09:18:09</t>
  </si>
  <si>
    <t>12/27/2019 09:15:27</t>
  </si>
  <si>
    <t>12/27/2019 09:15:32</t>
  </si>
  <si>
    <t>12/27/2019 09:15:56</t>
  </si>
  <si>
    <t>12/27/2019 09:16:24</t>
  </si>
  <si>
    <t>12/27/2019 09:16:41</t>
  </si>
  <si>
    <t>12/27/2019 09:17:03</t>
  </si>
  <si>
    <t>12/27/2019 09:17:08</t>
  </si>
  <si>
    <t>12/27/2019 09:18:19</t>
  </si>
  <si>
    <t>12/27/2019 09:18:23</t>
  </si>
  <si>
    <t>12/27/2019 09:13:52</t>
  </si>
  <si>
    <t>12/27/2019 09:13:53</t>
  </si>
  <si>
    <t>12/27/2019 09:16:04</t>
  </si>
  <si>
    <t>12/27/2019 09:18:32</t>
  </si>
  <si>
    <t>12/27/2019 09:19:58</t>
  </si>
  <si>
    <t>cda1b9b5-0e52-4a8d-98f3-6503dba6e7a3.tmp</t>
  </si>
  <si>
    <t>\\acsfs\profiles$\nayarasds\Downloads\cda1b9b5-0e52-4a8d-98f3-6503dba6e7a3.tmp</t>
  </si>
  <si>
    <t>12/27/2019 09:15:36</t>
  </si>
  <si>
    <t>12/27/2019 09:20:58</t>
  </si>
  <si>
    <t>12/27/2019 09:16:06</t>
  </si>
  <si>
    <t>12/27/2019 09:16:48</t>
  </si>
  <si>
    <t>12/27/2019 09:17:02</t>
  </si>
  <si>
    <t>12/27/2019 09:17:13</t>
  </si>
  <si>
    <t>12/27/2019 09:17:18</t>
  </si>
  <si>
    <t>12/27/2019 09:17:21</t>
  </si>
  <si>
    <t>12/27/2019 09:17:38</t>
  </si>
  <si>
    <t>12/27/2019 09:17:53</t>
  </si>
  <si>
    <t>12/27/2019 09:18:25</t>
  </si>
  <si>
    <t>12/27/2019 09:18:37</t>
  </si>
  <si>
    <t>12/27/2019 09:18:42</t>
  </si>
  <si>
    <t>12/27/2019 09:18:52</t>
  </si>
  <si>
    <t>12/27/2019 09:19:13</t>
  </si>
  <si>
    <t>12/27/2019 09:19:16</t>
  </si>
  <si>
    <t>12/27/2019 09:19:24</t>
  </si>
  <si>
    <t>12/27/2019 09:19:31</t>
  </si>
  <si>
    <t>12/27/2019 09:19:29</t>
  </si>
  <si>
    <t>12/27/2019 09:21:58</t>
  </si>
  <si>
    <t>9c1de299-2851-43fc-8551-8f6b4b29eb6b.tmp</t>
  </si>
  <si>
    <t>\\acsfs\profiles$\rafaelamsv\Downloads\9c1de299-2851-43fc-8551-8f6b4b29eb6b.tmp</t>
  </si>
  <si>
    <t>12/27/2019 09:17:12</t>
  </si>
  <si>
    <t>12/27/2019 09:22:58</t>
  </si>
  <si>
    <t>c1ec70f9-4b18-42ca-9eba-ba91dae7cc60.tmp</t>
  </si>
  <si>
    <t>\\acsfs\profiles$\quindaizaagds\Downloads\c1ec70f9-4b18-42ca-9eba-ba91dae7cc60.tmp</t>
  </si>
  <si>
    <t>12/27/2019 09:18:26</t>
  </si>
  <si>
    <t>e4c168cd-f442-4b27-8e14-478362345113.tmp</t>
  </si>
  <si>
    <t>\\acsfs\profiles$\quindaizaagds\Downloads\e4c168cd-f442-4b27-8e14-478362345113.tmp</t>
  </si>
  <si>
    <t>12/27/2019 09:18:27</t>
  </si>
  <si>
    <t>2c479766-048b-4a39-8fc9-c5e25d5c153e.tmp</t>
  </si>
  <si>
    <t>\\acsfs\profiles$\quindaizaagds\Downloads\2c479766-048b-4a39-8fc9-c5e25d5c153e.tmp</t>
  </si>
  <si>
    <t>12/27/2019 09:18:17</t>
  </si>
  <si>
    <t>b74034e2-8d07-480b-859d-b8fee744fb48.tmp</t>
  </si>
  <si>
    <t>\\acsfs\profiles$\luanarda\Downloads\b74034e2-8d07-480b-859d-b8fee744fb48.tmp</t>
  </si>
  <si>
    <t>12/27/2019 09:20:25</t>
  </si>
  <si>
    <t>12/27/2019 09:23:58</t>
  </si>
  <si>
    <t>12/27/2019 09:18:49</t>
  </si>
  <si>
    <t>12/27/2019 09:18:56</t>
  </si>
  <si>
    <t>mail.google.com/sync/u/0/i/s?hl=pt-BR&amp;c=293</t>
  </si>
  <si>
    <t>12/27/2019 09:20:03</t>
  </si>
  <si>
    <t>12/27/2019 09:20:07</t>
  </si>
  <si>
    <t>fernandaab@algartech.com;lilianls@algartech.com;mirianppb@algartech.com;</t>
  </si>
  <si>
    <t>fernandaab@algartech.com,lilianls@algartech.com,mirianppb@algartech.com</t>
  </si>
  <si>
    <t>12/27/2019 09:23:15</t>
  </si>
  <si>
    <t>12/27/2019 09:19:37</t>
  </si>
  <si>
    <t>12/27/2019 09:19:04</t>
  </si>
  <si>
    <t>12/27/2019 09:22:05</t>
  </si>
  <si>
    <t>12/27/2019 09:19:32</t>
  </si>
  <si>
    <t>12/27/2019 09:24:58</t>
  </si>
  <si>
    <t>lu768411w7n3.tmp</t>
  </si>
  <si>
    <t>\\acsfs\profiles$\dhiulliananads\My Documents\lu768411w7n3.tmp</t>
  </si>
  <si>
    <t>\\acsfs\profiles$\dhiulliananads\My Documents\lu768411w7n3.tmp\</t>
  </si>
  <si>
    <t>\\acsfs\profiles$\dhiulliananads\My Documents\lu768411w7n3.tmp\META-INF\</t>
  </si>
  <si>
    <t>\\acsfs\profiles$\dhiulliananads\My Documents\lu768411w7n3.tmp\Thumbnails\</t>
  </si>
  <si>
    <t>12/27/2019 09:20:37</t>
  </si>
  <si>
    <t>12/27/2019 09:25:58</t>
  </si>
  <si>
    <t>12/27/2019 09:22:37</t>
  </si>
  <si>
    <t>12/27/2019 09:23:36</t>
  </si>
  <si>
    <t>12/27/2019 09:25:07</t>
  </si>
  <si>
    <t>12/27/2019 09:21:34</t>
  </si>
  <si>
    <t>51a1ef63-daef-4f47-9928-96e2d06d84f3.tmp</t>
  </si>
  <si>
    <t>\\acsfs\profiles$\wedersonbadr\My Documents\My Music\51a1ef63-daef-4f47-9928-96e2d06d84f3.tmp</t>
  </si>
  <si>
    <t>12/27/2019 09:21:06</t>
  </si>
  <si>
    <t>12/27/2019 09:21:24</t>
  </si>
  <si>
    <t>12/27/2019 09:21:30</t>
  </si>
  <si>
    <t>12/27/2019 09:21:35</t>
  </si>
  <si>
    <t>12/27/2019 09:21:56</t>
  </si>
  <si>
    <t>12/27/2019 09:22:51</t>
  </si>
  <si>
    <t>12/27/2019 09:23:02</t>
  </si>
  <si>
    <t>12/27/2019 09:23:17</t>
  </si>
  <si>
    <t>12/27/2019 09:23:34</t>
  </si>
  <si>
    <t>12/27/2019 09:24:45</t>
  </si>
  <si>
    <t>12/27/2019 09:25:11</t>
  </si>
  <si>
    <t>12/27/2019 09:25:21</t>
  </si>
  <si>
    <t>12/27/2019 09:25:26</t>
  </si>
  <si>
    <t>12/27/2019 09:25:37</t>
  </si>
  <si>
    <t>12/27/2019 09:24:17</t>
  </si>
  <si>
    <t>12/27/2019 09:26:59</t>
  </si>
  <si>
    <t>Laudo 27-12 2.docx</t>
  </si>
  <si>
    <t>\\acsfs\DEPTOS\Operacao\Banco_Votorantim\Qualidade\Anderson\Jose\Atualizado\Laudo 27-12 2.docx</t>
  </si>
  <si>
    <t>12/27/2019 09:26:00</t>
  </si>
  <si>
    <t>12/27/2019 09:28:59</t>
  </si>
  <si>
    <t>12/27/2019 09:26:14</t>
  </si>
  <si>
    <t>\\acsfs\DEPTOS\Operacao\PCP\5 - Comum\ACOMPANHAMENTO AMEX\10- Acompanhamento PF\BACKOFFICE PF\03-CNPF\01 - RÉGUA\</t>
  </si>
  <si>
    <t>RÉGUA CN.xlsx</t>
  </si>
  <si>
    <t>12/27/2019 09:26:49</t>
  </si>
  <si>
    <t>12/27/2019 09:24:01</t>
  </si>
  <si>
    <t>12/27/2019 09:24:09</t>
  </si>
  <si>
    <t>12/27/2019 09:25:05</t>
  </si>
  <si>
    <t>12/27/2019 09:28:04</t>
  </si>
  <si>
    <t>12/27/2019 09:25:59</t>
  </si>
  <si>
    <t>12/27/2019 09:30:58</t>
  </si>
  <si>
    <t>100014123564284;bvcartes-supervisores@algarnet.onmicrosoft.com;joaogvc@algartech.com;leonardoao@algartech.com;marianadjc@algartech.com;mirianppb@algartech.com;paulacn@algartech.com;rafaelggs@algartech.com;taysdss@algartech.com;viniciussg@algartech.com;</t>
  </si>
  <si>
    <t>https://100014123564284,bvcartes-supervisores@algarnet.onmicrosoft.com,joaogvc@algartech.com,leonardoao@algartech.com,marianadjc@algartech.com,mirianppb@algartech.com,paulacn@algartech.com,rafaelggs@algartech.com,taysdss@algartech.com,viniciussg@algartech.com</t>
  </si>
  <si>
    <t>12/27/2019 09:27:38</t>
  </si>
  <si>
    <t>12/27/2019 09:29:47</t>
  </si>
  <si>
    <t>d1800bcc-67f5-4aaa-8007-87dbf7fcdc91.tmp</t>
  </si>
  <si>
    <t>\\acsfs\profiles$\alessandraan\Downloads\d1800bcc-67f5-4aaa-8007-87dbf7fcdc91.tmp</t>
  </si>
  <si>
    <t>12/27/2019 09:29:49</t>
  </si>
  <si>
    <t>a56e8425-0b8c-4824-bc40-88a294f35568.tmp</t>
  </si>
  <si>
    <t>\\acsfs\profiles$\alessandraan\Downloads\a56e8425-0b8c-4824-bc40-88a294f35568.tmp</t>
  </si>
  <si>
    <t>7b32abed-628d-4f97-937d-4058e7855692.tmp</t>
  </si>
  <si>
    <t>\\acsfs\profiles$\alessandraan\Downloads\7b32abed-628d-4f97-937d-4058e7855692.tmp</t>
  </si>
  <si>
    <t>12/27/2019 09:29:52</t>
  </si>
  <si>
    <t>865d6572-1eee-45b8-888a-1d5653696950.tmp</t>
  </si>
  <si>
    <t>\\acsfs\profiles$\alessandraan\Downloads\865d6572-1eee-45b8-888a-1d5653696950.tmp</t>
  </si>
  <si>
    <t>12/27/2019 09:26:06</t>
  </si>
  <si>
    <t>12/27/2019 09:26:37</t>
  </si>
  <si>
    <t>12/27/2019 09:26:22</t>
  </si>
  <si>
    <t>\\acsfs\engeset\FINANCEIRO_ULA\FATURAMENTO\23. Pré Faturamento\3.TI Infra e SD\TI -INFRA\01.Janeiro 2020\</t>
  </si>
  <si>
    <t>TI INFRA Sollero.xls</t>
  </si>
  <si>
    <t>12/27/2019 09:25:57</t>
  </si>
  <si>
    <t>12/27/2019 09:26:09</t>
  </si>
  <si>
    <t>12/27/2019 09:26:38</t>
  </si>
  <si>
    <t>12/27/2019 09:26:50</t>
  </si>
  <si>
    <t>12/27/2019 09:27:06</t>
  </si>
  <si>
    <t>12/27/2019 09:27:22</t>
  </si>
  <si>
    <t>12/27/2019 09:28:36</t>
  </si>
  <si>
    <t>MODELO DE MONITORIA - BV - CRBV.pptx</t>
  </si>
  <si>
    <t>\\acsfs\DEPTOS\Operacao\Banco_Votorantim\Qualidade\Eliane\MODELO DE MONITORIA - BV - CRBV.pptx</t>
  </si>
  <si>
    <t>12/27/2019 09:29:04</t>
  </si>
  <si>
    <t>12/27/2019 09:29:57</t>
  </si>
  <si>
    <t>12/27/2019 09:30:06</t>
  </si>
  <si>
    <t>12/27/2019 09:30:42</t>
  </si>
  <si>
    <t>12/27/2019 09:31:59</t>
  </si>
  <si>
    <t>12/27/2019 09:29:51</t>
  </si>
  <si>
    <t>f1155d2e-5e16-4099-aa0f-70d71be64683.tmp</t>
  </si>
  <si>
    <t>\\acsfs\profiles$\nathaliadf\Downloads\f1155d2e-5e16-4099-aa0f-70d71be64683.tmp</t>
  </si>
  <si>
    <t>12/27/2019 09:26:25</t>
  </si>
  <si>
    <t>12/27/2019 09:30:23</t>
  </si>
  <si>
    <t>e4b2748c-72d6-42e5-a90f-4549d5f3ced6.tmp</t>
  </si>
  <si>
    <t>\\acsfs\profiles$\leticiala\Downloads\e4b2748c-72d6-42e5-a90f-4549d5f3ced6.tmp</t>
  </si>
  <si>
    <t>12/27/2019 09:28:46</t>
  </si>
  <si>
    <t>12/27/2019 09:32:58</t>
  </si>
  <si>
    <t>12/27/2019 09:31:24</t>
  </si>
  <si>
    <t>12/27/2019 09:33:59</t>
  </si>
  <si>
    <t>fc01af0e-2eda-46d0-abd5-5038ae9cb1ae.tmp</t>
  </si>
  <si>
    <t>\\acsfs\profiles$\anafsb\Downloads\fc01af0e-2eda-46d0-abd5-5038ae9cb1ae.tmp</t>
  </si>
  <si>
    <t>12/27/2019 09:30:36</t>
  </si>
  <si>
    <t>10d5f8c4-692c-4dc6-92c6-b862d961fa3b.tmp</t>
  </si>
  <si>
    <t>\\acsfs\profiles$\isabellegtds\Downloads\10d5f8c4-692c-4dc6-92c6-b862d961fa3b.tmp</t>
  </si>
  <si>
    <t>12/27/2019 09:31:39</t>
  </si>
  <si>
    <t>f1a6ad5b-6023-4637-bc6b-9d039e3b3c78.tmp</t>
  </si>
  <si>
    <t>\\acsfs\profiles$\isabellegtds\Downloads\f1a6ad5b-6023-4637-bc6b-9d039e3b3c78.tmp</t>
  </si>
  <si>
    <t>12/27/2019 09:30:09</t>
  </si>
  <si>
    <t>12/27/2019 09:31:04</t>
  </si>
  <si>
    <t>12/27/2019 09:34:58</t>
  </si>
  <si>
    <t>12/27/2019 09:30:10</t>
  </si>
  <si>
    <t>lu768411w7n9.tmp</t>
  </si>
  <si>
    <t>\\acsfs\profiles$\dhiulliananads\My Documents\lu768411w7n9.tmp</t>
  </si>
  <si>
    <t>\\acsfs\profiles$\dhiulliananads\My Documents\lu768411w7n9.tmp\</t>
  </si>
  <si>
    <t>\\acsfs\profiles$\dhiulliananads\My Documents\lu768411w7n9.tmp\META-INF\</t>
  </si>
  <si>
    <t>\\acsfs\profiles$\dhiulliananads\My Documents\lu768411w7n9.tmp\Thumbnails\</t>
  </si>
  <si>
    <t>12/27/2019 09:32:59</t>
  </si>
  <si>
    <t>lu768411w7nf.tmp</t>
  </si>
  <si>
    <t>\\acsfs\profiles$\dhiulliananads\My Documents\lu768411w7nf.tmp</t>
  </si>
  <si>
    <t>\\acsfs\profiles$\dhiulliananads\My Documents\lu768411w7nf.tmp\</t>
  </si>
  <si>
    <t>12/27/2019 09:33:00</t>
  </si>
  <si>
    <t>\\acsfs\profiles$\dhiulliananads\My Documents\lu768411w7nf.tmp\META-INF\</t>
  </si>
  <si>
    <t>\\acsfs\profiles$\dhiulliananads\My Documents\lu768411w7nf.tmp\Thumbnails\</t>
  </si>
  <si>
    <t>12/27/2019 09:31:02</t>
  </si>
  <si>
    <t>c3315096-101d-4e06-8962-b4561f285b62.tmp</t>
  </si>
  <si>
    <t>\\acsfs\profiles$\geovanaasa\Downloads\c3315096-101d-4e06-8962-b4561f285b62.tmp</t>
  </si>
  <si>
    <t>12/27/2019 09:35:58</t>
  </si>
  <si>
    <t>\\acsfs\DEPTOS\Operacao\PCP\5 - Comum\PLANEJAMENTO BV\14 - ACOMPANHAMENTO\1 - REPORT ACOMPANHAMENTO\2019\12 - Dezembro\FINANCEIRA\Login Logout Financeira\</t>
  </si>
  <si>
    <t>RELATORIO DE LOGIN - FINANCEIRA - 24-12 - Cópia.xlsm</t>
  </si>
  <si>
    <t>\\acsfs\DEPTOS\Operacao\PCP\5 - Comum\PLANEJAMENTO BV\14 - ACOMPANHAMENTO\1 - REPORT ACOMPANHAMENTO\2019\12 - Dezembro\FINANCEIRA\Login Logout Financeira\RELATORIO DE LOGIN - FINANCEIRA - 24-12 - Cópia.xlsm</t>
  </si>
  <si>
    <t>12/27/2019 09:32:10</t>
  </si>
  <si>
    <t>12/27/2019 09:34:18</t>
  </si>
  <si>
    <t>12/27/2019 09:32:37</t>
  </si>
  <si>
    <t>12/27/2019 09:32:38</t>
  </si>
  <si>
    <t>12/27/2019 09:36:59</t>
  </si>
  <si>
    <t>551befb7-3b2b-42de-99d7-e5dffa368f25.tmp</t>
  </si>
  <si>
    <t>\\acsfs\profiles$\leticiala\Downloads\551befb7-3b2b-42de-99d7-e5dffa368f25.tmp</t>
  </si>
  <si>
    <t>12/27/2019 09:32:40</t>
  </si>
  <si>
    <t>7bf84e3f-a2b9-44c7-9cd2-e87c790850d1.tmp</t>
  </si>
  <si>
    <t>\\acsfs\profiles$\leticiala\Downloads\7bf84e3f-a2b9-44c7-9cd2-e87c790850d1.tmp</t>
  </si>
  <si>
    <t>12/27/2019 09:33:08</t>
  </si>
  <si>
    <t>fca9808f-501d-494e-958b-cf54b415a4da.tmp</t>
  </si>
  <si>
    <t>\\acsfs\profiles$\gabrielhca\Downloads\fca9808f-501d-494e-958b-cf54b415a4da.tmp</t>
  </si>
  <si>
    <t>12/27/2019 09:33:41</t>
  </si>
  <si>
    <t>c6ceddfa-ff3d-4426-b3e1-8d79e56376a5.tmp</t>
  </si>
  <si>
    <t>\\acsfs\profiles$\lucasgpe\Downloads\c6ceddfa-ff3d-4426-b3e1-8d79e56376a5.tmp</t>
  </si>
  <si>
    <t>12/27/2019 09:34:40</t>
  </si>
  <si>
    <t>e7a1d392-4aea-4955-a900-b9fe549de52e.tmp</t>
  </si>
  <si>
    <t>\\acsfs\profiles$\lucasgpe\Downloads\e7a1d392-4aea-4955-a900-b9fe549de52e.tmp</t>
  </si>
  <si>
    <t>12/27/2019 09:37:10</t>
  </si>
  <si>
    <t>12/27/2019 09:37:58</t>
  </si>
  <si>
    <t>6f055260-f335-409f-8b26-c1ca4f8eb965.tmp</t>
  </si>
  <si>
    <t>\\acsfs\profiles$\vivianealda\Downloads\6f055260-f335-409f-8b26-c1ca4f8eb965.tmp</t>
  </si>
  <si>
    <t>12/27/2019 09:36:15</t>
  </si>
  <si>
    <t>12/27/2019 09:36:09</t>
  </si>
  <si>
    <t>12/27/2019 09:38:59</t>
  </si>
  <si>
    <t>12/27/2019 09:34:43</t>
  </si>
  <si>
    <t>Resultado D-1 Pós Vendas x Plan.xlsx</t>
  </si>
  <si>
    <t>12/27/2019 09:35:13</t>
  </si>
  <si>
    <t>12/27/2019 09:35:14</t>
  </si>
  <si>
    <t>lu234802fhqmc.tmp</t>
  </si>
  <si>
    <t>\\acsfs\profiles$\VIVIANALDS\My Documents\lu234802fhqmc.tmp</t>
  </si>
  <si>
    <t>\\acsfs\profiles$\VIVIANALDS\My Documents\lu234802fhqmc.tmp\</t>
  </si>
  <si>
    <t>\\acsfs\profiles$\VIVIANALDS\My Documents\lu234802fhqmc.tmp\META-INF\</t>
  </si>
  <si>
    <t>\\acsfs\profiles$\VIVIANALDS\My Documents\lu234802fhqmc.tmp\Thumbnails\</t>
  </si>
  <si>
    <t>12/27/2019 09:37:27</t>
  </si>
  <si>
    <t>12/27/2019 09:38:14</t>
  </si>
  <si>
    <t>12/27/2019 09:34:05</t>
  </si>
  <si>
    <t>12/27/2019 09:37:04</t>
  </si>
  <si>
    <t>12/27/2019 09:36:56</t>
  </si>
  <si>
    <t>12/27/2019 09:39:58</t>
  </si>
  <si>
    <t>lu768411w7nl.tmp</t>
  </si>
  <si>
    <t>\\acsfs\profiles$\dhiulliananads\My Documents\lu768411w7nl.tmp</t>
  </si>
  <si>
    <t>\\acsfs\profiles$\dhiulliananads\My Documents\lu768411w7nl.tmp\</t>
  </si>
  <si>
    <t>\\acsfs\profiles$\dhiulliananads\My Documents\lu768411w7nl.tmp\META-INF\</t>
  </si>
  <si>
    <t>\\acsfs\profiles$\dhiulliananads\My Documents\lu768411w7nl.tmp\Thumbnails\</t>
  </si>
  <si>
    <t>12/27/2019 09:38:42</t>
  </si>
  <si>
    <t>eee68173-4bcf-4a38-ab90-ca73dea690cd.tmp</t>
  </si>
  <si>
    <t>\\acsfs\profiles$\geovanaasa\Downloads\eee68173-4bcf-4a38-ab90-ca73dea690cd.tmp</t>
  </si>
  <si>
    <t>12/27/2019 09:38:21</t>
  </si>
  <si>
    <t>12/27/2019 09:37:38</t>
  </si>
  <si>
    <t>12/27/2019 09:40:59</t>
  </si>
  <si>
    <t>fc56314a-1844-41eb-8f75-c3f850283824.tmp</t>
  </si>
  <si>
    <t>\\acsfs\profiles$\Flaviojmm\Downloads\fc56314a-1844-41eb-8f75-c3f850283824.tmp</t>
  </si>
  <si>
    <t>12/27/2019 09:38:45</t>
  </si>
  <si>
    <t>21b418d9-3bba-49ce-9aff-091c13bae5d6.tmp</t>
  </si>
  <si>
    <t>\\acsfs\profiles$\Flaviojmm\Downloads\21b418d9-3bba-49ce-9aff-091c13bae5d6.tmp</t>
  </si>
  <si>
    <t>12/27/2019 09:38:07</t>
  </si>
  <si>
    <t>12/27/2019 09:38:37</t>
  </si>
  <si>
    <t>12/27/2019 09:40:07</t>
  </si>
  <si>
    <t>12/27/2019 09:35:35</t>
  </si>
  <si>
    <t>relatorio.feriasprogramadas_20191227083404161968.xls</t>
  </si>
  <si>
    <t>12/27/2019 09:38:58</t>
  </si>
  <si>
    <t>12/27/2019 09:41:58</t>
  </si>
  <si>
    <t>ee062043-f12d-41c9-b968-e28ae2978819.tmp</t>
  </si>
  <si>
    <t>\\acsfs\profiles$\gabrielarb\Downloads\ee062043-f12d-41c9-b968-e28ae2978819.tmp</t>
  </si>
  <si>
    <t>12/27/2019 09:41:00</t>
  </si>
  <si>
    <t>05030d7f-9275-415f-86d7-4a3f363965fc.tmp</t>
  </si>
  <si>
    <t>\\acsfs\profiles$\gabrielarb\Downloads\05030d7f-9275-415f-86d7-4a3f363965fc.tmp</t>
  </si>
  <si>
    <t>12/27/2019 09:39:25</t>
  </si>
  <si>
    <t>12/27/2019 09:41:43</t>
  </si>
  <si>
    <t>12/27/2019 09:40:25</t>
  </si>
  <si>
    <t>12/27/2019 09:42:59</t>
  </si>
  <si>
    <t>1d26d544-5ef6-42ed-9b8e-09b632a0c8fa.tmp</t>
  </si>
  <si>
    <t>\\acsfs\profiles$\maxmillianosv\Downloads\1d26d544-5ef6-42ed-9b8e-09b632a0c8fa.tmp</t>
  </si>
  <si>
    <t>12/27/2019 09:41:55</t>
  </si>
  <si>
    <t>9f03951c-1816-4e14-9e1b-4d089b85f3c4.tmp</t>
  </si>
  <si>
    <t>\\acsfs\profiles$\maxmillianosv\Downloads\9f03951c-1816-4e14-9e1b-4d089b85f3c4.tmp</t>
  </si>
  <si>
    <t>12/27/2019 09:42:01</t>
  </si>
  <si>
    <t>1d2dc133-908b-436c-8a22-c620eee48d12.tmp</t>
  </si>
  <si>
    <t>\\acsfs\profiles$\maxmillianosv\Downloads\1d2dc133-908b-436c-8a22-c620eee48d12.tmp</t>
  </si>
  <si>
    <t>12/27/2019 09:42:14</t>
  </si>
  <si>
    <t>0635832f-e98e-4b39-b187-76c1dc171a26.tmp</t>
  </si>
  <si>
    <t>\\acsfs\profiles$\YASMINSC\Downloads\0635832f-e98e-4b39-b187-76c1dc171a26.tmp</t>
  </si>
  <si>
    <t>12/27/2019 09:42:21</t>
  </si>
  <si>
    <t>12/27/2019 09:41:41</t>
  </si>
  <si>
    <t>C:\Users\polati\Documents\</t>
  </si>
  <si>
    <t>politicas.xlsx</t>
  </si>
  <si>
    <t>12/27/2019 09:42:19</t>
  </si>
  <si>
    <t>12/27/2019 09:43:58</t>
  </si>
  <si>
    <t>12/27/2019 09:42:20</t>
  </si>
  <si>
    <t>12/27/2019 09:42:22</t>
  </si>
  <si>
    <t>12/27/2019 09:42:23</t>
  </si>
  <si>
    <t>12/27/2019 09:42:24</t>
  </si>
  <si>
    <t>12/27/2019 09:42:25</t>
  </si>
  <si>
    <t>12/27/2019 09:42:26</t>
  </si>
  <si>
    <t>12/27/2019 09:42:27</t>
  </si>
  <si>
    <t>12/27/2019 09:42:28</t>
  </si>
  <si>
    <t>12/27/2019 09:42:29</t>
  </si>
  <si>
    <t>12/27/2019 09:42:30</t>
  </si>
  <si>
    <t>12/27/2019 09:42:31</t>
  </si>
  <si>
    <t>12/27/2019 09:42:32</t>
  </si>
  <si>
    <t>12/27/2019 09:42:33</t>
  </si>
  <si>
    <t>12/27/2019 09:42:34</t>
  </si>
  <si>
    <t>12/27/2019 09:42:35</t>
  </si>
  <si>
    <t>12/27/2019 09:42:36</t>
  </si>
  <si>
    <t>12/27/2019 09:42:37</t>
  </si>
  <si>
    <t>12/27/2019 09:42:38</t>
  </si>
  <si>
    <t>12/27/2019 09:42:39</t>
  </si>
  <si>
    <t>12/27/2019 09:42:09</t>
  </si>
  <si>
    <t>12/27/2019 09:40:04</t>
  </si>
  <si>
    <t>12/27/2019 09:43:04</t>
  </si>
  <si>
    <t>12/27/2019 09:42:08</t>
  </si>
  <si>
    <t>12/27/2019 09:44:58</t>
  </si>
  <si>
    <t>lu768411w7nr.tmp</t>
  </si>
  <si>
    <t>\\acsfs\profiles$\dhiulliananads\My Documents\lu768411w7nr.tmp</t>
  </si>
  <si>
    <t>\\acsfs\profiles$\dhiulliananads\My Documents\lu768411w7nr.tmp\</t>
  </si>
  <si>
    <t>\\acsfs\profiles$\dhiulliananads\My Documents\lu768411w7nr.tmp\META-INF\</t>
  </si>
  <si>
    <t>\\acsfs\profiles$\dhiulliananads\My Documents\lu768411w7nr.tmp\Thumbnails\</t>
  </si>
  <si>
    <t>12/27/2019 09:39:41</t>
  </si>
  <si>
    <t>511d06f5-1c94-4b3b-a25c-806193fba50e.tmp</t>
  </si>
  <si>
    <t>\\acsfs\profiles$\geovanaasa\Downloads\511d06f5-1c94-4b3b-a25c-806193fba50e.tmp</t>
  </si>
  <si>
    <t>12/27/2019 09:40:37</t>
  </si>
  <si>
    <t>12/27/2019 09:45:59</t>
  </si>
  <si>
    <t>12/27/2019 09:41:07</t>
  </si>
  <si>
    <t>12/27/2019 09:41:57</t>
  </si>
  <si>
    <t>https://udpmailboxap01.acs.com.br:8443/h/search;jsessionid=10rxt2qfmgkkw1exrrq4r8c76m?si=0&amp;so=0&amp;sc=54357&amp;st=conversation&amp;action=compose</t>
  </si>
  <si>
    <t>12/27/2019 09:43:27</t>
  </si>
  <si>
    <t>12/27/2019 09:43:34</t>
  </si>
  <si>
    <t>12/27/2019 09:44:07</t>
  </si>
  <si>
    <t>12/27/2019 09:44:37</t>
  </si>
  <si>
    <t>12/27/2019 09:45:07</t>
  </si>
  <si>
    <t>12/27/2019 09:45:18</t>
  </si>
  <si>
    <t>12/27/2019 09:46:58</t>
  </si>
  <si>
    <t>10.200.98.85</t>
  </si>
  <si>
    <t>Exibição de Localização Avançada de Cidade.xlsx</t>
  </si>
  <si>
    <t>12/27/2019 09:41:42</t>
  </si>
  <si>
    <t>12/27/2019 09:43:21</t>
  </si>
  <si>
    <t>12/27/2019 09:45:47</t>
  </si>
  <si>
    <t>12/27/2019 09:45:17</t>
  </si>
  <si>
    <t>3ebf5365-b869-43f4-a6d5-4c2adbca97e6.tmp</t>
  </si>
  <si>
    <t>\\acsfs\profiles$\geovannasm\Downloads\3ebf5365-b869-43f4-a6d5-4c2adbca97e6.tmp</t>
  </si>
  <si>
    <t>12/27/2019 09:42:06</t>
  </si>
  <si>
    <t>12/27/2019 09:47:59</t>
  </si>
  <si>
    <t>0377a9bc-4e57-48be-922d-e87a6bea0e72.tmp</t>
  </si>
  <si>
    <t>\\acsfs\profiles$\maxmillianosv\Downloads\0377a9bc-4e57-48be-922d-e87a6bea0e72.tmp</t>
  </si>
  <si>
    <t>12/27/2019 09:44:41</t>
  </si>
  <si>
    <t>12/27/2019 09:48:58</t>
  </si>
  <si>
    <t>12/27/2019 09:44:42</t>
  </si>
  <si>
    <t>lu87561g57lw.tmp</t>
  </si>
  <si>
    <t>\\acsfs\profiles$\BRUNAAR\Numero\lu87561g57lw.tmp</t>
  </si>
  <si>
    <t>12/27/2019 09:44:48</t>
  </si>
  <si>
    <t>lu87561g57lz.tmp</t>
  </si>
  <si>
    <t>\\acsfs\profiles$\BRUNAAR\Numero\lu87561g57lz.tmp</t>
  </si>
  <si>
    <t>12/27/2019 09:48:09</t>
  </si>
  <si>
    <t>12/27/2019 09:45:32</t>
  </si>
  <si>
    <t>d4e79ec9-ad12-457c-9831-edf6d3ecc47d.tmp</t>
  </si>
  <si>
    <t>\\acsfs\profiles$\vivianalds\Downloads\d4e79ec9-ad12-457c-9831-edf6d3ecc47d.tmp</t>
  </si>
  <si>
    <t>12/27/2019 09:46:04</t>
  </si>
  <si>
    <t>12/27/2019 09:44:26</t>
  </si>
  <si>
    <t>12/27/2019 09:49:59</t>
  </si>
  <si>
    <t>12/27/2019 09:44:27</t>
  </si>
  <si>
    <t>lu768411w7nx.tmp</t>
  </si>
  <si>
    <t>\\acsfs\profiles$\dhiulliananads\My Documents\lu768411w7nx.tmp</t>
  </si>
  <si>
    <t>\\acsfs\profiles$\dhiulliananads\My Documents\lu768411w7nx.tmp\</t>
  </si>
  <si>
    <t>\\acsfs\profiles$\dhiulliananads\My Documents\lu768411w7nx.tmp\META-INF\</t>
  </si>
  <si>
    <t>\\acsfs\profiles$\dhiulliananads\My Documents\lu768411w7nx.tmp\Thumbnails\</t>
  </si>
  <si>
    <t>12/26/2019 16:24:01</t>
  </si>
  <si>
    <t>thaianaads</t>
  </si>
  <si>
    <t>\\acsfs\profiles$\thaianaads\My Documents\</t>
  </si>
  <si>
    <t>bloco anotações.txt</t>
  </si>
  <si>
    <t>\\acsfs\profiles$\thaianaads\My Documents\bloco anotações.txt</t>
  </si>
  <si>
    <t>12/27/2019 09:48:10</t>
  </si>
  <si>
    <t>12/27/2019 09:50:58</t>
  </si>
  <si>
    <t>3093451d-44be-4510-af1a-09c0765e2557.tmp</t>
  </si>
  <si>
    <t>\\acsfs\profiles$\lucasqdss\Downloads\3093451d-44be-4510-af1a-09c0765e2557.tmp</t>
  </si>
  <si>
    <t>12/27/2019 09:48:05</t>
  </si>
  <si>
    <t>12/27/2019 09:49:12</t>
  </si>
  <si>
    <t>\\acsfs\Deptos\Operacao\Banco_Votorantim\Supervisao\Maristela\</t>
  </si>
  <si>
    <t>importante.txt</t>
  </si>
  <si>
    <t>\\acsfs\Deptos\Operacao\Banco_Votorantim\Supervisao\Maristela\importante.txt</t>
  </si>
  <si>
    <t>12/27/2019 09:49:07</t>
  </si>
  <si>
    <t>12/27/2019 09:46:46</t>
  </si>
  <si>
    <t>12/27/2019 09:51:59</t>
  </si>
  <si>
    <t>12/27/2019 09:46:44</t>
  </si>
  <si>
    <t>709f07aa-7215-4e42-a56d-0dc725905ec0.tmp</t>
  </si>
  <si>
    <t>\\acsfs\profiles$\gabrielarb\Downloads\709f07aa-7215-4e42-a56d-0dc725905ec0.tmp</t>
  </si>
  <si>
    <t>12/27/2019 09:49:36</t>
  </si>
  <si>
    <t>042bcb7f-30ea-433f-8722-99143043b0d8.tmp</t>
  </si>
  <si>
    <t>\\acsfs\profiles$\gabrielarb\Downloads\042bcb7f-30ea-433f-8722-99143043b0d8.tmp</t>
  </si>
  <si>
    <t>12/27/2019 09:50:42</t>
  </si>
  <si>
    <t>479d775d-87ec-4b25-b6e7-139cf11b9568.tmp</t>
  </si>
  <si>
    <t>\\acsfs\profiles$\geovannasm\Downloads\479d775d-87ec-4b25-b6e7-139cf11b9568.tmp</t>
  </si>
  <si>
    <t>12/27/2019 09:51:03</t>
  </si>
  <si>
    <t>12/27/2019 09:52:59</t>
  </si>
  <si>
    <t>12/27/2019 09:50:01</t>
  </si>
  <si>
    <t>f89292eb-ee8f-4360-b909-9c42b9e325a4.tmp</t>
  </si>
  <si>
    <t>\\acsfs\profiles$\gabrielafs\Downloads\f89292eb-ee8f-4360-b909-9c42b9e325a4.tmp</t>
  </si>
  <si>
    <t>dfd9baa9-0a3b-4fe5-b6ad-38339b0b72e7.tmp</t>
  </si>
  <si>
    <t>\\acsfs\profiles$\gabrielafs\Downloads\dfd9baa9-0a3b-4fe5-b6ad-38339b0b72e7.tmp</t>
  </si>
  <si>
    <t>12/27/2019 09:50:03</t>
  </si>
  <si>
    <t>8047b1a3-084b-4dfc-8f79-76dc0eadb8b4.tmp</t>
  </si>
  <si>
    <t>\\acsfs\profiles$\gabrielafs\Downloads\8047b1a3-084b-4dfc-8f79-76dc0eadb8b4.tmp</t>
  </si>
  <si>
    <t>12/27/2019 09:50:32</t>
  </si>
  <si>
    <t>bc0e1a4e-a58b-489f-b11a-320114f51cf0.tmp</t>
  </si>
  <si>
    <t>\\acsfs\profiles$\gabrielafs\Downloads\bc0e1a4e-a58b-489f-b11a-320114f51cf0.tmp</t>
  </si>
  <si>
    <t>12/27/2019 09:50:33</t>
  </si>
  <si>
    <t>bc06a984-8856-4413-a8c7-831f6d134ab3.tmp</t>
  </si>
  <si>
    <t>\\acsfs\profiles$\gabrielafs\Downloads\bc06a984-8856-4413-a8c7-831f6d134ab3.tmp</t>
  </si>
  <si>
    <t>12/27/2019 09:51:20</t>
  </si>
  <si>
    <t>844b04ad-541f-415a-9696-5fdabae73d08.tmp</t>
  </si>
  <si>
    <t>\\acsfs\profiles$\gabrielafs\Downloads\844b04ad-541f-415a-9696-5fdabae73d08.tmp</t>
  </si>
  <si>
    <t>12/26/2019 14:32:33</t>
  </si>
  <si>
    <t>12/27/2019 09:53:59</t>
  </si>
  <si>
    <t>mail.google.com/_/upload?authuser=0&amp;dcp=asu-n&amp;upload_id=AEnB2UopfQmflaO8fdPkVcBaGRwC2Eovon3NRZgdoWle6AYnpvLhYmFK0xCV79hCgrtnbquZL-tYYDMA_uUtfq1UD-vQI1e8qQ&amp;upload_protocol=resumable</t>
  </si>
  <si>
    <t>andersonrf@algartech.com;arodrigues@elcano.com.br;gbackup@forceoneit.com;marceloat@algartech.com;rafaelbdt@algartech.com;razevedo@elcano.com.br;tulio.carvalhais@forceoneit.com;</t>
  </si>
  <si>
    <t>Análise_Capacidade_Banco_BMG_SO_23-12-2019.xlsx</t>
  </si>
  <si>
    <t>andersonrf@algartech.com,arodrigues@elcano.com.br,gbackup@forceoneit.com,marceloat@algartech.com,rafaelbdt@algartech.com,razevedo@elcano.com.br,tulio.carvalhais@forceoneit.com</t>
  </si>
  <si>
    <t>12/27/2019 09:49:23</t>
  </si>
  <si>
    <t>JULIANE ARAUJO SILVA_1_6771553560463217276_1_32.wav</t>
  </si>
  <si>
    <t>\\acsfs\Deptos\EDUCACAO EMPRESARIAL\KÉSIA\Ligações 3º ciclo - Késia\JULIANE ARAUJO SILVA_1_6771553560463217276_1_32.wav</t>
  </si>
  <si>
    <t>12/27/2019 09:50:57</t>
  </si>
  <si>
    <t>e4cd20f0-c6c0-418f-9ba2-12c1124613df.tmp</t>
  </si>
  <si>
    <t>\\acsfs\profiles$\LUCASBS\Downloads\e4cd20f0-c6c0-418f-9ba2-12c1124613df.tmp</t>
  </si>
  <si>
    <t>12/27/2019 09:52:04</t>
  </si>
  <si>
    <t>c6b49eee-52ec-4dd6-83ed-353b1f0bcad3.tmp</t>
  </si>
  <si>
    <t>\\acsfs\profiles$\LUCASBS\Downloads\c6b49eee-52ec-4dd6-83ed-353b1f0bcad3.tmp</t>
  </si>
  <si>
    <t>12/27/2019 09:49:04</t>
  </si>
  <si>
    <t>12/27/2019 09:52:05</t>
  </si>
  <si>
    <t>12/27/2019 09:52:53</t>
  </si>
  <si>
    <t>12/27/2019 09:54:59</t>
  </si>
  <si>
    <t>lu768411w7o3.tmp</t>
  </si>
  <si>
    <t>\\acsfs\profiles$\dhiulliananads\My Documents\lu768411w7o3.tmp</t>
  </si>
  <si>
    <t>\\acsfs\profiles$\dhiulliananads\My Documents\lu768411w7o3.tmp\</t>
  </si>
  <si>
    <t>\\acsfs\profiles$\dhiulliananads\My Documents\lu768411w7o3.tmp\META-INF\</t>
  </si>
  <si>
    <t>\\acsfs\profiles$\dhiulliananads\My Documents\lu768411w7o3.tmp\Thumbnails\</t>
  </si>
  <si>
    <t>12/27/2019 09:52:21</t>
  </si>
  <si>
    <t>12/27/2019 09:52:58</t>
  </si>
  <si>
    <t>12/27/2019 09:55:58</t>
  </si>
  <si>
    <t>12/27/2019 09:53:17</t>
  </si>
  <si>
    <t>12/27/2019 09:53:19</t>
  </si>
  <si>
    <t>12/27/2019 09:53:21</t>
  </si>
  <si>
    <t>12/27/2019 09:52:37</t>
  </si>
  <si>
    <t>12/27/2019 09:53:07</t>
  </si>
  <si>
    <t>12/27/2019 09:53:37</t>
  </si>
  <si>
    <t>12/27/2019 09:54:07</t>
  </si>
  <si>
    <t>12/27/2019 09:52:02</t>
  </si>
  <si>
    <t>12/27/2019 09:56:59</t>
  </si>
  <si>
    <t>5c53caf1-8fac-4b1c-baf5-be8142afce94.tmp</t>
  </si>
  <si>
    <t>\\acsfs\profiles$\matheushds\Downloads\5c53caf1-8fac-4b1c-baf5-be8142afce94.tmp</t>
  </si>
  <si>
    <t>12/27/2019 09:53:02</t>
  </si>
  <si>
    <t>90ce2438-37b1-4f0d-907b-8412fad9b6e6.tmp</t>
  </si>
  <si>
    <t>\\acsfs\profiles$\matheushds\Downloads\90ce2438-37b1-4f0d-907b-8412fad9b6e6.tmp</t>
  </si>
  <si>
    <t>12/27/2019 09:54:04</t>
  </si>
  <si>
    <t>53b4f61a-38b5-47be-9a44-d1168b24cf30.tmp</t>
  </si>
  <si>
    <t>\\acsfs\profiles$\matheushds\Downloads\53b4f61a-38b5-47be-9a44-d1168b24cf30.tmp</t>
  </si>
  <si>
    <t>12/27/2019 09:55:16</t>
  </si>
  <si>
    <t>35969b36-b3c3-4180-8d9b-8806428bb62f.tmp</t>
  </si>
  <si>
    <t>\\acsfs\profiles$\matheushds\Downloads\35969b36-b3c3-4180-8d9b-8806428bb62f.tmp</t>
  </si>
  <si>
    <t>12/27/2019 09:56:34</t>
  </si>
  <si>
    <t>Gustavo Moura Rodrigues_1_6770390315815735672_1_32.wav</t>
  </si>
  <si>
    <t>\\acsfs\Deptos\EDUCACAO EMPRESARIAL\FERNANDA MONIT\Ligação para Mutant terceiro Ciclo\Gustavo Moura Rodrigues_1_6770390315815735672_1_32.wav</t>
  </si>
  <si>
    <t>12/27/2019 09:52:56</t>
  </si>
  <si>
    <t>12/27/2019 09:57:58</t>
  </si>
  <si>
    <t>4efd4ac5-14b3-4ac7-9525-7d6b9f9a9e51.tmp</t>
  </si>
  <si>
    <t>\\acsfs\profiles$\gabrielafs\Downloads\4efd4ac5-14b3-4ac7-9525-7d6b9f9a9e51.tmp</t>
  </si>
  <si>
    <t>12/27/2019 09:53:31</t>
  </si>
  <si>
    <t>12/27/2019 09:58:59</t>
  </si>
  <si>
    <t>12/27/2019 09:55:14</t>
  </si>
  <si>
    <t>12/27/2019 09:57:21</t>
  </si>
  <si>
    <t>12/27/2019 09:54:09</t>
  </si>
  <si>
    <t>12/27/2019 09:55:05</t>
  </si>
  <si>
    <t>12/27/2019 09:58:05</t>
  </si>
  <si>
    <t>12/27/2019 09:56:51</t>
  </si>
  <si>
    <t>12/27/2019 09:59:59</t>
  </si>
  <si>
    <t>12/27/2019 09:56:52</t>
  </si>
  <si>
    <t>lu768411w7o9.tmp</t>
  </si>
  <si>
    <t>\\acsfs\profiles$\dhiulliananads\My Documents\lu768411w7o9.tmp</t>
  </si>
  <si>
    <t>\\acsfs\profiles$\dhiulliananads\My Documents\lu768411w7o9.tmp\</t>
  </si>
  <si>
    <t>\\acsfs\profiles$\dhiulliananads\My Documents\lu768411w7o9.tmp\META-INF\</t>
  </si>
  <si>
    <t>\\acsfs\profiles$\dhiulliananads\My Documents\lu768411w7o9.tmp\Thumbnails\</t>
  </si>
  <si>
    <t>12/27/2019 09:57:11</t>
  </si>
  <si>
    <t>12/27/2019 09:57:12</t>
  </si>
  <si>
    <t>lu768411w7of.tmp</t>
  </si>
  <si>
    <t>\\acsfs\profiles$\dhiulliananads\My Documents\lu768411w7of.tmp</t>
  </si>
  <si>
    <t>\\acsfs\profiles$\dhiulliananads\My Documents\lu768411w7of.tmp\</t>
  </si>
  <si>
    <t>\\acsfs\profiles$\dhiulliananads\My Documents\lu768411w7of.tmp\META-INF\</t>
  </si>
  <si>
    <t>\\acsfs\profiles$\dhiulliananads\My Documents\lu768411w7of.tmp\Thumbnails\</t>
  </si>
  <si>
    <t>10.200.60.1</t>
  </si>
  <si>
    <t>C:\Users\ruidrt\OneDrive - Grupo Algar\Documentos\Projetos\Algar Tech\LGPD\Cronograma\</t>
  </si>
  <si>
    <t>Cronograma Macro LGPD_v18.5 (Rui).xlsx</t>
  </si>
  <si>
    <t>12/27/2019 09:59:08</t>
  </si>
  <si>
    <t>12/27/2019 09:56:19</t>
  </si>
  <si>
    <t>77c10c46-8cbf-4487-920c-aae9554048f5.tmp</t>
  </si>
  <si>
    <t>\\acsfs\profiles$\larissaad\Downloads\77c10c46-8cbf-4487-920c-aae9554048f5.tmp</t>
  </si>
  <si>
    <t>12/27/2019 09:57:55</t>
  </si>
  <si>
    <t>\\acsfs\profiles$\thaianaads\My Documents\$RECYCLE.BIN\</t>
  </si>
  <si>
    <t>$IS38JYU.txt</t>
  </si>
  <si>
    <t>\\acsfs\profiles$\thaianaads\My Documents\$RECYCLE.BIN\$IS38JYU.txt</t>
  </si>
  <si>
    <t>12/27/2019 09:57:34</t>
  </si>
  <si>
    <t>12/27/2019 10:00:58</t>
  </si>
  <si>
    <t>12/27/2019 09:57:07</t>
  </si>
  <si>
    <t>12/27/2019 09:57:37</t>
  </si>
  <si>
    <t>12/27/2019 09:56:49</t>
  </si>
  <si>
    <t>12/27/2019 10:01:59</t>
  </si>
  <si>
    <t>bf3e7196-5409-472b-9655-f14bc931524a.tmp</t>
  </si>
  <si>
    <t>\\acsfs\profiles$\deborahsi\Downloads\bf3e7196-5409-472b-9655-f14bc931524a.tmp</t>
  </si>
  <si>
    <t>12/27/2019 10:00:50</t>
  </si>
  <si>
    <t>12/27/2019 10:03:58</t>
  </si>
  <si>
    <t>12/27/2019 10:02:13</t>
  </si>
  <si>
    <t>12/27/2019 10:02:39</t>
  </si>
  <si>
    <t>12/27/2019 10:03:19</t>
  </si>
  <si>
    <t>12/27/2019 10:00:11</t>
  </si>
  <si>
    <t>12/27/2019 10:00:32</t>
  </si>
  <si>
    <t>12/27/2019 10:00:41</t>
  </si>
  <si>
    <t>12/27/2019 10:00:57</t>
  </si>
  <si>
    <t>mail.google.com/sync/u/0/i/s?hl=pt-BR&amp;c=323</t>
  </si>
  <si>
    <t>12/27/2019 10:01:21</t>
  </si>
  <si>
    <t>12/27/2019 10:01:41</t>
  </si>
  <si>
    <t>12/27/2019 10:02:00</t>
  </si>
  <si>
    <t>12/27/2019 10:02:06</t>
  </si>
  <si>
    <t>12/27/2019 10:02:15</t>
  </si>
  <si>
    <t>12/27/2019 10:02:21</t>
  </si>
  <si>
    <t>12/27/2019 10:01:04</t>
  </si>
  <si>
    <t>12/27/2019 10:03:43</t>
  </si>
  <si>
    <t>12/27/2019 10:04:58</t>
  </si>
  <si>
    <t>12/27/2019 10:00:17</t>
  </si>
  <si>
    <t>lu768411w7ol.tmp</t>
  </si>
  <si>
    <t>\\acsfs\profiles$\dhiulliananads\My Documents\lu768411w7ol.tmp</t>
  </si>
  <si>
    <t>\\acsfs\profiles$\dhiulliananads\My Documents\lu768411w7ol.tmp\</t>
  </si>
  <si>
    <t>\\acsfs\profiles$\dhiulliananads\My Documents\lu768411w7ol.tmp\META-INF\</t>
  </si>
  <si>
    <t>\\acsfs\profiles$\dhiulliananads\My Documents\lu768411w7ol.tmp\Thumbnails\</t>
  </si>
  <si>
    <t>12/27/2019 10:03:47</t>
  </si>
  <si>
    <t>a7963947-af99-4b35-8dee-5dd7c83e8dcf.tmp</t>
  </si>
  <si>
    <t>\\acsfs\profiles$\cintiadcf\Downloads\a7963947-af99-4b35-8dee-5dd7c83e8dcf.tmp</t>
  </si>
  <si>
    <t>12/27/2019 10:00:25</t>
  </si>
  <si>
    <t>12/27/2019 10:05:58</t>
  </si>
  <si>
    <t>.~lock.Reneg Vcto 28.ods#</t>
  </si>
  <si>
    <t>\\acsfs\profiles$\Flaviojmm\My Documents\.~lock.Reneg Vcto 28.ods#</t>
  </si>
  <si>
    <t>12/27/2019 10:00:26</t>
  </si>
  <si>
    <t>lu1886413bv9u.tmp</t>
  </si>
  <si>
    <t>\\acsfs\profiles$\Flaviojmm\My Documents\lu1886413bv9u.tmp</t>
  </si>
  <si>
    <t>\\acsfs\profiles$\Flaviojmm\My Documents\lu1886413bv9u.tmp\</t>
  </si>
  <si>
    <t>\\acsfs\profiles$\Flaviojmm\My Documents\lu1886413bv9u.tmp\META-INF\</t>
  </si>
  <si>
    <t>12/27/2019 10:05:08</t>
  </si>
  <si>
    <t>\\acsfs\profiles$\Flaviojmm\My Documents\lu1886413bv9u.tmp\Thumbnails\</t>
  </si>
  <si>
    <t>12/27/2019 10:04:07</t>
  </si>
  <si>
    <t>12/27/2019 10:01:20</t>
  </si>
  <si>
    <t>12/27/2019 10:01:18</t>
  </si>
  <si>
    <t>12/27/2019 10:06:59</t>
  </si>
  <si>
    <t>12/27/2019 10:04:21</t>
  </si>
  <si>
    <t>12/27/2019 10:04:06</t>
  </si>
  <si>
    <t>12/27/2019 10:07:58</t>
  </si>
  <si>
    <t>12/27/2019 10:06:13</t>
  </si>
  <si>
    <t>12/27/2019 10:06:15</t>
  </si>
  <si>
    <t>12/27/2019 10:07:54</t>
  </si>
  <si>
    <t>12/27/2019 10:04:01</t>
  </si>
  <si>
    <t>12/27/2019 10:08:58</t>
  </si>
  <si>
    <t>lu87561g57m2.tmp</t>
  </si>
  <si>
    <t>\\acsfs\profiles$\BRUNAAR\Numero\lu87561g57m2.tmp</t>
  </si>
  <si>
    <t>12/27/2019 10:06:10</t>
  </si>
  <si>
    <t>12/27/2019 10:06:48</t>
  </si>
  <si>
    <t>12/27/2019 10:06:52</t>
  </si>
  <si>
    <t>12/27/2019 10:07:02</t>
  </si>
  <si>
    <t>12/27/2019 10:07:05</t>
  </si>
  <si>
    <t>12/27/2019 10:07:13</t>
  </si>
  <si>
    <t>12/27/2019 10:07:39</t>
  </si>
  <si>
    <t>12/27/2019 10:08:01</t>
  </si>
  <si>
    <t>12/27/2019 10:08:23</t>
  </si>
  <si>
    <t>12/27/2019 10:04:05</t>
  </si>
  <si>
    <t>12/27/2019 10:07:04</t>
  </si>
  <si>
    <t>12/27/2019 10:08:28</t>
  </si>
  <si>
    <t>12/27/2019 10:09:58</t>
  </si>
  <si>
    <t>12/27/2019 10:10:58</t>
  </si>
  <si>
    <t>12/27/2019 10:06:16</t>
  </si>
  <si>
    <t>12/27/2019 10:07:17</t>
  </si>
  <si>
    <t>C:\Users\andremg\Desktop\Projeto Yahsat\Documentos\</t>
  </si>
  <si>
    <t>12/27/2019 10:10:47</t>
  </si>
  <si>
    <t>12/27/2019 10:12:58</t>
  </si>
  <si>
    <t>12/27/2019 10:08:33</t>
  </si>
  <si>
    <t>44a6ac79-64ae-4c8c-89af-42976b82ff3c.tmp</t>
  </si>
  <si>
    <t>\\acsfs\profiles$\maxmillianosv\Downloads\44a6ac79-64ae-4c8c-89af-42976b82ff3c.tmp</t>
  </si>
  <si>
    <t>12/27/2019 10:08:40</t>
  </si>
  <si>
    <t>f9d36269-82bb-4058-8d5f-6975e4ec931b.tmp</t>
  </si>
  <si>
    <t>\\acsfs\profiles$\maxmillianosv\Downloads\f9d36269-82bb-4058-8d5f-6975e4ec931b.tmp</t>
  </si>
  <si>
    <t>12/27/2019 10:08:45</t>
  </si>
  <si>
    <t>a57b8798-aaed-4112-8df4-cf9a5e9d3772.tmp</t>
  </si>
  <si>
    <t>\\acsfs\profiles$\maxmillianosv\Downloads\a57b8798-aaed-4112-8df4-cf9a5e9d3772.tmp</t>
  </si>
  <si>
    <t>12/27/2019 10:08:47</t>
  </si>
  <si>
    <t>7dc3abf7-6a3a-4434-a8e3-161421c6a613.tmp</t>
  </si>
  <si>
    <t>\\acsfs\profiles$\maxmillianosv\Downloads\7dc3abf7-6a3a-4434-a8e3-161421c6a613.tmp</t>
  </si>
  <si>
    <t>12/27/2019 10:09:35</t>
  </si>
  <si>
    <t>580aca19-9448-4a94-901e-e3529204fcb8.tmp</t>
  </si>
  <si>
    <t>\\acsfs\profiles$\maxmillianosv\Downloads\580aca19-9448-4a94-901e-e3529204fcb8.tmp</t>
  </si>
  <si>
    <t>12/27/2019 10:09:51</t>
  </si>
  <si>
    <t>2dedf673-bd57-4805-b193-fd8a60cdfc0f.tmp</t>
  </si>
  <si>
    <t>\\acsfs\profiles$\maxmillianosv\Downloads\2dedf673-bd57-4805-b193-fd8a60cdfc0f.tmp</t>
  </si>
  <si>
    <t>12/27/2019 10:11:00</t>
  </si>
  <si>
    <t>12/27/2019 10:13:58</t>
  </si>
  <si>
    <t>12/27/2019 10:12:10</t>
  </si>
  <si>
    <t>12/27/2019 10:10:17</t>
  </si>
  <si>
    <t>mail.google.com/sync/u/0/i/s?hl=pt-BR&amp;c=362</t>
  </si>
  <si>
    <t>12/27/2019 10:10:25</t>
  </si>
  <si>
    <t>12/27/2019 10:10:55</t>
  </si>
  <si>
    <t>12/27/2019 10:11:21</t>
  </si>
  <si>
    <t>12/27/2019 10:11:26</t>
  </si>
  <si>
    <t>12/27/2019 10:11:31</t>
  </si>
  <si>
    <t>12/27/2019 10:11:45</t>
  </si>
  <si>
    <t>12/27/2019 10:11:54</t>
  </si>
  <si>
    <t>12/27/2019 10:10:04</t>
  </si>
  <si>
    <t>12/27/2019 10:13:04</t>
  </si>
  <si>
    <t>12/27/2019 10:12:31</t>
  </si>
  <si>
    <t>12/27/2019 10:15:58</t>
  </si>
  <si>
    <t>12/27/2019 10:12:32</t>
  </si>
  <si>
    <t>lu1886413bva3.tmp</t>
  </si>
  <si>
    <t>\\acsfs\profiles$\Flaviojmm\My Documents\lu1886413bva3.tmp</t>
  </si>
  <si>
    <t>\\acsfs\profiles$\Flaviojmm\My Documents\lu1886413bva3.tmp\</t>
  </si>
  <si>
    <t>\\acsfs\profiles$\Flaviojmm\My Documents\lu1886413bva3.tmp\META-INF\</t>
  </si>
  <si>
    <t>\\acsfs\profiles$\Flaviojmm\My Documents\lu1886413bva3.tmp\Thumbnails\</t>
  </si>
  <si>
    <t>12/27/2019 10:10:35</t>
  </si>
  <si>
    <t>12/27/2019 10:10:48</t>
  </si>
  <si>
    <t>12/27/2019 10:14:13</t>
  </si>
  <si>
    <t>12/27/2019 10:17:58</t>
  </si>
  <si>
    <t>12/27/2019 10:18:10</t>
  </si>
  <si>
    <t>12/27/2019 10:18:57</t>
  </si>
  <si>
    <t>12/27/2019 10:16:07</t>
  </si>
  <si>
    <t>d3e93464-101a-4caa-823d-c6c1e642b6ce.tmp</t>
  </si>
  <si>
    <t>\\acsfs\profiles$\JOAOVAL\Downloads\d3e93464-101a-4caa-823d-c6c1e642b6ce.tmp</t>
  </si>
  <si>
    <t>12/27/2019 10:16:04</t>
  </si>
  <si>
    <t>03793cd1-11bb-4b9d-b0e2-b48be3f17f6b.tmp</t>
  </si>
  <si>
    <t>\\acsfs\profiles$\eduardofss\Downloads\03793cd1-11bb-4b9d-b0e2-b48be3f17f6b.tmp</t>
  </si>
  <si>
    <t>12/27/2019 10:19:27</t>
  </si>
  <si>
    <t>12/27/2019 10:19:58</t>
  </si>
  <si>
    <t>ae88d921-b145-4891-9d15-9a8b506dcc8b.tmp</t>
  </si>
  <si>
    <t>\\acsfs\profiles$\kellzylenneasr\Downloads\ae88d921-b145-4891-9d15-9a8b506dcc8b.tmp</t>
  </si>
  <si>
    <t>12/27/2019 10:19:15</t>
  </si>
  <si>
    <t>12/27/2019 10:20:58</t>
  </si>
  <si>
    <t>76ad849a-2c98-4636-b48c-4a79d8424800.tmp</t>
  </si>
  <si>
    <t>\\acsfs\profiles$\valeriasda\Downloads\76ad849a-2c98-4636-b48c-4a79d8424800.tmp</t>
  </si>
  <si>
    <t>12/27/2019 10:16:03</t>
  </si>
  <si>
    <t>12/27/2019 10:16:20</t>
  </si>
  <si>
    <t>12/27/2019 10:16:23</t>
  </si>
  <si>
    <t>12/27/2019 10:15:38</t>
  </si>
  <si>
    <t>12/27/2019 10:17:08</t>
  </si>
  <si>
    <t>12/27/2019 10:17:38</t>
  </si>
  <si>
    <t>12/27/2019 10:18:48</t>
  </si>
  <si>
    <t>12/27/2019 10:21:58</t>
  </si>
  <si>
    <t>12/27/2019 10:20:55</t>
  </si>
  <si>
    <t>Geovana Aline Santos E Silva_1_6769583403129972527_1_32.wav</t>
  </si>
  <si>
    <t>\\acsfs\Deptos\EDUCACAO EMPRESARIAL\FERNANDA MONIT\Ligação para Mutant terceiro Ciclo\Geovana Aline Santos E Silva_1_6769583403129972527_1_32.wav</t>
  </si>
  <si>
    <t>12/27/2019 10:21:34</t>
  </si>
  <si>
    <t>\\acsfs\profiles$\joaopnbg\Downloads\</t>
  </si>
  <si>
    <t>498c3384-3582-42e6-b1ba-5d988917764f.tmp</t>
  </si>
  <si>
    <t>\\acsfs\profiles$\joaopnbg\Downloads\498c3384-3582-42e6-b1ba-5d988917764f.tmp</t>
  </si>
  <si>
    <t>12/27/2019 10:18:40</t>
  </si>
  <si>
    <t>0342efd2-a3c5-481a-8736-db5602edcabe.tmp</t>
  </si>
  <si>
    <t>\\acsfs\profiles$\deborahsi\Downloads\0342efd2-a3c5-481a-8736-db5602edcabe.tmp</t>
  </si>
  <si>
    <t>12/27/2019 10:21:15</t>
  </si>
  <si>
    <t>12/27/2019 10:22:58</t>
  </si>
  <si>
    <t>12/27/2019 10:17:59</t>
  </si>
  <si>
    <t>440334ce-14c7-42e9-b200-8d1c526d22fc.tmp</t>
  </si>
  <si>
    <t>\\acsfs\profiles$\gabrielafs\Downloads\440334ce-14c7-42e9-b200-8d1c526d22fc.tmp</t>
  </si>
  <si>
    <t>12/27/2019 10:22:14</t>
  </si>
  <si>
    <t>unknown.pwqixsu.partial</t>
  </si>
  <si>
    <t>\\acsfs\profiles$\gabrielafs\Downloads\unknown.pwqixsu.partial</t>
  </si>
  <si>
    <t>12/27/2019 10:21:19</t>
  </si>
  <si>
    <t>12/27/2019 10:23:58</t>
  </si>
  <si>
    <t>\\acsfs\DEPTOS\Operacao\PCP\5 - Comum\ACOMPANHAMENTO AMEX\10- Acompanhamento PF\BACKOFFICE PF\03-CNPF\03 - PAINEL DE PRODUTIVIDADE\Painel\2019\12 - Dezembro\</t>
  </si>
  <si>
    <t>Painel de Produtividade Contas Novas - Dezembro - Parcial.xlsx</t>
  </si>
  <si>
    <t>12/27/2019 10:20:02</t>
  </si>
  <si>
    <t>NAYARA NERY ARAUJO OLIVEIRA_1_6771484729317333196_1_32.wav</t>
  </si>
  <si>
    <t>\\acsfs\Deptos\EDUCACAO EMPRESARIAL\KÉSIA\Ligações 3º ciclo - Késia\NAYARA NERY ARAUJO OLIVEIRA_1_6771484729317333196_1_32.wav</t>
  </si>
  <si>
    <t>12/27/2019 10:19:49</t>
  </si>
  <si>
    <t>ccb00fc6-b8bb-4f2d-9492-9c348066446f.tmp</t>
  </si>
  <si>
    <t>\\acsfs\profiles$\JOAOVAL\Downloads\ccb00fc6-b8bb-4f2d-9492-9c348066446f.tmp</t>
  </si>
  <si>
    <t>12/27/2019 10:20:51</t>
  </si>
  <si>
    <t>bca77805-3874-45f7-9518-8c72ab52ddea.tmp</t>
  </si>
  <si>
    <t>\\acsfs\profiles$\JOAOVAL\Downloads\bca77805-3874-45f7-9518-8c72ab52ddea.tmp</t>
  </si>
  <si>
    <t>12/27/2019 10:19:33</t>
  </si>
  <si>
    <t>53f74a00-ce0b-451f-b9cf-bf2b685039ea.tmp</t>
  </si>
  <si>
    <t>\\acsfs\profiles$\eduardofss\Downloads\53f74a00-ce0b-451f-b9cf-bf2b685039ea.tmp</t>
  </si>
  <si>
    <t>12/27/2019 10:22:19</t>
  </si>
  <si>
    <t>12/27/2019 10:24:58</t>
  </si>
  <si>
    <t>mail.google.com/_/upload?authuser=1&amp;dcp=asu-n&amp;upload_id=AEnB2UonYHv5XkJ4fRvMIdGmM4q0tR8GQ93Ba-Rvzy6pfXl-zVhTkOEvzgU_MXV9xosi1qc3VFC0CHrQIUUvEniAbp1fkRozTZ9cFShEhWaQcRKnarXxMP8&amp;upload_protocol=resumable</t>
  </si>
  <si>
    <t>12/27/2019 10:23:50</t>
  </si>
  <si>
    <t>12/27/2019 10:20:30</t>
  </si>
  <si>
    <t>cd577adf-95d6-4811-a4de-03d369f11609.tmp</t>
  </si>
  <si>
    <t>\\acsfs\profiles$\kellzylenneasr\Downloads\cd577adf-95d6-4811-a4de-03d369f11609.tmp</t>
  </si>
  <si>
    <t>12/27/2019 10:21:31</t>
  </si>
  <si>
    <t>baeec9a6-ac40-4700-b021-c16846393717.tmp</t>
  </si>
  <si>
    <t>\\acsfs\profiles$\kellzylenneasr\Downloads\baeec9a6-ac40-4700-b021-c16846393717.tmp</t>
  </si>
  <si>
    <t>12/27/2019 10:24:08</t>
  </si>
  <si>
    <t>12/27/2019 10:25:57</t>
  </si>
  <si>
    <t>12/27/2019 10:24:38</t>
  </si>
  <si>
    <t>12/27/2019 10:25:08</t>
  </si>
  <si>
    <t>12/27/2019 10:23:01</t>
  </si>
  <si>
    <t>12/27/2019 10:21:50</t>
  </si>
  <si>
    <t>12/27/2019 10:26:58</t>
  </si>
  <si>
    <t>12/27/2019 10:24:15</t>
  </si>
  <si>
    <t>12/27/2019 10:21:44</t>
  </si>
  <si>
    <t>6f420bc3-b37a-43af-9191-727a19ca1f38.tmp</t>
  </si>
  <si>
    <t>\\acsfs\profiles$\wenderbnm\Downloads\6f420bc3-b37a-43af-9191-727a19ca1f38.tmp</t>
  </si>
  <si>
    <t>12/27/2019 10:22:01</t>
  </si>
  <si>
    <t>Não confirmado 663033.crdownload</t>
  </si>
  <si>
    <t>\\acsfs\profiles$\joaopnbg\Downloads\Não confirmado 663033.crdownload</t>
  </si>
  <si>
    <t>12/27/2019 10:24:27</t>
  </si>
  <si>
    <t>be2d30f9-d138-452f-b9a8-06636ec9e0bc.tmp</t>
  </si>
  <si>
    <t>\\acsfs\profiles$\victoriaksr\Downloads\be2d30f9-d138-452f-b9a8-06636ec9e0bc.tmp</t>
  </si>
  <si>
    <t>12/27/2019 10:24:56</t>
  </si>
  <si>
    <t>12/27/2019 10:27:57</t>
  </si>
  <si>
    <t>b0ff8046-16e7-4775-9ce3-ad3ead24c44a.tmp</t>
  </si>
  <si>
    <t>\\acsfs\profiles$\vivianealda\Downloads\b0ff8046-16e7-4775-9ce3-ad3ead24c44a.tmp</t>
  </si>
  <si>
    <t>12/27/2019 10:26:56</t>
  </si>
  <si>
    <t>7ca9f997-7c3c-44cc-a1f7-2403cad20519.tmp</t>
  </si>
  <si>
    <t>\\acsfs\profiles$\MATEUSJM\Downloads\7ca9f997-7c3c-44cc-a1f7-2403cad20519.tmp</t>
  </si>
  <si>
    <t>12/27/2019 10:26:59</t>
  </si>
  <si>
    <t>12/27/2019 10:24:10</t>
  </si>
  <si>
    <t>12/27/2019 10:28:58</t>
  </si>
  <si>
    <t>12/27/2019 10:25:21</t>
  </si>
  <si>
    <t>12/27/2019 10:25:22</t>
  </si>
  <si>
    <t>lu234802fhqmg.tmp</t>
  </si>
  <si>
    <t>\\acsfs\profiles$\VIVIANALDS\My Documents\lu234802fhqmg.tmp</t>
  </si>
  <si>
    <t>\\acsfs\profiles$\VIVIANALDS\My Documents\lu234802fhqmg.tmp\</t>
  </si>
  <si>
    <t>\\acsfs\profiles$\VIVIANALDS\My Documents\lu234802fhqmg.tmp\META-INF\</t>
  </si>
  <si>
    <t>\\acsfs\profiles$\VIVIANALDS\My Documents\lu234802fhqmg.tmp\Thumbnails\</t>
  </si>
  <si>
    <t>12/27/2019 10:26:11</t>
  </si>
  <si>
    <t>12/27/2019 10:26:12</t>
  </si>
  <si>
    <t>lu234802fhqmk.tmp</t>
  </si>
  <si>
    <t>\\acsfs\profiles$\VIVIANALDS\My Documents\lu234802fhqmk.tmp</t>
  </si>
  <si>
    <t>\\acsfs\profiles$\VIVIANALDS\My Documents\lu234802fhqmk.tmp\</t>
  </si>
  <si>
    <t>\\acsfs\profiles$\VIVIANALDS\My Documents\lu234802fhqmk.tmp\META-INF\</t>
  </si>
  <si>
    <t>\\acsfs\profiles$\VIVIANALDS\My Documents\lu234802fhqmk.tmp\Thumbnails\</t>
  </si>
  <si>
    <t>12/27/2019 10:25:25</t>
  </si>
  <si>
    <t>12/27/2019 10:25:26</t>
  </si>
  <si>
    <t>12/27/2019 10:25:27</t>
  </si>
  <si>
    <t>12/27/2019 10:25:28</t>
  </si>
  <si>
    <t>12/27/2019 10:25:33</t>
  </si>
  <si>
    <t>12/27/2019 10:25:34</t>
  </si>
  <si>
    <t>12/27/2019 10:25:35</t>
  </si>
  <si>
    <t>12/27/2019 10:25:43</t>
  </si>
  <si>
    <t>12/27/2019 10:25:44</t>
  </si>
  <si>
    <t>12/27/2019 10:25:47</t>
  </si>
  <si>
    <t>12/27/2019 10:25:48</t>
  </si>
  <si>
    <t>12/27/2019 10:27:38</t>
  </si>
  <si>
    <t>12/27/2019 10:29:57</t>
  </si>
  <si>
    <t>9343eef9-d1ae-44c3-86f8-f0ee2fe3f2b9.tmp</t>
  </si>
  <si>
    <t>\\acsfs\profiles$\ANAPDSB\Downloads\9343eef9-d1ae-44c3-86f8-f0ee2fe3f2b9.tmp</t>
  </si>
  <si>
    <t>12/27/2019 10:27:50</t>
  </si>
  <si>
    <t>12/27/2019 10:29:22</t>
  </si>
  <si>
    <t>12/27/2019 10:29:27</t>
  </si>
  <si>
    <t>32b61c44-7aaa-4bff-bc69-be99734c5f3f.tmp</t>
  </si>
  <si>
    <t>\\acsfs\profiles$\mariliafplb\Downloads\32b61c44-7aaa-4bff-bc69-be99734c5f3f.tmp</t>
  </si>
  <si>
    <t>12/27/2019 10:28:14</t>
  </si>
  <si>
    <t>12/27/2019 10:29:07</t>
  </si>
  <si>
    <t>12/27/2019 10:30:58</t>
  </si>
  <si>
    <t>12/27/2019 10:26:19</t>
  </si>
  <si>
    <t>12/27/2019 10:28:30</t>
  </si>
  <si>
    <t>12/27/2019 10:28:43</t>
  </si>
  <si>
    <t>12/27/2019 10:28:38</t>
  </si>
  <si>
    <t>12/27/2019 10:28:09</t>
  </si>
  <si>
    <t>12/27/2019 10:29:23</t>
  </si>
  <si>
    <t>12/27/2019 10:31:57</t>
  </si>
  <si>
    <t>Relatorio de Vendas - Auditoria BV Cartoes (Dezembro)_NOVO (2).xlsx</t>
  </si>
  <si>
    <t>\\acsfs\DEPTOS\Operacao\Banco_Votorantim\Qualidade\Anderson\Jose\Atualizado\Relatorio de Vendas - Auditoria BV Cartoes (Dezembro)_NOVO (2).xlsx</t>
  </si>
  <si>
    <t>12/27/2019 10:29:25</t>
  </si>
  <si>
    <t>cc77d0c3-6edf-4399-8604-dd5a5b726822.tmp</t>
  </si>
  <si>
    <t>\\acsfs\profiles$\felipetds\Downloads\cc77d0c3-6edf-4399-8604-dd5a5b726822.tmp</t>
  </si>
  <si>
    <t>12/27/2019 10:28:29</t>
  </si>
  <si>
    <t>fb3bb1c7-4f66-4ebd-999a-53744c8fc780.tmp</t>
  </si>
  <si>
    <t>\\acsfs\profiles$\leticiala\Downloads\fb3bb1c7-4f66-4ebd-999a-53744c8fc780.tmp</t>
  </si>
  <si>
    <t>12/27/2019 10:29:31</t>
  </si>
  <si>
    <t>12/27/2019 10:32:58</t>
  </si>
  <si>
    <t>f7d9ae07-5424-4cb4-9fd8-e2e0849eece7.tmp</t>
  </si>
  <si>
    <t>\\acsfs\profiles$\ERICALSR\Downloads\f7d9ae07-5424-4cb4-9fd8-e2e0849eece7.tmp</t>
  </si>
  <si>
    <t>12/27/2019 10:30:46</t>
  </si>
  <si>
    <t>b2507b3b-9f0f-463c-88c8-015a20af7704.tmp</t>
  </si>
  <si>
    <t>\\acsfs\profiles$\quindaizaagds\Downloads\b2507b3b-9f0f-463c-88c8-015a20af7704.tmp</t>
  </si>
  <si>
    <t>12/27/2019 10:28:16</t>
  </si>
  <si>
    <t>d7b65302-5044-41e9-b4c5-560b98c5051c.tmp</t>
  </si>
  <si>
    <t>\\acsfs\profiles$\MATEUSJM\Downloads\d7b65302-5044-41e9-b4c5-560b98c5051c.tmp</t>
  </si>
  <si>
    <t>12/27/2019 10:31:29</t>
  </si>
  <si>
    <t>12/27/2019 10:33:57</t>
  </si>
  <si>
    <t>https://www.zimbra.com/e/</t>
  </si>
  <si>
    <t>12/27/2019 10:31:10</t>
  </si>
  <si>
    <t>12/27/2019 10:30:10</t>
  </si>
  <si>
    <t>12/27/2019 10:31:05</t>
  </si>
  <si>
    <t>12/27/2019 10:34:34</t>
  </si>
  <si>
    <t>12/27/2019 10:35:58</t>
  </si>
  <si>
    <t>12/27/2019 10:34:46</t>
  </si>
  <si>
    <t>12/27/2019 10:34:53</t>
  </si>
  <si>
    <t>12/27/2019 10:35:03</t>
  </si>
  <si>
    <t>12/27/2019 10:30:52</t>
  </si>
  <si>
    <t>12/27/2019 10:30:53</t>
  </si>
  <si>
    <t>lu1886413bvac.tmp</t>
  </si>
  <si>
    <t>\\acsfs\profiles$\Flaviojmm\My Documents\lu1886413bvac.tmp</t>
  </si>
  <si>
    <t>\\acsfs\profiles$\Flaviojmm\My Documents\lu1886413bvac.tmp\</t>
  </si>
  <si>
    <t>\\acsfs\profiles$\Flaviojmm\My Documents\lu1886413bvac.tmp\META-INF\</t>
  </si>
  <si>
    <t>\\acsfs\profiles$\Flaviojmm\My Documents\lu1886413bvac.tmp\Thumbnails\</t>
  </si>
  <si>
    <t>12/27/2019 10:33:08</t>
  </si>
  <si>
    <t>12/27/2019 09:40:58</t>
  </si>
  <si>
    <t>10.200.57.154</t>
  </si>
  <si>
    <t>12/27/2019 10:35:14</t>
  </si>
  <si>
    <t>12/27/2019 10:35:20</t>
  </si>
  <si>
    <t>12/27/2019 10:32:54</t>
  </si>
  <si>
    <t>12/27/2019 10:36:57</t>
  </si>
  <si>
    <t>Henrique Humberto Marcelino de Oliveira_1_6769152424636650027_1_32.wav</t>
  </si>
  <si>
    <t>\\acsfs\Deptos\EDUCACAO EMPRESARIAL\FERNANDA MONIT\Ligação para Mutant terceiro Ciclo\Henrique Humberto Marcelino de Oliveira_1_6769152424636650027_1_32.wav</t>
  </si>
  <si>
    <t>12/27/2019 10:36:54</t>
  </si>
  <si>
    <t>12/27/2019 10:38:57</t>
  </si>
  <si>
    <t>12/27/2019 10:37:43</t>
  </si>
  <si>
    <t>69e75303-bc21-4121-9890-075090f11588.tmp</t>
  </si>
  <si>
    <t>\\acsfs\profiles$\luanaagl\Downloads\69e75303-bc21-4121-9890-075090f11588.tmp</t>
  </si>
  <si>
    <t>12/27/2019 10:34:00</t>
  </si>
  <si>
    <t>12/27/2019 10:34:03</t>
  </si>
  <si>
    <t>67dcc011-2a22-47cd-b3c2-7a33c49aa9fd.tmp</t>
  </si>
  <si>
    <t>\\acsfs\profiles$\anafsb\Downloads\67dcc011-2a22-47cd-b3c2-7a33c49aa9fd.tmp</t>
  </si>
  <si>
    <t>12/27/2019 10:34:33</t>
  </si>
  <si>
    <t>752090ce-0413-4836-b9a8-ebbe9e2e8f96.tmp</t>
  </si>
  <si>
    <t>\\acsfs\profiles$\anafsb\Downloads\752090ce-0413-4836-b9a8-ebbe9e2e8f96.tmp</t>
  </si>
  <si>
    <t>12/27/2019 10:36:10</t>
  </si>
  <si>
    <t>12/27/2019 10:37:05</t>
  </si>
  <si>
    <t>12/27/2019 10:35:48</t>
  </si>
  <si>
    <t>12/27/2019 10:39:58</t>
  </si>
  <si>
    <t>OBZ – Viagens - BP 2020.xlsx</t>
  </si>
  <si>
    <t>ances,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,picture,quotabytesused,rpermissions,shareabl,shared,sharedwithmedate,thumbnailversion,title,userpermission(role),workspaceids</t>
  </si>
  <si>
    <t>12/27/2019 10:34:49</t>
  </si>
  <si>
    <t>e52c3f2e-2b38-4436-b3a8-64d390624b9a.tmp</t>
  </si>
  <si>
    <t>\\acsfs\profiles$\ANAPDSB\Downloads\e52c3f2e-2b38-4436-b3a8-64d390624b9a.tmp</t>
  </si>
  <si>
    <t>12/27/2019 10:39:49</t>
  </si>
  <si>
    <t>12/27/2019 10:40:58</t>
  </si>
  <si>
    <t>12/27/2019 10:35:26</t>
  </si>
  <si>
    <t>12/27/2019 10:35:31</t>
  </si>
  <si>
    <t>12/27/2019 10:35:43</t>
  </si>
  <si>
    <t>12/27/2019 10:35:53</t>
  </si>
  <si>
    <t>joaogvc@algartech.com;leonardoao@algartech.com;marianadjc@algartech.com;paulacn@algartech.com;rafaelggs@algartech.com;taysdss@algartech.com;viniciussg@algartech.com;</t>
  </si>
  <si>
    <t>joaogvc@algartech.com,leonardoao@algartech.com,marianadjc@algartech.com,paulacn@algartech.com,rafaelggs@algartech.com,taysdss@algartech.com,viniciussg@algartech.com</t>
  </si>
  <si>
    <t>12/27/2019 10:36:04</t>
  </si>
  <si>
    <t>12/27/2019 10:36:07</t>
  </si>
  <si>
    <t>12/27/2019 10:36:17</t>
  </si>
  <si>
    <t>12/27/2019 10:36:18</t>
  </si>
  <si>
    <t>12/27/2019 10:36:22</t>
  </si>
  <si>
    <t>12/27/2019 10:36:26</t>
  </si>
  <si>
    <t>100014123564284,bvcartes-supervisores@algarnet.onmicrosoft.com,joaogvc@algartech.com,leonardoao@algartech.com,marianadjc@algartech.com,mirianppb@algartech.com,paulacn@algartech.com,rafaelggs@algartech.com,taysdss@algartech.com,viniciussg@algartech.com</t>
  </si>
  <si>
    <t>12/27/2019 10:36:45</t>
  </si>
  <si>
    <t>12/27/2019 10:36:53</t>
  </si>
  <si>
    <t>12/27/2019 10:37:20</t>
  </si>
  <si>
    <t>RELATORIO DE LOGIN - FINANCEIRA - 26-12.xlsm</t>
  </si>
  <si>
    <t>\\acsfs\DEPTOS\Operacao\PCP\5 - Comum\PLANEJAMENTO BV\14 - ACOMPANHAMENTO\1 - REPORT ACOMPANHAMENTO\2019\12 - Dezembro\FINANCEIRA\Login Logout Financeira\RELATORIO DE LOGIN - FINANCEIRA - 26-12.xlsm</t>
  </si>
  <si>
    <t>12/27/2019 10:36:41</t>
  </si>
  <si>
    <t>12/27/2019 10:36:55</t>
  </si>
  <si>
    <t>12/27/2019 10:41:58</t>
  </si>
  <si>
    <t>3b981f0c-e2f2-4aa2-bf90-f64ab73a21cd.tmp</t>
  </si>
  <si>
    <t>\\acsfs\profiles$\geovannasm\Downloads\3b981f0c-e2f2-4aa2-bf90-f64ab73a21cd.tmp</t>
  </si>
  <si>
    <t>12/27/2019 10:39:38</t>
  </si>
  <si>
    <t>12/27/2019 10:42:58</t>
  </si>
  <si>
    <t>12/27/2019 10:42:25</t>
  </si>
  <si>
    <t>12/27/2019 10:43:58</t>
  </si>
  <si>
    <t>12/27/2019 10:42:26</t>
  </si>
  <si>
    <t>lu87561g57m5.tmp</t>
  </si>
  <si>
    <t>\\acsfs\profiles$\BRUNAAR\Numero\lu87561g57m5.tmp</t>
  </si>
  <si>
    <t>12/27/2019 10:40:08</t>
  </si>
  <si>
    <t>12/27/2019 10:40:54</t>
  </si>
  <si>
    <t>12/27/2019 10:42:10</t>
  </si>
  <si>
    <t>12/27/2019 10:41:08</t>
  </si>
  <si>
    <t>12/27/2019 10:43:05</t>
  </si>
  <si>
    <t>12/27/2019 10:43:35</t>
  </si>
  <si>
    <t>12/27/2019 10:45:58</t>
  </si>
  <si>
    <t>12/27/2019 10:43:39</t>
  </si>
  <si>
    <t>12/27/2019 10:44:34</t>
  </si>
  <si>
    <t>12/27/2019 10:47:57</t>
  </si>
  <si>
    <t>12/27/2019 10:48:10</t>
  </si>
  <si>
    <t>12/27/2019 10:48:58</t>
  </si>
  <si>
    <t>12/27/2019 10:46:44</t>
  </si>
  <si>
    <t>12/27/2019 10:49:25</t>
  </si>
  <si>
    <t>12/27/2019 10:49:58</t>
  </si>
  <si>
    <t>12/27/2019 10:48:45</t>
  </si>
  <si>
    <t>12/27/2019 10:50:58</t>
  </si>
  <si>
    <t>12/27/2019 10:48:46</t>
  </si>
  <si>
    <t>lu1886413bvap.tmp</t>
  </si>
  <si>
    <t>\\acsfs\profiles$\Flaviojmm\My Documents\lu1886413bvap.tmp</t>
  </si>
  <si>
    <t>12/27/2019 10:45:40</t>
  </si>
  <si>
    <t>\\acsfs\profiles$\Flaviojmm\My Documents\lu1886413bvap.tmp\</t>
  </si>
  <si>
    <t>12/27/2019 10:50:01</t>
  </si>
  <si>
    <t>RELATORIO DE LOGIN - BV CARTÕES 25-12 - Cópia.xlsm</t>
  </si>
  <si>
    <t>\\acsfs\DEPTOS\Operacao\PCP\5 - Comum\PLANEJAMENTO BV\14 - ACOMPANHAMENTO\1 - REPORT ACOMPANHAMENTO\2019\12 - Dezembro\CARTÕES\Login Logout Cartões\RELATORIO DE LOGIN - BV CARTÕES 25-12 - Cópia.xlsm</t>
  </si>
  <si>
    <t>\\acsfs\profiles$\Flaviojmm\My Documents\lu1886413bvap.tmp\META-INF\</t>
  </si>
  <si>
    <t>\\acsfs\profiles$\Flaviojmm\My Documents\lu1886413bvap.tmp\Thumbnails\</t>
  </si>
  <si>
    <t>12/27/2019 10:46:39</t>
  </si>
  <si>
    <t>12/27/2019 10:47:09</t>
  </si>
  <si>
    <t>12/27/2019 10:47:39</t>
  </si>
  <si>
    <t>12/27/2019 10:48:09</t>
  </si>
  <si>
    <t>12/27/2019 10:48:39</t>
  </si>
  <si>
    <t>12/27/2019 10:49:09</t>
  </si>
  <si>
    <t>12/27/2019 10:49:39</t>
  </si>
  <si>
    <t>12/27/2019 10:51:01</t>
  </si>
  <si>
    <t>12/27/2019 10:51:58</t>
  </si>
  <si>
    <t>Isabel Dias Soares Teles_1_6769577050873332951_1_32.wav</t>
  </si>
  <si>
    <t>\\acsfs\Deptos\EDUCACAO EMPRESARIAL\FERNANDA MONIT\Ligação para Mutant terceiro Ciclo\Isabel Dias Soares Teles_1_6769577050873332951_1_32.wav</t>
  </si>
  <si>
    <t>12/27/2019 10:49:54</t>
  </si>
  <si>
    <t>12/27/2019 10:53:58</t>
  </si>
  <si>
    <t>8b706dd1-6d13-41dd-b0a5-c5d2254ffc7a.tmp</t>
  </si>
  <si>
    <t>\\acsfs\profiles$\anafsb\Downloads\8b706dd1-6d13-41dd-b0a5-c5d2254ffc7a.tmp</t>
  </si>
  <si>
    <t>12/27/2019 10:49:05</t>
  </si>
  <si>
    <t>12/27/2019 10:49:10</t>
  </si>
  <si>
    <t>12/27/2019 10:49:11</t>
  </si>
  <si>
    <t>12/27/2019 10:53:41</t>
  </si>
  <si>
    <t>12/27/2019 10:55:58</t>
  </si>
  <si>
    <t>2fead2a2-bd24-4a67-946e-a58c495dcb80.tmp</t>
  </si>
  <si>
    <t>\\acsfs\profiles$\sarahbal\Downloads\2fead2a2-bd24-4a67-946e-a58c495dcb80.tmp</t>
  </si>
  <si>
    <t>12/27/2019 10:52:48</t>
  </si>
  <si>
    <t>12/27/2019 10:52:39</t>
  </si>
  <si>
    <t>12/27/2019 10:53:09</t>
  </si>
  <si>
    <t>12/27/2019 10:53:39</t>
  </si>
  <si>
    <t>12/27/2019 10:54:09</t>
  </si>
  <si>
    <t>12/27/2019 10:52:38</t>
  </si>
  <si>
    <t>12/27/2019 10:56:58</t>
  </si>
  <si>
    <t>12/27/2019 10:52:09</t>
  </si>
  <si>
    <t>e019042a-be75-4e39-95c3-49e2a64696e5.tmp</t>
  </si>
  <si>
    <t>\\acsfs\profiles$\wenderbnm\Downloads\e019042a-be75-4e39-95c3-49e2a64696e5.tmp</t>
  </si>
  <si>
    <t>12/27/2019 10:55:03</t>
  </si>
  <si>
    <t>12/27/2019 10:57:58</t>
  </si>
  <si>
    <t>be3301ab-10cf-4440-8c21-38a618b22d4b.tmp</t>
  </si>
  <si>
    <t>\\acsfs\profiles$\deboraaa\Downloads\be3301ab-10cf-4440-8c21-38a618b22d4b.tmp</t>
  </si>
  <si>
    <t>12/27/2019 10:55:20</t>
  </si>
  <si>
    <t>4a4bb1a1-f7dd-4620-92b5-6170da4204bd.tmp</t>
  </si>
  <si>
    <t>\\acsfs\profiles$\deboraaa\Downloads\4a4bb1a1-f7dd-4620-92b5-6170da4204bd.tmp</t>
  </si>
  <si>
    <t>12/27/2019 10:56:12</t>
  </si>
  <si>
    <t>549895fb-6177-4458-accf-a3893d0e09b8.tmp</t>
  </si>
  <si>
    <t>\\acsfs\profiles$\deboraaa\Downloads\549895fb-6177-4458-accf-a3893d0e09b8.tmp</t>
  </si>
  <si>
    <t>12/27/2019 10:54:10</t>
  </si>
  <si>
    <t>12/27/2019 10:58:58</t>
  </si>
  <si>
    <t>12/27/2019 10:55:16</t>
  </si>
  <si>
    <t>REGIS EZAIAS DA SILVA JUNIOR_1_6770047409921799068_1_32.wav</t>
  </si>
  <si>
    <t>\\acsfs\Deptos\EDUCACAO EMPRESARIAL\KÉSIA\Ligações 3º ciclo - Késia\REGIS EZAIAS DA SILVA JUNIOR_1_6770047409921799068_1_32.wav</t>
  </si>
  <si>
    <t>12/27/2019 10:55:05</t>
  </si>
  <si>
    <t>12/27/2019 10:57:15</t>
  </si>
  <si>
    <t>12/27/2019 10:59:58</t>
  </si>
  <si>
    <t>269224d9-e151-4804-8c64-1b4994775947.tmp</t>
  </si>
  <si>
    <t>\\acsfs\profiles$\cintiadcf\Downloads\269224d9-e151-4804-8c64-1b4994775947.tmp</t>
  </si>
  <si>
    <t>12/27/2019 10:59:29</t>
  </si>
  <si>
    <t>12/27/2019 11:00:58</t>
  </si>
  <si>
    <t>12/27/2019 10:59:30</t>
  </si>
  <si>
    <t>lu1886413bvay.tmp</t>
  </si>
  <si>
    <t>\\acsfs\profiles$\Flaviojmm\My Documents\lu1886413bvay.tmp</t>
  </si>
  <si>
    <t>\\acsfs\profiles$\Flaviojmm\My Documents\lu1886413bvay.tmp\</t>
  </si>
  <si>
    <t>\\acsfs\profiles$\Flaviojmm\My Documents\lu1886413bvay.tmp\META-INF\</t>
  </si>
  <si>
    <t>\\acsfs\profiles$\Flaviojmm\My Documents\lu1886413bvay.tmp\Thumbnails\</t>
  </si>
  <si>
    <t>12/27/2019 10:58:39</t>
  </si>
  <si>
    <t>12/27/2019 10:59:09</t>
  </si>
  <si>
    <t>12/27/2019 10:58:01</t>
  </si>
  <si>
    <t>12/27/2019 11:01:58</t>
  </si>
  <si>
    <t>mail.google.com/_/upload?authuser=0&amp;dcp=asu-n&amp;upload_id=AEnB2Uo-uhI_SrWo-8s9BsS79G2vPdkzGLW5CjzQk0ZSj66sPgXVx_wE57Ywh_wvLDFIjyjmT6CeYazSq3w9pOoXpmfVEOHRaw&amp;upload_protocol=resumable</t>
  </si>
  <si>
    <t>FOLHA AVON SAC ORÇ 2020.xls</t>
  </si>
  <si>
    <t>12/26/2019 22:07:04</t>
  </si>
  <si>
    <t>XLOG_marcosvnds_26122019_170404.log</t>
  </si>
  <si>
    <t>\\acsfs\profiles$\marcosvnds\My Documents\xworkcenter\logs\XLOG_marcosvnds_26122019_170404.log</t>
  </si>
  <si>
    <t>12/27/2019 10:58:20</t>
  </si>
  <si>
    <t>12/27/2019 11:02:58</t>
  </si>
  <si>
    <t>\\acsfs\profiles$\ERICALSR\My Documents\$RECYCLE.BIN\</t>
  </si>
  <si>
    <t>$IG29G5T.txt</t>
  </si>
  <si>
    <t>\\acsfs\profiles$\ERICALSR\My Documents\$RECYCLE.BIN\$IG29G5T.txt</t>
  </si>
  <si>
    <t>a7c9cb2a-6d66-48da-9f7b-b8dea8b48517.tmp</t>
  </si>
  <si>
    <t>\\acsfs\profiles$\deboraaa\Downloads\a7c9cb2a-6d66-48da-9f7b-b8dea8b48517.tmp</t>
  </si>
  <si>
    <t>12/27/2019 11:01:49</t>
  </si>
  <si>
    <t>12/27/2019 11:03:58</t>
  </si>
  <si>
    <t>ae305430-607f-47a4-b5df-02c097afd44d.tmp</t>
  </si>
  <si>
    <t>\\acsfs\profiles$\antoniosva\Downloads\ae305430-607f-47a4-b5df-02c097afd44d.tmp</t>
  </si>
  <si>
    <t>12/27/2019 11:01:56</t>
  </si>
  <si>
    <t>.~lock.isabelle 27.12.19.ods#</t>
  </si>
  <si>
    <t>\\acsfs\profiles$\ISABELLEGTDS\Nova pasta\.~lock.isabelle 27.12.19.ods#</t>
  </si>
  <si>
    <t>lu187082hnz4c.tmp</t>
  </si>
  <si>
    <t>\\acsfs\profiles$\ISABELLEGTDS\Nova pasta\lu187082hnz4c.tmp</t>
  </si>
  <si>
    <t>\\acsfs\profiles$\ISABELLEGTDS\Nova pasta\lu187082hnz4c.tmp\</t>
  </si>
  <si>
    <t>\\acsfs\profiles$\ISABELLEGTDS\Nova pasta\lu187082hnz4c.tmp\META-INF\</t>
  </si>
  <si>
    <t>\\acsfs\profiles$\ISABELLEGTDS\Nova pasta\lu187082hnz4c.tmp\Thumbnails\</t>
  </si>
  <si>
    <t>12/27/2019 10:59:54</t>
  </si>
  <si>
    <t>12/27/2019 11:01:22</t>
  </si>
  <si>
    <t>12/27/2019 11:00:11</t>
  </si>
  <si>
    <t>12/27/2019 11:01:40</t>
  </si>
  <si>
    <t>.~lock.RENEG BV - 27.12 - Venc 28.12.2019.ods#</t>
  </si>
  <si>
    <t>\\acsfs\profiles$\LUCASBS\.~lock.RENEG BV - 27.12 - Venc 28.12.2019.ods#</t>
  </si>
  <si>
    <t>12/27/2019 11:01:41</t>
  </si>
  <si>
    <t>lu14144uy5vs.tmp</t>
  </si>
  <si>
    <t>\\acsfs\profiles$\LUCASBS\lu14144uy5vs.tmp</t>
  </si>
  <si>
    <t>\\acsfs\profiles$\LUCASBS\lu14144uy5vs.tmp\</t>
  </si>
  <si>
    <t>\\acsfs\profiles$\LUCASBS\lu14144uy5vs.tmp\META-INF\</t>
  </si>
  <si>
    <t>\\acsfs\profiles$\LUCASBS\lu14144uy5vs.tmp\Thumbnails\</t>
  </si>
  <si>
    <t>12/27/2019 11:01:05</t>
  </si>
  <si>
    <t>12/27/2019 11:03:55</t>
  </si>
  <si>
    <t>12/27/2019 11:04:58</t>
  </si>
  <si>
    <t>12/27/2019 11:02:04</t>
  </si>
  <si>
    <t>12/27/2019 11:05:58</t>
  </si>
  <si>
    <t>12/27/2019 11:04:45</t>
  </si>
  <si>
    <t>RELATORIO DE LOGIN - BV CARTÕES 26-12.xlsm</t>
  </si>
  <si>
    <t>\\acsfs\DEPTOS\Operacao\PCP\5 - Comum\PLANEJAMENTO BV\14 - ACOMPANHAMENTO\1 - REPORT ACOMPANHAMENTO\2019\12 - Dezembro\CARTÕES\Login Logout Cartões\RELATORIO DE LOGIN - BV CARTÕES 26-12.xlsm</t>
  </si>
  <si>
    <t>12/27/2019 11:05:02</t>
  </si>
  <si>
    <t>12/27/2019 11:05:07</t>
  </si>
  <si>
    <t>12/27/2019 11:05:11</t>
  </si>
  <si>
    <t>12/27/2019 11:01:11</t>
  </si>
  <si>
    <t>12/27/2019 11:01:39</t>
  </si>
  <si>
    <t>12/27/2019 11:02:09</t>
  </si>
  <si>
    <t>12/27/2019 11:02:39</t>
  </si>
  <si>
    <t>12/27/2019 11:03:39</t>
  </si>
  <si>
    <t>12/27/2019 11:04:09</t>
  </si>
  <si>
    <t>12/27/2019 11:05:10</t>
  </si>
  <si>
    <t>12/27/2019 11:07:17</t>
  </si>
  <si>
    <t>12/27/2019 11:08:59</t>
  </si>
  <si>
    <t>mail.google.com/_/upload?authuser=0&amp;dcp=asu-n&amp;upload_id=AEnB2Uo2cmt4B2suNSqDCwwDI1ZRmTns6Rk4ONHuyODcuKXvz2mvnuJBh37Gvu4TKdwa9KRRvypVr8pnSSFcuuMh_Co2_7Gr9w&amp;upload_protocol=resumable</t>
  </si>
  <si>
    <t>akassiablc@algartech.com;ctavares@timbrasil.com.br;ericacdosc@algartech.com;raquelcc@algartech.com;</t>
  </si>
  <si>
    <t>akassiablc@algartech.com,ctavares@timbrasil.com.br,ericacdosc@algartech.com,raquelcc@algartech.com</t>
  </si>
  <si>
    <t>12/27/2019 11:06:15</t>
  </si>
  <si>
    <t>UPH</t>
  </si>
  <si>
    <t>12/27/2019 11:06:10</t>
  </si>
  <si>
    <t>12/27/2019 11:07:05</t>
  </si>
  <si>
    <t>12/27/2019 11:05:41</t>
  </si>
  <si>
    <t>12/27/2019 11:09:58</t>
  </si>
  <si>
    <t>12/27/2019 11:07:29</t>
  </si>
  <si>
    <t>12/27/2019 11:07:31</t>
  </si>
  <si>
    <t>12/27/2019 11:07:32</t>
  </si>
  <si>
    <t>12/27/2019 11:07:33</t>
  </si>
  <si>
    <t>12/27/2019 11:07:35</t>
  </si>
  <si>
    <t>12/27/2019 11:07:42</t>
  </si>
  <si>
    <t>12/27/2019 11:07:43</t>
  </si>
  <si>
    <t>12/27/2019 11:07:56</t>
  </si>
  <si>
    <t>12/27/2019 11:08:05</t>
  </si>
  <si>
    <t>12/27/2019 11:08:08</t>
  </si>
  <si>
    <t>12/27/2019 11:08:19</t>
  </si>
  <si>
    <t>12/27/2019 11:08:32</t>
  </si>
  <si>
    <t>12/27/2019 11:08:33</t>
  </si>
  <si>
    <t>12/27/2019 11:08:34</t>
  </si>
  <si>
    <t>12/27/2019 11:08:37</t>
  </si>
  <si>
    <t>12/27/2019 11:08:39</t>
  </si>
  <si>
    <t>12/27/2019 11:08:41</t>
  </si>
  <si>
    <t>12/27/2019 11:08:42</t>
  </si>
  <si>
    <t>12/27/2019 11:08:44</t>
  </si>
  <si>
    <t>12/27/2019 11:08:48</t>
  </si>
  <si>
    <t>12/27/2019 11:08:50</t>
  </si>
  <si>
    <t>12/27/2019 11:08:54</t>
  </si>
  <si>
    <t>12/27/2019 11:08:55</t>
  </si>
  <si>
    <t>12/27/2019 11:08:57</t>
  </si>
  <si>
    <t>12/27/2019 11:08:58</t>
  </si>
  <si>
    <t>12/27/2019 11:09:01</t>
  </si>
  <si>
    <t>12/27/2019 11:09:02</t>
  </si>
  <si>
    <t>12/27/2019 11:09:03</t>
  </si>
  <si>
    <t>12/27/2019 11:09:04</t>
  </si>
  <si>
    <t>12/27/2019 11:09:06</t>
  </si>
  <si>
    <t>12/27/2019 11:09:07</t>
  </si>
  <si>
    <t>12/27/2019 11:09:08</t>
  </si>
  <si>
    <t>12/27/2019 11:09:10</t>
  </si>
  <si>
    <t>12/27/2019 11:09:11</t>
  </si>
  <si>
    <t>12/27/2019 11:09:12</t>
  </si>
  <si>
    <t>12/27/2019 11:09:14</t>
  </si>
  <si>
    <t>12/27/2019 11:09:16</t>
  </si>
  <si>
    <t>12/27/2019 11:09:17</t>
  </si>
  <si>
    <t>12/27/2019 11:05:21</t>
  </si>
  <si>
    <t>12/27/2019 11:10:59</t>
  </si>
  <si>
    <t>12/27/2019 11:08:04</t>
  </si>
  <si>
    <t>bd46840f-3496-44ad-8b8f-5260ed2950a6.tmp</t>
  </si>
  <si>
    <t>\\acsfs\profiles$\valeriasda\Downloads\bd46840f-3496-44ad-8b8f-5260ed2950a6.tmp</t>
  </si>
  <si>
    <t>12/27/2019 11:05:24</t>
  </si>
  <si>
    <t>12/27/2019 11:05:40</t>
  </si>
  <si>
    <t>12/27/2019 11:05:45</t>
  </si>
  <si>
    <t>12/27/2019 11:06:05</t>
  </si>
  <si>
    <t>12/27/2019 11:06:24</t>
  </si>
  <si>
    <t>bvcartes-supervisores@algarnet.onmicrosoft.com;joaogvc@algartech.com;katia.cardoso@bv.com.br;leonardoao@algartech.com;marianacds@algartech.com;marianadjc@algartech.com;paulacn@algartech.com;planejamentodeoperacoesetrafego@bv.com.br;rafaelggs@algartech.com;taysdss@algartech.com;thiagordu@algartech.com;viniciussg@algartech.com;</t>
  </si>
  <si>
    <t>bvcartes-supervisores@algarnet.onmicrosoft.com,joaogvc@algartech.com,katia.cardoso@bv.com.br,leonardoao@algartech.com,marianacds@algartech.com,marianadjc@algartech.com,paulacn@algartech.com,planejamentodeoperacoesetrafego@bv.com.br,rafaelggs@algartech.com,taysdss@algartech.com,thiagordu@algartech.com,viniciussg@algartech.com</t>
  </si>
  <si>
    <t>12/27/2019 11:06:31</t>
  </si>
  <si>
    <t>12/27/2019 11:06:40</t>
  </si>
  <si>
    <t>12/27/2019 11:06:55</t>
  </si>
  <si>
    <t>12/27/2019 11:07:06</t>
  </si>
  <si>
    <t>12/27/2019 11:07:08</t>
  </si>
  <si>
    <t>mail.google.com/sync/u/0/i/s?hl=pt-BR&amp;c=481</t>
  </si>
  <si>
    <t>12/27/2019 11:07:09</t>
  </si>
  <si>
    <t>12/27/2019 11:07:20</t>
  </si>
  <si>
    <t>mail.google.com/sync/u/0/i/s?hl=pt-BR&amp;c=483</t>
  </si>
  <si>
    <t>12/27/2019 11:07:25</t>
  </si>
  <si>
    <t>100014123564284;bvcartes-supervisores@algarnet.onmicrosoft.com;joaogvc@algartech.com;leonardoao@algartech.com;marianacds@algartech.com;marianadjc@algartech.com;paulacn@algartech.com;taysdss@algartech.com;thiagordu@algartech.com;viniciussg@algartech.com;</t>
  </si>
  <si>
    <t>100014123564284,bvcartes-supervisores@algarnet.onmicrosoft.com,joaogvc@algartech.com,leonardoao@algartech.com,marianacds@algartech.com,marianadjc@algartech.com,paulacn@algartech.com,taysdss@algartech.com,thiagordu@algartech.com,viniciussg@algartech.com</t>
  </si>
  <si>
    <t>12/27/2019 11:07:52</t>
  </si>
  <si>
    <t>12/27/2019 11:07:58</t>
  </si>
  <si>
    <t>mail.google.com/_/upload?authuser=0&amp;dcp=asu-n&amp;upload_id=AEnB2Ur6ItiA2_dgJqdaFLnQ12UKwIT9jRA8YJKx4F9IQ355PIDpyYjrg1nK8PO4WAMPMevyRBtI-L-uMN7hOL_qYoneWWFo44T1lIDwB9oU15qzfBwVwwY&amp;upload_protocol=resumable</t>
  </si>
  <si>
    <t>12/27/2019 11:08:03</t>
  </si>
  <si>
    <t>12/27/2019 11:08:15</t>
  </si>
  <si>
    <t>12/27/2019 11:07:19</t>
  </si>
  <si>
    <t>lu1886413bvb3.tmp</t>
  </si>
  <si>
    <t>\\acsfs\profiles$\Flaviojmm\My Documents\lu1886413bvb3.tmp</t>
  </si>
  <si>
    <t>\\acsfs\profiles$\Flaviojmm\My Documents\lu1886413bvb3.tmp\</t>
  </si>
  <si>
    <t>\\acsfs\profiles$\Flaviojmm\My Documents\lu1886413bvb3.tmp\META-INF\</t>
  </si>
  <si>
    <t>\\acsfs\profiles$\Flaviojmm\My Documents\lu1886413bvb3.tmp\Thumbnails\</t>
  </si>
  <si>
    <t>12/27/2019 11:09:40</t>
  </si>
  <si>
    <t>12/27/2019 11:07:10</t>
  </si>
  <si>
    <t>12/27/2019 11:11:58</t>
  </si>
  <si>
    <t>af7a7f86-a265-4a15-8837-1e2b3a10509a.tmp</t>
  </si>
  <si>
    <t>\\acsfs\profiles$\KARENDSR\Downloads\af7a7f86-a265-4a15-8837-1e2b3a10509a.tmp</t>
  </si>
  <si>
    <t>12/27/2019 11:12:52</t>
  </si>
  <si>
    <t>12/27/2019 11:13:58</t>
  </si>
  <si>
    <t>mail.google.com/_/upload?authuser=0&amp;dcp=asu-n&amp;upload_id=AEnB2UphHHpPtmo2jBjpTSsPUjMJWIKULbxDESofgibiDMuft06HtYEB_vbdzIzx-wAVhE5UouZGNdnU30c_E4EAUSTnejk8mmpniLTJBpS57jNGPlqlV1M&amp;upload_protocol=resumable</t>
  </si>
  <si>
    <t>Relatorio COMFRIO - Dezembro - Previa - completa_v1.xlsx</t>
  </si>
  <si>
    <t>12/27/2019 11:09:29</t>
  </si>
  <si>
    <t>12/27/2019 11:12:10</t>
  </si>
  <si>
    <t>12/27/2019 11:09:24</t>
  </si>
  <si>
    <t>lu234802fhqmo.tmp</t>
  </si>
  <si>
    <t>\\acsfs\profiles$\VIVIANALDS\My Documents\lu234802fhqmo.tmp</t>
  </si>
  <si>
    <t>\\acsfs\profiles$\VIVIANALDS\My Documents\lu234802fhqmo.tmp\</t>
  </si>
  <si>
    <t>\\acsfs\profiles$\VIVIANALDS\My Documents\lu234802fhqmo.tmp\META-INF\</t>
  </si>
  <si>
    <t>\\acsfs\profiles$\VIVIANALDS\My Documents\lu234802fhqmo.tmp\Thumbnails\</t>
  </si>
  <si>
    <t>12/27/2019 11:13:05</t>
  </si>
  <si>
    <t>12/27/2019 11:09:18</t>
  </si>
  <si>
    <t>12/27/2019 11:14:58</t>
  </si>
  <si>
    <t>12/27/2019 11:09:19</t>
  </si>
  <si>
    <t>12/27/2019 11:09:20</t>
  </si>
  <si>
    <t>12/27/2019 11:09:23</t>
  </si>
  <si>
    <t>12/27/2019 11:09:25</t>
  </si>
  <si>
    <t>12/27/2019 11:09:50</t>
  </si>
  <si>
    <t>12/27/2019 11:10:39</t>
  </si>
  <si>
    <t>12/27/2019 11:14:34</t>
  </si>
  <si>
    <t>12/27/2019 11:15:58</t>
  </si>
  <si>
    <t>12/27/2019 11:15:00</t>
  </si>
  <si>
    <t>12/27/2019 11:15:08</t>
  </si>
  <si>
    <t>12/27/2019 11:14:56</t>
  </si>
  <si>
    <t>lu1886413bvb8.tmp</t>
  </si>
  <si>
    <t>\\acsfs\profiles$\Flaviojmm\My Documents\lu1886413bvb8.tmp</t>
  </si>
  <si>
    <t>\\acsfs\profiles$\Flaviojmm\My Documents\lu1886413bvb8.tmp\</t>
  </si>
  <si>
    <t>\\acsfs\profiles$\Flaviojmm\My Documents\lu1886413bvb8.tmp\META-INF\</t>
  </si>
  <si>
    <t>\\acsfs\profiles$\Flaviojmm\My Documents\lu1886413bvb8.tmp\Thumbnails\</t>
  </si>
  <si>
    <t>12/27/2019 11:11:18</t>
  </si>
  <si>
    <t>12/27/2019 11:10:40</t>
  </si>
  <si>
    <t>12/27/2019 11:11:10</t>
  </si>
  <si>
    <t>12/27/2019 11:11:40</t>
  </si>
  <si>
    <t>12/27/2019 11:15:14</t>
  </si>
  <si>
    <t>12/27/2019 11:16:39</t>
  </si>
  <si>
    <t>12/27/2019 11:16:58</t>
  </si>
  <si>
    <t>12/27/2019 11:14:39</t>
  </si>
  <si>
    <t>12/27/2019 11:17:58</t>
  </si>
  <si>
    <t>4f678ff6-e8cd-4a41-a133-f1e6cc2e8c4a.tmp</t>
  </si>
  <si>
    <t>\\acsfs\profiles$\ERICALSR\Downloads\4f678ff6-e8cd-4a41-a133-f1e6cc2e8c4a.tmp</t>
  </si>
  <si>
    <t>12/27/2019 11:13:54</t>
  </si>
  <si>
    <t>12/27/2019 11:18:59</t>
  </si>
  <si>
    <t>12/27/2019 11:14:51</t>
  </si>
  <si>
    <t>12/27/2019 11:15:04</t>
  </si>
  <si>
    <t>12/27/2019 11:15:55</t>
  </si>
  <si>
    <t>12/27/2019 11:16:20</t>
  </si>
  <si>
    <t>12/27/2019 11:16:28</t>
  </si>
  <si>
    <t>12/27/2019 11:16:31</t>
  </si>
  <si>
    <t>12/27/2019 11:16:44</t>
  </si>
  <si>
    <t>12/27/2019 11:16:48</t>
  </si>
  <si>
    <t>12/27/2019 11:16:54</t>
  </si>
  <si>
    <t>12/27/2019 11:16:57</t>
  </si>
  <si>
    <t>12/27/2019 11:17:03</t>
  </si>
  <si>
    <t>12/27/2019 11:17:09</t>
  </si>
  <si>
    <t>12/27/2019 11:17:52</t>
  </si>
  <si>
    <t>12/27/2019 11:18:03</t>
  </si>
  <si>
    <t>12/27/2019 11:18:10</t>
  </si>
  <si>
    <t>12/27/2019 11:15:38</t>
  </si>
  <si>
    <t>10.200.66.49</t>
  </si>
  <si>
    <t>D0-94-66-B5-52-D3</t>
  </si>
  <si>
    <t>VOTORANT-AFB016</t>
  </si>
  <si>
    <t>12/27/2019 11:15:11</t>
  </si>
  <si>
    <t>12/27/2019 11:19:58</t>
  </si>
  <si>
    <t>mail.google.com/_/upload?authuser=0&amp;dcp=asu-n&amp;upload_id=AEnB2UrYHtdnpYqg6ZCIIcRewp9QInMZBgHS6hC4RocV6rxEAtf0f1OX4ZtTxwPn5OYJ558-dEY92SxVBDpXqtjn4Fac4l2jyw&amp;upload_protocol=resumable</t>
  </si>
  <si>
    <t>arthurjs@algartech.com;asoares@tribanco.com.br;cfonseca@tripag.com.br;claudia@tripag.com.br;cynthiaf@tripag.com.br;dbrandao@tripag.com.br;fdsantos@tripag.com.br;ganunes@tripag.com.br;leonardoao@algartech.com;lucasfs@tribanco.com.br;lucianarba@algartech.com;lucianarba@algartecnologia.com.br;oscilang@tripag.com.br;pauloslj@algartech.com;qualidade_cartaotricard@tribanco.com.br;robertaib@algartech.com;samias@tribanco.com.br;tarcisio.morais@4mm.com.br;taysdss@algartech.com;</t>
  </si>
  <si>
    <t>arthurjs@algartech.com,asoares@tribanco.com.br,cfonseca@tripag.com.br,claudia@tripag.com.br,cynthiaf@tripag.com.br,dbrandao@tripag.com.br,fdsantos@tripag.com.br,ganunes@tripag.com.br,leonardoao@algartech.com,lucasfs@tribanco.com.br,lucianarba@algartech.com,lucianarba@algartecnologia.com.br,oscilang@tripag.com.br,pauloslj@algartech.com,qualidade_cartaotricard@tribanco.com.br,robertaib@algartech.com,samias@tribanco.com.br,tarcisio.morais@4mm.com.br,taysdss@algartech.com</t>
  </si>
  <si>
    <t>12/27/2019 11:15:20</t>
  </si>
  <si>
    <t>12/27/2019 11:20:58</t>
  </si>
  <si>
    <t>andrelpsa@algartech.com;bvcartes-supervisores@algarnet.onmicrosoft.com;joaogvc@algartech.com;josiascdsj@algartech.com;leonardoao@algartech.com;marianacds@algartech.com;marianadjc@algartech.com;paulacn@algartech.com;rafaelggs@algartech.com;taysdss@algartech.com;thiagordu@algartech.com;viniciussg@algartech.com;</t>
  </si>
  <si>
    <t>andrelpsa@algartech.com,bvcartes-supervisores@algarnet.onmicrosoft.com,joaogvc@algartech.com,josiascdsj@algartech.com,leonardoao@algartech.com,marianacds@algartech.com,marianadjc@algartech.com,paulacn@algartech.com,rafaelggs@algartech.com,taysdss@algartech.com,thiagordu@algartech.com,viniciussg@algartech.com</t>
  </si>
  <si>
    <t>12/27/2019 11:15:23</t>
  </si>
  <si>
    <t>12/27/2019 11:16:12</t>
  </si>
  <si>
    <t>12/27/2019 11:16:15</t>
  </si>
  <si>
    <t>12/27/2019 11:16:23</t>
  </si>
  <si>
    <t>mail.google.com/sync/u/0/i/s?hl=pt-BR&amp;c=529</t>
  </si>
  <si>
    <t>12/27/2019 11:16:35</t>
  </si>
  <si>
    <t>mail.google.com/sync/u/0/i/s?hl=pt-BR&amp;c=531</t>
  </si>
  <si>
    <t>12/27/2019 11:16:40</t>
  </si>
  <si>
    <t>12/27/2019 11:17:12</t>
  </si>
  <si>
    <t>12/27/2019 11:17:16</t>
  </si>
  <si>
    <t>12/27/2019 11:17:19</t>
  </si>
  <si>
    <t>mail.google.com/sync/u/0/i/s?hl=pt-BR&amp;c=540</t>
  </si>
  <si>
    <t>12/27/2019 11:17:49</t>
  </si>
  <si>
    <t>12/27/2019 11:18:05</t>
  </si>
  <si>
    <t>12/27/2019 11:18:08</t>
  </si>
  <si>
    <t>12/27/2019 11:18:09</t>
  </si>
  <si>
    <t>12/27/2019 11:18:50</t>
  </si>
  <si>
    <t>12/27/2019 11:19:34</t>
  </si>
  <si>
    <t>lu1886413bvbe.tmp</t>
  </si>
  <si>
    <t>\\acsfs\profiles$\Flaviojmm\My Documents\lu1886413bvbe.tmp</t>
  </si>
  <si>
    <t>\\acsfs\profiles$\Flaviojmm\My Documents\lu1886413bvbe.tmp\</t>
  </si>
  <si>
    <t>\\acsfs\profiles$\Flaviojmm\My Documents\lu1886413bvbe.tmp\META-INF\</t>
  </si>
  <si>
    <t>\\acsfs\profiles$\Flaviojmm\My Documents\lu1886413bvbe.tmp\Thumbnails\</t>
  </si>
  <si>
    <t>12/27/2019 11:16:10</t>
  </si>
  <si>
    <t>12/27/2019 11:16:41</t>
  </si>
  <si>
    <t>12/27/2019 11:17:40</t>
  </si>
  <si>
    <t>12/27/2019 11:16:11</t>
  </si>
  <si>
    <t>db67451a-bf97-40fb-8460-79e076e5b103.tmp</t>
  </si>
  <si>
    <t>\\acsfs\profiles$\ayalabfi\Downloads\db67451a-bf97-40fb-8460-79e076e5b103.tmp</t>
  </si>
  <si>
    <t>12/27/2019 11:20:37</t>
  </si>
  <si>
    <t>12/27/2019 11:21:58</t>
  </si>
  <si>
    <t>12/27/2019 11:19:36</t>
  </si>
  <si>
    <t>Relatorio de Vendas - Auditoria BV Cartoes (Dezembro)_NOVO 2.xlsx</t>
  </si>
  <si>
    <t>\\acsfs\DEPTOS\Operacao\Banco_Votorantim\Qualidade\Anderson\Jose\Atualizado\Relatorio de Vendas - Auditoria BV Cartoes (Dezembro)_NOVO 2.xlsx</t>
  </si>
  <si>
    <t>12/27/2019 11:18:30</t>
  </si>
  <si>
    <t>80064458-a4e5-4385-b215-25ea80c561f8.tmp</t>
  </si>
  <si>
    <t>\\acsfs\profiles$\deboraaa\Downloads\80064458-a4e5-4385-b215-25ea80c561f8.tmp</t>
  </si>
  <si>
    <t>12/27/2019 11:19:45</t>
  </si>
  <si>
    <t>4b3af20f-78d8-4f55-a6d0-10454163ed30.tmp</t>
  </si>
  <si>
    <t>\\acsfs\profiles$\deboraaa\Downloads\4b3af20f-78d8-4f55-a6d0-10454163ed30.tmp</t>
  </si>
  <si>
    <t>12/27/2019 11:20:01</t>
  </si>
  <si>
    <t>aa0497c4-f5fd-4ae4-ba1e-b6dfded57486.tmp</t>
  </si>
  <si>
    <t>\\acsfs\profiles$\deboraaa\Downloads\aa0497c4-f5fd-4ae4-ba1e-b6dfded57486.tmp</t>
  </si>
  <si>
    <t>12/27/2019 11:20:59</t>
  </si>
  <si>
    <t>12/27/2019 11:22:58</t>
  </si>
  <si>
    <t>b53a1a20-e35e-4fe5-89dc-7f0477082c22.tmp</t>
  </si>
  <si>
    <t>\\acsfs\profiles$\quindaizaagds\Downloads\b53a1a20-e35e-4fe5-89dc-7f0477082c22.tmp</t>
  </si>
  <si>
    <t>12/27/2019 11:21:08</t>
  </si>
  <si>
    <t>12/27/2019 11:23:57</t>
  </si>
  <si>
    <t>lu14144uy5vy.tmp</t>
  </si>
  <si>
    <t>\\acsfs\profiles$\LUCASBS\lu14144uy5vy.tmp</t>
  </si>
  <si>
    <t>\\acsfs\profiles$\LUCASBS\lu14144uy5vy.tmp\</t>
  </si>
  <si>
    <t>\\acsfs\profiles$\LUCASBS\lu14144uy5vy.tmp\META-INF\</t>
  </si>
  <si>
    <t>\\acsfs\profiles$\LUCASBS\lu14144uy5vy.tmp\Thumbnails\</t>
  </si>
  <si>
    <t>12/27/2019 11:18:46</t>
  </si>
  <si>
    <t>amanda.poucheira@bv.com.br;andrelps@algartech.com;jose.gomes@bv.com.br;supervisaobancovotorantim@algartech.com;</t>
  </si>
  <si>
    <t>amanda.poucheira@bv.com.br,andrelps@algartech.com,jose.gomes@bv.com.br,supervisaobancovotorantim@algartech.com</t>
  </si>
  <si>
    <t>12/27/2019 11:18:51</t>
  </si>
  <si>
    <t>12/27/2019 11:19:05</t>
  </si>
  <si>
    <t>12/27/2019 11:19:08</t>
  </si>
  <si>
    <t>12/27/2019 11:20:00</t>
  </si>
  <si>
    <t>12/27/2019 11:21:49</t>
  </si>
  <si>
    <t>12/27/2019 11:24:58</t>
  </si>
  <si>
    <t>12/27/2019 11:22:41</t>
  </si>
  <si>
    <t>12/27/2019 11:25:58</t>
  </si>
  <si>
    <t>lu1886413bvbm.tmp</t>
  </si>
  <si>
    <t>\\acsfs\profiles$\Flaviojmm\My Documents\lu1886413bvbm.tmp</t>
  </si>
  <si>
    <t>\\acsfs\profiles$\Flaviojmm\My Documents\lu1886413bvbm.tmp\</t>
  </si>
  <si>
    <t>\\acsfs\profiles$\Flaviojmm\My Documents\lu1886413bvbm.tmp\META-INF\</t>
  </si>
  <si>
    <t>\\acsfs\profiles$\Flaviojmm\My Documents\lu1886413bvbm.tmp\Thumbnails\</t>
  </si>
  <si>
    <t>12/27/2019 11:23:10</t>
  </si>
  <si>
    <t>lu1886413bvbr.tmp</t>
  </si>
  <si>
    <t>\\acsfs\profiles$\Flaviojmm\My Documents\lu1886413bvbr.tmp</t>
  </si>
  <si>
    <t>\\acsfs\profiles$\Flaviojmm\My Documents\lu1886413bvbr.tmp\</t>
  </si>
  <si>
    <t>\\acsfs\profiles$\Flaviojmm\My Documents\lu1886413bvbr.tmp\META-INF\</t>
  </si>
  <si>
    <t>\\acsfs\profiles$\Flaviojmm\My Documents\lu1886413bvbr.tmp\Thumbnails\</t>
  </si>
  <si>
    <t>12/27/2019 11:20:41</t>
  </si>
  <si>
    <t>12/27/2019 11:21:11</t>
  </si>
  <si>
    <t>12/27/2019 11:21:41</t>
  </si>
  <si>
    <t>12/27/2019 11:23:11</t>
  </si>
  <si>
    <t>12/27/2019 11:24:11</t>
  </si>
  <si>
    <t>12/27/2019 11:24:41</t>
  </si>
  <si>
    <t>12/27/2019 11:25:48</t>
  </si>
  <si>
    <t>12/27/2019 11:26:58</t>
  </si>
  <si>
    <t>Isabelle Gomes Teixeira dos Santos_1_6769588823378690768_1_32.wav</t>
  </si>
  <si>
    <t>\\acsfs\Deptos\EDUCACAO EMPRESARIAL\FERNANDA MONIT\Ligação para Mutant terceiro Ciclo\Isabelle Gomes Teixeira dos Santos_1_6769588823378690768_1_32.wav</t>
  </si>
  <si>
    <t>12/27/2019 11:26:17</t>
  </si>
  <si>
    <t>12/27/2019 11:27:58</t>
  </si>
  <si>
    <t>12/27/2019 11:28:23</t>
  </si>
  <si>
    <t>12/27/2019 11:28:58</t>
  </si>
  <si>
    <t>THAYNARA CAMILA SANTOS LOPES_1_6771185417341446982_1_32.wav</t>
  </si>
  <si>
    <t>\\acsfs\Deptos\EDUCACAO EMPRESARIAL\KÉSIA\Ligações 3º ciclo - Késia\THAYNARA CAMILA SANTOS LOPES_1_6771185417341446982_1_32.wav</t>
  </si>
  <si>
    <t>12/27/2019 11:25:05</t>
  </si>
  <si>
    <t>12/27/2019 11:25:06</t>
  </si>
  <si>
    <t>12/27/2019 11:27:28</t>
  </si>
  <si>
    <t>12/27/2019 11:29:58</t>
  </si>
  <si>
    <t>12/27/2019 11:29:15</t>
  </si>
  <si>
    <t>lu768411w7p6.tmp</t>
  </si>
  <si>
    <t>\\acsfs\profiles$\dhiulliananads\My Documents\lu768411w7p6.tmp</t>
  </si>
  <si>
    <t>\\acsfs\profiles$\dhiulliananads\My Documents\lu768411w7p6.tmp\</t>
  </si>
  <si>
    <t>\\acsfs\profiles$\dhiulliananads\My Documents\lu768411w7p6.tmp\META-INF\</t>
  </si>
  <si>
    <t>\\acsfs\profiles$\dhiulliananads\My Documents\lu768411w7p6.tmp\Thumbnails\</t>
  </si>
  <si>
    <t>12/27/2019 11:27:35</t>
  </si>
  <si>
    <t>34-E6-D7-FC-BF-6E</t>
  </si>
  <si>
    <t>VOTORANT-OB014</t>
  </si>
  <si>
    <t>mariajra</t>
  </si>
  <si>
    <t>\\acsfs\profiles$\mariajra\Downloads\</t>
  </si>
  <si>
    <t>847a6fd1-ab46-4df6-b248-1d5e6875f59c.tmp</t>
  </si>
  <si>
    <t>\\acsfs\profiles$\mariajra\Downloads\847a6fd1-ab46-4df6-b248-1d5e6875f59c.tmp</t>
  </si>
  <si>
    <t>12/27/2019 11:28:54</t>
  </si>
  <si>
    <t>67819b52-e4ff-4351-9027-f95759e23c09.tmp</t>
  </si>
  <si>
    <t>\\acsfs\profiles$\mariajra\Downloads\67819b52-e4ff-4351-9027-f95759e23c09.tmp</t>
  </si>
  <si>
    <t>12/27/2019 11:27:50</t>
  </si>
  <si>
    <t>12/27/2019 11:30:59</t>
  </si>
  <si>
    <t>c100814c-05c2-4c9f-9081-15f99c97d0cb.tmp</t>
  </si>
  <si>
    <t>\\acsfs\profiles$\valeriasda\Downloads\c100814c-05c2-4c9f-9081-15f99c97d0cb.tmp</t>
  </si>
  <si>
    <t>12/27/2019 11:28:48</t>
  </si>
  <si>
    <t>d407c374-7b98-409e-8d35-ac6ed0a011cf.tmp</t>
  </si>
  <si>
    <t>\\acsfs\profiles$\valeriasda\Downloads\d407c374-7b98-409e-8d35-ac6ed0a011cf.tmp</t>
  </si>
  <si>
    <t>12/27/2019 11:29:55</t>
  </si>
  <si>
    <t>8d300d90-be1a-4479-a55a-bf43dadc87ed.tmp</t>
  </si>
  <si>
    <t>\\acsfs\profiles$\valeriasda\Downloads\8d300d90-be1a-4479-a55a-bf43dadc87ed.tmp</t>
  </si>
  <si>
    <t>12/27/2019 11:27:32</t>
  </si>
  <si>
    <t>12/27/2019 11:29:10</t>
  </si>
  <si>
    <t>12/27/2019 11:25:57</t>
  </si>
  <si>
    <t>lu1886413bvbw.tmp</t>
  </si>
  <si>
    <t>\\acsfs\profiles$\Flaviojmm\My Documents\lu1886413bvbw.tmp</t>
  </si>
  <si>
    <t>\\acsfs\profiles$\Flaviojmm\My Documents\lu1886413bvbw.tmp\</t>
  </si>
  <si>
    <t>\\acsfs\profiles$\Flaviojmm\My Documents\lu1886413bvbw.tmp\META-INF\</t>
  </si>
  <si>
    <t>\\acsfs\profiles$\Flaviojmm\My Documents\lu1886413bvbw.tmp\Thumbnails\</t>
  </si>
  <si>
    <t>12/27/2019 11:26:11</t>
  </si>
  <si>
    <t>12/27/2019 11:26:41</t>
  </si>
  <si>
    <t>12/27/2019 11:27:11</t>
  </si>
  <si>
    <t>12/27/2019 11:28:11</t>
  </si>
  <si>
    <t>12/27/2019 11:28:42</t>
  </si>
  <si>
    <t>12/27/2019 11:29:42</t>
  </si>
  <si>
    <t>12/27/2019 11:30:12</t>
  </si>
  <si>
    <t>12/27/2019 11:29:47</t>
  </si>
  <si>
    <t>12/27/2019 11:31:58</t>
  </si>
  <si>
    <t>42de2dda-b817-4c74-9cac-ba7e5c0f3577.tmp</t>
  </si>
  <si>
    <t>\\acsfs\profiles$\victoriaksr\Downloads\42de2dda-b817-4c74-9cac-ba7e5c0f3577.tmp</t>
  </si>
  <si>
    <t>12/27/2019 11:27:37</t>
  </si>
  <si>
    <t>12/27/2019 11:32:58</t>
  </si>
  <si>
    <t>12/27/2019 11:28:51</t>
  </si>
  <si>
    <t>d0c7006c-31a4-4a70-8e21-2d410b5d59d0.tmp</t>
  </si>
  <si>
    <t>\\acsfs\profiles$\ANAPDSB\Downloads\d0c7006c-31a4-4a70-8e21-2d410b5d59d0.tmp</t>
  </si>
  <si>
    <t>12/27/2019 11:29:45</t>
  </si>
  <si>
    <t>e14f39d2-b95f-4df9-b7ed-9722a13bda6c.tmp</t>
  </si>
  <si>
    <t>\\acsfs\profiles$\luanaagl\Downloads\e14f39d2-b95f-4df9-b7ed-9722a13bda6c.tmp</t>
  </si>
  <si>
    <t>12/27/2019 11:30:41</t>
  </si>
  <si>
    <t>12/27/2019 11:27:03</t>
  </si>
  <si>
    <t>12/27/2019 11:33:58</t>
  </si>
  <si>
    <t>9dc04d44-da8c-45e6-a95a-d1c1eb54cdab.tmp</t>
  </si>
  <si>
    <t>\\acsfs\profiles$\KARENDSR\Downloads\9dc04d44-da8c-45e6-a95a-d1c1eb54cdab.tmp</t>
  </si>
  <si>
    <t>12/27/2019 11:30:11</t>
  </si>
  <si>
    <t>12/27/2019 11:31:41</t>
  </si>
  <si>
    <t>12/27/2019 11:31:42</t>
  </si>
  <si>
    <t>lu14144uy5w9.tmp</t>
  </si>
  <si>
    <t>\\acsfs\profiles$\LUCASBS\lu14144uy5w9.tmp</t>
  </si>
  <si>
    <t>\\acsfs\profiles$\LUCASBS\lu14144uy5w9.tmp\</t>
  </si>
  <si>
    <t>\\acsfs\profiles$\LUCASBS\lu14144uy5w9.tmp\META-INF\</t>
  </si>
  <si>
    <t>\\acsfs\profiles$\LUCASBS\lu14144uy5w9.tmp\Thumbnails\</t>
  </si>
  <si>
    <t>12/27/2019 11:31:05</t>
  </si>
  <si>
    <t>12/27/2019 11:33:40</t>
  </si>
  <si>
    <t>12/27/2019 11:31:54</t>
  </si>
  <si>
    <t>12/27/2019 11:34:58</t>
  </si>
  <si>
    <t>c0ed5b4e-4bf9-4f97-95ad-399284874c7a.tmp</t>
  </si>
  <si>
    <t>\\acsfs\profiles$\LUCASNS\Downloads\c0ed5b4e-4bf9-4f97-95ad-399284874c7a.tmp</t>
  </si>
  <si>
    <t>12/27/2019 11:32:04</t>
  </si>
  <si>
    <t>Não confirmado 199065.crdownload</t>
  </si>
  <si>
    <t>\\acsfs\profiles$\LUCASNS\Downloads\Não confirmado 199065.crdownload</t>
  </si>
  <si>
    <t>12/27/2019 11:32:18</t>
  </si>
  <si>
    <t>556586f4-80f8-4ab9-9eea-5b6ada963373.tmp</t>
  </si>
  <si>
    <t>\\acsfs\profiles$\LUCASNS\Downloads\556586f4-80f8-4ab9-9eea-5b6ada963373.tmp</t>
  </si>
  <si>
    <t>12/27/2019 11:34:06</t>
  </si>
  <si>
    <t>7eb1dd9e-6787-4287-ac39-b260fa00d6c1.tmp</t>
  </si>
  <si>
    <t>\\acsfs\profiles$\LUCASNS\Downloads\7eb1dd9e-6787-4287-ac39-b260fa00d6c1.tmp</t>
  </si>
  <si>
    <t>12/27/2019 11:30:18</t>
  </si>
  <si>
    <t>.~lock.geovana 3.ods#</t>
  </si>
  <si>
    <t>\\acsfs\profiles$\geovanaasa\My Documents\.~lock.geovana 3.ods#</t>
  </si>
  <si>
    <t>lu8720889qmd9.tmp</t>
  </si>
  <si>
    <t>\\acsfs\profiles$\geovanaasa\My Documents\lu8720889qmd9.tmp</t>
  </si>
  <si>
    <t>\\acsfs\profiles$\geovanaasa\My Documents\lu8720889qmd9.tmp\</t>
  </si>
  <si>
    <t>\\acsfs\profiles$\geovanaasa\My Documents\lu8720889qmd9.tmp\META-INF\</t>
  </si>
  <si>
    <t>\\acsfs\profiles$\geovanaasa\My Documents\lu8720889qmd9.tmp\Thumbnails\</t>
  </si>
  <si>
    <t>12/27/2019 11:32:09</t>
  </si>
  <si>
    <t>12/27/2019 11:32:10</t>
  </si>
  <si>
    <t>lu8720889qmde.tmp</t>
  </si>
  <si>
    <t>\\acsfs\profiles$\geovanaasa\My Documents\lu8720889qmde.tmp</t>
  </si>
  <si>
    <t>\\acsfs\profiles$\geovanaasa\My Documents\lu8720889qmde.tmp\</t>
  </si>
  <si>
    <t>\\acsfs\profiles$\geovanaasa\My Documents\lu8720889qmde.tmp\META-INF\</t>
  </si>
  <si>
    <t>\\acsfs\profiles$\geovanaasa\My Documents\lu8720889qmde.tmp\Thumbnails\</t>
  </si>
  <si>
    <t>12/27/2019 11:31:31</t>
  </si>
  <si>
    <t>de0838ed-3ab2-4023-9ffd-d17771c4087c.tmp</t>
  </si>
  <si>
    <t>\\acsfs\profiles$\mariajra\Downloads\de0838ed-3ab2-4023-9ffd-d17771c4087c.tmp</t>
  </si>
  <si>
    <t>12/27/2019 11:32:42</t>
  </si>
  <si>
    <t>f6f85fbf-5262-438d-b891-c711797dcd1d.tmp</t>
  </si>
  <si>
    <t>\\acsfs\profiles$\mariajra\Downloads\f6f85fbf-5262-438d-b891-c711797dcd1d.tmp</t>
  </si>
  <si>
    <t>12/27/2019 11:33:31</t>
  </si>
  <si>
    <t>b049aef3-54de-44aa-a9f3-82255a119ad5.tmp</t>
  </si>
  <si>
    <t>\\acsfs\profiles$\mariajra\Downloads\b049aef3-54de-44aa-a9f3-82255a119ad5.tmp</t>
  </si>
  <si>
    <t>12/27/2019 11:32:23</t>
  </si>
  <si>
    <t>12/27/2019 11:31:30</t>
  </si>
  <si>
    <t>12/27/2019 11:35:58</t>
  </si>
  <si>
    <t>c:\users\rafaelaas\downloads\</t>
  </si>
  <si>
    <t>protocolo de entrega de atestados (1).xlsx</t>
  </si>
  <si>
    <t>12/27/2019 11:32:12</t>
  </si>
  <si>
    <t>12/27/2019 11:31:33</t>
  </si>
  <si>
    <t>78290caa-307c-4130-bd3a-1000c989bb77.tmp</t>
  </si>
  <si>
    <t>\\acsfs\profiles$\ayalabfi\Downloads\78290caa-307c-4130-bd3a-1000c989bb77.tmp</t>
  </si>
  <si>
    <t>12/27/2019 11:32:38</t>
  </si>
  <si>
    <t>12/27/2019 11:36:58</t>
  </si>
  <si>
    <t>9f3b5449-75e1-485b-aaa0-1ca503bc16b7.tmp</t>
  </si>
  <si>
    <t>\\acsfs\profiles$\matheushds\Downloads\9f3b5449-75e1-485b-aaa0-1ca503bc16b7.tmp</t>
  </si>
  <si>
    <t>12/27/2019 11:31:50</t>
  </si>
  <si>
    <t>12/27/2019 11:35:10</t>
  </si>
  <si>
    <t>12/27/2019 11:33:02</t>
  </si>
  <si>
    <t>12/27/2019 11:37:58</t>
  </si>
  <si>
    <t>3df09eeb-ed5e-4b57-b089-be4d3426ce5b.tmp</t>
  </si>
  <si>
    <t>\\acsfs\profiles$\YASMINSC\Downloads\3df09eeb-ed5e-4b57-b089-be4d3426ce5b.tmp</t>
  </si>
  <si>
    <t>12/27/2019 11:37:26</t>
  </si>
  <si>
    <t>12/27/2019 11:38:59</t>
  </si>
  <si>
    <t>6d0638b0-8369-4bb9-a999-a6d63169d67d.tmp</t>
  </si>
  <si>
    <t>\\acsfs\profiles$\KARENDSR\Downloads\6d0638b0-8369-4bb9-a999-a6d63169d67d.tmp</t>
  </si>
  <si>
    <t>12/27/2019 11:38:09</t>
  </si>
  <si>
    <t>f1b71957-011c-4a4e-bc1d-639db02a86a5.tmp</t>
  </si>
  <si>
    <t>\\acsfs\profiles$\KARENDSR\Downloads\f1b71957-011c-4a4e-bc1d-639db02a86a5.tmp</t>
  </si>
  <si>
    <t>12/27/2019 11:36:11</t>
  </si>
  <si>
    <t>12/27/2019 11:33:54</t>
  </si>
  <si>
    <t>12/27/2019 11:33:57</t>
  </si>
  <si>
    <t>12/27/2019 11:34:08</t>
  </si>
  <si>
    <t>12/27/2019 11:34:28</t>
  </si>
  <si>
    <t>12/27/2019 11:37:06</t>
  </si>
  <si>
    <t>12/27/2019 11:37:20</t>
  </si>
  <si>
    <t>12/27/2019 11:39:58</t>
  </si>
  <si>
    <t>f2b316d1-3a4b-4ba2-8c21-1bf53ce206a8.tmp</t>
  </si>
  <si>
    <t>\\acsfs\profiles$\LUCASNS\Downloads\f2b316d1-3a4b-4ba2-8c21-1bf53ce206a8.tmp</t>
  </si>
  <si>
    <t>12/27/2019 11:35:07</t>
  </si>
  <si>
    <t>343e1e7a-fd0c-46e5-8700-2185d677a9c0.tmp</t>
  </si>
  <si>
    <t>\\acsfs\profiles$\mariajra\Downloads\343e1e7a-fd0c-46e5-8700-2185d677a9c0.tmp</t>
  </si>
  <si>
    <t>12/27/2019 11:39:04</t>
  </si>
  <si>
    <t>12/27/2019 11:40:58</t>
  </si>
  <si>
    <t>12/27/2019 11:39:15</t>
  </si>
  <si>
    <t>12/27/2019 11:39:17</t>
  </si>
  <si>
    <t>12/27/2019 11:35:42</t>
  </si>
  <si>
    <t>12/27/2019 11:40:46</t>
  </si>
  <si>
    <t>12/27/2019 11:41:58</t>
  </si>
  <si>
    <t>14181672-056e-47e8-a188-e885110ec838.tmp</t>
  </si>
  <si>
    <t>\\acsfs\profiles$\gabrielarb\Downloads\14181672-056e-47e8-a188-e885110ec838.tmp</t>
  </si>
  <si>
    <t>12/27/2019 11:42:10</t>
  </si>
  <si>
    <t>12/27/2019 11:43:58</t>
  </si>
  <si>
    <t>12/27/2019 11:39:48</t>
  </si>
  <si>
    <t>12/27/2019 11:40:41</t>
  </si>
  <si>
    <t>12/27/2019 11:43:05</t>
  </si>
  <si>
    <t>12/27/2019 11:43:37</t>
  </si>
  <si>
    <t>12/27/2019 11:44:58</t>
  </si>
  <si>
    <t>12/27/2019 11:42:06</t>
  </si>
  <si>
    <t>12/27/2019 11:42:01</t>
  </si>
  <si>
    <t>12/27/2019 11:46:58</t>
  </si>
  <si>
    <t>"languagecode":"pt-br";"requesttype":"live_request";"scenariotype":"dr;"timezone":"-03:00";anavbg@algartech.com;bianca.boari@dxc.com;bvs-centralcartoes@bv.com.br;cintia.souza-domingues@dxc.com;eduardo.santana@bv.com.br;fernandorsju@algartech.com;kesiadof@algartech.com;marianeps@algartech.com;mirianppb@algartech.com;p";talmaiardo@algartech.com;thiagordu@algartech.com;</t>
  </si>
  <si>
    <t>"languagecode":"pt-br","requesttype":"live_request","scenariotype":"dr,"timezone":"-03:00",anavbg@algartech.com,bianca.boari@dxc.com,bvs-centralcartoes@bv.com.br,cintia.souza-domingues@dxc.com,eduardo.santana@bv.com.br,fernandorsju@algartech.com,kesiadof@algartech.com,marianeps@algartech.com,mirianppb@algartech.com,p",talmaiardo@algartech.com,thiagordu@algartech.com</t>
  </si>
  <si>
    <t>mail.google.com/sync/u/0/i/s?hl=pt-BR&amp;c=647</t>
  </si>
  <si>
    <t>anavbg@algartech.com;bianca.boari@dxc.com;bvs-centralcartoes@bv.com.br;cintia.souza-domingues@dxc.com;eduardo.santana@bv.com.br;fernandorsju@algartech.com;kesiadof@algartech.com;marianeps@algartech.com;talmaiardo@algartech.com;thiagordu@algartech.com;</t>
  </si>
  <si>
    <t>anavbg@algartech.com,bianca.boari@dxc.com,bvs-centralcartoes@bv.com.br,cintia.souza-domingues@dxc.com,eduardo.santana@bv.com.br,fernandorsju@algartech.com,kesiadof@algartech.com,marianeps@algartech.com,talmaiardo@algartech.com,thiagordu@algartech.com</t>
  </si>
  <si>
    <t>12/27/2019 11:44:57</t>
  </si>
  <si>
    <t>12/27/2019 11:47:58</t>
  </si>
  <si>
    <t>12/27/2019 11:45:11</t>
  </si>
  <si>
    <t>12/27/2019 11:48:58</t>
  </si>
  <si>
    <t>THAIS MACHADO BEZERRA_1_6769491559549308085_1_32.wav</t>
  </si>
  <si>
    <t>\\acsfs\Deptos\EDUCACAO EMPRESARIAL\KÉSIA\Ligações 3º ciclo - Késia\THAIS MACHADO BEZERRA_1_6769491559549308085_1_32.wav</t>
  </si>
  <si>
    <t>12/27/2019 11:48:11</t>
  </si>
  <si>
    <t>12/27/2019 11:46:09</t>
  </si>
  <si>
    <t>12/27/2019 11:48:04</t>
  </si>
  <si>
    <t>12/27/2019 11:48:48</t>
  </si>
  <si>
    <t>c5e9b9a8-5779-432e-b7b4-55e6805f05c7.tmp</t>
  </si>
  <si>
    <t>\\acsfs\profiles$\adelvinsonle\Downloads\c5e9b9a8-5779-432e-b7b4-55e6805f05c7.tmp</t>
  </si>
  <si>
    <t>12/27/2019 11:49:04</t>
  </si>
  <si>
    <t>12/27/2019 11:49:58</t>
  </si>
  <si>
    <t>12/27/2019 11:49:42</t>
  </si>
  <si>
    <t>12/27/2019 11:50:57</t>
  </si>
  <si>
    <t>\\acsfs\profiles$\FLAVIOJMM\My Documents\.~lock.Reneg Vcto 28.ods#</t>
  </si>
  <si>
    <t>12/27/2019 11:48:30</t>
  </si>
  <si>
    <t>12/27/2019 11:51:58</t>
  </si>
  <si>
    <t>ea90cd5a-8275-43c7-9c0d-4385d02bafb5.tmp</t>
  </si>
  <si>
    <t>\\acsfs\profiles$\wenderbnm\Downloads\ea90cd5a-8275-43c7-9c0d-4385d02bafb5.tmp</t>
  </si>
  <si>
    <t>12/27/2019 11:48:50</t>
  </si>
  <si>
    <t>12/27/2019 11:52:57</t>
  </si>
  <si>
    <t>12/27/2019 11:49:09</t>
  </si>
  <si>
    <t>0c8826bc-fa61-445f-9524-24521b2ebc8b.tmp</t>
  </si>
  <si>
    <t>\\acsfs\profiles$\quindaizaagds\Downloads\0c8826bc-fa61-445f-9524-24521b2ebc8b.tmp</t>
  </si>
  <si>
    <t>12/27/2019 11:49:10</t>
  </si>
  <si>
    <t>657f14ad-2fc4-4ecb-8382-dfb4a73e7424.tmp</t>
  </si>
  <si>
    <t>\\acsfs\profiles$\quindaizaagds\Downloads\657f14ad-2fc4-4ecb-8382-dfb4a73e7424.tmp</t>
  </si>
  <si>
    <t>12/27/2019 11:49:27</t>
  </si>
  <si>
    <t>2d69775b-c592-431d-a2f9-84f771372ee2.tmp</t>
  </si>
  <si>
    <t>\\acsfs\profiles$\quindaizaagds\Downloads\2d69775b-c592-431d-a2f9-84f771372ee2.tmp</t>
  </si>
  <si>
    <t>12/27/2019 11:52:25</t>
  </si>
  <si>
    <t>12/27/2019 11:53:58</t>
  </si>
  <si>
    <t>lu87561g57m8.tmp</t>
  </si>
  <si>
    <t>\\acsfs\profiles$\BRUNAAR\Numero\lu87561g57m8.tmp</t>
  </si>
  <si>
    <t>12/27/2019 11:49:05</t>
  </si>
  <si>
    <t>12/27/2019 11:49:08</t>
  </si>
  <si>
    <t>12/27/2019 11:54:58</t>
  </si>
  <si>
    <t>12/27/2019 11:53:23</t>
  </si>
  <si>
    <t>10.200.60.2</t>
  </si>
  <si>
    <t>\\acsfs\DEPTOS\Operacao\PCP\3 - Corporativo\RFP´s (Request for Proposal)\2019\RFP 184277 Sicoob SAC\Estudos\</t>
  </si>
  <si>
    <t>Resumo Dimensionamentos_SAC_Sicoob 27122019.xlsx</t>
  </si>
  <si>
    <t>12/27/2019 11:49:55</t>
  </si>
  <si>
    <t>lu768411w7ph.tmp</t>
  </si>
  <si>
    <t>\\acsfs\profiles$\dhiulliananads\My Documents\lu768411w7ph.tmp</t>
  </si>
  <si>
    <t>\\acsfs\profiles$\dhiulliananads\My Documents\lu768411w7ph.tmp\</t>
  </si>
  <si>
    <t>\\acsfs\profiles$\dhiulliananads\My Documents\lu768411w7ph.tmp\META-INF\</t>
  </si>
  <si>
    <t>\\acsfs\profiles$\dhiulliananads\My Documents\lu768411w7ph.tmp\Thumbnails\</t>
  </si>
  <si>
    <t>12/27/2019 11:50:13</t>
  </si>
  <si>
    <t>12/27/2019 11:53:43</t>
  </si>
  <si>
    <t>12/27/2019 11:53:44</t>
  </si>
  <si>
    <t>lu8720889qmdj.tmp</t>
  </si>
  <si>
    <t>\\acsfs\profiles$\geovanaasa\My Documents\lu8720889qmdj.tmp</t>
  </si>
  <si>
    <t>\\acsfs\profiles$\geovanaasa\My Documents\lu8720889qmdj.tmp\</t>
  </si>
  <si>
    <t>\\acsfs\profiles$\geovanaasa\My Documents\lu8720889qmdj.tmp\META-INF\</t>
  </si>
  <si>
    <t>\\acsfs\profiles$\geovanaasa\My Documents\lu8720889qmdj.tmp\Thumbnails\</t>
  </si>
  <si>
    <t>12/27/2019 11:55:57</t>
  </si>
  <si>
    <t>12/27/2019 11:52:24</t>
  </si>
  <si>
    <t>12/27/2019 11:56:58</t>
  </si>
  <si>
    <t>12/27/2019 11:55:20</t>
  </si>
  <si>
    <t>12/27/2019 11:53:17</t>
  </si>
  <si>
    <t>12/27/2019 11:57:57</t>
  </si>
  <si>
    <t>3832c4ae-f10d-4a38-ba94-b13434ab276c.tmp</t>
  </si>
  <si>
    <t>\\acsfs\profiles$\luanaagl\Downloads\3832c4ae-f10d-4a38-ba94-b13434ab276c.tmp</t>
  </si>
  <si>
    <t>12/27/2019 11:54:41</t>
  </si>
  <si>
    <t>66d11429-7a3d-4472-9240-5f2393e932d2.tmp</t>
  </si>
  <si>
    <t>\\acsfs\profiles$\luanaagl\Downloads\66d11429-7a3d-4472-9240-5f2393e932d2.tmp</t>
  </si>
  <si>
    <t>12/27/2019 11:56:06</t>
  </si>
  <si>
    <t>8311d640-14b6-4f0a-b90e-50db3d8cb26f.tmp</t>
  </si>
  <si>
    <t>\\acsfs\profiles$\luanarda\Downloads\8311d640-14b6-4f0a-b90e-50db3d8cb26f.tmp</t>
  </si>
  <si>
    <t>12/27/2019 11:54:11</t>
  </si>
  <si>
    <t>12/27/2019 11:58:58</t>
  </si>
  <si>
    <t>12/27/2019 11:58:35</t>
  </si>
  <si>
    <t>12/27/2019 11:56:23</t>
  </si>
  <si>
    <t>12/27/2019 11:56:31</t>
  </si>
  <si>
    <t>.~lock.RENEG BV - 27.12 - Venc 01.01.2019.ods#</t>
  </si>
  <si>
    <t>\\acsfs\profiles$\LUCASBS\.~lock.RENEG BV - 27.12 - Venc 01.01.2019.ods#</t>
  </si>
  <si>
    <t>lu14144uy5wt.tmp</t>
  </si>
  <si>
    <t>\\acsfs\profiles$\LUCASBS\lu14144uy5wt.tmp</t>
  </si>
  <si>
    <t>\\acsfs\profiles$\LUCASBS\lu14144uy5wt.tmp\</t>
  </si>
  <si>
    <t>\\acsfs\profiles$\LUCASBS\lu14144uy5wt.tmp\META-INF\</t>
  </si>
  <si>
    <t>\\acsfs\profiles$\LUCASBS\lu14144uy5wt.tmp\Thumbnails\</t>
  </si>
  <si>
    <t>12/27/2019 11:55:05</t>
  </si>
  <si>
    <t>12/27/2019 11:56:15</t>
  </si>
  <si>
    <t>12/27/2019 12:00:58</t>
  </si>
  <si>
    <t>.~lock.Reneg Vcto 01.ods#</t>
  </si>
  <si>
    <t>\\acsfs\profiles$\Flaviojmm\My Documents\.~lock.Reneg Vcto 01.ods#</t>
  </si>
  <si>
    <t>12/27/2019 11:56:16</t>
  </si>
  <si>
    <t>lu1886413bvcb.tmp</t>
  </si>
  <si>
    <t>\\acsfs\profiles$\Flaviojmm\My Documents\lu1886413bvcb.tmp</t>
  </si>
  <si>
    <t>\\acsfs\profiles$\Flaviojmm\My Documents\lu1886413bvcb.tmp\</t>
  </si>
  <si>
    <t>\\acsfs\profiles$\Flaviojmm\My Documents\lu1886413bvcb.tmp\META-INF\</t>
  </si>
  <si>
    <t>\\acsfs\profiles$\Flaviojmm\My Documents\lu1886413bvcb.tmp\Thumbnails\</t>
  </si>
  <si>
    <t>12/27/2019 11:56:17</t>
  </si>
  <si>
    <t>12/27/2019 11:56:18</t>
  </si>
  <si>
    <t>lu1886413bvcg.tmp</t>
  </si>
  <si>
    <t>\\acsfs\profiles$\Flaviojmm\My Documents\lu1886413bvcg.tmp</t>
  </si>
  <si>
    <t>\\acsfs\profiles$\Flaviojmm\My Documents\lu1886413bvcg.tmp\</t>
  </si>
  <si>
    <t>\\acsfs\profiles$\Flaviojmm\My Documents\lu1886413bvcg.tmp\META-INF\</t>
  </si>
  <si>
    <t>\\acsfs\profiles$\Flaviojmm\My Documents\lu1886413bvcg.tmp\Thumbnails\</t>
  </si>
  <si>
    <t>12/27/2019 12:00:25</t>
  </si>
  <si>
    <t>12/27/2019 12:01:58</t>
  </si>
  <si>
    <t>ENC: Volume Gerenciadas Amex e Visa - 27/12</t>
  </si>
  <si>
    <t>12/27/2019 11:58:22</t>
  </si>
  <si>
    <t>ca2eb6e7-cb01-409a-acf2-8db4c72da709.tmp</t>
  </si>
  <si>
    <t>\\acsfs\profiles$\claudiajca\Downloads\ca2eb6e7-cb01-409a-acf2-8db4c72da709.tmp</t>
  </si>
  <si>
    <t>12/27/2019 11:59:03</t>
  </si>
  <si>
    <t>f310991c-4b7f-479d-8b52-0f4dfc529288.tmp</t>
  </si>
  <si>
    <t>\\acsfs\profiles$\leticiala\Downloads\f310991c-4b7f-479d-8b52-0f4dfc529288.tmp</t>
  </si>
  <si>
    <t>12/27/2019 12:01:56</t>
  </si>
  <si>
    <t>12/27/2019 12:03:58</t>
  </si>
  <si>
    <t>JESSICA DE ALMEIDA GOMES_1_6771016461917960382_1_32.wav</t>
  </si>
  <si>
    <t>\\acsfs\Deptos\EDUCACAO EMPRESARIAL\KÉSIA\Ligações 3º ciclo - Késia\JESSICA DE ALMEIDA GOMES_1_6771016461917960382_1_32.wav</t>
  </si>
  <si>
    <t>12/27/2019 12:00:12</t>
  </si>
  <si>
    <t>12/27/2019 12:01:05</t>
  </si>
  <si>
    <t>12/27/2019 12:04:58</t>
  </si>
  <si>
    <t>12/27/2019 12:04:42</t>
  </si>
  <si>
    <t>12/27/2019 12:06:09</t>
  </si>
  <si>
    <t>12/27/2019 12:06:58</t>
  </si>
  <si>
    <t>0e1c3dd3-3052-459d-9c71-e4ddc6e46b49.tmp</t>
  </si>
  <si>
    <t>\\acsfs\profiles$\gabrielarb\Downloads\0e1c3dd3-3052-459d-9c71-e4ddc6e46b49.tmp</t>
  </si>
  <si>
    <t>12/27/2019 12:03:15</t>
  </si>
  <si>
    <t>12/27/2019 12:07:58</t>
  </si>
  <si>
    <t>12/27/2019 12:07:02</t>
  </si>
  <si>
    <t>8cdb1cdb-4ee7-40b0-bd6b-380824acf4b9.tmp</t>
  </si>
  <si>
    <t>\\acsfs\profiles$\luanaagl\Downloads\8cdb1cdb-4ee7-40b0-bd6b-380824acf4b9.tmp</t>
  </si>
  <si>
    <t>12/27/2019 12:06:59</t>
  </si>
  <si>
    <t>e1bb9e8b-b1e4-4ad1-b400-66f6ada1eb69.tmp</t>
  </si>
  <si>
    <t>\\acsfs\profiles$\nataliacsl\Downloads\e1bb9e8b-b1e4-4ad1-b400-66f6ada1eb69.tmp</t>
  </si>
  <si>
    <t>12/27/2019 12:05:03</t>
  </si>
  <si>
    <t>12/27/2019 12:08:58</t>
  </si>
  <si>
    <t>lu87561g57mc.tmp</t>
  </si>
  <si>
    <t>\\acsfs\profiles$\BRUNAAR\Numero\lu87561g57mc.tmp</t>
  </si>
  <si>
    <t>12/27/2019 12:04:16</t>
  </si>
  <si>
    <t>12/27/2019 12:04:40</t>
  </si>
  <si>
    <t>12/27/2019 12:06:11</t>
  </si>
  <si>
    <t>12/27/2019 12:06:49</t>
  </si>
  <si>
    <t>12/27/2019 12:06:50</t>
  </si>
  <si>
    <t>lu14144uy5wy.tmp</t>
  </si>
  <si>
    <t>\\acsfs\profiles$\LUCASBS\lu14144uy5wy.tmp</t>
  </si>
  <si>
    <t>\\acsfs\profiles$\LUCASBS\lu14144uy5wy.tmp\</t>
  </si>
  <si>
    <t>\\acsfs\profiles$\LUCASBS\lu14144uy5wy.tmp\META-INF\</t>
  </si>
  <si>
    <t>\\acsfs\profiles$\LUCASBS\lu14144uy5wy.tmp\Thumbnails\</t>
  </si>
  <si>
    <t>12/27/2019 12:07:05</t>
  </si>
  <si>
    <t>12/27/2019 12:06:12</t>
  </si>
  <si>
    <t>12/27/2019 12:09:58</t>
  </si>
  <si>
    <t>12/27/2019 12:10:58</t>
  </si>
  <si>
    <t>12/27/2019 12:08:14</t>
  </si>
  <si>
    <t>12/27/2019 12:09:51</t>
  </si>
  <si>
    <t>12/27/2019 12:11:58</t>
  </si>
  <si>
    <t>12/27/2019 12:10:09</t>
  </si>
  <si>
    <t>293bc490-6a9e-400b-bb78-c2acd3da4e56.tmp</t>
  </si>
  <si>
    <t>\\acsfs\profiles$\rafaelamsv\Downloads\293bc490-6a9e-400b-bb78-c2acd3da4e56.tmp</t>
  </si>
  <si>
    <t>12/27/2019 12:08:24</t>
  </si>
  <si>
    <t>12/27/2019 12:10:35</t>
  </si>
  <si>
    <t>12/27/2019 12:12:58</t>
  </si>
  <si>
    <t>12/27/2019 12:11:09</t>
  </si>
  <si>
    <t>12/27/2019 12:13:58</t>
  </si>
  <si>
    <t>12/27/2019 12:12:11</t>
  </si>
  <si>
    <t>12/27/2019 12:10:40</t>
  </si>
  <si>
    <t>12/27/2019 12:10:41</t>
  </si>
  <si>
    <t>lu14144uy5x4.tmp</t>
  </si>
  <si>
    <t>\\acsfs\profiles$\LUCASBS\lu14144uy5x4.tmp</t>
  </si>
  <si>
    <t>\\acsfs\profiles$\LUCASBS\lu14144uy5x4.tmp\</t>
  </si>
  <si>
    <t>\\acsfs\profiles$\LUCASBS\lu14144uy5x4.tmp\META-INF\</t>
  </si>
  <si>
    <t>\\acsfs\profiles$\LUCASBS\lu14144uy5x4.tmp\Thumbnails\</t>
  </si>
  <si>
    <t>12/27/2019 12:10:57</t>
  </si>
  <si>
    <t>12/27/2019 12:13:06</t>
  </si>
  <si>
    <t>12/27/2019 12:14:44</t>
  </si>
  <si>
    <t>12/27/2019 12:15:58</t>
  </si>
  <si>
    <t>12/27/2019 12:15:01</t>
  </si>
  <si>
    <t>12/27/2019 12:13:42</t>
  </si>
  <si>
    <t>12/27/2019 12:16:58</t>
  </si>
  <si>
    <t>8e967dd3-e76c-4821-a42d-f8a241098be9.tmp</t>
  </si>
  <si>
    <t>\\acsfs\profiles$\victoriaksr\Downloads\8e967dd3-e76c-4821-a42d-f8a241098be9.tmp</t>
  </si>
  <si>
    <t>12/27/2019 12:13:26</t>
  </si>
  <si>
    <t>12/27/2019 12:18:58</t>
  </si>
  <si>
    <t>12/27/2019 12:13:27</t>
  </si>
  <si>
    <t>lu87561g57mf.tmp</t>
  </si>
  <si>
    <t>\\acsfs\profiles$\BRUNAAR\Numero\lu87561g57mf.tmp</t>
  </si>
  <si>
    <t>12/27/2019 12:18:11</t>
  </si>
  <si>
    <t>12/27/2019 12:14:23</t>
  </si>
  <si>
    <t>12/27/2019 12:19:57</t>
  </si>
  <si>
    <t>12/27/2019 12:16:13</t>
  </si>
  <si>
    <t>12/27/2019 12:20:58</t>
  </si>
  <si>
    <t>12/27/2019 12:19:06</t>
  </si>
  <si>
    <t>12/27/2019 12:23:57</t>
  </si>
  <si>
    <t>12/27/2019 12:20:24</t>
  </si>
  <si>
    <t>12/27/2019 12:24:58</t>
  </si>
  <si>
    <t>12/27/2019 12:20:00</t>
  </si>
  <si>
    <t>12/27/2019 12:25:43</t>
  </si>
  <si>
    <t>12/27/2019 12:27:57</t>
  </si>
  <si>
    <t>e3095229-0570-4a5d-97d5-43aa8c77302e.tmp</t>
  </si>
  <si>
    <t>\\acsfs\profiles$\YASMINSC\Downloads\e3095229-0570-4a5d-97d5-43aa8c77302e.tmp</t>
  </si>
  <si>
    <t>12/27/2019 12:25:04</t>
  </si>
  <si>
    <t>12/27/2019 12:25:49</t>
  </si>
  <si>
    <t>12/27/2019 12:28:58</t>
  </si>
  <si>
    <t>12/27/2019 12:24:11</t>
  </si>
  <si>
    <t>12/27/2019 12:25:06</t>
  </si>
  <si>
    <t>12/27/2019 12:29:00</t>
  </si>
  <si>
    <t>12/27/2019 12:29:57</t>
  </si>
  <si>
    <t>12/27/2019 12:29:02</t>
  </si>
  <si>
    <t>12/27/2019 12:30:58</t>
  </si>
  <si>
    <t>12/27/2019 12:27:43</t>
  </si>
  <si>
    <t>12/27/2019 12:28:03</t>
  </si>
  <si>
    <t>12/27/2019 12:27:15</t>
  </si>
  <si>
    <t>12/27/2019 12:31:57</t>
  </si>
  <si>
    <t>10.200.67.181</t>
  </si>
  <si>
    <t>D0-94-66-B5-5D-E9</t>
  </si>
  <si>
    <t>VOTORANT-YB013</t>
  </si>
  <si>
    <t>12/27/2019 12:29:11</t>
  </si>
  <si>
    <t>luispls</t>
  </si>
  <si>
    <t>\\acsfs\profiles$\LUISPLS\Downloads\</t>
  </si>
  <si>
    <t>fe53c11c-72d4-4268-9d98-6fa1146e598c.tmp</t>
  </si>
  <si>
    <t>\\acsfs\profiles$\LUISPLS\Downloads\fe53c11c-72d4-4268-9d98-6fa1146e598c.tmp</t>
  </si>
  <si>
    <t>12/27/2019 12:29:58</t>
  </si>
  <si>
    <t>e1fc6c43-5b7e-47db-a408-546b18ed305a.tmp</t>
  </si>
  <si>
    <t>\\acsfs\profiles$\LUISPLS\Downloads\e1fc6c43-5b7e-47db-a408-546b18ed305a.tmp</t>
  </si>
  <si>
    <t>12/27/2019 12:31:13</t>
  </si>
  <si>
    <t>089030e3-95c0-4ded-a722-b6231fa86994.tmp</t>
  </si>
  <si>
    <t>\\acsfs\profiles$\LUISPLS\Downloads\089030e3-95c0-4ded-a722-b6231fa86994.tmp</t>
  </si>
  <si>
    <t>12/27/2019 12:29:17</t>
  </si>
  <si>
    <t>12/27/2019 12:32:58</t>
  </si>
  <si>
    <t>12/27/2019 12:31:36</t>
  </si>
  <si>
    <t>12/27/2019 12:33:58</t>
  </si>
  <si>
    <t>12/27/2019 12:30:11</t>
  </si>
  <si>
    <t>12/27/2019 12:31:06</t>
  </si>
  <si>
    <t>12/27/2019 12:32:08</t>
  </si>
  <si>
    <t>12/27/2019 12:35:58</t>
  </si>
  <si>
    <t>12/27/2019 12:32:14</t>
  </si>
  <si>
    <t>12/27/2019 12:32:35</t>
  </si>
  <si>
    <t>12/27/2019 12:33:23</t>
  </si>
  <si>
    <t>12/27/2019 12:34:26</t>
  </si>
  <si>
    <t>12/27/2019 12:36:57</t>
  </si>
  <si>
    <t>eacc6a71-b158-47f1-bb05-ba06aea4913c.tmp</t>
  </si>
  <si>
    <t>\\acsfs\profiles$\deboraaa\Downloads\eacc6a71-b158-47f1-bb05-ba06aea4913c.tmp</t>
  </si>
  <si>
    <t>12/27/2019 12:34:42</t>
  </si>
  <si>
    <t>aa27b9f8-09a5-4a3f-8406-4236118623c3.tmp</t>
  </si>
  <si>
    <t>\\acsfs\profiles$\deboraaa\Downloads\aa27b9f8-09a5-4a3f-8406-4236118623c3.tmp</t>
  </si>
  <si>
    <t>12/27/2019 12:35:49</t>
  </si>
  <si>
    <t>.~lock.Contato Reneg 27-12.1.ods#</t>
  </si>
  <si>
    <t>\\acsfs\profiles$\CLAUDIAJCA\.~lock.Contato Reneg 27-12.1.ods#</t>
  </si>
  <si>
    <t>12/27/2019 12:35:50</t>
  </si>
  <si>
    <t>lu399765dgqq7.tmp</t>
  </si>
  <si>
    <t>\\acsfs\profiles$\CLAUDIAJCA\lu399765dgqq7.tmp</t>
  </si>
  <si>
    <t>\\acsfs\profiles$\CLAUDIAJCA\lu399765dgqq7.tmp\</t>
  </si>
  <si>
    <t>\\acsfs\profiles$\CLAUDIAJCA\lu399765dgqq7.tmp\META-INF\</t>
  </si>
  <si>
    <t>\\acsfs\profiles$\CLAUDIAJCA\lu399765dgqq7.tmp\Thumbnails\</t>
  </si>
  <si>
    <t>12/27/2019 12:33:21</t>
  </si>
  <si>
    <t>12/27/2019 12:33:33</t>
  </si>
  <si>
    <t>60ee8d29-a69d-43b5-a963-59093d064446.tmp</t>
  </si>
  <si>
    <t>\\acsfs\profiles$\LUISPLS\Downloads\60ee8d29-a69d-43b5-a963-59093d064446.tmp</t>
  </si>
  <si>
    <t>12/27/2019 12:33:40</t>
  </si>
  <si>
    <t>.~lock.Retratações BV cartões Vendas dezembro (5).xlsx#</t>
  </si>
  <si>
    <t>\\acsfs\profiles$\LUISPLS\Downloads\.~lock.Retratações BV cartões Vendas dezembro (5).xlsx#</t>
  </si>
  <si>
    <t>12/27/2019 12:35:10</t>
  </si>
  <si>
    <t>12/27/2019 12:38:58</t>
  </si>
  <si>
    <t>12/27/2019 12:35:11</t>
  </si>
  <si>
    <t>lu1496010ivrd.tmp</t>
  </si>
  <si>
    <t>\\acsfs\profiles$\LUCASBS\lu1496010ivrd.tmp</t>
  </si>
  <si>
    <t>\\acsfs\profiles$\LUCASBS\lu1496010ivrd.tmp\</t>
  </si>
  <si>
    <t>\\acsfs\profiles$\LUCASBS\lu1496010ivrd.tmp\META-INF\</t>
  </si>
  <si>
    <t>\\acsfs\profiles$\LUCASBS\lu1496010ivrd.tmp\Thumbnails\</t>
  </si>
  <si>
    <t>12/27/2019 12:36:11</t>
  </si>
  <si>
    <t>12/27/2019 12:37:07</t>
  </si>
  <si>
    <t>12/27/2019 12:35:25</t>
  </si>
  <si>
    <t>12/27/2019 12:39:58</t>
  </si>
  <si>
    <t>10.200.66.193</t>
  </si>
  <si>
    <t>D0-94-66-B5-4A-FC</t>
  </si>
  <si>
    <t>VOTORANT-YB016</t>
  </si>
  <si>
    <t>12/27/2019 12:38:34</t>
  </si>
  <si>
    <t>laislg</t>
  </si>
  <si>
    <t>\\acsfs\profiles$\LAISLG\Downloads\</t>
  </si>
  <si>
    <t>9a1c158d-87bd-404c-9846-06ae8b4a9c37.tmp</t>
  </si>
  <si>
    <t>\\acsfs\profiles$\LAISLG\Downloads\9a1c158d-87bd-404c-9846-06ae8b4a9c37.tmp</t>
  </si>
  <si>
    <t>12/27/2019 12:37:32</t>
  </si>
  <si>
    <t>12/27/2019 12:37:25</t>
  </si>
  <si>
    <t>5a6dcc63-964f-429a-8a8d-579599c9a9b8.tmp</t>
  </si>
  <si>
    <t>\\acsfs\profiles$\mariliafplb\Downloads\5a6dcc63-964f-429a-8a8d-579599c9a9b8.tmp</t>
  </si>
  <si>
    <t>12/27/2019 12:37:13</t>
  </si>
  <si>
    <t>12/27/2019 12:40:58</t>
  </si>
  <si>
    <t>12/27/2019 12:38:20</t>
  </si>
  <si>
    <t>12/27/2019 12:41:58</t>
  </si>
  <si>
    <t>12/27/2019 12:38:21</t>
  </si>
  <si>
    <t>12/27/2019 12:40:29</t>
  </si>
  <si>
    <t>\\acsfs\profiles$\LUISPLS\My Documents\Nova pasta\</t>
  </si>
  <si>
    <t>.~lock.Casos de reclamação.ods#</t>
  </si>
  <si>
    <t>\\acsfs\profiles$\LUISPLS\My Documents\Nova pasta\.~lock.Casos de reclamação.ods#</t>
  </si>
  <si>
    <t>12/27/2019 12:40:06</t>
  </si>
  <si>
    <t>12/27/2019 12:40:08</t>
  </si>
  <si>
    <t>lu9652ifo3u.tmp</t>
  </si>
  <si>
    <t>\\acsfs\profiles$\victoriaksr\My Documents\lu9652ifo3u.tmp</t>
  </si>
  <si>
    <t>12/27/2019 12:38:40</t>
  </si>
  <si>
    <t>12/27/2019 12:43:58</t>
  </si>
  <si>
    <t>15f5c395-9309-4d89-a875-eb3dcecd14f0.tmp</t>
  </si>
  <si>
    <t>\\acsfs\profiles$\antoniosva\Downloads\15f5c395-9309-4d89-a875-eb3dcecd14f0.tmp</t>
  </si>
  <si>
    <t>12/27/2019 12:38:51</t>
  </si>
  <si>
    <t>12/27/2019 12:40:15</t>
  </si>
  <si>
    <t>12/27/2019 12:42:14</t>
  </si>
  <si>
    <t>12/27/2019 12:43:06</t>
  </si>
  <si>
    <t>12/27/2019 12:39:08</t>
  </si>
  <si>
    <t>12/27/2019 12:44:57</t>
  </si>
  <si>
    <t>3f8988da-86ea-4f22-b832-339ef2807977.tmp</t>
  </si>
  <si>
    <t>\\acsfs\profiles$\LAISLG\Downloads\3f8988da-86ea-4f22-b832-339ef2807977.tmp</t>
  </si>
  <si>
    <t>12/27/2019 12:39:43</t>
  </si>
  <si>
    <t>$IEMH58Q.txt</t>
  </si>
  <si>
    <t>\\acsfs\profiles$\brendavdoa\My Documents\$RECYCLE.BIN\$IEMH58Q.txt</t>
  </si>
  <si>
    <t>12/27/2019 12:39:54</t>
  </si>
  <si>
    <t>$INE1THU.txt</t>
  </si>
  <si>
    <t>\\acsfs\profiles$\brendavdoa\My Documents\$RECYCLE.BIN\$INE1THU.txt</t>
  </si>
  <si>
    <t>12/27/2019 12:42:58</t>
  </si>
  <si>
    <t>12/27/2019 12:46:58</t>
  </si>
  <si>
    <t>7757f78e-9a0c-4ed5-828a-79f7dd5735b7.tmp</t>
  </si>
  <si>
    <t>\\acsfs\profiles$\laianear\Downloads\7757f78e-9a0c-4ed5-828a-79f7dd5735b7.tmp</t>
  </si>
  <si>
    <t>12/27/2019 12:43:10</t>
  </si>
  <si>
    <t>14979fdb-23a8-4940-b161-23abb89d87b1.tmp</t>
  </si>
  <si>
    <t>\\acsfs\profiles$\laianear\Downloads\14979fdb-23a8-4940-b161-23abb89d87b1.tmp</t>
  </si>
  <si>
    <t>12/27/2019 12:43:54</t>
  </si>
  <si>
    <t>12/27/2019 12:43:55</t>
  </si>
  <si>
    <t>lu8272a388.tmp</t>
  </si>
  <si>
    <t>\\acsfs\profiles$\LUISPLS\Downloads\lu8272a388.tmp</t>
  </si>
  <si>
    <t>12/27/2019 12:44:10</t>
  </si>
  <si>
    <t>lu8272a38k.tmp</t>
  </si>
  <si>
    <t>\\acsfs\profiles$\LUISPLS\Downloads\lu8272a38k.tmp</t>
  </si>
  <si>
    <t>12/27/2019 12:46:22</t>
  </si>
  <si>
    <t>72fd1dfd-6c66-4d04-9ec4-a289aabc4d1a.tmp</t>
  </si>
  <si>
    <t>\\acsfs\profiles$\LUISPLS\Downloads\72fd1dfd-6c66-4d04-9ec4-a289aabc4d1a.tmp</t>
  </si>
  <si>
    <t>12/27/2019 12:46:26</t>
  </si>
  <si>
    <t>.~lock.Retratações BV cartões Vendas dezembro (6).xlsx#</t>
  </si>
  <si>
    <t>\\acsfs\profiles$\LUISPLS\Downloads\.~lock.Retratações BV cartões Vendas dezembro (6).xlsx#</t>
  </si>
  <si>
    <t>12/27/2019 12:45:47</t>
  </si>
  <si>
    <t>12/27/2019 12:48:58</t>
  </si>
  <si>
    <t>b33b624f-bea2-471a-b816-e86753d2d6cd.tmp</t>
  </si>
  <si>
    <t>\\acsfs\profiles$\mariagsg\Downloads\b33b624f-bea2-471a-b816-e86753d2d6cd.tmp</t>
  </si>
  <si>
    <t>12/27/2019 12:45:51</t>
  </si>
  <si>
    <t>921c988d-75be-4b1e-9a9b-dcc882553352.tmp</t>
  </si>
  <si>
    <t>\\acsfs\profiles$\mariagsg\Downloads\921c988d-75be-4b1e-9a9b-dcc882553352.tmp</t>
  </si>
  <si>
    <t>12/27/2019 12:45:21</t>
  </si>
  <si>
    <t>10.200.66.154</t>
  </si>
  <si>
    <t>34-E6-D7-FC-BF-9E</t>
  </si>
  <si>
    <t>VOTORANT-WB013</t>
  </si>
  <si>
    <t>regisedsj</t>
  </si>
  <si>
    <t>\\acsfs\profiles$\regisedsj\Contacts\</t>
  </si>
  <si>
    <t>REGIS EZAIAS DA SILVA JUNIOR (18).contact</t>
  </si>
  <si>
    <t>\\acsfs\profiles$\regisedsj\Contacts\REGIS EZAIAS DA SILVA JUNIOR (18).contact</t>
  </si>
  <si>
    <t>12/27/2019 12:45:32</t>
  </si>
  <si>
    <t>\\acsfs\profiles$\regisedsj\My Documents\My Videos\</t>
  </si>
  <si>
    <t>\\acsfs\profiles$\regisedsj\My Documents\My Videos\desktop.ini</t>
  </si>
  <si>
    <t>12/27/2019 12:45:33</t>
  </si>
  <si>
    <t>\\acsfs\profiles$\regisedsj\My Documents\My Pictures\</t>
  </si>
  <si>
    <t>\\acsfs\profiles$\regisedsj\My Documents\My Pictures\desktop.ini</t>
  </si>
  <si>
    <t>12/27/2019 12:45:34</t>
  </si>
  <si>
    <t>\\acsfs\profiles$\regisedsj\Contacts\desktop.ini</t>
  </si>
  <si>
    <t>12/27/2019 12:45:35</t>
  </si>
  <si>
    <t>\\acsfs\profiles$\regisedsj\Favorites\</t>
  </si>
  <si>
    <t>\\acsfs\profiles$\regisedsj\Favorites\desktop.ini</t>
  </si>
  <si>
    <t>12/27/2019 12:45:36</t>
  </si>
  <si>
    <t>\\acsfs\profiles$\regisedsj\My Documents\My Music\</t>
  </si>
  <si>
    <t>\\acsfs\profiles$\regisedsj\My Documents\My Music\desktop.ini</t>
  </si>
  <si>
    <t>12/27/2019 12:45:37</t>
  </si>
  <si>
    <t>12/27/2019 12:45:38</t>
  </si>
  <si>
    <t>\\acsfs\profiles$\regisedsj\Searches\</t>
  </si>
  <si>
    <t>\\acsfs\profiles$\regisedsj\Searches\desktop.ini</t>
  </si>
  <si>
    <t>12/27/2019 12:45:39</t>
  </si>
  <si>
    <t>\\acsfs\profiles$\regisedsj\Downloads\</t>
  </si>
  <si>
    <t>\\acsfs\profiles$\regisedsj\Downloads\desktop.ini</t>
  </si>
  <si>
    <t>12/27/2019 12:45:40</t>
  </si>
  <si>
    <t>\\acsfs\profiles$\regisedsj\My Documents\</t>
  </si>
  <si>
    <t>\\acsfs\profiles$\regisedsj\My Documents\desktop.ini</t>
  </si>
  <si>
    <t>12/27/2019 12:45:41</t>
  </si>
  <si>
    <t>12/27/2019 12:45:42</t>
  </si>
  <si>
    <t>\\acsfs\profiles$\regisedsj\Saved Games\</t>
  </si>
  <si>
    <t>\\acsfs\profiles$\regisedsj\Saved Games\desktop.ini</t>
  </si>
  <si>
    <t>12/27/2019 12:45:26</t>
  </si>
  <si>
    <t>alexandre.junior@call.neobpo.com.br;aline.toledo@call.neobpo.com.br;valquiria.ghirotti@call.neobpo.com.br;</t>
  </si>
  <si>
    <t>alexandre.junior@call.neobpo.com.br,aline.toledo@call.neobpo.com.br,valquiria.ghirotti@call.neobpo.com.br</t>
  </si>
  <si>
    <t>12/27/2019 12:45:29</t>
  </si>
  <si>
    <t>12/27/2019 12:45:53</t>
  </si>
  <si>
    <t>12/27/2019 12:48:11</t>
  </si>
  <si>
    <t>12/27/2019 12:47:48</t>
  </si>
  <si>
    <t>12/27/2019 12:49:58</t>
  </si>
  <si>
    <t>12/27/2019 12:49:16</t>
  </si>
  <si>
    <t>12/27/2019 12:51:58</t>
  </si>
  <si>
    <t>12/27/2019 12:49:14</t>
  </si>
  <si>
    <t>470312f6-c079-4e0d-9085-17f8b1c3f240.tmp</t>
  </si>
  <si>
    <t>\\acsfs\profiles$\deborahsi\Downloads\470312f6-c079-4e0d-9085-17f8b1c3f240.tmp</t>
  </si>
  <si>
    <t>12/27/2019 12:48:44</t>
  </si>
  <si>
    <t>e969e527-d455-41c4-855d-394d7ac09e15.tmp</t>
  </si>
  <si>
    <t>\\acsfs\profiles$\laylaams\Downloads\e969e527-d455-41c4-855d-394d7ac09e15.tmp</t>
  </si>
  <si>
    <t>12/27/2019 12:48:47</t>
  </si>
  <si>
    <t>d51c3edb-1d0b-4131-80b9-f730e27b145f.tmp</t>
  </si>
  <si>
    <t>\\acsfs\profiles$\laylaams\Downloads\d51c3edb-1d0b-4131-80b9-f730e27b145f.tmp</t>
  </si>
  <si>
    <t>12/27/2019 12:48:46</t>
  </si>
  <si>
    <t>12/27/2019 12:53:58</t>
  </si>
  <si>
    <t>12/27/2019 12:51:16</t>
  </si>
  <si>
    <t>12/27/2019 12:52:30</t>
  </si>
  <si>
    <t>12/27/2019 12:52:55</t>
  </si>
  <si>
    <t>94550426-c73e-48cc-b8f0-3fb4131e06c7.tmp</t>
  </si>
  <si>
    <t>\\acsfs\profiles$\eduardofss\Downloads\94550426-c73e-48cc-b8f0-3fb4131e06c7.tmp</t>
  </si>
  <si>
    <t>12/27/2019 12:49:06</t>
  </si>
  <si>
    <t>12/27/2019 12:48:57</t>
  </si>
  <si>
    <t>12/27/2019 12:49:18</t>
  </si>
  <si>
    <t>alexandre.junior@call.neobpo.com.br;aline.toledo@call.neobpo.com.br;andrelpsa@algartech.com;fabianacscg@algartech.com;harunams@algartech.com;luizffn@algartech.com;mirianppb@algartech.com;taysdss@algartech.com;valquiria.ghirotti@call.neobpo.com.br;</t>
  </si>
  <si>
    <t>alexandre.junior@call.neobpo.com.br,aline.toledo@call.neobpo.com.br,andrelpsa@algartech.com,fabianacscg@algartech.com,harunams@algartech.com,luizffn@algartech.com,mirianppb@algartech.com,taysdss@algartech.com,valquiria.ghirotti@call.neobpo.com.br</t>
  </si>
  <si>
    <t>12/27/2019 12:50:15</t>
  </si>
  <si>
    <t>12/27/2019 12:50:21</t>
  </si>
  <si>
    <t>12/27/2019 12:54:58</t>
  </si>
  <si>
    <t>c719ce56-54bf-4ef7-b99b-0a1ed166b82c.tmp</t>
  </si>
  <si>
    <t>\\acsfs\profiles$\cintiadcf\Downloads\c719ce56-54bf-4ef7-b99b-0a1ed166b82c.tmp</t>
  </si>
  <si>
    <t>12/27/2019 12:54:11</t>
  </si>
  <si>
    <t>12/27/2019 12:55:58</t>
  </si>
  <si>
    <t>12/27/2019 12:54:22</t>
  </si>
  <si>
    <t>12/27/2019 12:52:03</t>
  </si>
  <si>
    <t>12/27/2019 12:56:58</t>
  </si>
  <si>
    <t>12/27/2019 12:52:04</t>
  </si>
  <si>
    <t>lu8272a390.tmp</t>
  </si>
  <si>
    <t>\\acsfs\profiles$\LUISPLS\Downloads\lu8272a390.tmp</t>
  </si>
  <si>
    <t>12/27/2019 12:52:17</t>
  </si>
  <si>
    <t>\\acsfs\profiles$\LUISPLS\My Documents\Nova pasta\.~lock.Retratações BV cartões Vendas dezembro (6).xlsx#</t>
  </si>
  <si>
    <t>12/27/2019 12:52:18</t>
  </si>
  <si>
    <t>lu8272a39b.tmp</t>
  </si>
  <si>
    <t>\\acsfs\profiles$\LUISPLS\My Documents\Nova pasta\lu8272a39b.tmp</t>
  </si>
  <si>
    <t>12/27/2019 12:52:46</t>
  </si>
  <si>
    <t>.~lock.reorientação.ods#</t>
  </si>
  <si>
    <t>\\acsfs\profiles$\LUISPLS\My Documents\Nova pasta\.~lock.reorientação.ods#</t>
  </si>
  <si>
    <t>12/27/2019 12:56:53</t>
  </si>
  <si>
    <t>12/27/2019 12:54:47</t>
  </si>
  <si>
    <t>12/27/2019 12:58:58</t>
  </si>
  <si>
    <t>12/27/2019 12:57:16</t>
  </si>
  <si>
    <t>12/27/2019 12:55:41</t>
  </si>
  <si>
    <t>12/27/2019 12:55:45</t>
  </si>
  <si>
    <t>12/27/2019 12:56:01</t>
  </si>
  <si>
    <t>12/27/2019 12:56:10</t>
  </si>
  <si>
    <t>12/27/2019 12:56:14</t>
  </si>
  <si>
    <t>12/27/2019 12:56:18</t>
  </si>
  <si>
    <t>12/27/2019 12:56:31</t>
  </si>
  <si>
    <t>12/27/2019 12:56:41</t>
  </si>
  <si>
    <t>12/27/2019 12:56:45</t>
  </si>
  <si>
    <t>12/27/2019 12:57:04</t>
  </si>
  <si>
    <t>12/27/2019 12:58:00</t>
  </si>
  <si>
    <t>12/27/2019 12:55:06</t>
  </si>
  <si>
    <t>12/27/2019 12:59:57</t>
  </si>
  <si>
    <t>12/27/2019 12:57:35</t>
  </si>
  <si>
    <t>12/27/2019 12:55:04</t>
  </si>
  <si>
    <t>12/27/2019 12:59:23</t>
  </si>
  <si>
    <t>12/27/2019 13:00:58</t>
  </si>
  <si>
    <t>12/27/2019 12:57:12</t>
  </si>
  <si>
    <t>12/27/2019 13:01:58</t>
  </si>
  <si>
    <t>lu8272a39s.tmp</t>
  </si>
  <si>
    <t>\\acsfs\profiles$\LUISPLS\My Documents\Nova pasta\lu8272a39s.tmp</t>
  </si>
  <si>
    <t>12/27/2019 12:57:20</t>
  </si>
  <si>
    <t>12/27/2019 12:57:21</t>
  </si>
  <si>
    <t>lu8272a3a2.tmp</t>
  </si>
  <si>
    <t>\\acsfs\profiles$\LUISPLS\My Documents\Nova pasta\lu8272a3a2.tmp</t>
  </si>
  <si>
    <t>12/27/2019 12:59:21</t>
  </si>
  <si>
    <t>12/27/2019 13:02:58</t>
  </si>
  <si>
    <t>96ff4d4c-8ac7-4e44-afc1-cbecaa02f28f.tmp</t>
  </si>
  <si>
    <t>\\acsfs\profiles$\vivianealda\Downloads\96ff4d4c-8ac7-4e44-afc1-cbecaa02f28f.tmp</t>
  </si>
  <si>
    <t>12/27/2019 13:00:10</t>
  </si>
  <si>
    <t>12/27/2019 13:03:58</t>
  </si>
  <si>
    <t>12/27/2019 12:58:32</t>
  </si>
  <si>
    <t>12/27/2019 13:00:14</t>
  </si>
  <si>
    <t>12/27/2019 13:00:21</t>
  </si>
  <si>
    <t>12/27/2019 13:03:15</t>
  </si>
  <si>
    <t>12/27/2019 13:01:06</t>
  </si>
  <si>
    <t>12/27/2019 13:00:12</t>
  </si>
  <si>
    <t>12/27/2019 13:04:58</t>
  </si>
  <si>
    <t>12/27/2019 13:01:38</t>
  </si>
  <si>
    <t>12/27/2019 13:01:39</t>
  </si>
  <si>
    <t>lu768411w7pn.tmp</t>
  </si>
  <si>
    <t>\\acsfs\profiles$\dhiulliananads\My Documents\lu768411w7pn.tmp</t>
  </si>
  <si>
    <t>\\acsfs\profiles$\dhiulliananads\My Documents\lu768411w7pn.tmp\</t>
  </si>
  <si>
    <t>\\acsfs\profiles$\dhiulliananads\My Documents\lu768411w7pn.tmp\META-INF\</t>
  </si>
  <si>
    <t>\\acsfs\profiles$\dhiulliananads\My Documents\lu768411w7pn.tmp\Thumbnails\</t>
  </si>
  <si>
    <t>12/27/2019 13:00:43</t>
  </si>
  <si>
    <t>12/27/2019 13:05:58</t>
  </si>
  <si>
    <t>\\acsfs\profiles$\FLAVIOJMM\My Documents\.~lock.Reneg Vcto 01.ods#</t>
  </si>
  <si>
    <t>12/27/2019 13:04:50</t>
  </si>
  <si>
    <t>12/27/2019 13:04:52</t>
  </si>
  <si>
    <t>12/27/2019 13:00:54</t>
  </si>
  <si>
    <t>12/27/2019 13:01:24</t>
  </si>
  <si>
    <t>12/27/2019 13:01:54</t>
  </si>
  <si>
    <t>12/27/2019 13:02:24</t>
  </si>
  <si>
    <t>12/27/2019 13:03:54</t>
  </si>
  <si>
    <t>12/27/2019 13:03:44</t>
  </si>
  <si>
    <t>12/27/2019 13:06:58</t>
  </si>
  <si>
    <t>85a02051-c816-476c-89a9-663524456b05.tmp</t>
  </si>
  <si>
    <t>\\acsfs\profiles$\deborahsi\Downloads\85a02051-c816-476c-89a9-663524456b05.tmp</t>
  </si>
  <si>
    <t>12/27/2019 13:03:33</t>
  </si>
  <si>
    <t>12/27/2019 13:07:58</t>
  </si>
  <si>
    <t>12/27/2019 13:02:53</t>
  </si>
  <si>
    <t>12/27/2019 13:02:54</t>
  </si>
  <si>
    <t>12/27/2019 13:02:55</t>
  </si>
  <si>
    <t>12/27/2019 13:02:56</t>
  </si>
  <si>
    <t>12/27/2019 13:02:57</t>
  </si>
  <si>
    <t>12/27/2019 13:02:59</t>
  </si>
  <si>
    <t>12/27/2019 13:03:00</t>
  </si>
  <si>
    <t>12/27/2019 13:03:01</t>
  </si>
  <si>
    <t>12/27/2019 13:03:02</t>
  </si>
  <si>
    <t>12/27/2019 13:03:03</t>
  </si>
  <si>
    <t>12/27/2019 13:03:04</t>
  </si>
  <si>
    <t>12/27/2019 13:03:05</t>
  </si>
  <si>
    <t>12/27/2019 13:03:06</t>
  </si>
  <si>
    <t>12/27/2019 13:03:07</t>
  </si>
  <si>
    <t>12/27/2019 13:03:08</t>
  </si>
  <si>
    <t>12/27/2019 13:03:09</t>
  </si>
  <si>
    <t>12/27/2019 13:03:10</t>
  </si>
  <si>
    <t>12/27/2019 13:03:11</t>
  </si>
  <si>
    <t>12/27/2019 13:03:12</t>
  </si>
  <si>
    <t>12/27/2019 13:03:13</t>
  </si>
  <si>
    <t>12/27/2019 13:03:14</t>
  </si>
  <si>
    <t>12/27/2019 13:03:16</t>
  </si>
  <si>
    <t>12/27/2019 13:03:17</t>
  </si>
  <si>
    <t>12/27/2019 13:03:18</t>
  </si>
  <si>
    <t>12/27/2019 13:03:19</t>
  </si>
  <si>
    <t>12/27/2019 13:05:40</t>
  </si>
  <si>
    <t>12/27/2019 13:08:58</t>
  </si>
  <si>
    <t>lu1496010ivrk.tmp</t>
  </si>
  <si>
    <t>\\acsfs\profiles$\LUCASBS\lu1496010ivrk.tmp</t>
  </si>
  <si>
    <t>\\acsfs\profiles$\LUCASBS\lu1496010ivrk.tmp\</t>
  </si>
  <si>
    <t>\\acsfs\profiles$\LUCASBS\lu1496010ivrk.tmp\META-INF\</t>
  </si>
  <si>
    <t>\\acsfs\profiles$\LUCASBS\lu1496010ivrk.tmp\Thumbnails\</t>
  </si>
  <si>
    <t>12/27/2019 13:07:06</t>
  </si>
  <si>
    <t>12/27/2019 13:05:53</t>
  </si>
  <si>
    <t>12/27/2019 13:09:58</t>
  </si>
  <si>
    <t>12/27/2019 13:05:54</t>
  </si>
  <si>
    <t>12/27/2019 13:06:11</t>
  </si>
  <si>
    <t>12/27/2019 13:06:57</t>
  </si>
  <si>
    <t>ce22158f-d4a7-48cd-9cf8-c1f6f7f301a7.tmp</t>
  </si>
  <si>
    <t>\\acsfs\profiles$\LAISLG\Downloads\ce22158f-d4a7-48cd-9cf8-c1f6f7f301a7.tmp</t>
  </si>
  <si>
    <t>12/27/2019 13:08:53</t>
  </si>
  <si>
    <t>12/27/2019 13:05:32</t>
  </si>
  <si>
    <t>12/27/2019 13:07:42</t>
  </si>
  <si>
    <t>12/27/2019 13:10:59</t>
  </si>
  <si>
    <t>4fe0c13c-aa20-4c38-bae5-65a040330cf7.tmp</t>
  </si>
  <si>
    <t>\\acsfs\profiles$\sarahbal\Downloads\4fe0c13c-aa20-4c38-bae5-65a040330cf7.tmp</t>
  </si>
  <si>
    <t>12/27/2019 13:07:24</t>
  </si>
  <si>
    <t>mail.google.com/sync/u/0/i/s?hl=pt-BR&amp;c=635</t>
  </si>
  <si>
    <t>12/27/2019 13:07:27</t>
  </si>
  <si>
    <t>12/27/2019 13:08:23</t>
  </si>
  <si>
    <t>12/27/2019 13:08:27</t>
  </si>
  <si>
    <t>12/27/2019 13:08:31</t>
  </si>
  <si>
    <t>12/27/2019 13:09:55</t>
  </si>
  <si>
    <t>12/27/2019 13:06:55</t>
  </si>
  <si>
    <t>12/27/2019 13:07:25</t>
  </si>
  <si>
    <t>12/27/2019 13:07:55</t>
  </si>
  <si>
    <t>12/27/2019 13:09:24</t>
  </si>
  <si>
    <t>12/27/2019 13:11:58</t>
  </si>
  <si>
    <t>1d0b950b-4111-448b-90d2-4a004e5d924b.tmp</t>
  </si>
  <si>
    <t>\\acsfs\profiles$\felipetds\Downloads\1d0b950b-4111-448b-90d2-4a004e5d924b.tmp</t>
  </si>
  <si>
    <t>12/27/2019 13:13:06</t>
  </si>
  <si>
    <t>12/27/2019 13:13:58</t>
  </si>
  <si>
    <t>12/27/2019 13:12:11</t>
  </si>
  <si>
    <t>12/27/2019 13:14:58</t>
  </si>
  <si>
    <t>12/27/2019 13:11:32</t>
  </si>
  <si>
    <t>12/27/2019 13:13:12</t>
  </si>
  <si>
    <t>12/27/2019 13:12:06</t>
  </si>
  <si>
    <t>12/27/2019 13:15:59</t>
  </si>
  <si>
    <t>12/27/2019 13:14:25</t>
  </si>
  <si>
    <t>12/27/2019 13:11:22</t>
  </si>
  <si>
    <t>12/27/2019 13:11:34</t>
  </si>
  <si>
    <t>mail.google.com/sync/u/0/i/s?hl=pt-BR&amp;c=651</t>
  </si>
  <si>
    <t>12/27/2019 13:12:31</t>
  </si>
  <si>
    <t>12/27/2019 13:13:04</t>
  </si>
  <si>
    <t>12/27/2019 13:13:08</t>
  </si>
  <si>
    <t>mail.google.com/sync/u/0/i/s?hl=pt-BR&amp;c=658</t>
  </si>
  <si>
    <t>12/27/2019 13:13:20</t>
  </si>
  <si>
    <t>12/27/2019 13:13:23</t>
  </si>
  <si>
    <t>12/27/2019 13:14:10</t>
  </si>
  <si>
    <t>12/27/2019 13:14:50</t>
  </si>
  <si>
    <t>12/27/2019 13:15:02</t>
  </si>
  <si>
    <t>12/27/2019 13:15:14</t>
  </si>
  <si>
    <t>12/27/2019 13:15:21</t>
  </si>
  <si>
    <t>bvcartes-supervisores@algarnet.onmicrosoft.com;joaogvc@algartech.com;leonardoao@algartech.com;marianadjc@algartech.com;paulacn@algartech.com;taysdss@algartech.com;thiagordu@algartech.com;viniciussg@algartech.com;</t>
  </si>
  <si>
    <t>bvcartes-supervisores@algarnet.onmicrosoft.com,joaogvc@algartech.com,leonardoao@algartech.com,marianadjc@algartech.com,paulacn@algartech.com,taysdss@algartech.com,thiagordu@algartech.com,viniciussg@algartech.com</t>
  </si>
  <si>
    <t>12/27/2019 13:10:58</t>
  </si>
  <si>
    <t>12/27/2019 13:11:09</t>
  </si>
  <si>
    <t>12/27/2019 13:13:26</t>
  </si>
  <si>
    <t>12/27/2019 13:14:46</t>
  </si>
  <si>
    <t>12/27/2019 13:16:58</t>
  </si>
  <si>
    <t>.~lock.Contato Reneg 27-12.2.ods#</t>
  </si>
  <si>
    <t>\\acsfs\profiles$\CLAUDIAJCA\.~lock.Contato Reneg 27-12.2.ods#</t>
  </si>
  <si>
    <t>12/27/2019 13:14:47</t>
  </si>
  <si>
    <t>lu399765dgqqj.tmp</t>
  </si>
  <si>
    <t>\\acsfs\profiles$\CLAUDIAJCA\lu399765dgqqj.tmp</t>
  </si>
  <si>
    <t>\\acsfs\profiles$\CLAUDIAJCA\lu399765dgqqj.tmp\</t>
  </si>
  <si>
    <t>\\acsfs\profiles$\CLAUDIAJCA\lu399765dgqqj.tmp\META-INF\</t>
  </si>
  <si>
    <t>\\acsfs\profiles$\CLAUDIAJCA\lu399765dgqqj.tmp\Thumbnails\</t>
  </si>
  <si>
    <t>12/27/2019 13:14:51</t>
  </si>
  <si>
    <t>12/27/2019 13:18:58</t>
  </si>
  <si>
    <t>lu87561g57mi.tmp</t>
  </si>
  <si>
    <t>\\acsfs\profiles$\BRUNAAR\Numero\lu87561g57mi.tmp</t>
  </si>
  <si>
    <t>12/27/2019 13:14:55</t>
  </si>
  <si>
    <t>12/27/2019 13:14:56</t>
  </si>
  <si>
    <t>lu87561g57ml.tmp</t>
  </si>
  <si>
    <t>\\acsfs\profiles$\BRUNAAR\Numero\lu87561g57ml.tmp</t>
  </si>
  <si>
    <t>12/27/2019 13:17:40</t>
  </si>
  <si>
    <t>12/27/2019 13:17:41</t>
  </si>
  <si>
    <t>lu87561g57mo.tmp</t>
  </si>
  <si>
    <t>\\acsfs\profiles$\BRUNAAR\Numero\lu87561g57mo.tmp</t>
  </si>
  <si>
    <t>12/27/2019 13:17:48</t>
  </si>
  <si>
    <t>lu87561g57mr.tmp</t>
  </si>
  <si>
    <t>\\acsfs\profiles$\BRUNAAR\Numero\lu87561g57mr.tmp</t>
  </si>
  <si>
    <t>12/27/2019 13:16:20</t>
  </si>
  <si>
    <t>12/27/2019 13:16:25</t>
  </si>
  <si>
    <t>12/27/2019 13:16:28</t>
  </si>
  <si>
    <t>12/27/2019 13:16:37</t>
  </si>
  <si>
    <t>12/27/2019 13:14:07</t>
  </si>
  <si>
    <t>12/27/2019 13:14:33</t>
  </si>
  <si>
    <t>12/27/2019 13:14:34</t>
  </si>
  <si>
    <t>lu1496010ivrp.tmp</t>
  </si>
  <si>
    <t>\\acsfs\profiles$\LUCASBS\lu1496010ivrp.tmp</t>
  </si>
  <si>
    <t>\\acsfs\profiles$\LUCASBS\lu1496010ivrp.tmp\</t>
  </si>
  <si>
    <t>\\acsfs\profiles$\LUCASBS\lu1496010ivrp.tmp\META-INF\</t>
  </si>
  <si>
    <t>\\acsfs\profiles$\LUCASBS\lu1496010ivrp.tmp\Thumbnails\</t>
  </si>
  <si>
    <t>12/27/2019 13:14:49</t>
  </si>
  <si>
    <t>lu1496010ivru.tmp</t>
  </si>
  <si>
    <t>\\acsfs\profiles$\LUCASBS\lu1496010ivru.tmp</t>
  </si>
  <si>
    <t>\\acsfs\profiles$\LUCASBS\lu1496010ivru.tmp\</t>
  </si>
  <si>
    <t>\\acsfs\profiles$\LUCASBS\lu1496010ivru.tmp\META-INF\</t>
  </si>
  <si>
    <t>\\acsfs\profiles$\LUCASBS\lu1496010ivru.tmp\Thumbnails\</t>
  </si>
  <si>
    <t>12/27/2019 13:15:15</t>
  </si>
  <si>
    <t>lu1496010ivrz.tmp</t>
  </si>
  <si>
    <t>\\acsfs\profiles$\LUCASBS\lu1496010ivrz.tmp</t>
  </si>
  <si>
    <t>\\acsfs\profiles$\LUCASBS\lu1496010ivrz.tmp\</t>
  </si>
  <si>
    <t>\\acsfs\profiles$\LUCASBS\lu1496010ivrz.tmp\META-INF\</t>
  </si>
  <si>
    <t>\\acsfs\profiles$\LUCASBS\lu1496010ivrz.tmp\Thumbnails\</t>
  </si>
  <si>
    <t>12/27/2019 13:18:11</t>
  </si>
  <si>
    <t>12/27/2019 13:19:58</t>
  </si>
  <si>
    <t>12/27/2019 13:17:17</t>
  </si>
  <si>
    <t>12/27/2019 13:15:27</t>
  </si>
  <si>
    <t>12/27/2019 13:20:58</t>
  </si>
  <si>
    <t>12/27/2019 13:15:51</t>
  </si>
  <si>
    <t>100014123564284;bvcartes-supervisores@algarnet.onmicrosoft.com;joaogvc@algartech.com;leonardoao@algartech.com;marianadjc@algartech.com;paulacn@algartech.com;taysdss@algartech.com;thiagordu@algartech.com;viniciussg@algartech.com;</t>
  </si>
  <si>
    <t>100014123564284,bvcartes-supervisores@algarnet.onmicrosoft.com,joaogvc@algartech.com,leonardoao@algartech.com,marianadjc@algartech.com,paulacn@algartech.com,taysdss@algartech.com,thiagordu@algartech.com,viniciussg@algartech.com</t>
  </si>
  <si>
    <t>12/27/2019 13:16:06</t>
  </si>
  <si>
    <t>mail.google.com/sync/u/0/i/s?hl=pt-BR&amp;c=683</t>
  </si>
  <si>
    <t>12/27/2019 13:16:13</t>
  </si>
  <si>
    <t>12/27/2019 13:16:31</t>
  </si>
  <si>
    <t>12/27/2019 13:17:25</t>
  </si>
  <si>
    <t>12/27/2019 13:16:54</t>
  </si>
  <si>
    <t>12/27/2019 13:17:00</t>
  </si>
  <si>
    <t>12/27/2019 13:17:02</t>
  </si>
  <si>
    <t>12/27/2019 13:19:12</t>
  </si>
  <si>
    <t>12/27/2019 13:21:58</t>
  </si>
  <si>
    <t>Correção.xlsx</t>
  </si>
  <si>
    <t>12/27/2019 13:20:06</t>
  </si>
  <si>
    <t>lu8272a3al.tmp</t>
  </si>
  <si>
    <t>\\acsfs\profiles$\LUISPLS\My Documents\Nova pasta\lu8272a3al.tmp</t>
  </si>
  <si>
    <t>\\acsfs\profiles$\LUISPLS\My Documents\Nova pasta\lu8272a3al.tmp\</t>
  </si>
  <si>
    <t>\\acsfs\profiles$\LUISPLS\My Documents\Nova pasta\lu8272a3al.tmp\META-INF\</t>
  </si>
  <si>
    <t>\\acsfs\profiles$\LUISPLS\My Documents\Nova pasta\lu8272a3al.tmp\Thumbnails\</t>
  </si>
  <si>
    <t>12/27/2019 13:20:49</t>
  </si>
  <si>
    <t>lu8272a3aq.tmp</t>
  </si>
  <si>
    <t>\\acsfs\profiles$\LUISPLS\My Documents\Nova pasta\lu8272a3aq.tmp</t>
  </si>
  <si>
    <t>\\acsfs\profiles$\LUISPLS\My Documents\Nova pasta\lu8272a3aq.tmp\</t>
  </si>
  <si>
    <t>\\acsfs\profiles$\LUISPLS\My Documents\Nova pasta\lu8272a3aq.tmp\META-INF\</t>
  </si>
  <si>
    <t>12/27/2019 13:22:58</t>
  </si>
  <si>
    <t>\\acsfs\profiles$\LUISPLS\My Documents\Nova pasta\lu8272a3aq.tmp\Thumbnails\</t>
  </si>
  <si>
    <t>12/27/2019 13:17:39</t>
  </si>
  <si>
    <t>dc8a174a-b05c-4513-8cc6-d5e3baa94883.tmp</t>
  </si>
  <si>
    <t>\\acsfs\profiles$\quindaizaagds\Downloads\dc8a174a-b05c-4513-8cc6-d5e3baa94883.tmp</t>
  </si>
  <si>
    <t>12/27/2019 13:19:06</t>
  </si>
  <si>
    <t>12/27/2019 13:23:58</t>
  </si>
  <si>
    <t>12/27/2019 13:22:55</t>
  </si>
  <si>
    <t>12/27/2019 13:23:00</t>
  </si>
  <si>
    <t>12/27/2019 13:23:05</t>
  </si>
  <si>
    <t>12/27/2019 13:23:08</t>
  </si>
  <si>
    <t>12/27/2019 13:23:15</t>
  </si>
  <si>
    <t>12/27/2019 13:19:07</t>
  </si>
  <si>
    <t>12/27/2019 13:20:09</t>
  </si>
  <si>
    <t>12/27/2019 13:24:57</t>
  </si>
  <si>
    <t>61220432-e40d-4710-a0ba-c9c06c498cf7.tmp</t>
  </si>
  <si>
    <t>\\acsfs\profiles$\mariajra\Downloads\61220432-e40d-4710-a0ba-c9c06c498cf7.tmp</t>
  </si>
  <si>
    <t>12/27/2019 13:23:10</t>
  </si>
  <si>
    <t>12/27/2019 13:25:58</t>
  </si>
  <si>
    <t>c90c4619-8e82-451e-9ce2-c2124fe2046a.tmp</t>
  </si>
  <si>
    <t>\\acsfs\profiles$\sarahbal\Downloads\c90c4619-8e82-451e-9ce2-c2124fe2046a.tmp</t>
  </si>
  <si>
    <t>12/27/2019 13:22:33</t>
  </si>
  <si>
    <t>12/27/2019 13:22:50</t>
  </si>
  <si>
    <t>12/27/2019 13:22:57</t>
  </si>
  <si>
    <t>mail.google.com/sync/u/0/i/s?hl=pt-BR&amp;c=720</t>
  </si>
  <si>
    <t>12/27/2019 13:23:17</t>
  </si>
  <si>
    <t>12/27/2019 13:23:24</t>
  </si>
  <si>
    <t>mail.google.com/sync/u/0/i/s?hl=pt-BR&amp;c=724</t>
  </si>
  <si>
    <t>12/27/2019 13:23:39</t>
  </si>
  <si>
    <t>12/27/2019 13:23:49</t>
  </si>
  <si>
    <t>12/27/2019 13:23:50</t>
  </si>
  <si>
    <t>12/27/2019 13:24:24</t>
  </si>
  <si>
    <t>12/27/2019 13:24:31</t>
  </si>
  <si>
    <t>12/27/2019 13:24:36</t>
  </si>
  <si>
    <t>12/27/2019 13:25:00</t>
  </si>
  <si>
    <t>12/27/2019 13:25:05</t>
  </si>
  <si>
    <t>12/27/2019 13:25:09</t>
  </si>
  <si>
    <t>12/27/2019 13:25:12</t>
  </si>
  <si>
    <t>12/27/2019 13:25:28</t>
  </si>
  <si>
    <t>12/27/2019 13:24:52</t>
  </si>
  <si>
    <t>12/27/2019 13:26:58</t>
  </si>
  <si>
    <t>12/27/2019 13:21:52</t>
  </si>
  <si>
    <t>f51a3b98-5b0a-435a-aa6a-debc930b284c.tmp</t>
  </si>
  <si>
    <t>\\acsfs\profiles$\gabrielafs\Downloads\f51a3b98-5b0a-435a-aa6a-debc930b284c.tmp</t>
  </si>
  <si>
    <t>12/27/2019 13:26:04</t>
  </si>
  <si>
    <t>46678ac3-9768-4409-9456-a9e7070b85f5.tmp</t>
  </si>
  <si>
    <t>\\acsfs\profiles$\gabrielarb\Downloads\46678ac3-9768-4409-9456-a9e7070b85f5.tmp</t>
  </si>
  <si>
    <t>12/27/2019 13:25:10</t>
  </si>
  <si>
    <t>12/27/2019 13:23:41</t>
  </si>
  <si>
    <t>lu8272a3au.tmp</t>
  </si>
  <si>
    <t>\\acsfs\profiles$\LUISPLS\My Documents\Nova pasta\lu8272a3au.tmp</t>
  </si>
  <si>
    <t>\\acsfs\profiles$\LUISPLS\My Documents\Nova pasta\lu8272a3au.tmp\</t>
  </si>
  <si>
    <t>\\acsfs\profiles$\LUISPLS\My Documents\Nova pasta\lu8272a3au.tmp\META-INF\</t>
  </si>
  <si>
    <t>\\acsfs\profiles$\LUISPLS\My Documents\Nova pasta\lu8272a3au.tmp\Thumbnails\</t>
  </si>
  <si>
    <t>12/27/2019 13:23:47</t>
  </si>
  <si>
    <t>lu8272a3ay.tmp</t>
  </si>
  <si>
    <t>\\acsfs\profiles$\LUISPLS\My Documents\Nova pasta\lu8272a3ay.tmp</t>
  </si>
  <si>
    <t>\\acsfs\profiles$\LUISPLS\My Documents\Nova pasta\lu8272a3ay.tmp\</t>
  </si>
  <si>
    <t>\\acsfs\profiles$\LUISPLS\My Documents\Nova pasta\lu8272a3ay.tmp\META-INF\</t>
  </si>
  <si>
    <t>\\acsfs\profiles$\LUISPLS\My Documents\Nova pasta\lu8272a3ay.tmp\Thumbnails\</t>
  </si>
  <si>
    <t>12/27/2019 13:25:50</t>
  </si>
  <si>
    <t>12/27/2019 13:26:23</t>
  </si>
  <si>
    <t>12/27/2019 13:27:57</t>
  </si>
  <si>
    <t>56624f87-ef40-4a30-811c-dc020be83424.tmp</t>
  </si>
  <si>
    <t>\\acsfs\profiles$\cinthiacsda\Downloads\56624f87-ef40-4a30-811c-dc020be83424.tmp</t>
  </si>
  <si>
    <t>12/27/2019 13:25:07</t>
  </si>
  <si>
    <t>12/27/2019 13:23:20</t>
  </si>
  <si>
    <t>12/27/2019 13:28:58</t>
  </si>
  <si>
    <t>12/27/2019 13:23:32</t>
  </si>
  <si>
    <t>12/27/2019 13:23:35</t>
  </si>
  <si>
    <t>12/27/2019 13:23:53</t>
  </si>
  <si>
    <t>12/27/2019 13:25:15</t>
  </si>
  <si>
    <t>12/27/2019 13:25:23</t>
  </si>
  <si>
    <t>12/27/2019 13:25:27</t>
  </si>
  <si>
    <t>12/27/2019 13:25:34</t>
  </si>
  <si>
    <t>12/27/2019 13:25:40</t>
  </si>
  <si>
    <t>12/27/2019 13:25:44</t>
  </si>
  <si>
    <t>12/27/2019 13:25:49</t>
  </si>
  <si>
    <t>12/27/2019 13:23:51</t>
  </si>
  <si>
    <t>\\acsfs\profiles$\nataliafsi\Downloads\</t>
  </si>
  <si>
    <t>faa9bc04-d21d-43e6-97b7-9e3fe4779efe.tmp</t>
  </si>
  <si>
    <t>\\acsfs\profiles$\nataliafsi\Downloads\faa9bc04-d21d-43e6-97b7-9e3fe4779efe.tmp</t>
  </si>
  <si>
    <t>12/27/2019 13:28:07</t>
  </si>
  <si>
    <t>12/27/2019 13:28:08</t>
  </si>
  <si>
    <t>lu1496010ivs9.tmp</t>
  </si>
  <si>
    <t>\\acsfs\profiles$\LUCASBS\lu1496010ivs9.tmp</t>
  </si>
  <si>
    <t>\\acsfs\profiles$\LUCASBS\lu1496010ivs9.tmp\</t>
  </si>
  <si>
    <t>\\acsfs\profiles$\LUCASBS\lu1496010ivs9.tmp\META-INF\</t>
  </si>
  <si>
    <t>\\acsfs\profiles$\LUCASBS\lu1496010ivs9.tmp\Thumbnails\</t>
  </si>
  <si>
    <t>12/27/2019 13:28:18</t>
  </si>
  <si>
    <t>12/27/2019 13:28:28</t>
  </si>
  <si>
    <t>12/27/2019 13:25:08</t>
  </si>
  <si>
    <t>12/27/2019 13:24:12</t>
  </si>
  <si>
    <t>12/27/2019 13:29:58</t>
  </si>
  <si>
    <t>12/27/2019 13:25:54</t>
  </si>
  <si>
    <t>12/27/2019 13:30:57</t>
  </si>
  <si>
    <t>mail.google.com/sync/u/0/i/s?hl=pt-BR&amp;c=747</t>
  </si>
  <si>
    <t>mail.google.com/sync/u/0/i/s?hl=pt-BR&amp;c=749</t>
  </si>
  <si>
    <t>12/27/2019 13:26:09</t>
  </si>
  <si>
    <t>mail.google.com/sync/u/0/i/s?hl=pt-BR&amp;c=751</t>
  </si>
  <si>
    <t>12/27/2019 13:26:32</t>
  </si>
  <si>
    <t>12/27/2019 13:26:40</t>
  </si>
  <si>
    <t>joaogvc@algartech.com;leonardoao@algartech.com;marianadjc@algartech.com;paulacn@algartech.com;rafaelggs@algartech.com;supervisaobancovotorantim@algartech.com;taysdss@algartech.com;thiagordu@algartech.com;viniciussg@algartech.com;</t>
  </si>
  <si>
    <t>joaogvc@algartech.com,leonardoao@algartech.com,marianadjc@algartech.com,paulacn@algartech.com,rafaelggs@algartech.com,supervisaobancovotorantim@algartech.com,taysdss@algartech.com,thiagordu@algartech.com,viniciussg@algartech.com</t>
  </si>
  <si>
    <t>12/27/2019 13:26:59</t>
  </si>
  <si>
    <t>andrelpsa@algartech.com;bvcartes-supervisores@algarnet.onmicrosoft.com;joaogvc@algartech.com;leonardoao@algartech.com;marianacds@algartech.com;marianadjc@algartech.com;paulacn@algartech.com;supervisaobancovotorantim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paulacn@algartech.com,supervisaobancovotorantim@algartech.com,taysdss@algartech.com,thiagordu@algartech.com,viniciussg@algartech.com</t>
  </si>
  <si>
    <t>12/27/2019 13:27:17</t>
  </si>
  <si>
    <t>mail.google.com/sync/u/0/i/s?hl=pt-BR&amp;c=760</t>
  </si>
  <si>
    <t>100014123564284;andrelpsa@algartech.com;bvcartes-supervisores@algarnet.onmicrosoft.com;joaogvc@algartech.com;leonardoao@algartech.com;marianadjc@algartech.com;paulacn@algartech.com;rafaelggs@algartech.com;supervisaobancovotorantim@algartech.com;taysdss@algartech.com;thiagordu@algartech.com;viniciussg@algartech.com;</t>
  </si>
  <si>
    <t>100014123564284,andrelpsa@algartech.com,bvcartes-supervisores@algarnet.onmicrosoft.com,joaogvc@algartech.com,leonardoao@algartech.com,marianadjc@algartech.com,paulacn@algartech.com,rafaelggs@algartech.com,supervisaobancovotorantim@algartech.com,taysdss@algartech.com,thiagordu@algartech.com,viniciussg@algartech.com</t>
  </si>
  <si>
    <t>12/27/2019 13:25:37</t>
  </si>
  <si>
    <t>333123f2-6923-4e7f-a308-3f935e2c9689.tmp</t>
  </si>
  <si>
    <t>\\acsfs\profiles$\Flaviojmm\Downloads\333123f2-6923-4e7f-a308-3f935e2c9689.tmp</t>
  </si>
  <si>
    <t>12/27/2019 13:29:41</t>
  </si>
  <si>
    <t>12/27/2019 13:29:42</t>
  </si>
  <si>
    <t>lu1886413bvct.tmp</t>
  </si>
  <si>
    <t>\\acsfs\profiles$\FLAVIOJMM\My Documents\lu1886413bvct.tmp</t>
  </si>
  <si>
    <t>\\acsfs\profiles$\FLAVIOJMM\My Documents\lu1886413bvct.tmp\</t>
  </si>
  <si>
    <t>\\acsfs\profiles$\FLAVIOJMM\My Documents\lu1886413bvct.tmp\META-INF\</t>
  </si>
  <si>
    <t>\\acsfs\profiles$\FLAVIOJMM\My Documents\lu1886413bvct.tmp\Thumbnails\</t>
  </si>
  <si>
    <t>12/27/2019 13:26:28</t>
  </si>
  <si>
    <t>12/27/2019 13:27:28</t>
  </si>
  <si>
    <t>12/27/2019 13:28:10</t>
  </si>
  <si>
    <t>12/27/2019 13:31:58</t>
  </si>
  <si>
    <t>10.200.66.135</t>
  </si>
  <si>
    <t>18-A9-9B-FE-07-B8</t>
  </si>
  <si>
    <t>VOTORANT-WB020</t>
  </si>
  <si>
    <t>REGIS EZAIAS DA SILVA JUNIOR (20).contact</t>
  </si>
  <si>
    <t>\\acsfs\profiles$\regisedsj\Contacts\REGIS EZAIAS DA SILVA JUNIOR (20).contact</t>
  </si>
  <si>
    <t>12/27/2019 13:28:21</t>
  </si>
  <si>
    <t>12/27/2019 13:28:22</t>
  </si>
  <si>
    <t>12/27/2019 13:28:23</t>
  </si>
  <si>
    <t>12/27/2019 13:28:24</t>
  </si>
  <si>
    <t>12/27/2019 13:28:25</t>
  </si>
  <si>
    <t>12/27/2019 13:28:26</t>
  </si>
  <si>
    <t>12/27/2019 13:28:27</t>
  </si>
  <si>
    <t>12/27/2019 13:28:29</t>
  </si>
  <si>
    <t>12/27/2019 13:28:30</t>
  </si>
  <si>
    <t>12/27/2019 13:28:31</t>
  </si>
  <si>
    <t>12/27/2019 13:28:41</t>
  </si>
  <si>
    <t>\\acsfs\profiles$\regisedsj\Favorites\Links for Brasil\</t>
  </si>
  <si>
    <t>\\acsfs\profiles$\regisedsj\Favorites\Links for Brasil\desktop.ini</t>
  </si>
  <si>
    <t>\\acsfs\profiles$\regisedsj\Favorites\Links for Brasil\Microsoft Brasil.url</t>
  </si>
  <si>
    <t>12/27/2019 13:28:42</t>
  </si>
  <si>
    <t>\\acsfs\profiles$\regisedsj\Favorites\Links for Brasil\Windows Brasil.url</t>
  </si>
  <si>
    <t>12/27/2019 13:28:43</t>
  </si>
  <si>
    <t>\\acsfs\profiles$\regisedsj\Favorites\Links for Brasil\MSN Brasil.url</t>
  </si>
  <si>
    <t>12/27/2019 13:30:08</t>
  </si>
  <si>
    <t>5629f80f-7bf2-4d8d-93fc-ad36401aea37.tmp</t>
  </si>
  <si>
    <t>\\acsfs\profiles$\rafaelamsv\Downloads\5629f80f-7bf2-4d8d-93fc-ad36401aea37.tmp</t>
  </si>
  <si>
    <t>12/27/2019 13:30:38</t>
  </si>
  <si>
    <t>12/27/2019 13:32:58</t>
  </si>
  <si>
    <t>e0912319-0f0f-4866-9d56-adaae1d23b6c.tmp</t>
  </si>
  <si>
    <t>\\acsfs\profiles$\luanaagl\Downloads\e0912319-0f0f-4866-9d56-adaae1d23b6c.tmp</t>
  </si>
  <si>
    <t>12/27/2019 13:31:12</t>
  </si>
  <si>
    <t>5dfaaad7-3ff2-4b41-9b57-37ed4986c863.tmp</t>
  </si>
  <si>
    <t>\\acsfs\profiles$\mariliafplb\Downloads\5dfaaad7-3ff2-4b41-9b57-37ed4986c863.tmp</t>
  </si>
  <si>
    <t>12/27/2019 13:31:20</t>
  </si>
  <si>
    <t>bafde653-724e-4c55-818e-d710efeb8cf3.tmp</t>
  </si>
  <si>
    <t>\\acsfs\profiles$\mariliafplb\Downloads\bafde653-724e-4c55-818e-d710efeb8cf3.tmp</t>
  </si>
  <si>
    <t>12/27/2019 13:31:57</t>
  </si>
  <si>
    <t>c32f2fa9-70b2-4c20-a50f-6d53a3c1d13b.tmp</t>
  </si>
  <si>
    <t>\\acsfs\profiles$\mariliafplb\Downloads\c32f2fa9-70b2-4c20-a50f-6d53a3c1d13b.tmp</t>
  </si>
  <si>
    <t>12/27/2019 13:30:51</t>
  </si>
  <si>
    <t>12/27/2019 13:33:58</t>
  </si>
  <si>
    <t>12/27/2019 13:32:33</t>
  </si>
  <si>
    <t>CPF 67636896087 - OPERADORA CINTIA DE JESUS LIMA_1_6763359531661592883_1_32.wav</t>
  </si>
  <si>
    <t>\\acsfs\Deptos\EDUCACAO EMPRESARIAL\KÉSIA\LIGAÇÕES 1220\CPF 67636896087 - OPERADORA CINTIA DE JESUS LIMA_1_6763359531661592883_1_32.wav</t>
  </si>
  <si>
    <t>12/27/2019 13:29:22</t>
  </si>
  <si>
    <t>12/27/2019 13:29:23</t>
  </si>
  <si>
    <t>lu1609613al1h.tmp</t>
  </si>
  <si>
    <t>\\acsfs\profiles$\LUCASBS\lu1609613al1h.tmp</t>
  </si>
  <si>
    <t>\\acsfs\profiles$\LUCASBS\lu1609613al1h.tmp\</t>
  </si>
  <si>
    <t>\\acsfs\profiles$\LUCASBS\lu1609613al1h.tmp\META-INF\</t>
  </si>
  <si>
    <t>\\acsfs\profiles$\LUCASBS\lu1609613al1h.tmp\Thumbnails\</t>
  </si>
  <si>
    <t>12/27/2019 13:31:07</t>
  </si>
  <si>
    <t>12/27/2019 13:32:05</t>
  </si>
  <si>
    <t>12/27/2019 13:34:58</t>
  </si>
  <si>
    <t>be389524-057c-46ba-9230-96961909d380.tmp</t>
  </si>
  <si>
    <t>\\acsfs\profiles$\LAISLG\Downloads\be389524-057c-46ba-9230-96961909d380.tmp</t>
  </si>
  <si>
    <t>12/27/2019 13:30:12</t>
  </si>
  <si>
    <t>12/27/2019 13:31:05</t>
  </si>
  <si>
    <t>6f1b0a63-6c06-48a0-b7e1-4f9ebeea2eda.tmp</t>
  </si>
  <si>
    <t>\\acsfs\profiles$\LUCASNS\Downloads\6f1b0a63-6c06-48a0-b7e1-4f9ebeea2eda.tmp</t>
  </si>
  <si>
    <t>12/27/2019 13:34:11</t>
  </si>
  <si>
    <t>lu768411w7pr.tmp</t>
  </si>
  <si>
    <t>\\acsfs\profiles$\dhiulliananads\My Documents\lu768411w7pr.tmp</t>
  </si>
  <si>
    <t>\\acsfs\profiles$\dhiulliananads\My Documents\lu768411w7pr.tmp\</t>
  </si>
  <si>
    <t>\\acsfs\profiles$\dhiulliananads\My Documents\lu768411w7pr.tmp\META-INF\</t>
  </si>
  <si>
    <t>\\acsfs\profiles$\dhiulliananads\My Documents\lu768411w7pr.tmp\Thumbnails\</t>
  </si>
  <si>
    <t>12/27/2019 13:30:43</t>
  </si>
  <si>
    <t>12/27/2019 13:35:58</t>
  </si>
  <si>
    <t>12/27/2019 13:33:23</t>
  </si>
  <si>
    <t>12/27/2019 13:36:58</t>
  </si>
  <si>
    <t>12/27/2019 13:35:17</t>
  </si>
  <si>
    <t>12/27/2019 13:32:39</t>
  </si>
  <si>
    <t>aa61576d-ee73-4ed4-872c-edfa7db73523.tmp</t>
  </si>
  <si>
    <t>\\acsfs\profiles$\rafaelamsv\Downloads\aa61576d-ee73-4ed4-872c-edfa7db73523.tmp</t>
  </si>
  <si>
    <t>12/27/2019 13:36:38</t>
  </si>
  <si>
    <t>12/27/2019 13:38:58</t>
  </si>
  <si>
    <t>a470e363-4fb2-4e41-a7a6-97777abde34a.tmp</t>
  </si>
  <si>
    <t>\\acsfs\profiles$\antoniosva\Downloads\a470e363-4fb2-4e41-a7a6-97777abde34a.tmp</t>
  </si>
  <si>
    <t>12/27/2019 13:33:37</t>
  </si>
  <si>
    <t>12/27/2019 13:35:55</t>
  </si>
  <si>
    <t>12/27/2019 13:37:08</t>
  </si>
  <si>
    <t>12/27/2019 13:36:12</t>
  </si>
  <si>
    <t>12/27/2019 13:39:58</t>
  </si>
  <si>
    <t>12/27/2019 13:36:15</t>
  </si>
  <si>
    <t>12/27/2019 13:36:29</t>
  </si>
  <si>
    <t>12/27/2019 13:37:18</t>
  </si>
  <si>
    <t>12/27/2019 13:37:25</t>
  </si>
  <si>
    <t>12/27/2019 13:37:30</t>
  </si>
  <si>
    <t>12/27/2019 13:38:32</t>
  </si>
  <si>
    <t>12/27/2019 13:40:58</t>
  </si>
  <si>
    <t>12/27/2019 13:41:22</t>
  </si>
  <si>
    <t>12/27/2019 13:41:58</t>
  </si>
  <si>
    <t>7e045646-cec7-491e-bedf-a482443b46e4.tmp</t>
  </si>
  <si>
    <t>\\acsfs\profiles$\sarahbal\Downloads\7e045646-cec7-491e-bedf-a482443b46e4.tmp</t>
  </si>
  <si>
    <t>12/27/2019 13:38:36</t>
  </si>
  <si>
    <t>a23369af-1fb5-48c1-821e-80167ffa00da.tmp</t>
  </si>
  <si>
    <t>\\acsfs\profiles$\gabrielarb\Downloads\a23369af-1fb5-48c1-821e-80167ffa00da.tmp</t>
  </si>
  <si>
    <t>12/27/2019 13:41:40</t>
  </si>
  <si>
    <t>12/27/2019 13:43:57</t>
  </si>
  <si>
    <t>50e8df47-66ce-454f-ac9d-15b56b459070.tmp</t>
  </si>
  <si>
    <t>\\acsfs\profiles$\georgendsq\Downloads\50e8df47-66ce-454f-ac9d-15b56b459070.tmp</t>
  </si>
  <si>
    <t>12/27/2019 13:39:16</t>
  </si>
  <si>
    <t>12/27/2019 13:40:47</t>
  </si>
  <si>
    <t>0fe101a2-e773-458d-82e5-3edc00e4bc65.tmp</t>
  </si>
  <si>
    <t>\\acsfs\profiles$\victorgl\Downloads\0fe101a2-e773-458d-82e5-3edc00e4bc65.tmp</t>
  </si>
  <si>
    <t>12/27/2019 13:42:58</t>
  </si>
  <si>
    <t>6d48056f-c38b-4085-b949-d62a027eade5.tmp</t>
  </si>
  <si>
    <t>\\acsfs\profiles$\victorgl\Downloads\6d48056f-c38b-4085-b949-d62a027eade5.tmp</t>
  </si>
  <si>
    <t>12/27/2019 13:43:07</t>
  </si>
  <si>
    <t>12/27/2019 13:39:32</t>
  </si>
  <si>
    <t>f2fbc102-60c7-4c55-b901-9f2433fbf33b.tmp</t>
  </si>
  <si>
    <t>\\acsfs\profiles$\bernardopcm\Downloads\f2fbc102-60c7-4c55-b901-9f2433fbf33b.tmp</t>
  </si>
  <si>
    <t>12/27/2019 13:40:06</t>
  </si>
  <si>
    <t>f0c32b2d-ee44-4ac6-a757-c4d8ca52dc50.tmp</t>
  </si>
  <si>
    <t>\\acsfs\profiles$\bernardopcm\Downloads\f0c32b2d-ee44-4ac6-a757-c4d8ca52dc50.tmp</t>
  </si>
  <si>
    <t>12/27/2019 13:42:36</t>
  </si>
  <si>
    <t>d6a0bb15-c473-46bd-9056-ec5a2108d408.tmp</t>
  </si>
  <si>
    <t>\\acsfs\profiles$\bernardopcm\Downloads\d6a0bb15-c473-46bd-9056-ec5a2108d408.tmp</t>
  </si>
  <si>
    <t>12/27/2019 13:39:40</t>
  </si>
  <si>
    <t>12/27/2019 13:44:58</t>
  </si>
  <si>
    <t>12/27/2019 13:39:44</t>
  </si>
  <si>
    <t>12/27/2019 13:39:53</t>
  </si>
  <si>
    <t>12/27/2019 13:40:31</t>
  </si>
  <si>
    <t>12/27/2019 13:40:38</t>
  </si>
  <si>
    <t>12/27/2019 13:40:46</t>
  </si>
  <si>
    <t>12/27/2019 13:41:03</t>
  </si>
  <si>
    <t>12/27/2019 13:43:46</t>
  </si>
  <si>
    <t>12/27/2019 13:45:58</t>
  </si>
  <si>
    <t>lu1572411n1nb.tmp</t>
  </si>
  <si>
    <t>\\acsfs\profiles$\jonathanwap\lu1572411n1nb.tmp</t>
  </si>
  <si>
    <t>\\acsfs\profiles$\jonathanwap\lu1572411n1nb.tmp\</t>
  </si>
  <si>
    <t>\\acsfs\profiles$\jonathanwap\lu1572411n1nb.tmp\META-INF\</t>
  </si>
  <si>
    <t>\\acsfs\profiles$\jonathanwap\lu1572411n1nb.tmp\Thumbnails\</t>
  </si>
  <si>
    <t>12/27/2019 13:44:28</t>
  </si>
  <si>
    <t>12/27/2019 13:42:01</t>
  </si>
  <si>
    <t>12/27/2019 13:46:58</t>
  </si>
  <si>
    <t>12/27/2019 13:42:10</t>
  </si>
  <si>
    <t>bd38e879-c6fc-453e-b9b9-fc7033524f51.tmp</t>
  </si>
  <si>
    <t>\\acsfs\profiles$\sarahbal\Downloads\bd38e879-c6fc-453e-b9b9-fc7033524f51.tmp</t>
  </si>
  <si>
    <t>12/27/2019 13:43:05</t>
  </si>
  <si>
    <t>4f0d6878-d49a-447b-a88f-ab31c00b8dd3.tmp</t>
  </si>
  <si>
    <t>\\acsfs\profiles$\sarahbal\Downloads\4f0d6878-d49a-447b-a88f-ab31c00b8dd3.tmp</t>
  </si>
  <si>
    <t>12/27/2019 13:43:56</t>
  </si>
  <si>
    <t>f4f9cfb5-1911-461a-ab44-8714e0300484.tmp</t>
  </si>
  <si>
    <t>\\acsfs\profiles$\sarahbal\Downloads\f4f9cfb5-1911-461a-ab44-8714e0300484.tmp</t>
  </si>
  <si>
    <t>12/27/2019 13:44:04</t>
  </si>
  <si>
    <t>78920d91-8673-46a0-b026-deb495890097.tmp</t>
  </si>
  <si>
    <t>\\acsfs\profiles$\sarahbal\Downloads\78920d91-8673-46a0-b026-deb495890097.tmp</t>
  </si>
  <si>
    <t>12/27/2019 13:45:53</t>
  </si>
  <si>
    <t>14ff416f-608c-4703-a280-1cf8a66a4879.tmp</t>
  </si>
  <si>
    <t>\\acsfs\profiles$\sarahbal\Downloads\14ff416f-608c-4703-a280-1cf8a66a4879.tmp</t>
  </si>
  <si>
    <t>12/27/2019 13:45:38</t>
  </si>
  <si>
    <t>12/27/2019 13:47:58</t>
  </si>
  <si>
    <t>d82dbfbf-484e-475c-a0a4-7fc069668e70.tmp</t>
  </si>
  <si>
    <t>\\acsfs\profiles$\andrezacapf\Downloads\d82dbfbf-484e-475c-a0a4-7fc069668e70.tmp</t>
  </si>
  <si>
    <t>12/27/2019 13:45:40</t>
  </si>
  <si>
    <t>2dc3e3e4-c881-45a7-98fd-92e65876370d.tmp</t>
  </si>
  <si>
    <t>\\acsfs\profiles$\andrezacapf\Downloads\2dc3e3e4-c881-45a7-98fd-92e65876370d.tmp</t>
  </si>
  <si>
    <t>12/27/2019 13:45:42</t>
  </si>
  <si>
    <t>7dc64776-ad66-4713-8003-b2dbf13a2f49.tmp</t>
  </si>
  <si>
    <t>\\acsfs\profiles$\andrezacapf\Downloads\7dc64776-ad66-4713-8003-b2dbf13a2f49.tmp</t>
  </si>
  <si>
    <t>12/27/2019 13:45:46</t>
  </si>
  <si>
    <t>ef3025e1-be95-4e64-9bad-dc0f8def2495.tmp</t>
  </si>
  <si>
    <t>\\acsfs\profiles$\andrezacapf\Downloads\ef3025e1-be95-4e64-9bad-dc0f8def2495.tmp</t>
  </si>
  <si>
    <t>12/27/2019 13:45:49</t>
  </si>
  <si>
    <t>ddef84a5-5a8a-4dd9-93b5-bf17db63bc61.tmp</t>
  </si>
  <si>
    <t>\\acsfs\profiles$\andrezacapf\Downloads\ddef84a5-5a8a-4dd9-93b5-bf17db63bc61.tmp</t>
  </si>
  <si>
    <t>12/27/2019 13:46:23</t>
  </si>
  <si>
    <t>7c04f85e-485a-4b0c-972c-45f882222905.tmp</t>
  </si>
  <si>
    <t>\\acsfs\profiles$\andrezacapf\Downloads\7c04f85e-485a-4b0c-972c-45f882222905.tmp</t>
  </si>
  <si>
    <t>12/27/2019 13:46:24</t>
  </si>
  <si>
    <t>7b4a3af3-aba2-46a7-8c0e-ea02fa6c9d61.tmp</t>
  </si>
  <si>
    <t>\\acsfs\profiles$\andrezacapf\Downloads\7b4a3af3-aba2-46a7-8c0e-ea02fa6c9d61.tmp</t>
  </si>
  <si>
    <t>12/27/2019 13:46:33</t>
  </si>
  <si>
    <t>d8748058-5618-4f79-8fcd-78cf2f79fa14.tmp</t>
  </si>
  <si>
    <t>\\acsfs\profiles$\andrezacapf\Downloads\d8748058-5618-4f79-8fcd-78cf2f79fa14.tmp</t>
  </si>
  <si>
    <t>12/27/2019 13:43:38</t>
  </si>
  <si>
    <t>12/27/2019 13:48:58</t>
  </si>
  <si>
    <t>4ae85fb6-5377-498f-b277-f2758702eb9e.tmp</t>
  </si>
  <si>
    <t>\\acsfs\profiles$\georgendsq\Downloads\4ae85fb6-5377-498f-b277-f2758702eb9e.tmp</t>
  </si>
  <si>
    <t>12/27/2019 13:44:36</t>
  </si>
  <si>
    <t>d729acb0-b2a8-4c65-ae21-5254da964dc3.tmp</t>
  </si>
  <si>
    <t>\\acsfs\profiles$\georgendsq\Downloads\d729acb0-b2a8-4c65-ae21-5254da964dc3.tmp</t>
  </si>
  <si>
    <t>12/27/2019 13:45:03</t>
  </si>
  <si>
    <t>17aee015-8d2a-49a5-98e0-ba592f5c2b39.tmp</t>
  </si>
  <si>
    <t>\\acsfs\profiles$\georgendsq\Downloads\17aee015-8d2a-49a5-98e0-ba592f5c2b39.tmp</t>
  </si>
  <si>
    <t>84b5d932-2a47-4533-b434-9f2e79e68323.tmp</t>
  </si>
  <si>
    <t>\\acsfs\profiles$\georgendsq\Downloads\84b5d932-2a47-4533-b434-9f2e79e68323.tmp</t>
  </si>
  <si>
    <t>4231aa2a-93c8-4588-8ca5-49c2fe034c7c.tmp</t>
  </si>
  <si>
    <t>\\acsfs\profiles$\georgendsq\Downloads\4231aa2a-93c8-4588-8ca5-49c2fe034c7c.tmp</t>
  </si>
  <si>
    <t>12/27/2019 13:46:25</t>
  </si>
  <si>
    <t>dc884486-b300-48f9-8e97-3136d2bd0296.tmp</t>
  </si>
  <si>
    <t>\\acsfs\profiles$\georgendsq\Downloads\dc884486-b300-48f9-8e97-3136d2bd0296.tmp</t>
  </si>
  <si>
    <t>12/27/2019 13:48:45</t>
  </si>
  <si>
    <t>12/27/2019 13:49:58</t>
  </si>
  <si>
    <t>9fb4bea1-6dd6-4032-afca-4c33d442f691.tmp</t>
  </si>
  <si>
    <t>\\acsfs\profiles$\regisadsa\Downloads\9fb4bea1-6dd6-4032-afca-4c33d442f691.tmp</t>
  </si>
  <si>
    <t>12/27/2019 13:45:44</t>
  </si>
  <si>
    <t>12/27/2019 13:45:45</t>
  </si>
  <si>
    <t>lu8720889qmef.tmp</t>
  </si>
  <si>
    <t>\\acsfs\profiles$\geovanaasa\My Documents\lu8720889qmef.tmp</t>
  </si>
  <si>
    <t>\\acsfs\profiles$\geovanaasa\My Documents\lu8720889qmef.tmp\</t>
  </si>
  <si>
    <t>\\acsfs\profiles$\geovanaasa\My Documents\lu8720889qmef.tmp\META-INF\</t>
  </si>
  <si>
    <t>\\acsfs\profiles$\geovanaasa\My Documents\lu8720889qmef.tmp\Thumbnails\</t>
  </si>
  <si>
    <t>12/27/2019 13:47:04</t>
  </si>
  <si>
    <t>12/27/2019 13:50:58</t>
  </si>
  <si>
    <t>lu1572411n1ng.tmp</t>
  </si>
  <si>
    <t>\\acsfs\profiles$\jonathanwap\lu1572411n1ng.tmp</t>
  </si>
  <si>
    <t>\\acsfs\profiles$\jonathanwap\lu1572411n1ng.tmp\</t>
  </si>
  <si>
    <t>\\acsfs\profiles$\jonathanwap\lu1572411n1ng.tmp\META-INF\</t>
  </si>
  <si>
    <t>\\acsfs\profiles$\jonathanwap\lu1572411n1ng.tmp\Thumbnails\</t>
  </si>
  <si>
    <t>12/27/2019 13:46:32</t>
  </si>
  <si>
    <t>12/27/2019 13:48:32</t>
  </si>
  <si>
    <t>12/27/2019 13:50:03</t>
  </si>
  <si>
    <t>12/27/2019 13:46:36</t>
  </si>
  <si>
    <t>b9f7c50a-5dcc-4375-91e1-9090acb56996.tmp</t>
  </si>
  <si>
    <t>\\acsfs\profiles$\gabriellalpr\Downloads\b9f7c50a-5dcc-4375-91e1-9090acb56996.tmp</t>
  </si>
  <si>
    <t>12/27/2019 13:47:41</t>
  </si>
  <si>
    <t>adefb3b9-78ac-4121-9220-a5736731a58f.tmp</t>
  </si>
  <si>
    <t>\\acsfs\profiles$\gabriellalpr\Downloads\adefb3b9-78ac-4121-9220-a5736731a58f.tmp</t>
  </si>
  <si>
    <t>12/27/2019 13:47:59</t>
  </si>
  <si>
    <t>9d296c78-a31e-482d-a02c-196ff64ea224.tmp</t>
  </si>
  <si>
    <t>\\acsfs\profiles$\gabriellalpr\Downloads\9d296c78-a31e-482d-a02c-196ff64ea224.tmp</t>
  </si>
  <si>
    <t>12/27/2019 13:49:37</t>
  </si>
  <si>
    <t>cb01b0a2-f32c-4ae9-80b3-88d113db3e30.tmp</t>
  </si>
  <si>
    <t>\\acsfs\profiles$\gabriellalpr\Downloads\cb01b0a2-f32c-4ae9-80b3-88d113db3e30.tmp</t>
  </si>
  <si>
    <t>12/27/2019 13:49:27</t>
  </si>
  <si>
    <t>12/27/2019 13:51:58</t>
  </si>
  <si>
    <t>12/27/2019 13:46:43</t>
  </si>
  <si>
    <t>d80ae54f-09c8-4c2e-9c2b-2b6856c1c07b.tmp</t>
  </si>
  <si>
    <t>\\acsfs\profiles$\sarahbal\Downloads\d80ae54f-09c8-4c2e-9c2b-2b6856c1c07b.tmp</t>
  </si>
  <si>
    <t>12/27/2019 13:48:14</t>
  </si>
  <si>
    <t>24aa0555-68d0-4e17-8c4d-e998100acafb.tmp</t>
  </si>
  <si>
    <t>\\acsfs\profiles$\sarahbal\Downloads\24aa0555-68d0-4e17-8c4d-e998100acafb.tmp</t>
  </si>
  <si>
    <t>12/27/2019 13:50:06</t>
  </si>
  <si>
    <t>c00b6811-77b5-49bc-a918-e60cf9a13154.tmp</t>
  </si>
  <si>
    <t>\\acsfs\profiles$\sarahbal\Downloads\c00b6811-77b5-49bc-a918-e60cf9a13154.tmp</t>
  </si>
  <si>
    <t>12/27/2019 13:46:44</t>
  </si>
  <si>
    <t>12/27/2019 13:48:52</t>
  </si>
  <si>
    <t>12/27/2019 13:48:53</t>
  </si>
  <si>
    <t>.~lock.1725- Analizar.ods#</t>
  </si>
  <si>
    <t>\\acsfs\profiles$\LUISPLS\My Documents\Nova pasta\.~lock.1725- Analizar.ods#</t>
  </si>
  <si>
    <t>12/27/2019 13:47:20</t>
  </si>
  <si>
    <t>12/27/2019 13:52:59</t>
  </si>
  <si>
    <t>afdee746-d0ef-4a22-8709-c8217b38c720.tmp</t>
  </si>
  <si>
    <t>\\acsfs\profiles$\andrezacapf\Downloads\afdee746-d0ef-4a22-8709-c8217b38c720.tmp</t>
  </si>
  <si>
    <t>12/27/2019 13:48:12</t>
  </si>
  <si>
    <t>9f642b75-6210-4422-aefc-7a5adbf78403.tmp</t>
  </si>
  <si>
    <t>\\acsfs\profiles$\andrezacapf\Downloads\9f642b75-6210-4422-aefc-7a5adbf78403.tmp</t>
  </si>
  <si>
    <t>12/27/2019 13:48:34</t>
  </si>
  <si>
    <t>da8d67d7-d2ea-41c4-bebe-7152bf2f29f6.tmp</t>
  </si>
  <si>
    <t>\\acsfs\profiles$\andrezacapf\Downloads\da8d67d7-d2ea-41c4-bebe-7152bf2f29f6.tmp</t>
  </si>
  <si>
    <t>12/27/2019 13:49:16</t>
  </si>
  <si>
    <t>90f54a66-102d-448e-8b94-7a6dfe4ff9e2.tmp</t>
  </si>
  <si>
    <t>\\acsfs\profiles$\andrezacapf\Downloads\90f54a66-102d-448e-8b94-7a6dfe4ff9e2.tmp</t>
  </si>
  <si>
    <t>12/27/2019 13:49:20</t>
  </si>
  <si>
    <t>9196aea4-4b3e-4db7-9a6f-aeb146dd29cb.tmp</t>
  </si>
  <si>
    <t>\\acsfs\profiles$\andrezacapf\Downloads\9196aea4-4b3e-4db7-9a6f-aeb146dd29cb.tmp</t>
  </si>
  <si>
    <t>12/27/2019 13:49:41</t>
  </si>
  <si>
    <t>c54e4ccb-6a86-4c32-9ead-6471a331fec1.tmp</t>
  </si>
  <si>
    <t>\\acsfs\profiles$\andrezacapf\Downloads\c54e4ccb-6a86-4c32-9ead-6471a331fec1.tmp</t>
  </si>
  <si>
    <t>12/27/2019 13:51:00</t>
  </si>
  <si>
    <t>12/27/2019 13:51:40</t>
  </si>
  <si>
    <t>2cac0a6f-95ad-44d5-8137-7dc86b548a70.tmp</t>
  </si>
  <si>
    <t>\\acsfs\profiles$\mariliafplb\Downloads\2cac0a6f-95ad-44d5-8137-7dc86b548a70.tmp</t>
  </si>
  <si>
    <t>12/27/2019 13:51:43</t>
  </si>
  <si>
    <t>2811a827-a890-48aa-bd99-fd8332ec21fe.tmp</t>
  </si>
  <si>
    <t>\\acsfs\profiles$\mariliafplb\Downloads\2811a827-a890-48aa-bd99-fd8332ec21fe.tmp</t>
  </si>
  <si>
    <t>12/27/2019 13:52:21</t>
  </si>
  <si>
    <t>436feadc-fd31-470a-a25c-50faf39d5d11.tmp</t>
  </si>
  <si>
    <t>\\acsfs\profiles$\mariliafplb\Downloads\436feadc-fd31-470a-a25c-50faf39d5d11.tmp</t>
  </si>
  <si>
    <t>12/27/2019 13:49:08</t>
  </si>
  <si>
    <t>12/27/2019 13:53:58</t>
  </si>
  <si>
    <t>74-86-7A-FB-17-7A</t>
  </si>
  <si>
    <t>VOTORANT-SB011</t>
  </si>
  <si>
    <t>\\acsfs\profiles$\joaopnbg\Contacts\</t>
  </si>
  <si>
    <t>JOAO PEDRO NICOMEDES BERTOLDO GOMES (36).contact</t>
  </si>
  <si>
    <t>\\acsfs\profiles$\joaopnbg\Contacts\JOAO PEDRO NICOMEDES BERTOLDO GOMES (36).contact</t>
  </si>
  <si>
    <t>12/27/2019 13:49:22</t>
  </si>
  <si>
    <t>\\acsfs\profiles$\joaopnbg\My Documents\My Videos\</t>
  </si>
  <si>
    <t>\\acsfs\profiles$\joaopnbg\My Documents\My Videos\desktop.ini</t>
  </si>
  <si>
    <t>12/27/2019 13:49:23</t>
  </si>
  <si>
    <t>\\acsfs\profiles$\joaopnbg\My Documents\My Pictures\</t>
  </si>
  <si>
    <t>\\acsfs\profiles$\joaopnbg\My Documents\My Pictures\desktop.ini</t>
  </si>
  <si>
    <t>12/27/2019 13:49:24</t>
  </si>
  <si>
    <t>\\acsfs\profiles$\joaopnbg\Contacts\desktop.ini</t>
  </si>
  <si>
    <t>12/27/2019 13:49:25</t>
  </si>
  <si>
    <t>\\acsfs\profiles$\joaopnbg\Favorites\</t>
  </si>
  <si>
    <t>\\acsfs\profiles$\joaopnbg\Favorites\desktop.ini</t>
  </si>
  <si>
    <t>12/27/2019 13:49:26</t>
  </si>
  <si>
    <t>\\acsfs\profiles$\joaopnbg\My Documents\My Music\</t>
  </si>
  <si>
    <t>\\acsfs\profiles$\joaopnbg\My Documents\My Music\desktop.ini</t>
  </si>
  <si>
    <t>\\acsfs\profiles$\joaopnbg\Searches\</t>
  </si>
  <si>
    <t>\\acsfs\profiles$\joaopnbg\Searches\desktop.ini</t>
  </si>
  <si>
    <t>\\acsfs\profiles$\joaopnbg\Downloads\desktop.ini</t>
  </si>
  <si>
    <t>12/27/2019 13:49:28</t>
  </si>
  <si>
    <t>\\acsfs\profiles$\joaopnbg\My Documents\</t>
  </si>
  <si>
    <t>\\acsfs\profiles$\joaopnbg\My Documents\desktop.ini</t>
  </si>
  <si>
    <t>\\acsfs\profiles$\joaopnbg\Saved Games\</t>
  </si>
  <si>
    <t>\\acsfs\profiles$\joaopnbg\Saved Games\desktop.ini</t>
  </si>
  <si>
    <t>12/27/2019 13:49:29</t>
  </si>
  <si>
    <t>12/27/2019 13:49:44</t>
  </si>
  <si>
    <t>\\acsfs\profiles$\joaopnbg\Favorites\Links for Brasil\</t>
  </si>
  <si>
    <t>\\acsfs\profiles$\joaopnbg\Favorites\Links for Brasil\desktop.ini</t>
  </si>
  <si>
    <t>\\acsfs\profiles$\joaopnbg\Favorites\Links for Brasil\Microsoft Brasil.url</t>
  </si>
  <si>
    <t>12/27/2019 13:49:45</t>
  </si>
  <si>
    <t>\\acsfs\profiles$\joaopnbg\Favorites\Links for Brasil\Windows Brasil.url</t>
  </si>
  <si>
    <t>\\acsfs\profiles$\joaopnbg\Favorites\Links for Brasil\MSN Brasil.url</t>
  </si>
  <si>
    <t>12/27/2019 13:52:44</t>
  </si>
  <si>
    <t>12/27/2019 13:52:45</t>
  </si>
  <si>
    <t>lu1609613al1q.tmp</t>
  </si>
  <si>
    <t>\\acsfs\profiles$\LUCASBS\lu1609613al1q.tmp</t>
  </si>
  <si>
    <t>\\acsfs\profiles$\LUCASBS\lu1609613al1q.tmp\</t>
  </si>
  <si>
    <t>\\acsfs\profiles$\LUCASBS\lu1609613al1q.tmp\META-INF\</t>
  </si>
  <si>
    <t>\\acsfs\profiles$\LUCASBS\lu1609613al1q.tmp\Thumbnails\</t>
  </si>
  <si>
    <t>12/27/2019 13:49:07</t>
  </si>
  <si>
    <t>12/27/2019 13:52:29</t>
  </si>
  <si>
    <t>09a54655-6cc6-492c-8bce-23b7dfe57a75.tmp</t>
  </si>
  <si>
    <t>\\acsfs\profiles$\bernardopcm\Downloads\09a54655-6cc6-492c-8bce-23b7dfe57a75.tmp</t>
  </si>
  <si>
    <t>12/27/2019 13:53:02</t>
  </si>
  <si>
    <t>d81a2d44-b5ef-4654-8b59-c5d58eb8466d.tmp</t>
  </si>
  <si>
    <t>\\acsfs\profiles$\bernardopcm\Downloads\d81a2d44-b5ef-4654-8b59-c5d58eb8466d.tmp</t>
  </si>
  <si>
    <t>12/27/2019 13:52:16</t>
  </si>
  <si>
    <t>12/27/2019 13:54:58</t>
  </si>
  <si>
    <t>12/27/2019 13:50:45</t>
  </si>
  <si>
    <t>f244c12c-f5e9-45a8-b160-e0f1a128d36f.tmp</t>
  </si>
  <si>
    <t>\\acsfs\profiles$\regisadsa\Downloads\f244c12c-f5e9-45a8-b160-e0f1a128d36f.tmp</t>
  </si>
  <si>
    <t>12/27/2019 13:51:23</t>
  </si>
  <si>
    <t>3c44e5d6-375f-44da-93ae-598d6be256cf.tmp</t>
  </si>
  <si>
    <t>\\acsfs\profiles$\regisadsa\Downloads\3c44e5d6-375f-44da-93ae-598d6be256cf.tmp</t>
  </si>
  <si>
    <t>12/27/2019 13:51:32</t>
  </si>
  <si>
    <t>6141b161-7901-4f43-bd2d-26e06114580f.tmp</t>
  </si>
  <si>
    <t>\\acsfs\profiles$\regisadsa\Downloads\6141b161-7901-4f43-bd2d-26e06114580f.tmp</t>
  </si>
  <si>
    <t>12/27/2019 13:52:19</t>
  </si>
  <si>
    <t>c1b942ca-6b3c-4f70-b5aa-95395a319fe7.tmp</t>
  </si>
  <si>
    <t>\\acsfs\profiles$\regisadsa\Downloads\c1b942ca-6b3c-4f70-b5aa-95395a319fe7.tmp</t>
  </si>
  <si>
    <t>12/27/2019 13:54:20</t>
  </si>
  <si>
    <t>12/27/2019 13:54:37</t>
  </si>
  <si>
    <t>12/27/2019 13:51:26</t>
  </si>
  <si>
    <t>12/27/2019 13:52:02</t>
  </si>
  <si>
    <t>12/27/2019 13:56:58</t>
  </si>
  <si>
    <t>5078ef79-0c91-490e-8804-2d49eff106fe.tmp</t>
  </si>
  <si>
    <t>\\acsfs\profiles$\sarahbal\Downloads\5078ef79-0c91-490e-8804-2d49eff106fe.tmp</t>
  </si>
  <si>
    <t>12/27/2019 13:53:31</t>
  </si>
  <si>
    <t>69425045-aa25-4e68-b778-95794ecb2852.tmp</t>
  </si>
  <si>
    <t>\\acsfs\profiles$\marcosvnds\Downloads\69425045-aa25-4e68-b778-95794ecb2852.tmp</t>
  </si>
  <si>
    <t>12/27/2019 13:54:00</t>
  </si>
  <si>
    <t>42a19479-1932-46b4-8fe5-d7c8e6b4714e.tmp</t>
  </si>
  <si>
    <t>\\acsfs\profiles$\marcosvnds\Downloads\42a19479-1932-46b4-8fe5-d7c8e6b4714e.tmp</t>
  </si>
  <si>
    <t>12/27/2019 13:55:19</t>
  </si>
  <si>
    <t>9c5e8743-0599-4eac-863e-da52cc146fbf.tmp</t>
  </si>
  <si>
    <t>\\acsfs\profiles$\marcosvnds\Downloads\9c5e8743-0599-4eac-863e-da52cc146fbf.tmp</t>
  </si>
  <si>
    <t>12/27/2019 13:55:45</t>
  </si>
  <si>
    <t>91610a1e-b2c4-4e29-939a-51170eca8285.tmp</t>
  </si>
  <si>
    <t>\\acsfs\profiles$\marcosvnds\Downloads\91610a1e-b2c4-4e29-939a-51170eca8285.tmp</t>
  </si>
  <si>
    <t>12/27/2019 13:56:22</t>
  </si>
  <si>
    <t>1a1094eb-4bff-4719-a36a-9178499aa1ab.tmp</t>
  </si>
  <si>
    <t>\\acsfs\profiles$\marcosvnds\Downloads\1a1094eb-4bff-4719-a36a-9178499aa1ab.tmp</t>
  </si>
  <si>
    <t>12/27/2019 13:56:26</t>
  </si>
  <si>
    <t>2c9c482c-4bb2-4648-a82d-fbdcd67f18dd.tmp</t>
  </si>
  <si>
    <t>\\acsfs\profiles$\marcosvnds\Downloads\2c9c482c-4bb2-4648-a82d-fbdcd67f18dd.tmp</t>
  </si>
  <si>
    <t>12/27/2019 13:54:50</t>
  </si>
  <si>
    <t>12/27/2019 13:57:58</t>
  </si>
  <si>
    <t>12/27/2019 13:53:26</t>
  </si>
  <si>
    <t>12/27/2019 13:58:58</t>
  </si>
  <si>
    <t>f7dbef44-d6a1-498a-953a-e6885a7d46fe.tmp</t>
  </si>
  <si>
    <t>\\acsfs\profiles$\mariagsg\Downloads\f7dbef44-d6a1-498a-953a-e6885a7d46fe.tmp</t>
  </si>
  <si>
    <t>12/27/2019 13:57:16</t>
  </si>
  <si>
    <t>b5977eaa-95c6-4dfe-9cd5-ba3546f43e24.tmp</t>
  </si>
  <si>
    <t>\\acsfs\profiles$\anafsb\Downloads\b5977eaa-95c6-4dfe-9cd5-ba3546f43e24.tmp</t>
  </si>
  <si>
    <t>12/27/2019 13:57:35</t>
  </si>
  <si>
    <t>12/27/2019 13:55:07</t>
  </si>
  <si>
    <t>12/27/2019 13:54:32</t>
  </si>
  <si>
    <t>12/27/2019 13:59:59</t>
  </si>
  <si>
    <t>12/27/2019 13:55:36</t>
  </si>
  <si>
    <t>12/27/2019 13:54:38</t>
  </si>
  <si>
    <t>unknown.en4n7lr.partial</t>
  </si>
  <si>
    <t>\\acsfs\profiles$\leticiaat\Downloads\unknown.en4n7lr.partial</t>
  </si>
  <si>
    <t>12/27/2019 13:56:27</t>
  </si>
  <si>
    <t>12/27/2019 13:57:05</t>
  </si>
  <si>
    <t>12/27/2019 14:00:58</t>
  </si>
  <si>
    <t>b4c8cb50-64e9-4214-9c39-17853286a49c.tmp</t>
  </si>
  <si>
    <t>\\acsfs\profiles$\gabriellalpr\Downloads\b4c8cb50-64e9-4214-9c39-17853286a49c.tmp</t>
  </si>
  <si>
    <t>12/27/2019 14:01:58</t>
  </si>
  <si>
    <t>58f13d71-bc2d-4548-84db-cf936af7f72e.tmp</t>
  </si>
  <si>
    <t>\\acsfs\profiles$\KARENJSS\Downloads\58f13d71-bc2d-4548-84db-cf936af7f72e.tmp</t>
  </si>
  <si>
    <t>12/27/2019 13:57:56</t>
  </si>
  <si>
    <t>b122e1cb-3ba4-442d-9968-7f7c565337aa.tmp</t>
  </si>
  <si>
    <t>\\acsfs\profiles$\KARENJSS\Downloads\b122e1cb-3ba4-442d-9968-7f7c565337aa.tmp</t>
  </si>
  <si>
    <t>12/27/2019 13:57:39</t>
  </si>
  <si>
    <t>12/27/2019 14:00:32</t>
  </si>
  <si>
    <t>337cf4db-d491-414c-9049-953db9589fe4.tmp</t>
  </si>
  <si>
    <t>\\acsfs\profiles$\sarahbal\Downloads\337cf4db-d491-414c-9049-953db9589fe4.tmp</t>
  </si>
  <si>
    <t>12/27/2019 13:58:15</t>
  </si>
  <si>
    <t>12/27/2019 13:58:16</t>
  </si>
  <si>
    <t>12/27/2019 13:58:17</t>
  </si>
  <si>
    <t>12/27/2019 13:58:18</t>
  </si>
  <si>
    <t>12/27/2019 13:58:19</t>
  </si>
  <si>
    <t>12/27/2019 13:58:20</t>
  </si>
  <si>
    <t>12/27/2019 13:58:33</t>
  </si>
  <si>
    <t>12/27/2019 13:58:38</t>
  </si>
  <si>
    <t>12/27/2019 14:01:34</t>
  </si>
  <si>
    <t>12/27/2019 13:59:18</t>
  </si>
  <si>
    <t>12/27/2019 13:59:21</t>
  </si>
  <si>
    <t>12/27/2019 13:59:22</t>
  </si>
  <si>
    <t>12/27/2019 13:59:23</t>
  </si>
  <si>
    <t>12/27/2019 13:59:24</t>
  </si>
  <si>
    <t>12/27/2019 13:59:25</t>
  </si>
  <si>
    <t>12/27/2019 13:59:26</t>
  </si>
  <si>
    <t>12/27/2019 13:59:27</t>
  </si>
  <si>
    <t>12/27/2019 13:59:28</t>
  </si>
  <si>
    <t>12/27/2019 13:59:29</t>
  </si>
  <si>
    <t>12/27/2019 13:59:30</t>
  </si>
  <si>
    <t>12/27/2019 13:59:31</t>
  </si>
  <si>
    <t>12/27/2019 13:59:32</t>
  </si>
  <si>
    <t>12/27/2019 13:59:33</t>
  </si>
  <si>
    <t>12/27/2019 13:59:34</t>
  </si>
  <si>
    <t>12/27/2019 13:59:35</t>
  </si>
  <si>
    <t>12/27/2019 13:59:36</t>
  </si>
  <si>
    <t>12/27/2019 13:59:37</t>
  </si>
  <si>
    <t>12/27/2019 13:59:38</t>
  </si>
  <si>
    <t>12/27/2019 13:59:39</t>
  </si>
  <si>
    <t>12/27/2019 13:59:40</t>
  </si>
  <si>
    <t>12/27/2019 13:59:41</t>
  </si>
  <si>
    <t>12/27/2019 13:59:42</t>
  </si>
  <si>
    <t>12/27/2019 13:59:43</t>
  </si>
  <si>
    <t>12/27/2019 13:59:44</t>
  </si>
  <si>
    <t>12/27/2019 13:59:45</t>
  </si>
  <si>
    <t>12/27/2019 13:57:42</t>
  </si>
  <si>
    <t>12/27/2019 14:02:58</t>
  </si>
  <si>
    <t>12/27/2019 14:00:39</t>
  </si>
  <si>
    <t>6a219ad8-3822-4eaf-a118-cf95b1bc8fc7.tmp</t>
  </si>
  <si>
    <t>\\acsfs\profiles$\MATEUSJM\Downloads\6a219ad8-3822-4eaf-a118-cf95b1bc8fc7.tmp</t>
  </si>
  <si>
    <t>12/27/2019 14:00:05</t>
  </si>
  <si>
    <t>12/27/2019 14:03:58</t>
  </si>
  <si>
    <t>ENC: Inclusão Empresas na UNE Amex - 27/12</t>
  </si>
  <si>
    <t>17- CONSOLIDADO INCLUSÃO ALGAR -27.12.19.xlsx</t>
  </si>
  <si>
    <t>12/27/2019 14:01:37</t>
  </si>
  <si>
    <t>42a5daf4-01e0-4a02-a6c9-843fc249b19b.tmp</t>
  </si>
  <si>
    <t>\\acsfs\profiles$\eduardofss\Downloads\42a5daf4-01e0-4a02-a6c9-843fc249b19b.tmp</t>
  </si>
  <si>
    <t>12/27/2019 14:01:07</t>
  </si>
  <si>
    <t>12/27/2019 14:01:08</t>
  </si>
  <si>
    <t>12/27/2019 14:02:35</t>
  </si>
  <si>
    <t>12/27/2019 14:04:58</t>
  </si>
  <si>
    <t>12/27/2019 14:04:45</t>
  </si>
  <si>
    <t>12/27/2019 14:05:58</t>
  </si>
  <si>
    <t>\\acsfs\DEPTOS\Operacao\Banco_Votorantim\Qualidade\Josias\</t>
  </si>
  <si>
    <t>Pausas Financeira.xlsx</t>
  </si>
  <si>
    <t>\\acsfs\DEPTOS\Operacao\Banco_Votorantim\Qualidade\Josias\Pausas Financeira.xlsx</t>
  </si>
  <si>
    <t>12/27/2019 14:02:09</t>
  </si>
  <si>
    <t>12/27/2019 14:06:59</t>
  </si>
  <si>
    <t>c9970d8e-3d18-4722-a868-a7e7f0429433.tmp</t>
  </si>
  <si>
    <t>\\acsfs\profiles$\sarahbal\Downloads\c9970d8e-3d18-4722-a868-a7e7f0429433.tmp</t>
  </si>
  <si>
    <t>12/27/2019 14:02:24</t>
  </si>
  <si>
    <t>51ca66db-7150-46f7-b60a-588d917eb317.tmp</t>
  </si>
  <si>
    <t>\\acsfs\profiles$\sarahbal\Downloads\51ca66db-7150-46f7-b60a-588d917eb317.tmp</t>
  </si>
  <si>
    <t>12/27/2019 14:02:49</t>
  </si>
  <si>
    <t>9c64ab23-2637-4fa6-9748-8dd5ab6a026f.tmp</t>
  </si>
  <si>
    <t>\\acsfs\profiles$\sarahbal\Downloads\9c64ab23-2637-4fa6-9748-8dd5ab6a026f.tmp</t>
  </si>
  <si>
    <t>12/27/2019 14:04:12</t>
  </si>
  <si>
    <t>12/27/2019 14:02:38</t>
  </si>
  <si>
    <t>d73f5e2d-5a2f-4dd6-b07f-07800bada280.tmp</t>
  </si>
  <si>
    <t>\\acsfs\profiles$\laylaams\Downloads\d73f5e2d-5a2f-4dd6-b07f-07800bada280.tmp</t>
  </si>
  <si>
    <t>12/27/2019 14:02:47</t>
  </si>
  <si>
    <t>ce2ed747-3d62-44a9-ba1c-e91550e3a282.tmp</t>
  </si>
  <si>
    <t>\\acsfs\profiles$\laylaams\Downloads\ce2ed747-3d62-44a9-ba1c-e91550e3a282.tmp</t>
  </si>
  <si>
    <t>12/27/2019 14:08:17</t>
  </si>
  <si>
    <t>12/27/2019 14:08:59</t>
  </si>
  <si>
    <t>lu234802fhqms.tmp</t>
  </si>
  <si>
    <t>\\acsfs\profiles$\VIVIANALDS\My Documents\lu234802fhqms.tmp</t>
  </si>
  <si>
    <t>\\acsfs\profiles$\VIVIANALDS\My Documents\lu234802fhqms.tmp\</t>
  </si>
  <si>
    <t>\\acsfs\profiles$\VIVIANALDS\My Documents\lu234802fhqms.tmp\META-INF\</t>
  </si>
  <si>
    <t>\\acsfs\profiles$\VIVIANALDS\My Documents\lu234802fhqms.tmp\Thumbnails\</t>
  </si>
  <si>
    <t>12/27/2019 14:07:07</t>
  </si>
  <si>
    <t>12/27/2019 14:07:01</t>
  </si>
  <si>
    <t>12/27/2019 14:10:58</t>
  </si>
  <si>
    <t>543ad6d7-08ec-42f0-9f7b-4cf8cfd39961.tmp</t>
  </si>
  <si>
    <t>\\acsfs\profiles$\victorgl\Downloads\543ad6d7-08ec-42f0-9f7b-4cf8cfd39961.tmp</t>
  </si>
  <si>
    <t>12/27/2019 14:07:18</t>
  </si>
  <si>
    <t>7b0a45db-cc7f-4b2c-ae49-c44a7f78f2e5.tmp</t>
  </si>
  <si>
    <t>\\acsfs\profiles$\victorgl\Downloads\7b0a45db-cc7f-4b2c-ae49-c44a7f78f2e5.tmp</t>
  </si>
  <si>
    <t>12/27/2019 14:07:30</t>
  </si>
  <si>
    <t>ef01ab35-1bc1-4a96-8a00-8f9ad1aae716.tmp</t>
  </si>
  <si>
    <t>\\acsfs\profiles$\gabriellalpr\Downloads\ef01ab35-1bc1-4a96-8a00-8f9ad1aae716.tmp</t>
  </si>
  <si>
    <t>12/27/2019 14:06:46</t>
  </si>
  <si>
    <t>12/27/2019 14:11:58</t>
  </si>
  <si>
    <t>4101c170-1e71-46ec-9eb2-1c251d4d46db.tmp</t>
  </si>
  <si>
    <t>\\acsfs\profiles$\sarahbal\Downloads\4101c170-1e71-46ec-9eb2-1c251d4d46db.tmp</t>
  </si>
  <si>
    <t>12/27/2019 14:10:12</t>
  </si>
  <si>
    <t>12/27/2019 14:07:20</t>
  </si>
  <si>
    <t>Call1_1_6769634951327453049_1_32.wav</t>
  </si>
  <si>
    <t>\\acsfs\Deptos\EDUCACAO EMPRESARIAL\FERNANDA MONIT\Ligação para Mutant terceiro Ciclo\Call1_1_6769634951327453049_1_32.wav</t>
  </si>
  <si>
    <t>12/27/2019 14:08:10</t>
  </si>
  <si>
    <t>Layla Aparecida Macedo Silveira_1_6769634951327453049_1_32.wav</t>
  </si>
  <si>
    <t>\\acsfs\Deptos\EDUCACAO EMPRESARIAL\FERNANDA MONIT\Ligação para Mutant terceiro Ciclo\Layla Aparecida Macedo Silveira_1_6769634951327453049_1_32.wav</t>
  </si>
  <si>
    <t>12/27/2019 14:08:23</t>
  </si>
  <si>
    <t>ab0cdb7c-4aaf-44bd-b3d3-4345de3c5eda.tmp</t>
  </si>
  <si>
    <t>\\acsfs\profiles$\laylaams\Downloads\ab0cdb7c-4aaf-44bd-b3d3-4345de3c5eda.tmp</t>
  </si>
  <si>
    <t>12/27/2019 14:10:03</t>
  </si>
  <si>
    <t>4efa10e8-2d19-42cd-abc1-f8c3274f714b.tmp</t>
  </si>
  <si>
    <t>\\acsfs\profiles$\laylaams\Downloads\4efa10e8-2d19-42cd-abc1-f8c3274f714b.tmp</t>
  </si>
  <si>
    <t>12/27/2019 14:12:03</t>
  </si>
  <si>
    <t>12/27/2019 14:12:58</t>
  </si>
  <si>
    <t>86e41dac-43e8-44d4-901c-a56b10c83716.tmp</t>
  </si>
  <si>
    <t>\\acsfs\profiles$\quindaizaagds\Downloads\86e41dac-43e8-44d4-901c-a56b10c83716.tmp</t>
  </si>
  <si>
    <t>12/27/2019 14:11:39</t>
  </si>
  <si>
    <t>12/27/2019 14:09:21</t>
  </si>
  <si>
    <t>12/27/2019 14:13:58</t>
  </si>
  <si>
    <t>12/27/2019 14:09:22</t>
  </si>
  <si>
    <t>lu1609613al1v.tmp</t>
  </si>
  <si>
    <t>\\acsfs\profiles$\LUCASBS\lu1609613al1v.tmp</t>
  </si>
  <si>
    <t>\\acsfs\profiles$\LUCASBS\lu1609613al1v.tmp\</t>
  </si>
  <si>
    <t>\\acsfs\profiles$\LUCASBS\lu1609613al1v.tmp\META-INF\</t>
  </si>
  <si>
    <t>\\acsfs\profiles$\LUCASBS\lu1609613al1v.tmp\Thumbnails\</t>
  </si>
  <si>
    <t>12/27/2019 14:13:07</t>
  </si>
  <si>
    <t>12/27/2019 14:11:38</t>
  </si>
  <si>
    <t>12/27/2019 14:14:59</t>
  </si>
  <si>
    <t>f57cbb77-4276-468f-a46c-a0b1e2ec3559.tmp</t>
  </si>
  <si>
    <t>\\acsfs\profiles$\fabianobmf\Downloads\f57cbb77-4276-468f-a46c-a0b1e2ec3559.tmp</t>
  </si>
  <si>
    <t>12/27/2019 14:13:01</t>
  </si>
  <si>
    <t>7aaad1f4-833a-407d-bb80-00660f6c4a4e.tmp</t>
  </si>
  <si>
    <t>\\acsfs\profiles$\fabianobmf\Downloads\7aaad1f4-833a-407d-bb80-00660f6c4a4e.tmp</t>
  </si>
  <si>
    <t>12/27/2019 14:12:14</t>
  </si>
  <si>
    <t>e1f185a3-8ad7-4b94-b46b-15e9298ed538.tmp</t>
  </si>
  <si>
    <t>\\acsfs\profiles$\joycemmdl\Downloads\e1f185a3-8ad7-4b94-b46b-15e9298ed538.tmp</t>
  </si>
  <si>
    <t>12/27/2019 14:13:52</t>
  </si>
  <si>
    <t>ee26f864-2222-4fab-a9a7-627a1c18e9cf.tmp</t>
  </si>
  <si>
    <t>\\acsfs\profiles$\joycemmdl\Downloads\ee26f864-2222-4fab-a9a7-627a1c18e9cf.tmp</t>
  </si>
  <si>
    <t>12/27/2019 14:14:29</t>
  </si>
  <si>
    <t>12/27/2019 14:10:42</t>
  </si>
  <si>
    <t>12/27/2019 14:15:58</t>
  </si>
  <si>
    <t>mail.google.com/_/upload?authuser=0&amp;dcp=asu-n&amp;upload_id=AEnB2UoLKlfmv5rUGX0lgIbS61VhW9o2l_cMA5KFu-o0xTp1kXye2KgBRm-EGvHGTmpIhDUKTwLOrsPY3E9oZoCENrlufgQp9Hl6Bl-fbDLUZ_MNb-H4WhE&amp;upload_protocol=resumable</t>
  </si>
  <si>
    <t>CENTURYLINK.xml</t>
  </si>
  <si>
    <t>12/27/2019 14:11:29</t>
  </si>
  <si>
    <t>mail.google.com/_/upload?authuser=0&amp;dcp=asu-n&amp;upload_id=AEnB2Ur5fN8soHb_E9B-4KgQUx7L6Q-F7Rdg9ubHavu1Os2VtznJfcwDBa6OoLZpKMX_y4ylLNHphfv-dBv5kJzj-pLxrGeM-UJ8yXv4ZVse2HoFJWt27eA&amp;upload_protocol=resumable</t>
  </si>
  <si>
    <t>CenturyLink.xlsx</t>
  </si>
  <si>
    <t>12/27/2019 14:15:33</t>
  </si>
  <si>
    <t>https://caey.fa.us2.oraclecloud.com/crmui/faces/fusewelcome?_adf.ctrl-state=15ftlmsit_5</t>
  </si>
  <si>
    <t>"mozilla/5.0 (windows nt 6.1; win64; x64) applewebkit/537.36 (khtml;1;13;13700015;13700109;13700167;13700185;13700235;13700451;137005;13700563;13700607;13700883;13700946;13700951;13700982;13701078;13701139;13701207;13701214;13701235;13701239;13701298;13701418;13701430;13701450]]];13701458;13701486;13701506;13701510;13701534;13701537;13701573;13701577;13701589;13701601;13701609;13701614;13701621;13701625;13701633;13701653;13701657;13701693;13701710;13701749;13701825;13701833;13701901;13701909;13701921;13701953;13701957;13701969;2;36;46;5701393;6.1;[1;[[13701422;[[null;[];[false;[null;drive.web-frontend_20191113.00_p4;false;false];false]];khurkg1ok58neb4";like gecko) chrome/78.0.3904.108 safari/537.36";null;pt-br;true;</t>
  </si>
  <si>
    <t>https://"mozilla/5.0 (windows nt 6.1; win64; x64) applewebkit/537.36 (khtml,1,13,13700015,13700109,13700167,13700185,13700235,13700451,137005,13700563,13700607,13700883,13700946,13700951,13700982,13701078,13701139,13701207,13701214,13701235,13701239,13701298,13701418,13701430,13701450]]],13701458,13701486,13701506,13701510,13701534,13701537,13701573,13701577,13701589,13701601,13701609,13701614,13701621,13701625,13701633,13701653,13701657,13701693,13701710,13701749,13701825,13701833,13701901,13701909,13701921,13701953,13701957,13701969,2,36,46,5701393,6.1,[1,[[13701422,[[null,[],[false,[null,drive.web-frontend_20191113.00_p4,false,false],false]],khurkg1ok58neb4",like gecko) chrome/78.0.3904.108 safari/537.36",null,pt-br,true</t>
  </si>
  <si>
    <t>12/27/2019 14:14:15</t>
  </si>
  <si>
    <t>d3041b6b-a63a-4c04-8a3e-bb8f5750f95a.tmp</t>
  </si>
  <si>
    <t>\\acsfs\profiles$\alinepp\Downloads\d3041b6b-a63a-4c04-8a3e-bb8f5750f95a.tmp</t>
  </si>
  <si>
    <t>12/27/2019 11:25:47</t>
  </si>
  <si>
    <t>12/27/2019 14:16:58</t>
  </si>
  <si>
    <t>10.200.36.23</t>
  </si>
  <si>
    <t>mail.google.com/_/upload?authuser=0&amp;dcp=asu-n&amp;upload_id=AEnB2UqQMc9b8K4h-40OTX7rGfd1j_5_UF21tD1itEYU0-Sx4Z7FGPd8v_bnYczcbO_3Tq6fbP77zUPdBEkc0PB9Vbh1flYT1Q&amp;upload_protocol=resumable</t>
  </si>
  <si>
    <t>C:\Users\humbertoecj\Desktop\myself\BOVESPA\</t>
  </si>
  <si>
    <t>Registro-Operações.xlsx</t>
  </si>
  <si>
    <t>12/27/2019 11:25:52</t>
  </si>
  <si>
    <t>mail.google.com/_/upload?authuser=0&amp;dcp=asu-n&amp;upload_id=AEnB2Up2k7jhixBVZydgrXchCscV-mcBFKhsuVfe-Yy0l6j5A0E5hZgK_Lez5KREi7PCUS5o9Lf45N_6f7ReUCWINI1CvWwOZnwHlp3F0iM3HA1gEl64Wrk&amp;upload_protocol=resumable</t>
  </si>
  <si>
    <t>Registro-Operações (version 1).xlsx</t>
  </si>
  <si>
    <t>mail.google.com/_/upload?authuser=0&amp;dcp=asu-n&amp;upload_id=AEnB2Uq41jtVrf9Vyxx96McPLVdAoBis04DJlqVRQXmxCxTZpai2Zg_GCU5F5ys052VJ-xE9Zwc8fN9U9J0CkPh5AB9BqBezpQ&amp;upload_protocol=resumable</t>
  </si>
  <si>
    <t>Carteira_Acoes.xlsx</t>
  </si>
  <si>
    <t>9b4784f0-e501-4c7f-b05d-1bf13f363031.tmp</t>
  </si>
  <si>
    <t>\\acsfs\profiles$\gabrielarb\Downloads\9b4784f0-e501-4c7f-b05d-1bf13f363031.tmp</t>
  </si>
  <si>
    <t>12/27/2019 14:12:48</t>
  </si>
  <si>
    <t>e6f4d4a2-f1ad-4b3c-8898-f2bde74cb068.tmp</t>
  </si>
  <si>
    <t>\\acsfs\profiles$\fernandofs\Downloads\e6f4d4a2-f1ad-4b3c-8898-f2bde74cb068.tmp</t>
  </si>
  <si>
    <t>12/27/2019 14:13:18</t>
  </si>
  <si>
    <t>06b52ceb-a64f-4b93-a086-47b841f166a9.tmp</t>
  </si>
  <si>
    <t>\\acsfs\profiles$\fernandofs\Downloads\06b52ceb-a64f-4b93-a086-47b841f166a9.tmp</t>
  </si>
  <si>
    <t>12/27/2019 14:16:12</t>
  </si>
  <si>
    <t>12/27/2019 14:14:57</t>
  </si>
  <si>
    <t>12/27/2019 14:15:26</t>
  </si>
  <si>
    <t>c31cf51a-5c0b-4c17-aa48-20946dd6c629.tmp</t>
  </si>
  <si>
    <t>\\acsfs\profiles$\deborahsi\Downloads\c31cf51a-5c0b-4c17-aa48-20946dd6c629.tmp</t>
  </si>
  <si>
    <t>12/27/2019 14:15:44</t>
  </si>
  <si>
    <t>12/27/2019 14:17:58</t>
  </si>
  <si>
    <t>12/27/2019 14:15:45</t>
  </si>
  <si>
    <t>lu768411w7px.tmp</t>
  </si>
  <si>
    <t>\\acsfs\profiles$\dhiulliananads\My Documents\lu768411w7px.tmp</t>
  </si>
  <si>
    <t>\\acsfs\profiles$\dhiulliananads\My Documents\lu768411w7px.tmp\</t>
  </si>
  <si>
    <t>\\acsfs\profiles$\dhiulliananads\My Documents\lu768411w7px.tmp\META-INF\</t>
  </si>
  <si>
    <t>12/27/2019 14:12:37</t>
  </si>
  <si>
    <t>12/27/2019 14:12:41</t>
  </si>
  <si>
    <t>12/27/2019 14:13:56</t>
  </si>
  <si>
    <t>12/27/2019 14:15:09</t>
  </si>
  <si>
    <t>12/27/2019 14:16:31</t>
  </si>
  <si>
    <t>\\acsfs\profiles$\dhiulliananads\My Documents\lu768411w7px.tmp\Thumbnails\</t>
  </si>
  <si>
    <t>12/27/2019 14:16:02</t>
  </si>
  <si>
    <t>12/27/2019 14:18:59</t>
  </si>
  <si>
    <t>12/27/2019 14:16:18</t>
  </si>
  <si>
    <t>f92eb009-5e1d-44d7-9473-67de4535da5e.tmp</t>
  </si>
  <si>
    <t>\\acsfs\profiles$\matheusmax\Downloads\f92eb009-5e1d-44d7-9473-67de4535da5e.tmp</t>
  </si>
  <si>
    <t>12/27/2019 14:17:01</t>
  </si>
  <si>
    <t>ee328cb7-61f8-40ff-a250-938356890528.tmp</t>
  </si>
  <si>
    <t>\\acsfs\profiles$\matheusmax\Downloads\ee328cb7-61f8-40ff-a250-938356890528.tmp</t>
  </si>
  <si>
    <t>12/27/2019 14:14:07</t>
  </si>
  <si>
    <t>ivanetesd@algartech.com;ivanetesd@algartech.com.br;</t>
  </si>
  <si>
    <t>Pendentes</t>
  </si>
  <si>
    <t>ivanetesd@algartech.com,ivanetesd@algartech.com.br</t>
  </si>
  <si>
    <t>12/27/2019 14:14:34</t>
  </si>
  <si>
    <t>welidicdj</t>
  </si>
  <si>
    <t>\\acsfs\profiles$\welidicdj\Downloads\</t>
  </si>
  <si>
    <t>3c741b00-3431-4db4-86fe-c7f6e3bbb70f.tmp</t>
  </si>
  <si>
    <t>\\acsfs\profiles$\welidicdj\Downloads\3c741b00-3431-4db4-86fe-c7f6e3bbb70f.tmp</t>
  </si>
  <si>
    <t>12/27/2019 14:14:17</t>
  </si>
  <si>
    <t>12/27/2019 14:16:23</t>
  </si>
  <si>
    <t>12/27/2019 14:15:30</t>
  </si>
  <si>
    <t>12/27/2019 14:19:58</t>
  </si>
  <si>
    <t>f8aa7c4e-d8a5-4b35-97a7-f336c74c7ffb.tmp</t>
  </si>
  <si>
    <t>\\acsfs\profiles$\regisadsa\Downloads\f8aa7c4e-d8a5-4b35-97a7-f336c74c7ffb.tmp</t>
  </si>
  <si>
    <t>12/27/2019 14:18:10</t>
  </si>
  <si>
    <t>12/27/2019 14:20:58</t>
  </si>
  <si>
    <t>12/27/2019 14:18:40</t>
  </si>
  <si>
    <t>CRISTIANO DE ANDRADE BARBOSA (14469).contact</t>
  </si>
  <si>
    <t>\\acsfs\profiles$\cristianodab\Contacts\CRISTIANO DE ANDRADE BARBOSA (14469).contact</t>
  </si>
  <si>
    <t>12/27/2019 14:18:49</t>
  </si>
  <si>
    <t>12/27/2019 14:18:50</t>
  </si>
  <si>
    <t>12/27/2019 14:18:51</t>
  </si>
  <si>
    <t>12/27/2019 14:18:52</t>
  </si>
  <si>
    <t>12/27/2019 14:18:53</t>
  </si>
  <si>
    <t>12/27/2019 14:18:54</t>
  </si>
  <si>
    <t>12/27/2019 14:19:08</t>
  </si>
  <si>
    <t>12/27/2019 14:19:09</t>
  </si>
  <si>
    <t>12/27/2019 14:18:22</t>
  </si>
  <si>
    <t>12/27/2019 14:18:26</t>
  </si>
  <si>
    <t>12/27/2019 14:15:49</t>
  </si>
  <si>
    <t>e6e6f5c3-cb42-4fe8-987e-c4cdfe4c54b4.tmp</t>
  </si>
  <si>
    <t>\\acsfs\profiles$\alinepp\Downloads\e6e6f5c3-cb42-4fe8-987e-c4cdfe4c54b4.tmp</t>
  </si>
  <si>
    <t>12/27/2019 14:16:07</t>
  </si>
  <si>
    <t>516b6d77-8789-4a58-b9cf-25b861236eef.tmp</t>
  </si>
  <si>
    <t>\\acsfs\profiles$\alinepp\Downloads\516b6d77-8789-4a58-b9cf-25b861236eef.tmp</t>
  </si>
  <si>
    <t>12/27/2019 14:16:11</t>
  </si>
  <si>
    <t>3ef07ab0-aaf7-413c-ac8c-24f4843c8c2f.tmp</t>
  </si>
  <si>
    <t>\\acsfs\profiles$\alinepp\Downloads\3ef07ab0-aaf7-413c-ac8c-24f4843c8c2f.tmp</t>
  </si>
  <si>
    <t>12/27/2019 14:19:24</t>
  </si>
  <si>
    <t>12/27/2019 14:21:58</t>
  </si>
  <si>
    <t>ad944948-e575-4fd3-b98c-8827e24b86f5.tmp</t>
  </si>
  <si>
    <t>\\acsfs\profiles$\gabrielarb\Downloads\ad944948-e575-4fd3-b98c-8827e24b86f5.tmp</t>
  </si>
  <si>
    <t>12/27/2019 14:21:12</t>
  </si>
  <si>
    <t>6fbf6db5-f40c-4da3-8f18-3b63a53e31d1.tmp</t>
  </si>
  <si>
    <t>\\acsfs\profiles$\gabrielarb\Downloads\6fbf6db5-f40c-4da3-8f18-3b63a53e31d1.tmp</t>
  </si>
  <si>
    <t>12/27/2019 14:21:20</t>
  </si>
  <si>
    <t>12/27/2019 14:18:33</t>
  </si>
  <si>
    <t>12/27/2019 14:22:58</t>
  </si>
  <si>
    <t>12/27/2019 14:19:19</t>
  </si>
  <si>
    <t>12/27/2019 14:19:04</t>
  </si>
  <si>
    <t>12/27/2019 14:22:02</t>
  </si>
  <si>
    <t>12/27/2019 14:23:58</t>
  </si>
  <si>
    <t>0b590371-c41b-4186-8c4b-75467d6409bf.tmp</t>
  </si>
  <si>
    <t>\\acsfs\profiles$\fabianafv\Downloads\0b590371-c41b-4186-8c4b-75467d6409bf.tmp</t>
  </si>
  <si>
    <t>12/27/2019 14:23:26</t>
  </si>
  <si>
    <t>CPF 67636896087 RODRIGO TAUDELINO RODRIGUES.pdf</t>
  </si>
  <si>
    <t>\\acsfs\Deptos\EDUCACAO EMPRESARIAL\KÉSIA\LIGAÇÕES 1220\CPF 67636896087 RODRIGO TAUDELINO RODRIGUES.pdf</t>
  </si>
  <si>
    <t>\\acsfs\Deptos\EDUCACAO EMPRESARIAL\KÉSIA\LIGAÇÕES 1220\CPF 67636896087 RODRIGO TAUDELINO RODRIGUES.pdf\</t>
  </si>
  <si>
    <t>\\acsfs\Deptos\EDUCACAO EMPRESARIAL\KÉSIA\LIGAÇÕES 1220\CPF 67636896087 RODRIGO TAUDELINO RODRIGUES.pdf\:Zone.Identifier:$DATA</t>
  </si>
  <si>
    <t>12/27/2019 14:22:16</t>
  </si>
  <si>
    <t>12/27/2019 14:23:05</t>
  </si>
  <si>
    <t>12/27/2019 14:24:58</t>
  </si>
  <si>
    <t>12/27/2019 14:23:22</t>
  </si>
  <si>
    <t>12/27/2019 14:24:32</t>
  </si>
  <si>
    <t>.~lock.geovana 4.ods#</t>
  </si>
  <si>
    <t>\\acsfs\profiles$\geovanaasa\My Documents\.~lock.geovana 4.ods#</t>
  </si>
  <si>
    <t>12/27/2019 14:24:33</t>
  </si>
  <si>
    <t>lu8720889qmew.tmp</t>
  </si>
  <si>
    <t>\\acsfs\profiles$\geovanaasa\My Documents\lu8720889qmew.tmp</t>
  </si>
  <si>
    <t>\\acsfs\profiles$\geovanaasa\My Documents\lu8720889qmew.tmp\</t>
  </si>
  <si>
    <t>\\acsfs\profiles$\geovanaasa\My Documents\lu8720889qmew.tmp\META-INF\</t>
  </si>
  <si>
    <t>\\acsfs\profiles$\geovanaasa\My Documents\lu8720889qmew.tmp\Thumbnails\</t>
  </si>
  <si>
    <t>12/27/2019 14:24:40</t>
  </si>
  <si>
    <t>12/27/2019 14:22:17</t>
  </si>
  <si>
    <t>23749da8-8fee-45b7-a65d-48f836f676d7.tmp</t>
  </si>
  <si>
    <t>\\acsfs\profiles$\geovannasm\Downloads\23749da8-8fee-45b7-a65d-48f836f676d7.tmp</t>
  </si>
  <si>
    <t>12/27/2019 14:24:11</t>
  </si>
  <si>
    <t>60daf858-f335-462f-bd31-370833303261.tmp</t>
  </si>
  <si>
    <t>\\acsfs\profiles$\geovannasm\Downloads\60daf858-f335-462f-bd31-370833303261.tmp</t>
  </si>
  <si>
    <t>12/27/2019 14:23:02</t>
  </si>
  <si>
    <t>12/27/2019 14:25:58</t>
  </si>
  <si>
    <t>12/27/2019 14:20:51</t>
  </si>
  <si>
    <t>12/27/2019 14:20:59</t>
  </si>
  <si>
    <t>12/27/2019 14:21:04</t>
  </si>
  <si>
    <t>12/27/2019 14:25:17</t>
  </si>
  <si>
    <t>daf21150-7a68-48d8-ba5b-0a3fc0c640fe.tmp</t>
  </si>
  <si>
    <t>\\acsfs\profiles$\victorgl\Downloads\daf21150-7a68-48d8-ba5b-0a3fc0c640fe.tmp</t>
  </si>
  <si>
    <t>12/27/2019 14:21:31</t>
  </si>
  <si>
    <t>12/27/2019 14:26:57</t>
  </si>
  <si>
    <t>INFORMAÇÕES DE LAUDO 27-12-2019.txt</t>
  </si>
  <si>
    <t>\\acsfs\DEPTOS\Operacao\Banco_Votorantim\Qualidade\Anderson\Jose\Atualizado\INFORMAÇÕES DE LAUDO 27-12-2019.txt</t>
  </si>
  <si>
    <t>12/27/2019 14:23:12</t>
  </si>
  <si>
    <t>dioniziorn@algartech.com;</t>
  </si>
  <si>
    <t>\\acsfs\engeset\CPV_ULA\ADMINISTRATIVO\CONTROLE ADMINISTRATIVO\DOCUMENTAÇÃO PARA HABILITAÇÃO\Algar Tecnologia\2019\223396 - NATURA - RFI CALL CENTER - 02.10.2019\</t>
  </si>
  <si>
    <t>dioniziorn@algartech.com</t>
  </si>
  <si>
    <t>12/27/2019 14:22:42</t>
  </si>
  <si>
    <t>134b6750-26b9-41b6-b952-4d0dbfde10c3.tmp</t>
  </si>
  <si>
    <t>\\acsfs\profiles$\marcosvnds\Downloads\134b6750-26b9-41b6-b952-4d0dbfde10c3.tmp</t>
  </si>
  <si>
    <t>12/27/2019 14:22:12</t>
  </si>
  <si>
    <t>12/27/2019 14:24:03</t>
  </si>
  <si>
    <t>12/27/2019 14:27:58</t>
  </si>
  <si>
    <t>12/27/2019 14:23:59</t>
  </si>
  <si>
    <t>12/27/2019 14:28:57</t>
  </si>
  <si>
    <t>.~lock.fabiana 26122019.ods#</t>
  </si>
  <si>
    <t>\\acsfs\profiles$\FABIANAFV\My Documents\.~lock.fabiana 26122019.ods#</t>
  </si>
  <si>
    <t>12/27/2019 14:26:33</t>
  </si>
  <si>
    <t>12/27/2019 14:26:36</t>
  </si>
  <si>
    <t>lu97408v0m.tmp</t>
  </si>
  <si>
    <t>\\acsfs\profiles$\FABIANAFV\My Documents\lu97408v0m.tmp</t>
  </si>
  <si>
    <t>\\acsfs\profiles$\FABIANAFV\My Documents\lu97408v0m.tmp\</t>
  </si>
  <si>
    <t>\\acsfs\profiles$\FABIANAFV\My Documents\lu97408v0m.tmp\META-INF\</t>
  </si>
  <si>
    <t>\\acsfs\profiles$\FABIANAFV\My Documents\lu97408v0m.tmp\Thumbnails\</t>
  </si>
  <si>
    <t>12/27/2019 14:27:52</t>
  </si>
  <si>
    <t>12/27/2019 14:26:30</t>
  </si>
  <si>
    <t>530a4afc-40bb-45d4-8ba4-e1292c38f620.tmp</t>
  </si>
  <si>
    <t>\\acsfs\profiles$\henriquehmdo\Downloads\530a4afc-40bb-45d4-8ba4-e1292c38f620.tmp</t>
  </si>
  <si>
    <t>12/27/2019 14:25:08</t>
  </si>
  <si>
    <t>12/27/2019 14:29:58</t>
  </si>
  <si>
    <t>e62ae369-b77c-4629-94c9-59821d64279f.tmp</t>
  </si>
  <si>
    <t>\\acsfs\profiles$\philipegsf\Downloads\e62ae369-b77c-4629-94c9-59821d64279f.tmp</t>
  </si>
  <si>
    <t>12/27/2019 14:29:00</t>
  </si>
  <si>
    <t>12/27/2019 14:29:01</t>
  </si>
  <si>
    <t>lu8720889qmf4.tmp</t>
  </si>
  <si>
    <t>\\acsfs\profiles$\geovanaasa\My Documents\lu8720889qmf4.tmp</t>
  </si>
  <si>
    <t>\\acsfs\profiles$\geovanaasa\My Documents\lu8720889qmf4.tmp\</t>
  </si>
  <si>
    <t>\\acsfs\profiles$\geovanaasa\My Documents\lu8720889qmf4.tmp\META-INF\</t>
  </si>
  <si>
    <t>\\acsfs\profiles$\geovanaasa\My Documents\lu8720889qmf4.tmp\Thumbnails\</t>
  </si>
  <si>
    <t>12/27/2019 14:26:31</t>
  </si>
  <si>
    <t>000c1aea-3520-4cff-bb0f-ec4585b08d53.tmp</t>
  </si>
  <si>
    <t>\\acsfs\profiles$\geovannasm\Downloads\000c1aea-3520-4cff-bb0f-ec4585b08d53.tmp</t>
  </si>
  <si>
    <t>12/27/2019 14:27:32</t>
  </si>
  <si>
    <t>0b436946-9286-4c01-95fb-b864e4d72c16.tmp</t>
  </si>
  <si>
    <t>\\acsfs\profiles$\geovannasm\Downloads\0b436946-9286-4c01-95fb-b864e4d72c16.tmp</t>
  </si>
  <si>
    <t>12/27/2019 14:25:32</t>
  </si>
  <si>
    <t>12/27/2019 14:30:57</t>
  </si>
  <si>
    <t>12/27/2019 14:26:34</t>
  </si>
  <si>
    <t>12/27/2019 14:28:08</t>
  </si>
  <si>
    <t>12/27/2019 14:30:20</t>
  </si>
  <si>
    <t>12/27/2019 14:31:58</t>
  </si>
  <si>
    <t>df3b82cb-12c5-4b67-811c-969bb9809d74.tmp</t>
  </si>
  <si>
    <t>\\acsfs\profiles$\rosileiam\Downloads\df3b82cb-12c5-4b67-811c-969bb9809d74.tmp</t>
  </si>
  <si>
    <t>12/27/2019 14:28:12</t>
  </si>
  <si>
    <t>12/27/2019 14:29:11</t>
  </si>
  <si>
    <t>mail.google.com/_/upload?authuser=1&amp;dcp=asu-n&amp;upload_id=AEnB2Ur7GmSa9mA0urvTQVoghmZE2wmKeoN2Ebef90lqRqrEa-ahPUXL9lhyeqh1RMd9cPI78EdQGorucOz3JF-eY7HLXlowgw&amp;upload_protocol=resumable</t>
  </si>
  <si>
    <t>12/27/2019 14:28:26</t>
  </si>
  <si>
    <t>12/27/2019 14:31:25</t>
  </si>
  <si>
    <t>12/27/2019 14:29:09</t>
  </si>
  <si>
    <t>12/27/2019 14:32:57</t>
  </si>
  <si>
    <t>3ff4d999-1249-4c1d-af68-c36d093c261b.tmp</t>
  </si>
  <si>
    <t>\\acsfs\profiles$\welidicdj\Downloads\3ff4d999-1249-4c1d-af68-c36d093c261b.tmp</t>
  </si>
  <si>
    <t>12/27/2019 14:29:15</t>
  </si>
  <si>
    <t>Q29udHJvbGxlci5QYXl3YXJl (15).ica</t>
  </si>
  <si>
    <t>\\acsfs\profiles$\welidicdj\Downloads\Q29udHJvbGxlci5QYXl3YXJl (15).ica</t>
  </si>
  <si>
    <t>12/27/2019 14:32:24</t>
  </si>
  <si>
    <t>12/27/2019 14:33:58</t>
  </si>
  <si>
    <t>RES: Ponto de Controle - Rotinas - ATA - 20/12</t>
  </si>
  <si>
    <t>ENC Levantamento VIP - Mondelez CRM000320003851.msg\s1\</t>
  </si>
  <si>
    <t>ANX_Levantamento_Acompanhamento_VIPS_16_12_2019.xlsx</t>
  </si>
  <si>
    <t>12/27/2019 14:33:17</t>
  </si>
  <si>
    <t>7c1e7688-201b-466e-9204-8c4a615a6d05.tmp</t>
  </si>
  <si>
    <t>\\acsfs\profiles$\anafsb\Downloads\7c1e7688-201b-466e-9204-8c4a615a6d05.tmp</t>
  </si>
  <si>
    <t>12/27/2019 14:29:48</t>
  </si>
  <si>
    <t>CPF 14466837880 - OPERADOR LEONARDO COSTA BARROS_1_6761550577335877567_1_32.wav</t>
  </si>
  <si>
    <t>\\acsfs\Deptos\EDUCACAO EMPRESARIAL\KÉSIA\OUVIDORIA, PROCON, BACEN E RECLAME AQUI\CPF 14466837880 - OPERADOR LEONARDO COSTA BARROS_1_6761550577335877567_1_32.wav</t>
  </si>
  <si>
    <t>12/27/2019 14:30:34</t>
  </si>
  <si>
    <t>12/27/2019 14:32:19</t>
  </si>
  <si>
    <t>12/27/2019 14:32:30</t>
  </si>
  <si>
    <t>algartechcpcbv@algartech.com;andrelps@algartech.com;flora.lira@bv.com.br;gabrielsma@algartech.com;jose.gomes@bv.com.br;rafaelggs@algartech.com;viniciussg@algartech.com;</t>
  </si>
  <si>
    <t>algartechcpcbv@algartech.com,andrelps@algartech.com,flora.lira@bv.com.br,gabrielsma@algartech.com,jose.gomes@bv.com.br,rafaelggs@algartech.com,viniciussg@algartech.com</t>
  </si>
  <si>
    <t>12/27/2019 14:32:34</t>
  </si>
  <si>
    <t>algartechcpcbv@algartech.com;andrelps@algartech.com;flora.lira@bv.com.br;gabrielsma@algartech.com;jose.gomes@bv.com.br;rafaelggs@algartech.com;</t>
  </si>
  <si>
    <t>algartechcpcbv@algartech.com,andrelps@algartech.com,flora.lira@bv.com.br,gabrielsma@algartech.com,jose.gomes@bv.com.br,rafaelggs@algartech.com</t>
  </si>
  <si>
    <t>12/27/2019 14:32:40</t>
  </si>
  <si>
    <t>algartechcpcbv@algartech.com;andrelps@algartech.com;flora.lira@bv.com.br;gabrielsma@algartech.com;jose.gomes@bv.com.br;leonardoao@algartech.com;rafaelggs@algartech.com;</t>
  </si>
  <si>
    <t>algartechcpcbv@algartech.com,andrelps@algartech.com,flora.lira@bv.com.br,gabrielsma@algartech.com,jose.gomes@bv.com.br,leonardoao@algartech.com,rafaelggs@algartech.com</t>
  </si>
  <si>
    <t>12/27/2019 14:31:08</t>
  </si>
  <si>
    <t>12/27/2019 14:29:12</t>
  </si>
  <si>
    <t>12/27/2019 14:34:57</t>
  </si>
  <si>
    <t>5ed9b305-0640-4e9a-a36d-ae35014f1f52.tmp</t>
  </si>
  <si>
    <t>\\acsfs\profiles$\philipegsf\Downloads\5ed9b305-0640-4e9a-a36d-ae35014f1f52.tmp</t>
  </si>
  <si>
    <t>12/27/2019 14:33:23</t>
  </si>
  <si>
    <t>12/27/2019 14:29:28</t>
  </si>
  <si>
    <t>12/27/2019 14:32:36</t>
  </si>
  <si>
    <t>12/27/2019 14:35:58</t>
  </si>
  <si>
    <t>12/27/2019 14:33:27</t>
  </si>
  <si>
    <t>12/27/2019 14:34:48</t>
  </si>
  <si>
    <t>12/27/2019 14:35:20</t>
  </si>
  <si>
    <t>12/27/2019 14:36:59</t>
  </si>
  <si>
    <t>\\acsfs\profiles$\wenderbnm\Downloads\WavesAudio.MaxxAudioProforDell2019_fh4rh281wavaa!App\</t>
  </si>
  <si>
    <t>\\acsfs\profiles$\wenderbnm\Downloads\WavesAudio.MaxxAudioProforDell2019_fh4rh281wavaa!App\desktop.ini</t>
  </si>
  <si>
    <t>12/27/2019 14:35:21</t>
  </si>
  <si>
    <t>LocalFolder.txt</t>
  </si>
  <si>
    <t>\\acsfs\profiles$\wenderbnm\Downloads\WavesAudio.MaxxAudioProforDell2019_fh4rh281wavaa!App\LocalFolder.txt</t>
  </si>
  <si>
    <t>12/27/2019 14:36:19</t>
  </si>
  <si>
    <t>12/27/2019 14:32:10</t>
  </si>
  <si>
    <t>d6ca710e-41db-4112-b7f0-637c250e55d5.tmp</t>
  </si>
  <si>
    <t>\\acsfs\profiles$\rosileiam\Downloads\d6ca710e-41db-4112-b7f0-637c250e55d5.tmp</t>
  </si>
  <si>
    <t>12/27/2019 14:34:12</t>
  </si>
  <si>
    <t>12/27/2019 14:36:16</t>
  </si>
  <si>
    <t>0b0c77d8-f828-4a48-9d73-a1d7c5343b9a.tmp</t>
  </si>
  <si>
    <t>\\acsfs\profiles$\deborahsi\Downloads\0b0c77d8-f828-4a48-9d73-a1d7c5343b9a.tmp</t>
  </si>
  <si>
    <t>12/27/2019 14:34:06</t>
  </si>
  <si>
    <t>12/27/2019 14:37:59</t>
  </si>
  <si>
    <t>12/27/2019 14:34:46</t>
  </si>
  <si>
    <t>mail.google.com/_/upload?authuser=0&amp;dcp=asu-n&amp;upload_id=AEnB2UoEfAEiKSgHMHBdYREdsnmDcrEAxtWbHmdc1aEPJfkq1xF0pk8_1j7sH--8WM-t2Nm1Ml_AMslVIl9gAgVTvYK1rxlDU_f7TNbh5N375XzGOrD8YpI&amp;upload_protocol=resumable</t>
  </si>
  <si>
    <t>Avalização Volume Categorizações Dez-2019 - Até 26-12-19.xls</t>
  </si>
  <si>
    <t>12/27/2019 14:37:55</t>
  </si>
  <si>
    <t>12/27/2019 14:39:00</t>
  </si>
  <si>
    <t>12/27/2019 14:37:09</t>
  </si>
  <si>
    <t>12/27/2019 14:38:36</t>
  </si>
  <si>
    <t>12/27/2019 14:39:59</t>
  </si>
  <si>
    <t>12/27/2019 14:34:13</t>
  </si>
  <si>
    <t>12/27/2019 14:37:58</t>
  </si>
  <si>
    <t>956d2399-e48c-40e3-97c8-43e1fbe24b5f.tmp</t>
  </si>
  <si>
    <t>\\acsfs\profiles$\mariajra\Downloads\956d2399-e48c-40e3-97c8-43e1fbe24b5f.tmp</t>
  </si>
  <si>
    <t>12/27/2019 14:38:54</t>
  </si>
  <si>
    <t>12/27/2019 14:40:59</t>
  </si>
  <si>
    <t>mail.google.com/_/upload?authuser=0&amp;dcp=asu-n&amp;upload_id=AEnB2UoCkWQ5x6akyar0LbtTZgp3kzof56MHy0pCmgvQgRfh4JQg1yNkKiYc78EV9Kj9zhAH2JzYwzlGNvR-xi159ADfgSJjv-s74_KLWfVr2mXvbgk33pE&amp;upload_protocol=resumable</t>
  </si>
  <si>
    <t>Controle FatB Dez 2019 .xlsx</t>
  </si>
  <si>
    <t>12/27/2019 14:35:34</t>
  </si>
  <si>
    <t>\\acsfs\profiles$\valeriasda\Downloads\WavesAudio.MaxxAudioProforDell2019_fh4rh281wavaa!App\</t>
  </si>
  <si>
    <t>\\acsfs\profiles$\valeriasda\Downloads\WavesAudio.MaxxAudioProforDell2019_fh4rh281wavaa!App\desktop.ini</t>
  </si>
  <si>
    <t>12/27/2019 14:35:35</t>
  </si>
  <si>
    <t>\\acsfs\profiles$\valeriasda\Downloads\WavesAudio.MaxxAudioProforDell2019_fh4rh281wavaa!App\LocalFolder.txt</t>
  </si>
  <si>
    <t>12/27/2019 14:38:11</t>
  </si>
  <si>
    <t>4d87c903-bfd9-4220-9f1d-c5e63349ca99.tmp</t>
  </si>
  <si>
    <t>\\acsfs\profiles$\alinepp\Downloads\4d87c903-bfd9-4220-9f1d-c5e63349ca99.tmp</t>
  </si>
  <si>
    <t>12/27/2019 14:37:50</t>
  </si>
  <si>
    <t>12/27/2019 14:41:59</t>
  </si>
  <si>
    <t>https://bancovotorantim.fluig.com/fluig-tools/upload</t>
  </si>
  <si>
    <t>\\acsfs\engeset\CPV_ULA\ADMINISTRATIVO\CONTROLE ADMINISTRATIVO\DOCUMENTAÇÃO PARA HABILITAÇÃO\Algar Tecnologia\2019\000000 - BANCO VOTORANTIM - SC 217561 - BACK OFFICE - 02.12.2019\27.12.2019\</t>
  </si>
  <si>
    <t>Tabela de Preços - Algar Tech.xlsx</t>
  </si>
  <si>
    <t>12/27/2019 14:41:05</t>
  </si>
  <si>
    <t>12/27/2019 14:40:12</t>
  </si>
  <si>
    <t>12/27/2019 14:37:41</t>
  </si>
  <si>
    <t>d6b55ac8-1acd-483c-93b7-f20d5a81fece.tmp</t>
  </si>
  <si>
    <t>\\acsfs\profiles$\deborahsi\Downloads\d6b55ac8-1acd-483c-93b7-f20d5a81fece.tmp</t>
  </si>
  <si>
    <t>12/27/2019 14:39:52</t>
  </si>
  <si>
    <t>lu9652ifo4e.tmp</t>
  </si>
  <si>
    <t>\\acsfs\profiles$\victoriaksr\My Documents\lu9652ifo4e.tmp</t>
  </si>
  <si>
    <t>12/27/2019 14:41:08</t>
  </si>
  <si>
    <t>12/27/2019 14:42:59</t>
  </si>
  <si>
    <t>12/27/2019 14:41:15</t>
  </si>
  <si>
    <t>C:\Users\paulacris\Desktop\</t>
  </si>
  <si>
    <t>Rayanne Herculano Pausas.xlsx</t>
  </si>
  <si>
    <t>12/27/2019 14:41:55</t>
  </si>
  <si>
    <t>12/27/2019 14:40:30</t>
  </si>
  <si>
    <t>12/27/2019 14:41:19</t>
  </si>
  <si>
    <t>d89c6e6f-330f-4055-8146-76592b0549be.tmp</t>
  </si>
  <si>
    <t>\\acsfs\profiles$\brunalas\Downloads\d89c6e6f-330f-4055-8146-76592b0549be.tmp</t>
  </si>
  <si>
    <t>12/27/2019 14:42:23</t>
  </si>
  <si>
    <t>5654d9fd-bf36-4a3f-a852-727dcd922479.tmp</t>
  </si>
  <si>
    <t>\\acsfs\profiles$\brunalas\Downloads\5654d9fd-bf36-4a3f-a852-727dcd922479.tmp</t>
  </si>
  <si>
    <t>12/27/2019 14:42:41</t>
  </si>
  <si>
    <t>12/27/2019 14:42:44</t>
  </si>
  <si>
    <t>12/27/2019 14:42:45</t>
  </si>
  <si>
    <t>12/27/2019 14:42:46</t>
  </si>
  <si>
    <t>12/27/2019 14:42:47</t>
  </si>
  <si>
    <t>12/27/2019 14:42:48</t>
  </si>
  <si>
    <t>12/27/2019 14:42:49</t>
  </si>
  <si>
    <t>12/27/2019 14:42:50</t>
  </si>
  <si>
    <t>12/27/2019 14:42:16</t>
  </si>
  <si>
    <t>12/27/2019 14:43:59</t>
  </si>
  <si>
    <t>\\acsfs\profiles$\tainaralg\Contacts\</t>
  </si>
  <si>
    <t>TAINARA LUCIANA GUIMARAES (27).contact</t>
  </si>
  <si>
    <t>\\acsfs\profiles$\tainaralg\Contacts\TAINARA LUCIANA GUIMARAES (27).contact</t>
  </si>
  <si>
    <t>12/27/2019 14:42:17</t>
  </si>
  <si>
    <t>12/27/2019 14:42:28</t>
  </si>
  <si>
    <t>\\acsfs\profiles$\tainaralg\My Documents\My Videos\</t>
  </si>
  <si>
    <t>\\acsfs\profiles$\tainaralg\My Documents\My Videos\desktop.ini</t>
  </si>
  <si>
    <t>12/27/2019 14:42:29</t>
  </si>
  <si>
    <t>\\acsfs\profiles$\tainaralg\My Documents\My Pictures\</t>
  </si>
  <si>
    <t>\\acsfs\profiles$\tainaralg\My Documents\My Pictures\desktop.ini</t>
  </si>
  <si>
    <t>12/27/2019 14:42:30</t>
  </si>
  <si>
    <t>12/27/2019 14:42:31</t>
  </si>
  <si>
    <t>\\acsfs\profiles$\tainaralg\Contacts\desktop.ini</t>
  </si>
  <si>
    <t>12/27/2019 14:42:32</t>
  </si>
  <si>
    <t>\\acsfs\profiles$\tainaralg\Favorites\</t>
  </si>
  <si>
    <t>\\acsfs\profiles$\tainaralg\Favorites\desktop.ini</t>
  </si>
  <si>
    <t>12/27/2019 14:42:33</t>
  </si>
  <si>
    <t>12/27/2019 14:42:34</t>
  </si>
  <si>
    <t>\\acsfs\profiles$\tainaralg\My Documents\My Music\</t>
  </si>
  <si>
    <t>\\acsfs\profiles$\tainaralg\My Documents\My Music\desktop.ini</t>
  </si>
  <si>
    <t>12/27/2019 14:42:35</t>
  </si>
  <si>
    <t>12/27/2019 14:42:37</t>
  </si>
  <si>
    <t>\\acsfs\profiles$\tainaralg\Searches\</t>
  </si>
  <si>
    <t>\\acsfs\profiles$\tainaralg\Searches\desktop.ini</t>
  </si>
  <si>
    <t>12/27/2019 14:42:38</t>
  </si>
  <si>
    <t>\\acsfs\profiles$\tainaralg\Downloads\</t>
  </si>
  <si>
    <t>\\acsfs\profiles$\tainaralg\Downloads\desktop.ini</t>
  </si>
  <si>
    <t>12/27/2019 14:38:57</t>
  </si>
  <si>
    <t>12/27/2019 14:42:39</t>
  </si>
  <si>
    <t>12/27/2019 14:42:40</t>
  </si>
  <si>
    <t>\\acsfs\profiles$\tainaralg\My Documents\</t>
  </si>
  <si>
    <t>\\acsfs\profiles$\tainaralg\My Documents\desktop.ini</t>
  </si>
  <si>
    <t>12/27/2019 14:42:42</t>
  </si>
  <si>
    <t>\\acsfs\profiles$\tainaralg\Saved Games\</t>
  </si>
  <si>
    <t>\\acsfs\profiles$\tainaralg\Saved Games\desktop.ini</t>
  </si>
  <si>
    <t>12/27/2019 14:42:58</t>
  </si>
  <si>
    <t>\\acsfs\profiles$\tainaralg\Favorites\Links for Brasil\</t>
  </si>
  <si>
    <t>\\acsfs\profiles$\tainaralg\Favorites\Links for Brasil\desktop.ini</t>
  </si>
  <si>
    <t>12/27/2019 14:43:00</t>
  </si>
  <si>
    <t>\\acsfs\profiles$\tainaralg\Favorites\Links for Brasil\Microsoft Brasil.url</t>
  </si>
  <si>
    <t>12/27/2019 14:38:26</t>
  </si>
  <si>
    <t>camiladps@algartech.com.br;ericsonns@algartech.com.br;franciscoeag@algartech.com.br;ivanetesd@algartech.com.br;marciellasn@algartech.com.br;renatass@algartech.com.br;vanusaos@algartech.com.br;williamcc@algartech.com.br;</t>
  </si>
  <si>
    <t>RES: RES: solicitação de Filas Gestor de Portifólio Vale e UCB</t>
  </si>
  <si>
    <t>Pendentes.msg\s1\</t>
  </si>
  <si>
    <t>camiladps@algartech.com.br,ericsonns@algartech.com.br,franciscoeag@algartech.com.br,ivanetesd@algartech.com.br,marciellasn@algartech.com.br,renatass@algartech.com.br,vanusaos@algartech.com.br,williamcc@algartech.com.br</t>
  </si>
  <si>
    <t>12/27/2019 14:39:16</t>
  </si>
  <si>
    <t>ENC: Ponto de Controle - Rotinas - ATA - 20/12</t>
  </si>
  <si>
    <t>ROTINAS.zip\ROTINAS\</t>
  </si>
  <si>
    <t>Base Retorno A‡Æo de Repescagem.xlsx</t>
  </si>
  <si>
    <t>12/27/2019 14:38:44</t>
  </si>
  <si>
    <t>41f5a55b-d2b1-4308-b7ec-a61ef75d1b98.tmp</t>
  </si>
  <si>
    <t>\\acsfs\profiles$\henriquehmdo\Downloads\41f5a55b-d2b1-4308-b7ec-a61ef75d1b98.tmp</t>
  </si>
  <si>
    <t>12/27/2019 14:40:50</t>
  </si>
  <si>
    <t>d0007efa-54ac-433b-9bc8-b279566e5fc4.tmp</t>
  </si>
  <si>
    <t>\\acsfs\profiles$\henriquehmdo\Downloads\d0007efa-54ac-433b-9bc8-b279566e5fc4.tmp</t>
  </si>
  <si>
    <t>12/27/2019 14:39:07</t>
  </si>
  <si>
    <t>12/27/2019 14:39:21</t>
  </si>
  <si>
    <t>12/27/2019 14:39:45</t>
  </si>
  <si>
    <t>12/27/2019 14:40:02</t>
  </si>
  <si>
    <t>12/27/2019 14:40:10</t>
  </si>
  <si>
    <t>12/27/2019 14:40:24</t>
  </si>
  <si>
    <t>andrelps@algartech.com;ouvidoria@algar.com.br;</t>
  </si>
  <si>
    <t>andrelps@algartech.com,ouvidoria@algar.com.br</t>
  </si>
  <si>
    <t>12/27/2019 14:40:26</t>
  </si>
  <si>
    <t>12/27/2019 14:40:42</t>
  </si>
  <si>
    <t>12/27/2019 14:43:29</t>
  </si>
  <si>
    <t>12/27/2019 14:43:08</t>
  </si>
  <si>
    <t>12/27/2019 14:45:02</t>
  </si>
  <si>
    <t>12/27/2019 14:46:00</t>
  </si>
  <si>
    <t>12/27/2019 14:45:15</t>
  </si>
  <si>
    <t>12/27/2019 14:45:17</t>
  </si>
  <si>
    <t>12/27/2019 14:43:15</t>
  </si>
  <si>
    <t>12/27/2019 14:44:15</t>
  </si>
  <si>
    <t>12/27/2019 14:44:45</t>
  </si>
  <si>
    <t>d35f5a4e-3ba8-4cbd-9010-9846a645cc4e.tmp</t>
  </si>
  <si>
    <t>\\acsfs\profiles$\victorgl\Downloads\d35f5a4e-3ba8-4cbd-9010-9846a645cc4e.tmp</t>
  </si>
  <si>
    <t>12/27/2019 14:45:39</t>
  </si>
  <si>
    <t>12/27/2019 14:44:22</t>
  </si>
  <si>
    <t>12/27/2019 14:46:59</t>
  </si>
  <si>
    <t>88642b71-4cd5-4fb2-a3b9-2f3bbcc0ad7b.tmp</t>
  </si>
  <si>
    <t>\\acsfs\profiles$\vivianibfs\Downloads\88642b71-4cd5-4fb2-a3b9-2f3bbcc0ad7b.tmp</t>
  </si>
  <si>
    <t>12/27/2019 14:45:53</t>
  </si>
  <si>
    <t>7b0931a4-7297-45b7-b9b8-d8073ba44b12.tmp</t>
  </si>
  <si>
    <t>\\acsfs\profiles$\vivianibfs\Downloads\7b0931a4-7297-45b7-b9b8-d8073ba44b12.tmp</t>
  </si>
  <si>
    <t>12/27/2019 14:46:09</t>
  </si>
  <si>
    <t>4b73f860-b911-483f-a90d-31c1c0d9ebc4.tmp</t>
  </si>
  <si>
    <t>\\acsfs\profiles$\vivianibfs\Downloads\4b73f860-b911-483f-a90d-31c1c0d9ebc4.tmp</t>
  </si>
  <si>
    <t>12/27/2019 14:46:12</t>
  </si>
  <si>
    <t>12/27/2019 14:44:16</t>
  </si>
  <si>
    <t>12/27/2019 14:47:58</t>
  </si>
  <si>
    <t>57a02b29-1e10-4dbf-ac51-6795a7e48927.tmp</t>
  </si>
  <si>
    <t>\\acsfs\profiles$\quindaizaagds\Downloads\57a02b29-1e10-4dbf-ac51-6795a7e48927.tmp</t>
  </si>
  <si>
    <t>12/27/2019 14:44:17</t>
  </si>
  <si>
    <t>c153f1c0-942a-4f4b-a587-9330d5968000.tmp</t>
  </si>
  <si>
    <t>\\acsfs\profiles$\quindaizaagds\Downloads\c153f1c0-942a-4f4b-a587-9330d5968000.tmp</t>
  </si>
  <si>
    <t>12/27/2019 14:44:30</t>
  </si>
  <si>
    <t>80d63bc1-192e-4fd2-af4a-43442c5065b1.tmp</t>
  </si>
  <si>
    <t>\\acsfs\profiles$\quindaizaagds\Downloads\80d63bc1-192e-4fd2-af4a-43442c5065b1.tmp</t>
  </si>
  <si>
    <t>12/27/2019 14:42:51</t>
  </si>
  <si>
    <t>12/27/2019 14:42:57</t>
  </si>
  <si>
    <t>12/27/2019 14:43:04</t>
  </si>
  <si>
    <t>12/27/2019 14:43:12</t>
  </si>
  <si>
    <t>12/27/2019 14:43:17</t>
  </si>
  <si>
    <t>12/27/2019 14:43:34</t>
  </si>
  <si>
    <t>cb2adfb8-5b80-4b90-b148-00c8afe8c82c.tmp</t>
  </si>
  <si>
    <t>\\acsfs\profiles$\brunalas\Downloads\cb2adfb8-5b80-4b90-b148-00c8afe8c82c.tmp</t>
  </si>
  <si>
    <t>12/27/2019 14:42:52</t>
  </si>
  <si>
    <t>12/27/2019 14:42:53</t>
  </si>
  <si>
    <t>12/27/2019 14:42:55</t>
  </si>
  <si>
    <t>12/27/2019 14:42:56</t>
  </si>
  <si>
    <t>12/27/2019 14:43:01</t>
  </si>
  <si>
    <t>12/27/2019 14:43:03</t>
  </si>
  <si>
    <t>12/27/2019 14:43:05</t>
  </si>
  <si>
    <t>12/27/2019 14:43:07</t>
  </si>
  <si>
    <t>12/27/2019 14:43:09</t>
  </si>
  <si>
    <t>12/27/2019 14:43:10</t>
  </si>
  <si>
    <t>12/27/2019 14:43:14</t>
  </si>
  <si>
    <t>12/27/2019 14:43:16</t>
  </si>
  <si>
    <t>12/27/2019 14:43:18</t>
  </si>
  <si>
    <t>12/27/2019 14:43:19</t>
  </si>
  <si>
    <t>12/27/2019 14:43:20</t>
  </si>
  <si>
    <t>12/27/2019 14:43:21</t>
  </si>
  <si>
    <t>12/27/2019 14:43:22</t>
  </si>
  <si>
    <t>12/27/2019 14:43:23</t>
  </si>
  <si>
    <t>12/27/2019 14:43:25</t>
  </si>
  <si>
    <t>12/27/2019 14:43:47</t>
  </si>
  <si>
    <t>winrt--{S-1-5-21-602162358-764733703-839522115-358590}-.searchconnector-ms</t>
  </si>
  <si>
    <t>\\acsfs\profiles$\thaynaracsl\Searches\winrt--{S-1-5-21-602162358-764733703-839522115-358590}-.searchconnector-ms</t>
  </si>
  <si>
    <t>12/27/2019 14:45:58</t>
  </si>
  <si>
    <t>12/27/2019 14:48:59</t>
  </si>
  <si>
    <t>12/27/2019 14:43:36</t>
  </si>
  <si>
    <t>3d7e0e55-f76f-43e4-b5b9-eb8ccab8bd12.tmp</t>
  </si>
  <si>
    <t>\\acsfs\profiles$\fabianafv\Downloads\3d7e0e55-f76f-43e4-b5b9-eb8ccab8bd12.tmp</t>
  </si>
  <si>
    <t>\\acsfs\profiles$\tainaralg\Favorites\Links for Brasil\Windows Brasil.url</t>
  </si>
  <si>
    <t>\\acsfs\profiles$\tainaralg\Favorites\Links for Brasil\MSN Brasil.url</t>
  </si>
  <si>
    <t>12/27/2019 14:45:38</t>
  </si>
  <si>
    <t>12/27/2019 14:45:42</t>
  </si>
  <si>
    <t>ee071cdc-6f3d-4506-a524-fb0e4e0b9f1a.tmp</t>
  </si>
  <si>
    <t>\\acsfs\profiles$\edicarlosdl\Downloads\ee071cdc-6f3d-4506-a524-fb0e4e0b9f1a.tmp</t>
  </si>
  <si>
    <t>12/27/2019 14:47:08</t>
  </si>
  <si>
    <t>c46a42e1-65cb-415f-bc1f-7d98fa5aec54.tmp</t>
  </si>
  <si>
    <t>\\acsfs\profiles$\edicarlosdl\Downloads\c46a42e1-65cb-415f-bc1f-7d98fa5aec54.tmp</t>
  </si>
  <si>
    <t>12/27/2019 14:47:10</t>
  </si>
  <si>
    <t>732c61a9-2a81-44ca-bc1c-8066a0e36e19.tmp</t>
  </si>
  <si>
    <t>\\acsfs\profiles$\edicarlosdl\Downloads\732c61a9-2a81-44ca-bc1c-8066a0e36e19.tmp</t>
  </si>
  <si>
    <t>12/27/2019 14:47:56</t>
  </si>
  <si>
    <t>155b27d2-9e6b-4a37-9f3e-e55a8159ea60.tmp</t>
  </si>
  <si>
    <t>\\acsfs\profiles$\brendadsl\Downloads\155b27d2-9e6b-4a37-9f3e-e55a8159ea60.tmp</t>
  </si>
  <si>
    <t>cc2bfa7a-d85a-4ee1-865d-22a35493ccf7.tmp</t>
  </si>
  <si>
    <t>\\acsfs\profiles$\brendadsl\Downloads\cc2bfa7a-d85a-4ee1-865d-22a35493ccf7.tmp</t>
  </si>
  <si>
    <t>12/27/2019 14:45:36</t>
  </si>
  <si>
    <t>12/27/2019 14:50:59</t>
  </si>
  <si>
    <t>12/27/2019 14:45:37</t>
  </si>
  <si>
    <t>lu470765r1fhv.tmp</t>
  </si>
  <si>
    <t>\\acsfs\profiles$\jonatanls\My Documents\lu470765r1fhv.tmp</t>
  </si>
  <si>
    <t>12/27/2019 14:49:58</t>
  </si>
  <si>
    <t>12/27/2019 14:48:04</t>
  </si>
  <si>
    <t>ad919389-9549-4546-8f8c-d4dbab2cb33f.tmp</t>
  </si>
  <si>
    <t>\\acsfs\profiles$\alessandraan\Downloads\ad919389-9549-4546-8f8c-d4dbab2cb33f.tmp</t>
  </si>
  <si>
    <t>12/27/2019 14:49:09</t>
  </si>
  <si>
    <t>148e26de-53dd-42c6-bfd9-980db3ac3668.tmp</t>
  </si>
  <si>
    <t>\\acsfs\profiles$\victorgl\Downloads\148e26de-53dd-42c6-bfd9-980db3ac3668.tmp</t>
  </si>
  <si>
    <t>12/27/2019 14:46:23</t>
  </si>
  <si>
    <t>12/27/2019 14:51:59</t>
  </si>
  <si>
    <t>6392f28c-c240-4794-96de-d3024c11b9da.tmp</t>
  </si>
  <si>
    <t>\\acsfs\profiles$\vivianibfs\Downloads\6392f28c-c240-4794-96de-d3024c11b9da.tmp</t>
  </si>
  <si>
    <t>12/27/2019 14:49:19</t>
  </si>
  <si>
    <t>5113d71a-9261-479e-acfd-199005aee30d.tmp</t>
  </si>
  <si>
    <t>\\acsfs\profiles$\gabrielarb\Downloads\5113d71a-9261-479e-acfd-199005aee30d.tmp</t>
  </si>
  <si>
    <t>12/27/2019 14:50:11</t>
  </si>
  <si>
    <t>2d6ff95b-6036-4448-aaab-cbdd773c4acc.tmp</t>
  </si>
  <si>
    <t>\\acsfs\profiles$\gabrielarb\Downloads\2d6ff95b-6036-4448-aaab-cbdd773c4acc.tmp</t>
  </si>
  <si>
    <t>12/27/2019 14:46:57</t>
  </si>
  <si>
    <t>12/27/2019 14:49:27</t>
  </si>
  <si>
    <t>12/27/2019 14:52:59</t>
  </si>
  <si>
    <t>12/27/2019 14:50:34</t>
  </si>
  <si>
    <t>12/27/2019 14:50:44</t>
  </si>
  <si>
    <t>12/27/2019 14:50:47</t>
  </si>
  <si>
    <t>12/27/2019 14:49:31</t>
  </si>
  <si>
    <t>12/27/2019 14:52:25</t>
  </si>
  <si>
    <t>12/27/2019 14:52:39</t>
  </si>
  <si>
    <t>12/27/2019 14:52:40</t>
  </si>
  <si>
    <t>12/27/2019 14:49:38</t>
  </si>
  <si>
    <t>12/27/2019 14:53:59</t>
  </si>
  <si>
    <t>12/27/2019 14:48:27</t>
  </si>
  <si>
    <t>24a8607f-d2ba-4b42-a5c7-b3e0331be6a7.tmp</t>
  </si>
  <si>
    <t>\\acsfs\profiles$\brendadsl\Downloads\24a8607f-d2ba-4b42-a5c7-b3e0331be6a7.tmp</t>
  </si>
  <si>
    <t>12/27/2019 14:48:30</t>
  </si>
  <si>
    <t>8c5dc057-aed6-478b-a5db-10d04cbaa372.tmp</t>
  </si>
  <si>
    <t>\\acsfs\profiles$\brendadsl\Downloads\8c5dc057-aed6-478b-a5db-10d04cbaa372.tmp</t>
  </si>
  <si>
    <t>0700f72d-853c-4b28-b622-1d6f04b2131f.tmp</t>
  </si>
  <si>
    <t>\\acsfs\profiles$\brendadsl\Downloads\0700f72d-853c-4b28-b622-1d6f04b2131f.tmp</t>
  </si>
  <si>
    <t>12/27/2019 14:49:08</t>
  </si>
  <si>
    <t>12/27/2019 14:52:00</t>
  </si>
  <si>
    <t>12/27/2019 14:54:59</t>
  </si>
  <si>
    <t>4ae6ece3-8166-4618-996f-a748aaaf94db.tmp</t>
  </si>
  <si>
    <t>\\acsfs\profiles$\fabianobmf\Downloads\4ae6ece3-8166-4618-996f-a748aaaf94db.tmp</t>
  </si>
  <si>
    <t>12/27/2019 14:53:21</t>
  </si>
  <si>
    <t>12/27/2019 14:55:58</t>
  </si>
  <si>
    <t>12/27/2019 14:53:24</t>
  </si>
  <si>
    <t>12/27/2019 14:51:15</t>
  </si>
  <si>
    <t>12/27/2019 14:56:06</t>
  </si>
  <si>
    <t>12/27/2019 14:56:59</t>
  </si>
  <si>
    <t>841261ae-dd1d-4cc2-b3d3-5eecc88f4aea.tmp</t>
  </si>
  <si>
    <t>\\acsfs\profiles$\rosileiam\Downloads\841261ae-dd1d-4cc2-b3d3-5eecc88f4aea.tmp</t>
  </si>
  <si>
    <t>12/27/2019 14:52:12</t>
  </si>
  <si>
    <t>12/27/2019 14:54:08</t>
  </si>
  <si>
    <t>9215cb4c-6157-4cba-967c-edb969a4a5e7.tmp</t>
  </si>
  <si>
    <t>\\acsfs\profiles$\deborahsi\Downloads\9215cb4c-6157-4cba-967c-edb969a4a5e7.tmp</t>
  </si>
  <si>
    <t>12/27/2019 14:52:57</t>
  </si>
  <si>
    <t>12/27/2019 14:57:59</t>
  </si>
  <si>
    <t>12/27/2019 14:52:58</t>
  </si>
  <si>
    <t>12/27/2019 14:53:00</t>
  </si>
  <si>
    <t>12/27/2019 14:53:01</t>
  </si>
  <si>
    <t>12/27/2019 14:53:03</t>
  </si>
  <si>
    <t>12/27/2019 14:53:06</t>
  </si>
  <si>
    <t>12/27/2019 14:53:07</t>
  </si>
  <si>
    <t>12/27/2019 14:53:10</t>
  </si>
  <si>
    <t>12/27/2019 14:53:11</t>
  </si>
  <si>
    <t>12/27/2019 14:53:12</t>
  </si>
  <si>
    <t>12/27/2019 14:53:13</t>
  </si>
  <si>
    <t>12/27/2019 14:53:15</t>
  </si>
  <si>
    <t>12/27/2019 14:53:17</t>
  </si>
  <si>
    <t>12/27/2019 14:53:18</t>
  </si>
  <si>
    <t>12/27/2019 14:53:19</t>
  </si>
  <si>
    <t>12/27/2019 14:53:20</t>
  </si>
  <si>
    <t>12/27/2019 14:53:22</t>
  </si>
  <si>
    <t>12/27/2019 14:55:46</t>
  </si>
  <si>
    <t>12/27/2019 14:53:25</t>
  </si>
  <si>
    <t>12/27/2019 14:55:47</t>
  </si>
  <si>
    <t>lu234802fhqmw.tmp</t>
  </si>
  <si>
    <t>\\acsfs\profiles$\VIVIANALDS\My Documents\lu234802fhqmw.tmp</t>
  </si>
  <si>
    <t>12/27/2019 14:53:26</t>
  </si>
  <si>
    <t>\\acsfs\profiles$\VIVIANALDS\My Documents\lu234802fhqmw.tmp\</t>
  </si>
  <si>
    <t>12/27/2019 14:53:29</t>
  </si>
  <si>
    <t>\\acsfs\profiles$\VIVIANALDS\My Documents\lu234802fhqmw.tmp\META-INF\</t>
  </si>
  <si>
    <t>12/27/2019 14:53:31</t>
  </si>
  <si>
    <t>12/27/2019 14:53:32</t>
  </si>
  <si>
    <t>12/27/2019 14:53:34</t>
  </si>
  <si>
    <t>12/27/2019 14:53:35</t>
  </si>
  <si>
    <t>12/27/2019 14:53:36</t>
  </si>
  <si>
    <t>12/27/2019 14:53:37</t>
  </si>
  <si>
    <t>12/27/2019 14:53:38</t>
  </si>
  <si>
    <t>12/27/2019 14:53:39</t>
  </si>
  <si>
    <t>\\acsfs\profiles$\VIVIANALDS\My Documents\lu234802fhqmw.tmp\Thumbnails\</t>
  </si>
  <si>
    <t>12/27/2019 14:53:40</t>
  </si>
  <si>
    <t>12/27/2019 14:53:41</t>
  </si>
  <si>
    <t>12/27/2019 14:55:50</t>
  </si>
  <si>
    <t>12/27/2019 14:53:43</t>
  </si>
  <si>
    <t>12/27/2019 14:53:44</t>
  </si>
  <si>
    <t>12/27/2019 14:54:09</t>
  </si>
  <si>
    <t>12/27/2019 14:55:51</t>
  </si>
  <si>
    <t>lu234802fhqn0.tmp</t>
  </si>
  <si>
    <t>\\acsfs\profiles$\VIVIANALDS\My Documents\lu234802fhqn0.tmp</t>
  </si>
  <si>
    <t>\\acsfs\profiles$\VIVIANALDS\My Documents\lu234802fhqn0.tmp\</t>
  </si>
  <si>
    <t>\\acsfs\profiles$\VIVIANALDS\My Documents\lu234802fhqn0.tmp\META-INF\</t>
  </si>
  <si>
    <t>\\acsfs\profiles$\VIVIANALDS\My Documents\lu234802fhqn0.tmp\Thumbnails\</t>
  </si>
  <si>
    <t>12/27/2019 14:56:57</t>
  </si>
  <si>
    <t>12/27/2019 14:58:59</t>
  </si>
  <si>
    <t>12/27/2019 14:56:58</t>
  </si>
  <si>
    <t>lu1609613al28.tmp</t>
  </si>
  <si>
    <t>\\acsfs\profiles$\LUCASBS\lu1609613al28.tmp</t>
  </si>
  <si>
    <t>\\acsfs\profiles$\LUCASBS\lu1609613al28.tmp\</t>
  </si>
  <si>
    <t>\\acsfs\profiles$\LUCASBS\lu1609613al28.tmp\META-INF\</t>
  </si>
  <si>
    <t>12/27/2019 14:55:08</t>
  </si>
  <si>
    <t>\\acsfs\profiles$\LUCASBS\lu1609613al28.tmp\Thumbnails\</t>
  </si>
  <si>
    <t>12/27/2019 14:57:35</t>
  </si>
  <si>
    <t>12/27/2019 15:00:59</t>
  </si>
  <si>
    <t>mail.google.com/_/upload?authuser=0&amp;dcp=asu-n&amp;upload_id=AEnB2UoKpgzAq6dc75Ixt7kdk7E6VITSvvNOiLB9zvF6-N2-Jwl2c8z22fN_iVW5xjMQuped2th6VsjCuWe32cCdyilX_bSDWw&amp;upload_protocol=resumable</t>
  </si>
  <si>
    <t>Análise GDI - Recusas não identificadas (2).xlsx</t>
  </si>
  <si>
    <t>12/27/2019 14:56:51</t>
  </si>
  <si>
    <t>12/27/2019 14:59:53</t>
  </si>
  <si>
    <t>12/27/2019 14:58:16</t>
  </si>
  <si>
    <t>12/27/2019 14:58:39</t>
  </si>
  <si>
    <t>12/27/2019 14:58:41</t>
  </si>
  <si>
    <t>12/27/2019 14:56:19</t>
  </si>
  <si>
    <t>12/27/2019 14:56:49</t>
  </si>
  <si>
    <t>12/27/2019 14:57:19</t>
  </si>
  <si>
    <t>12/27/2019 14:58:55</t>
  </si>
  <si>
    <t>12/27/2019 15:01:59</t>
  </si>
  <si>
    <t>12/27/2019 14:59:41</t>
  </si>
  <si>
    <t>Laudo 27-12 3.docx</t>
  </si>
  <si>
    <t>\\acsfs\DEPTOS\Operacao\Banco_Votorantim\Qualidade\Anderson\Jose\Atualizado\Laudo 27-12 3.docx</t>
  </si>
  <si>
    <t>12/27/2019 15:01:06</t>
  </si>
  <si>
    <t>12/27/2019 14:59:15</t>
  </si>
  <si>
    <t>a31bcc2b-9c51-4e9b-875a-e7940455e05e.tmp</t>
  </si>
  <si>
    <t>\\acsfs\profiles$\gabrielafs\Downloads\a31bcc2b-9c51-4e9b-875a-e7940455e05e.tmp</t>
  </si>
  <si>
    <t>12/27/2019 14:58:12</t>
  </si>
  <si>
    <t>12/27/2019 14:57:28</t>
  </si>
  <si>
    <t>12/27/2019 15:00:34</t>
  </si>
  <si>
    <t>cd86a6c5-c474-4213-9501-6d2e415dc6e3.tmp</t>
  </si>
  <si>
    <t>\\acsfs\profiles$\erichds\Downloads\cd86a6c5-c474-4213-9501-6d2e415dc6e3.tmp</t>
  </si>
  <si>
    <t>12/27/2019 14:59:35</t>
  </si>
  <si>
    <t>12/27/2019 15:02:58</t>
  </si>
  <si>
    <t>12/27/2019 14:58:17</t>
  </si>
  <si>
    <t>12/27/2019 15:02:26</t>
  </si>
  <si>
    <t>12/27/2019 15:01:45</t>
  </si>
  <si>
    <t>12/27/2019 15:01:46</t>
  </si>
  <si>
    <t>12/27/2019 14:59:29</t>
  </si>
  <si>
    <t>12/27/2019 15:02:31</t>
  </si>
  <si>
    <t>12/27/2019 14:58:54</t>
  </si>
  <si>
    <t>12/27/2019 15:03:59</t>
  </si>
  <si>
    <t>12/27/2019 15:03:06</t>
  </si>
  <si>
    <t>ecd55d1a-4c50-42fd-a62b-42bdb9ba9f5f.tmp</t>
  </si>
  <si>
    <t>\\acsfs\profiles$\matheusmax\Downloads\ecd55d1a-4c50-42fd-a62b-42bdb9ba9f5f.tmp</t>
  </si>
  <si>
    <t>12/27/2019 15:00:19</t>
  </si>
  <si>
    <t>12/27/2019 15:02:01</t>
  </si>
  <si>
    <t>LORRAYNE VALENTINO AMANCIO - 346195 VISA_1_6756890645193892849_1_32.wav</t>
  </si>
  <si>
    <t>\\acsfs\Deptos\EDUCACAO EMPRESARIAL\KÉSIA\LORRAYNE VALENTINO AMANCIO - 346195 VISA_1_6756890645193892849_1_32.wav</t>
  </si>
  <si>
    <t>12/27/2019 15:02:20</t>
  </si>
  <si>
    <t>12/27/2019 15:02:39</t>
  </si>
  <si>
    <t>12/27/2019 15:02:48</t>
  </si>
  <si>
    <t>12/27/2019 15:02:56</t>
  </si>
  <si>
    <t>12/27/2019 15:01:08</t>
  </si>
  <si>
    <t>12/27/2019 15:03:29</t>
  </si>
  <si>
    <t>12/27/2019 15:04:58</t>
  </si>
  <si>
    <t>2e32894d-0230-4623-b7bd-a482e4e60591.tmp</t>
  </si>
  <si>
    <t>\\acsfs\profiles$\LAISLG\Downloads\2e32894d-0230-4623-b7bd-a482e4e60591.tmp</t>
  </si>
  <si>
    <t>12/27/2019 15:04:04</t>
  </si>
  <si>
    <t>12/27/2019 15:05:59</t>
  </si>
  <si>
    <t>12/27/2019 15:04:05</t>
  </si>
  <si>
    <t>lu1886413bvdv.tmp</t>
  </si>
  <si>
    <t>\\acsfs\profiles$\FLAVIOJMM\My Documents\lu1886413bvdv.tmp</t>
  </si>
  <si>
    <t>\\acsfs\profiles$\FLAVIOJMM\My Documents\lu1886413bvdv.tmp\</t>
  </si>
  <si>
    <t>\\acsfs\profiles$\FLAVIOJMM\My Documents\lu1886413bvdv.tmp\META-INF\</t>
  </si>
  <si>
    <t>\\acsfs\profiles$\FLAVIOJMM\My Documents\lu1886413bvdv.tmp\Thumbnails\</t>
  </si>
  <si>
    <t>12/27/2019 15:02:03</t>
  </si>
  <si>
    <t>12/27/2019 15:02:13</t>
  </si>
  <si>
    <t>12/27/2019 15:02:08</t>
  </si>
  <si>
    <t>10.200.206.1</t>
  </si>
  <si>
    <t>mail.google.com/_/upload?authuser=1&amp;dcp=asu-n&amp;upload_id=AEnB2UoZ2Pyi8DxvZ7fI65ShXLzPSaoaj9JRYpgjqVNMxroSP8QNMhsogImtiv6FcIu9et9U_W2XTXFIYaXBrKXVZq9aWSAf_-_7BJ2uivYeoPxmtzDJjjw&amp;upload_protocol=resumable</t>
  </si>
  <si>
    <t>Detalhado Operações Luciana.xls</t>
  </si>
  <si>
    <t>12/27/2019 15:03:51</t>
  </si>
  <si>
    <t>12/27/2019 15:04:12</t>
  </si>
  <si>
    <t>12/27/2019 15:06:59</t>
  </si>
  <si>
    <t>dcc9e740-64d3-4693-9613-08f4bb579e7b.tmp</t>
  </si>
  <si>
    <t>\\acsfs\profiles$\erichds\Downloads\dcc9e740-64d3-4693-9613-08f4bb579e7b.tmp</t>
  </si>
  <si>
    <t>12/27/2019 15:05:54</t>
  </si>
  <si>
    <t>12/27/2019 15:07:58</t>
  </si>
  <si>
    <t>6fd4c324-c650-4dfc-87a7-b47a19df7a72.tmp</t>
  </si>
  <si>
    <t>\\acsfs\profiles$\gabrielamdp\Downloads\6fd4c324-c650-4dfc-87a7-b47a19df7a72.tmp</t>
  </si>
  <si>
    <t>6feaf075-628b-45f9-a0d1-6896a0569dab.tmp</t>
  </si>
  <si>
    <t>\\acsfs\profiles$\gabrielamdp\Downloads\6feaf075-628b-45f9-a0d1-6896a0569dab.tmp</t>
  </si>
  <si>
    <t>12/27/2019 15:05:55</t>
  </si>
  <si>
    <t>97c43b83-1921-4689-abfb-6a49719592a7.tmp</t>
  </si>
  <si>
    <t>\\acsfs\profiles$\gabrielamdp\Downloads\97c43b83-1921-4689-abfb-6a49719592a7.tmp</t>
  </si>
  <si>
    <t>c260a1f8-1f5a-4640-8c5e-e4c0ee0938b4.tmp</t>
  </si>
  <si>
    <t>\\acsfs\profiles$\gabrielamdp\Downloads\c260a1f8-1f5a-4640-8c5e-e4c0ee0938b4.tmp</t>
  </si>
  <si>
    <t>12/27/2019 15:05:57</t>
  </si>
  <si>
    <t>621ffdb7-d17f-4e5b-a94c-557939763fd1.tmp</t>
  </si>
  <si>
    <t>\\acsfs\profiles$\gabrielamdp\Downloads\621ffdb7-d17f-4e5b-a94c-557939763fd1.tmp</t>
  </si>
  <si>
    <t>12/27/2019 15:03:55</t>
  </si>
  <si>
    <t>12/27/2019 15:06:35</t>
  </si>
  <si>
    <t>12/27/2019 15:07:10</t>
  </si>
  <si>
    <t>12/27/2019 15:06:04</t>
  </si>
  <si>
    <t>12/27/2019 15:08:58</t>
  </si>
  <si>
    <t>mail.google.com/_/upload?authuser=0&amp;dcp=asu-n&amp;upload_id=AEnB2Upjq0n9-7WxAJt5KthL3vy-wXI4LIAqK80OFvTR47Ee5WkIRTrXS1FNE24i7xv9ODMKYRIC4HqKbDO3nPrZmW3YMDdHOW2vXWFTy9A-kv8u00lExJo&amp;upload_protocol=resumable</t>
  </si>
  <si>
    <t>12/27/2019 15:04:26</t>
  </si>
  <si>
    <t>0fd51885-dac0-41bf-bd53-1b4916c48a67.tmp</t>
  </si>
  <si>
    <t>\\acsfs\profiles$\adelvinsonle\Downloads\0fd51885-dac0-41bf-bd53-1b4916c48a67.tmp</t>
  </si>
  <si>
    <t>12/27/2019 15:06:07</t>
  </si>
  <si>
    <t>12/27/2019 15:08:21</t>
  </si>
  <si>
    <t>12/27/2019 15:07:08</t>
  </si>
  <si>
    <t>lu1609613al2h.tmp</t>
  </si>
  <si>
    <t>\\acsfs\profiles$\LUCASBS\lu1609613al2h.tmp</t>
  </si>
  <si>
    <t>\\acsfs\profiles$\LUCASBS\lu1609613al2h.tmp\</t>
  </si>
  <si>
    <t>\\acsfs\profiles$\LUCASBS\lu1609613al2h.tmp\META-INF\</t>
  </si>
  <si>
    <t>\\acsfs\profiles$\LUCASBS\lu1609613al2h.tmp\Thumbnails\</t>
  </si>
  <si>
    <t>12/27/2019 15:07:23</t>
  </si>
  <si>
    <t>12/27/2019 15:09:59</t>
  </si>
  <si>
    <t>12/27/2019 15:07:59</t>
  </si>
  <si>
    <t>12/27/2019 15:05:35</t>
  </si>
  <si>
    <t>f0e514a8-7db0-4ff1-a198-73536c1f1def.tmp</t>
  </si>
  <si>
    <t>\\acsfs\profiles$\larissaad\Downloads\f0e514a8-7db0-4ff1-a198-73536c1f1def.tmp</t>
  </si>
  <si>
    <t>12/27/2019 15:05:48</t>
  </si>
  <si>
    <t>lu8720889qmfh.tmp</t>
  </si>
  <si>
    <t>\\acsfs\profiles$\geovanaasa\My Documents\lu8720889qmfh.tmp</t>
  </si>
  <si>
    <t>\\acsfs\profiles$\geovanaasa\My Documents\lu8720889qmfh.tmp\</t>
  </si>
  <si>
    <t>\\acsfs\profiles$\geovanaasa\My Documents\lu8720889qmfh.tmp\META-INF\</t>
  </si>
  <si>
    <t>12/27/2019 15:05:49</t>
  </si>
  <si>
    <t>\\acsfs\profiles$\geovanaasa\My Documents\lu8720889qmfh.tmp\Thumbnails\</t>
  </si>
  <si>
    <t>12/27/2019 15:08:29</t>
  </si>
  <si>
    <t>12/27/2019 15:10:58</t>
  </si>
  <si>
    <t>12/27/2019 15:10:00</t>
  </si>
  <si>
    <t>12/27/2019 15:10:01</t>
  </si>
  <si>
    <t>lu1886413bve1.tmp</t>
  </si>
  <si>
    <t>\\acsfs\profiles$\FLAVIOJMM\My Documents\lu1886413bve1.tmp</t>
  </si>
  <si>
    <t>\\acsfs\profiles$\FLAVIOJMM\My Documents\lu1886413bve1.tmp\</t>
  </si>
  <si>
    <t>\\acsfs\profiles$\FLAVIOJMM\My Documents\lu1886413bve1.tmp\META-INF\</t>
  </si>
  <si>
    <t>\\acsfs\profiles$\FLAVIOJMM\My Documents\lu1886413bve1.tmp\Thumbnails\</t>
  </si>
  <si>
    <t>12/27/2019 15:07:26</t>
  </si>
  <si>
    <t>12/27/2019 15:07:42</t>
  </si>
  <si>
    <t>12/27/2019 15:07:47</t>
  </si>
  <si>
    <t>12/27/2019 15:07:48</t>
  </si>
  <si>
    <t>12/27/2019 15:08:52</t>
  </si>
  <si>
    <t>12/27/2019 15:09:52</t>
  </si>
  <si>
    <t>9069d4f1-5fff-4cba-aa3e-dc6b9398eac5.tmp</t>
  </si>
  <si>
    <t>\\acsfs\profiles$\gabriellalpr\Downloads\9069d4f1-5fff-4cba-aa3e-dc6b9398eac5.tmp</t>
  </si>
  <si>
    <t>12/27/2019 15:10:12</t>
  </si>
  <si>
    <t>12/27/2019 15:11:59</t>
  </si>
  <si>
    <t>12/27/2019 15:06:54</t>
  </si>
  <si>
    <t>12/27/2019 15:06:55</t>
  </si>
  <si>
    <t>lu399765dgqrg.tmp</t>
  </si>
  <si>
    <t>\\acsfs\profiles$\CLAUDIAJCA\lu399765dgqrg.tmp</t>
  </si>
  <si>
    <t>\\acsfs\profiles$\CLAUDIAJCA\lu399765dgqrg.tmp\</t>
  </si>
  <si>
    <t>\\acsfs\profiles$\CLAUDIAJCA\lu399765dgqrg.tmp\META-INF\</t>
  </si>
  <si>
    <t>\\acsfs\profiles$\CLAUDIAJCA\lu399765dgqrg.tmp\Thumbnails\</t>
  </si>
  <si>
    <t>12/27/2019 15:07:32</t>
  </si>
  <si>
    <t>12/27/2019 15:07:33</t>
  </si>
  <si>
    <t>lu399765dgqrl.tmp</t>
  </si>
  <si>
    <t>\\acsfs\profiles$\CLAUDIAJCA\lu399765dgqrl.tmp</t>
  </si>
  <si>
    <t>\\acsfs\profiles$\CLAUDIAJCA\lu399765dgqrl.tmp\</t>
  </si>
  <si>
    <t>\\acsfs\profiles$\CLAUDIAJCA\lu399765dgqrl.tmp\META-INF\</t>
  </si>
  <si>
    <t>\\acsfs\profiles$\CLAUDIAJCA\lu399765dgqrl.tmp\Thumbnails\</t>
  </si>
  <si>
    <t>12/27/2019 15:10:43</t>
  </si>
  <si>
    <t>Jessica Ferreira Carvalho_1_6770273239302220415_1_32.wav</t>
  </si>
  <si>
    <t>\\acsfs\Deptos\EDUCACAO EMPRESARIAL\FERNANDA MONIT\Ligação para Mutant terceiro Ciclo\Jessica Ferreira Carvalho_1_6770273239302220415_1_32.wav</t>
  </si>
  <si>
    <t>12/27/2019 15:06:58</t>
  </si>
  <si>
    <t>12/27/2019 15:08:13</t>
  </si>
  <si>
    <t>12/27/2019 15:12:59</t>
  </si>
  <si>
    <t>fe414603-5b29-4003-a1e1-df71832a2981.tmp</t>
  </si>
  <si>
    <t>\\acsfs\profiles$\nayarasds\Downloads\fe414603-5b29-4003-a1e1-df71832a2981.tmp</t>
  </si>
  <si>
    <t>12/27/2019 15:10:10</t>
  </si>
  <si>
    <t>1386111b-1cd4-412e-998e-3af9ed77b2a4.tmp</t>
  </si>
  <si>
    <t>\\acsfs\profiles$\gabrielamdp\Downloads\1386111b-1cd4-412e-998e-3af9ed77b2a4.tmp</t>
  </si>
  <si>
    <t>12/27/2019 15:08:36</t>
  </si>
  <si>
    <t>12/27/2019 15:08:56</t>
  </si>
  <si>
    <t>12/27/2019 15:09:01</t>
  </si>
  <si>
    <t>12/27/2019 15:09:41</t>
  </si>
  <si>
    <t>12/27/2019 15:10:03</t>
  </si>
  <si>
    <t>12/27/2019 15:10:07</t>
  </si>
  <si>
    <t>12/27/2019 15:10:29</t>
  </si>
  <si>
    <t>12/27/2019 15:10:32</t>
  </si>
  <si>
    <t>12/27/2019 15:10:39</t>
  </si>
  <si>
    <t>12/27/2019 15:10:46</t>
  </si>
  <si>
    <t>12/27/2019 15:10:54</t>
  </si>
  <si>
    <t>12/27/2019 15:11:26</t>
  </si>
  <si>
    <t>12/27/2019 15:12:14</t>
  </si>
  <si>
    <t>12/27/2019 15:12:23</t>
  </si>
  <si>
    <t>12/27/2019 15:08:34</t>
  </si>
  <si>
    <t>12/27/2019 15:13:59</t>
  </si>
  <si>
    <t>7d456672-d403-4627-a631-13e8f8017878.tmp</t>
  </si>
  <si>
    <t>\\acsfs\profiles$\fabianafv\Downloads\7d456672-d403-4627-a631-13e8f8017878.tmp</t>
  </si>
  <si>
    <t>12/27/2019 15:13:08</t>
  </si>
  <si>
    <t>12/27/2019 15:12:12</t>
  </si>
  <si>
    <t>12/27/2019 15:15:40</t>
  </si>
  <si>
    <t>12/27/2019 15:15:59</t>
  </si>
  <si>
    <t>5b2da54c-b7fa-4a3a-b188-b2f8372fc381.tmp</t>
  </si>
  <si>
    <t>\\acsfs\profiles$\gabriellalpr\Downloads\5b2da54c-b7fa-4a3a-b188-b2f8372fc381.tmp</t>
  </si>
  <si>
    <t>12/27/2019 15:12:21</t>
  </si>
  <si>
    <t>12/27/2019 15:14:02</t>
  </si>
  <si>
    <t>12/27/2019 15:13:36</t>
  </si>
  <si>
    <t>12/27/2019 15:16:59</t>
  </si>
  <si>
    <t>12/27/2019 15:13:45</t>
  </si>
  <si>
    <t>12/27/2019 15:14:33</t>
  </si>
  <si>
    <t>12/27/2019 15:13:40</t>
  </si>
  <si>
    <t>d89a1646-7076-4684-8f2a-9cdb10003a91.tmp</t>
  </si>
  <si>
    <t>\\acsfs\profiles$\rosileiam\Downloads\d89a1646-7076-4684-8f2a-9cdb10003a91.tmp</t>
  </si>
  <si>
    <t>12/27/2019 15:16:12</t>
  </si>
  <si>
    <t>12/27/2019 15:14:11</t>
  </si>
  <si>
    <t>12/27/2019 15:17:59</t>
  </si>
  <si>
    <t>de221b4a-b747-41ad-b657-3803e4853675.tmp</t>
  </si>
  <si>
    <t>\\acsfs\profiles$\ERICALSR\Downloads\de221b4a-b747-41ad-b657-3803e4853675.tmp</t>
  </si>
  <si>
    <t>12/27/2019 15:15:29</t>
  </si>
  <si>
    <t>12/27/2019 15:15:35</t>
  </si>
  <si>
    <t>12/27/2019 15:16:01</t>
  </si>
  <si>
    <t>12/27/2019 15:16:05</t>
  </si>
  <si>
    <t>12/27/2019 15:16:22</t>
  </si>
  <si>
    <t>12/27/2019 15:16:46</t>
  </si>
  <si>
    <t>12/27/2019 15:17:33</t>
  </si>
  <si>
    <t>12/27/2019 15:18:58</t>
  </si>
  <si>
    <t>XLOG_vanessacgs_27122019_094213.log</t>
  </si>
  <si>
    <t>\\acsfs\profiles$\vanessacgs\My Documents\xworkcenter\logs\XLOG_vanessacgs_27122019_094213.log</t>
  </si>
  <si>
    <t>12/27/2019 15:15:43</t>
  </si>
  <si>
    <t>\\acsfs\profiles$\vanessacgs\My Documents\xworkcenter\logs\wrapper.log</t>
  </si>
  <si>
    <t>12/27/2019 15:15:31</t>
  </si>
  <si>
    <t>.~lock.isabelle 27.12.19 segunda planilha.ods#</t>
  </si>
  <si>
    <t>\\acsfs\profiles$\ISABELLEGTDS\Nova pasta\.~lock.isabelle 27.12.19 segunda planilha.ods#</t>
  </si>
  <si>
    <t>lu279042mmo5a.tmp</t>
  </si>
  <si>
    <t>\\acsfs\profiles$\ISABELLEGTDS\Nova pasta\lu279042mmo5a.tmp</t>
  </si>
  <si>
    <t>\\acsfs\profiles$\ISABELLEGTDS\Nova pasta\lu279042mmo5a.tmp\</t>
  </si>
  <si>
    <t>\\acsfs\profiles$\ISABELLEGTDS\Nova pasta\lu279042mmo5a.tmp\META-INF\</t>
  </si>
  <si>
    <t>\\acsfs\profiles$\ISABELLEGTDS\Nova pasta\lu279042mmo5a.tmp\Thumbnails\</t>
  </si>
  <si>
    <t>12/27/2019 15:13:57</t>
  </si>
  <si>
    <t>\\acsfs\Deptos\EDUCACAO EMPRESARIAL\2 - Operações\0.01 BV CARTÕES\Mariane\Reneg\</t>
  </si>
  <si>
    <t>\\acsfs\Deptos\EDUCACAO EMPRESARIAL\2 - Operações\0.01 BV CARTÕES\Mariane\Reneg\Thumbs.db</t>
  </si>
  <si>
    <t>12/27/2019 15:13:58</t>
  </si>
  <si>
    <t>\\acsfs\Deptos\EDUCACAO EMPRESARIAL\2 - Operações\0.01 BV CARTÕES\Mariane\</t>
  </si>
  <si>
    <t>\\acsfs\Deptos\EDUCACAO EMPRESARIAL\2 - Operações\0.01 BV CARTÕES\Mariane\Thumbs.db</t>
  </si>
  <si>
    <t>12/27/2019 15:14:15</t>
  </si>
  <si>
    <t>12/27/2019 15:14:16</t>
  </si>
  <si>
    <t>12/27/2019 15:14:17</t>
  </si>
  <si>
    <t>12/27/2019 15:14:18</t>
  </si>
  <si>
    <t>12/27/2019 15:15:37</t>
  </si>
  <si>
    <t>12/27/2019 15:19:59</t>
  </si>
  <si>
    <t>12/27/2019 15:19:43</t>
  </si>
  <si>
    <t>d233cb6c-4c16-4649-8082-7b3be357cab7.tmp</t>
  </si>
  <si>
    <t>\\acsfs\profiles$\joycemmdl\Downloads\d233cb6c-4c16-4649-8082-7b3be357cab7.tmp</t>
  </si>
  <si>
    <t>12/27/2019 15:18:15</t>
  </si>
  <si>
    <t>12/27/2019 15:20:59</t>
  </si>
  <si>
    <t>12/27/2019 15:19:56</t>
  </si>
  <si>
    <t>CIELO ARV</t>
  </si>
  <si>
    <t>karlabds</t>
  </si>
  <si>
    <t>\\acsfs\profiles$\karlabds\My Documents\My Pictures\</t>
  </si>
  <si>
    <t>\\acsfs\profiles$\KARLABDS\My Documents\My Videos\desktop.ini</t>
  </si>
  <si>
    <t>12/27/2019 15:20:00</t>
  </si>
  <si>
    <t>\\acsfs\profiles$\KARLABDS\My Documents\My Videos\</t>
  </si>
  <si>
    <t>12/27/2019 15:20:01</t>
  </si>
  <si>
    <t>12/27/2019 15:20:02</t>
  </si>
  <si>
    <t>12/27/2019 15:20:03</t>
  </si>
  <si>
    <t>12/27/2019 15:20:05</t>
  </si>
  <si>
    <t>\\acsfs\profiles$\karlabds\My Documents\My Music\</t>
  </si>
  <si>
    <t>\\acsfs\profiles$\KARLABDS\My Documents\My Pictures\desktop.ini</t>
  </si>
  <si>
    <t>12/27/2019 15:20:07</t>
  </si>
  <si>
    <t>\\acsfs\profiles$\karlabds\My Documents\My Videos\</t>
  </si>
  <si>
    <t>12/27/2019 15:20:08</t>
  </si>
  <si>
    <t>12/27/2019 15:20:09</t>
  </si>
  <si>
    <t>12/27/2019 15:20:10</t>
  </si>
  <si>
    <t>12/27/2019 15:20:12</t>
  </si>
  <si>
    <t>\\acsfs\profiles$\KARLABDS\Contacts\</t>
  </si>
  <si>
    <t>\\acsfs\profiles$\KARLABDS\Contacts\desktop.ini</t>
  </si>
  <si>
    <t>12/27/2019 15:20:13</t>
  </si>
  <si>
    <t>12/27/2019 15:20:15</t>
  </si>
  <si>
    <t>12/27/2019 15:20:16</t>
  </si>
  <si>
    <t>12/27/2019 15:19:25</t>
  </si>
  <si>
    <t>12/27/2019 15:21:03</t>
  </si>
  <si>
    <t>12/27/2019 15:21:59</t>
  </si>
  <si>
    <t>0ba2b00f-997e-4af9-a9f5-48f186c1e580.tmp</t>
  </si>
  <si>
    <t>\\acsfs\profiles$\vivianibfs\Downloads\0ba2b00f-997e-4af9-a9f5-48f186c1e580.tmp</t>
  </si>
  <si>
    <t>12/27/2019 15:17:13</t>
  </si>
  <si>
    <t>12/27/2019 15:18:22</t>
  </si>
  <si>
    <t>12/27/2019 15:18:03</t>
  </si>
  <si>
    <t>Relatorio de Vendas - Auditoria BV Cartoes (Dezembro)_NOVO terminar.xlsx</t>
  </si>
  <si>
    <t>\\acsfs\DEPTOS\Operacao\Banco_Votorantim\Qualidade\Anderson\Jose\Atualizado\Relatorio de Vendas - Auditoria BV Cartoes (Dezembro)_NOVO terminar.xlsx</t>
  </si>
  <si>
    <t>12/27/2019 15:19:38</t>
  </si>
  <si>
    <t>\\acsfs\DEPTOS\Operacao\Banco_Votorantim\Qualidade\Anderson\BUGs\Thumbs.db</t>
  </si>
  <si>
    <t>12/27/2019 15:17:46</t>
  </si>
  <si>
    <t>12/27/2019 15:22:59</t>
  </si>
  <si>
    <t>mail.google.com/sync/u/0/i/fd?hl=pt-BR&amp;c=93</t>
  </si>
  <si>
    <t>12/27/2019 15:17:53</t>
  </si>
  <si>
    <t>12/27/2019 15:18:39</t>
  </si>
  <si>
    <t>12/27/2019 15:22:04</t>
  </si>
  <si>
    <t>12/27/2019 15:18:35</t>
  </si>
  <si>
    <t>\\acsfs\ACS\001 - Qualidade Lilian\PAULO\FAROL DE QUALIDADE\DEZEMBRO\6C91FB1.tmp\</t>
  </si>
  <si>
    <t>\\acsfs\ACS\001 - Qualidade Lilian\PAULO\FAROL DE QUALIDADE\DEZEMBRO\6C91FB1.tmp\:Zone.Identifier:$DATA</t>
  </si>
  <si>
    <t>DIMENSIONAMENTO.xlsx</t>
  </si>
  <si>
    <t>\\acsfs\ACS\001 - Qualidade Lilian\PAULO\FAROL DE QUALIDADE\DEZEMBRO\DIMENSIONAMENTO.xlsx</t>
  </si>
  <si>
    <t>Não confirmado 149592.crdownload</t>
  </si>
  <si>
    <t>\\acsfs\ACS\001 - Qualidade Lilian\PAULO\FAROL DE QUALIDADE\DEZEMBRO\Não confirmado 149592.crdownload</t>
  </si>
  <si>
    <t>12/27/2019 15:18:51</t>
  </si>
  <si>
    <t>12/27/2019 15:23:59</t>
  </si>
  <si>
    <t>2149684e-024b-4971-bf64-30a94f579fe5.tmp</t>
  </si>
  <si>
    <t>\\acsfs\profiles$\sarahbal\Downloads\2149684e-024b-4971-bf64-30a94f579fe5.tmp</t>
  </si>
  <si>
    <t>12/27/2019 15:19:23</t>
  </si>
  <si>
    <t>bf192a7a-6a99-4387-aa05-91694b4bf676.tmp</t>
  </si>
  <si>
    <t>\\acsfs\profiles$\sarahbal\Downloads\bf192a7a-6a99-4387-aa05-91694b4bf676.tmp</t>
  </si>
  <si>
    <t>12/27/2019 15:21:02</t>
  </si>
  <si>
    <t>12/27/2019 15:19:08</t>
  </si>
  <si>
    <t>12/27/2019 15:20:21</t>
  </si>
  <si>
    <t>12/27/2019 15:24:58</t>
  </si>
  <si>
    <t>12/27/2019 15:22:09</t>
  </si>
  <si>
    <t>12/27/2019 15:25:59</t>
  </si>
  <si>
    <t>mail.google.com/_/upload?authuser=0&amp;dcp=asu-n&amp;upload_id=AEnB2UqNOvpy5YHaMIsa2N86P3l0CFsgKo6XHz5HOdKZ1BsGkQBqA-47wBgI1Y7LGdDdpAZKA-u_eGfUmh1qpHVutZmNlXKKzdmRpgGQ8JQu7-yUwDIAaR8&amp;upload_protocol=resumable</t>
  </si>
  <si>
    <t>12_19- Acompanhamento Faturamento.v4.xlsb</t>
  </si>
  <si>
    <t>12/27/2019 15:20:18</t>
  </si>
  <si>
    <t>12/27/2019 15:20:20</t>
  </si>
  <si>
    <t>12/27/2019 15:20:23</t>
  </si>
  <si>
    <t>\\acsfs\profiles$\karlabds\My Documents\</t>
  </si>
  <si>
    <t>\\acsfs\profiles$\KARLABDS\Favorites\desktop.ini</t>
  </si>
  <si>
    <t>12/27/2019 15:20:24</t>
  </si>
  <si>
    <t>12/27/2019 15:20:25</t>
  </si>
  <si>
    <t>12/27/2019 15:20:27</t>
  </si>
  <si>
    <t>12/27/2019 15:20:29</t>
  </si>
  <si>
    <t>12/27/2019 15:20:30</t>
  </si>
  <si>
    <t>12/27/2019 15:20:31</t>
  </si>
  <si>
    <t>12/27/2019 15:20:32</t>
  </si>
  <si>
    <t>\\acsfs\profiles$\KARLABDS\My Documents\My Music\desktop.ini</t>
  </si>
  <si>
    <t>12/27/2019 15:20:35</t>
  </si>
  <si>
    <t>\\acsfs\profiles$\KARLABDS\My Documents\My Music\</t>
  </si>
  <si>
    <t>12/27/2019 15:20:36</t>
  </si>
  <si>
    <t>12/27/2019 15:20:37</t>
  </si>
  <si>
    <t>12/27/2019 15:20:38</t>
  </si>
  <si>
    <t>12/27/2019 15:20:40</t>
  </si>
  <si>
    <t>\\acsfs\profiles$\KARLABDS\Searches\</t>
  </si>
  <si>
    <t>\\acsfs\profiles$\KARLABDS\Searches\desktop.ini</t>
  </si>
  <si>
    <t>12/27/2019 15:20:41</t>
  </si>
  <si>
    <t>12/27/2019 15:20:44</t>
  </si>
  <si>
    <t>12/27/2019 15:20:46</t>
  </si>
  <si>
    <t>12/27/2019 15:20:48</t>
  </si>
  <si>
    <t>\\acsfs\profiles$\KARLABDS\Downloads\</t>
  </si>
  <si>
    <t>\\acsfs\profiles$\KARLABDS\Downloads\desktop.ini</t>
  </si>
  <si>
    <t>12/27/2019 15:20:49</t>
  </si>
  <si>
    <t>12/27/2019 15:20:50</t>
  </si>
  <si>
    <t>\\acsfs\profiles$\karlabds\Favorites\</t>
  </si>
  <si>
    <t>\\acsfs\profiles$\KARLABDS\My Documents\desktop.ini</t>
  </si>
  <si>
    <t>12/27/2019 15:20:52</t>
  </si>
  <si>
    <t>\\acsfs\profiles$\KARLABDS\My Documents\</t>
  </si>
  <si>
    <t>12/27/2019 15:20:53</t>
  </si>
  <si>
    <t>12/27/2019 15:20:55</t>
  </si>
  <si>
    <t>12/27/2019 15:20:56</t>
  </si>
  <si>
    <t>12/27/2019 15:20:58</t>
  </si>
  <si>
    <t>12/27/2019 15:21:00</t>
  </si>
  <si>
    <t>\\acsfs\profiles$\karlabds\Downloads\</t>
  </si>
  <si>
    <t>\\acsfs\profiles$\KARLABDS\Saved Games\desktop.ini</t>
  </si>
  <si>
    <t>12/27/2019 15:21:01</t>
  </si>
  <si>
    <t>12/27/2019 15:21:17</t>
  </si>
  <si>
    <t>winrt--{S-1-5-21-602162358-764733703-839522115-330470}-.searchconnector-ms</t>
  </si>
  <si>
    <t>\\acsfs\profiles$\KARLABDS\Searches\winrt--{S-1-5-21-602162358-764733703-839522115-330470}-.searchconnector-ms</t>
  </si>
  <si>
    <t>12/27/2019 15:21:26</t>
  </si>
  <si>
    <t>12/27/2019 15:21:56</t>
  </si>
  <si>
    <t>12/27/2019 15:22:37</t>
  </si>
  <si>
    <t>12/27/2019 15:27:00</t>
  </si>
  <si>
    <t>12/27/2019 15:22:50</t>
  </si>
  <si>
    <t>09d4db56-4ca4-43a3-9d09-ef7e3d347001.tmp</t>
  </si>
  <si>
    <t>\\acsfs\profiles$\andreapdsg\Downloads\09d4db56-4ca4-43a3-9d09-ef7e3d347001.tmp</t>
  </si>
  <si>
    <t>12/27/2019 15:22:51</t>
  </si>
  <si>
    <t>12/27/2019 15:23:16</t>
  </si>
  <si>
    <t>12/27/2019 15:24:22</t>
  </si>
  <si>
    <t>366cacaa-323a-4c3b-abad-2b25797cce4c.tmp</t>
  </si>
  <si>
    <t>\\acsfs\profiles$\andreapdsg\Downloads\366cacaa-323a-4c3b-abad-2b25797cce4c.tmp</t>
  </si>
  <si>
    <t>12/27/2019 15:25:57</t>
  </si>
  <si>
    <t>RELATORIO 27-12-2019.png</t>
  </si>
  <si>
    <t>\\acsfs\DEPTOS\Operacao\Banco_Votorantim\Qualidade\Anderson\Jose\Atualizado\RELATORIO 27-12-2019.png</t>
  </si>
  <si>
    <t>12/27/2019 15:23:02</t>
  </si>
  <si>
    <t>12/27/2019 15:22:12</t>
  </si>
  <si>
    <t>12/27/2019 15:23:23</t>
  </si>
  <si>
    <t>12/27/2019 15:27:59</t>
  </si>
  <si>
    <t>12/27/2019 15:24:47</t>
  </si>
  <si>
    <t>ACOMPANHAMENTO NR 17 - CARTÕES.xlsx</t>
  </si>
  <si>
    <t>\\acsfs\DEPTOS\Operacao\PCP\5 - Comum\PLANEJAMENTO BV\14 - ACOMPANHAMENTO\1 - REPORT ACOMPANHAMENTO\2019\12 - Dezembro\CARTÕES\ACOMPANHAMENTO NR 17 - CARTÕES.xlsx</t>
  </si>
  <si>
    <t>12/27/2019 15:25:34</t>
  </si>
  <si>
    <t>12/27/2019 15:25:52</t>
  </si>
  <si>
    <t>12/27/2019 15:26:13</t>
  </si>
  <si>
    <t>12/27/2019 15:24:17</t>
  </si>
  <si>
    <t>9ea8b38b-8889-4528-a059-01b73a0303b7.tmp</t>
  </si>
  <si>
    <t>\\acsfs\profiles$\cintiadjl\Downloads\9ea8b38b-8889-4528-a059-01b73a0303b7.tmp</t>
  </si>
  <si>
    <t>12/27/2019 15:26:25</t>
  </si>
  <si>
    <t>d6bcacad-d637-4804-8f46-ead207f4badd.tmp</t>
  </si>
  <si>
    <t>\\acsfs\profiles$\cintiadjl\Downloads\d6bcacad-d637-4804-8f46-ead207f4badd.tmp</t>
  </si>
  <si>
    <t>12/27/2019 15:26:17</t>
  </si>
  <si>
    <t>12/27/2019 15:27:58</t>
  </si>
  <si>
    <t>12/27/2019 15:28:59</t>
  </si>
  <si>
    <t>204d8333-9c56-4002-9a81-76603655bc0a.tmp</t>
  </si>
  <si>
    <t>\\acsfs\profiles$\sarahbal\Downloads\204d8333-9c56-4002-9a81-76603655bc0a.tmp</t>
  </si>
  <si>
    <t>12/27/2019 15:25:08</t>
  </si>
  <si>
    <t>12/27/2019 15:28:01</t>
  </si>
  <si>
    <t>12/27/2019 15:28:27</t>
  </si>
  <si>
    <t>12/27/2019 15:30:00</t>
  </si>
  <si>
    <t>12/27/2019 15:30:25</t>
  </si>
  <si>
    <t>12/27/2019 15:30:59</t>
  </si>
  <si>
    <t>12/27/2019 15:29:40</t>
  </si>
  <si>
    <t>12/27/2019 15:32:00</t>
  </si>
  <si>
    <t>12/27/2019 15:27:29</t>
  </si>
  <si>
    <t>Relatorio de Vendas - Auditoria BV Cartoes (Dezembro)_ Cliente 27-12.xlsx</t>
  </si>
  <si>
    <t>\\acsfs\DEPTOS\Operacao\Banco_Votorantim\Qualidade\Anderson\Jose\Atualizado\Relatorio de Vendas - Auditoria BV Cartoes (Dezembro)_ Cliente 27-12.xlsx</t>
  </si>
  <si>
    <t>12/27/2019 15:30:31</t>
  </si>
  <si>
    <t>Relatorio de Vendas - Auditoria BV Cartoes (Dezembro)_ SUPERVISOR 27-12.xlsx</t>
  </si>
  <si>
    <t>\\acsfs\DEPTOS\Operacao\Banco_Votorantim\Qualidade\Anderson\Jose\Atualizado\Relatorio de Vendas - Auditoria BV Cartoes (Dezembro)_ SUPERVISOR 27-12.xlsx</t>
  </si>
  <si>
    <t>12/27/2019 15:30:39</t>
  </si>
  <si>
    <t>12/27/2019 15:28:12</t>
  </si>
  <si>
    <t>12/27/2019 15:30:53</t>
  </si>
  <si>
    <t>12/27/2019 15:32:59</t>
  </si>
  <si>
    <t>943319fe-5d01-401f-91a7-0647e3210e29.tmp</t>
  </si>
  <si>
    <t>\\acsfs\profiles$\gabrielamdp\Downloads\943319fe-5d01-401f-91a7-0647e3210e29.tmp</t>
  </si>
  <si>
    <t>12/27/2019 15:27:32</t>
  </si>
  <si>
    <t>12/27/2019 15:29:15</t>
  </si>
  <si>
    <t>12/27/2019 15:30:46</t>
  </si>
  <si>
    <t>12/27/2019 15:31:32</t>
  </si>
  <si>
    <t>12/27/2019 15:33:05</t>
  </si>
  <si>
    <t>12/27/2019 15:33:59</t>
  </si>
  <si>
    <t>3e9a50cb-3aa1-4ee3-a183-a92a38cafd26.tmp</t>
  </si>
  <si>
    <t>\\acsfs\profiles$\matheusmax\Downloads\3e9a50cb-3aa1-4ee3-a183-a92a38cafd26.tmp</t>
  </si>
  <si>
    <t>12/27/2019 15:28:45</t>
  </si>
  <si>
    <t>044552d9-e3cc-4627-becc-e032c8718c17.tmp</t>
  </si>
  <si>
    <t>\\acsfs\profiles$\sarahbal\Downloads\044552d9-e3cc-4627-becc-e032c8718c17.tmp</t>
  </si>
  <si>
    <t>12/27/2019 15:29:26</t>
  </si>
  <si>
    <t>420a10d9-e07e-4a84-9e5c-90b36424520e.tmp</t>
  </si>
  <si>
    <t>\\acsfs\profiles$\sarahbal\Downloads\420a10d9-e07e-4a84-9e5c-90b36424520e.tmp</t>
  </si>
  <si>
    <t>12/27/2019 15:29:37</t>
  </si>
  <si>
    <t>3a9987d5-408c-44df-ba68-9ce39230b8f1.tmp</t>
  </si>
  <si>
    <t>\\acsfs\profiles$\sarahbal\Downloads\3a9987d5-408c-44df-ba68-9ce39230b8f1.tmp</t>
  </si>
  <si>
    <t>12/27/2019 15:32:53</t>
  </si>
  <si>
    <t>cfa5acbc-f6e0-4046-9a8e-52eec5eb6bdf.tmp</t>
  </si>
  <si>
    <t>\\acsfs\profiles$\sarahbal\Downloads\cfa5acbc-f6e0-4046-9a8e-52eec5eb6bdf.tmp</t>
  </si>
  <si>
    <t>12/27/2019 15:32:50</t>
  </si>
  <si>
    <t>Chave.tlk015w.partial</t>
  </si>
  <si>
    <t>\\acsfs\profiles$\danielta\Downloads\Chave.tlk015w.partial</t>
  </si>
  <si>
    <t>12/27/2019 15:33:18</t>
  </si>
  <si>
    <t>Não%20Me%20Ligue%20Mais%20_%20Versão%20Acústica.q79j8fw.partial</t>
  </si>
  <si>
    <t>\\acsfs\profiles$\danielta\Downloads\Não%20Me%20Ligue%20Mais%20_%20Versão%20Acústica.q79j8fw.partial</t>
  </si>
  <si>
    <t>12/27/2019 15:30:45</t>
  </si>
  <si>
    <t>12/27/2019 15:31:34</t>
  </si>
  <si>
    <t>12/27/2019 15:31:08</t>
  </si>
  <si>
    <t>12/27/2019 15:32:11</t>
  </si>
  <si>
    <t>12/27/2019 15:35:59</t>
  </si>
  <si>
    <t>12/27/2019 15:35:30</t>
  </si>
  <si>
    <t>12/27/2019 15:34:05</t>
  </si>
  <si>
    <t>12/27/2019 15:36:59</t>
  </si>
  <si>
    <t>12/27/2019 15:32:01</t>
  </si>
  <si>
    <t>12/27/2019 15:36:14</t>
  </si>
  <si>
    <t>\\acsfs\engeset\CPV_ULA\ADMINISTRATIVO\CONTROLE ADMINISTRATIVO\DOCUMENTAÇÃO PARA HABILITAÇÃO\Engeset\2019\</t>
  </si>
  <si>
    <t>WS2167811507 - Rodada 1 - Engeset TSP - Manutenção FO.xls</t>
  </si>
  <si>
    <t>12/27/2019 15:33:53</t>
  </si>
  <si>
    <t>12/27/2019 15:33:56</t>
  </si>
  <si>
    <t>12/27/2019 15:34:06</t>
  </si>
  <si>
    <t>12/27/2019 15:34:12</t>
  </si>
  <si>
    <t>12/27/2019 15:35:14</t>
  </si>
  <si>
    <t>12/27/2019 15:35:50</t>
  </si>
  <si>
    <t>12/27/2019 15:35:56</t>
  </si>
  <si>
    <t>12/27/2019 15:36:10</t>
  </si>
  <si>
    <t>12/27/2019 15:36:18</t>
  </si>
  <si>
    <t>12/27/2019 15:33:43</t>
  </si>
  <si>
    <t>12/27/2019 15:37:59</t>
  </si>
  <si>
    <t>12/27/2019 15:35:02</t>
  </si>
  <si>
    <t>12/27/2019 15:38:59</t>
  </si>
  <si>
    <t>4282c10b-5edd-415d-8e3c-566b28bf38c7.tmp</t>
  </si>
  <si>
    <t>\\acsfs\profiles$\fabianafv\Downloads\4282c10b-5edd-415d-8e3c-566b28bf38c7.tmp</t>
  </si>
  <si>
    <t>12/27/2019 15:35:13</t>
  </si>
  <si>
    <t>1fb3190f-6dd9-4a15-aee9-3278c4b8aa6e.tmp</t>
  </si>
  <si>
    <t>\\acsfs\profiles$\fabianafv\Downloads\1fb3190f-6dd9-4a15-aee9-3278c4b8aa6e.tmp</t>
  </si>
  <si>
    <t>12/27/2019 15:38:03</t>
  </si>
  <si>
    <t>f9515105-1722-43cf-a34f-b8f982fd8e54.tmp</t>
  </si>
  <si>
    <t>\\acsfs\profiles$\paulohaf\Downloads\f9515105-1722-43cf-a34f-b8f982fd8e54.tmp</t>
  </si>
  <si>
    <t>12f091c2-3fce-4c10-bb66-cca8fab481cc.tmp</t>
  </si>
  <si>
    <t>\\acsfs\profiles$\paulohaf\Downloads\12f091c2-3fce-4c10-bb66-cca8fab481cc.tmp</t>
  </si>
  <si>
    <t>12/27/2019 15:33:31</t>
  </si>
  <si>
    <t>Chave (1).x36i4m9.partial</t>
  </si>
  <si>
    <t>\\acsfs\profiles$\danielta\Downloads\Chave (1).x36i4m9.partial</t>
  </si>
  <si>
    <t>12/27/2019 15:34:37</t>
  </si>
  <si>
    <t>mail.google.com/sync/u/0/i/s?hl=pt-BR&amp;c=576</t>
  </si>
  <si>
    <t>12/27/2019 15:34:48</t>
  </si>
  <si>
    <t>12/27/2019 15:35:00</t>
  </si>
  <si>
    <t>12/27/2019 15:35:24</t>
  </si>
  <si>
    <t>12/27/2019 15:36:12</t>
  </si>
  <si>
    <t>12/27/2019 15:36:34</t>
  </si>
  <si>
    <t>mail.google.com/_/upload?authuser=0&amp;dcp=asu-n&amp;upload_id=AEnB2UruaLw4EHDDEVHZb6Piu_gxsWbNWn9wTX890oFt3Y0aJCnyhQlFueTTXyAtKSLtPVmEZTCVUAT76guMe3EtqH-QCjAi0Ndq-lt97mNkxyzV5auKlNE&amp;upload_protocol=resumable</t>
  </si>
  <si>
    <t>12/27/2019 15:37:12</t>
  </si>
  <si>
    <t>CPF 14466837880 EVANDRO BEDOIA.pdf</t>
  </si>
  <si>
    <t>\\acsfs\Deptos\EDUCACAO EMPRESARIAL\KÉSIA\OUVIDORIA, PROCON, BACEN E RECLAME AQUI\CPF 14466837880 EVANDRO BEDOIA.pdf</t>
  </si>
  <si>
    <t>\\acsfs\Deptos\EDUCACAO EMPRESARIAL\KÉSIA\OUVIDORIA, PROCON, BACEN E RECLAME AQUI\CPF 14466837880 EVANDRO BEDOIA.pdf\</t>
  </si>
  <si>
    <t>\\acsfs\Deptos\EDUCACAO EMPRESARIAL\KÉSIA\OUVIDORIA, PROCON, BACEN E RECLAME AQUI\CPF 14466837880 EVANDRO BEDOIA.pdf\:Zone.Identifier:$DATA</t>
  </si>
  <si>
    <t>12/27/2019 15:35:36</t>
  </si>
  <si>
    <t>4a54cde7-c6f1-4202-bed2-a87acbfc74ba.tmp</t>
  </si>
  <si>
    <t>\\acsfs\profiles$\leticiala\Downloads\4a54cde7-c6f1-4202-bed2-a87acbfc74ba.tmp</t>
  </si>
  <si>
    <t>12/27/2019 15:37:10</t>
  </si>
  <si>
    <t>12/27/2019 15:36:29</t>
  </si>
  <si>
    <t>12/27/2019 15:40:00</t>
  </si>
  <si>
    <t>e4d61d08-a372-405a-8add-16720977dd9e.tmp</t>
  </si>
  <si>
    <t>\\acsfs\profiles$\LAISLG\Downloads\e4d61d08-a372-405a-8add-16720977dd9e.tmp</t>
  </si>
  <si>
    <t>12/27/2019 15:38:51</t>
  </si>
  <si>
    <t>12/27/2019 15:35:05</t>
  </si>
  <si>
    <t>12/27/2019 15:36:51</t>
  </si>
  <si>
    <t>b4494b79-75f4-41b3-90d8-6278d68352e8.tmp</t>
  </si>
  <si>
    <t>\\acsfs\profiles$\mariajra\Downloads\b4494b79-75f4-41b3-90d8-6278d68352e8.tmp</t>
  </si>
  <si>
    <t>12/27/2019 15:37:32</t>
  </si>
  <si>
    <t>12/27/2019 15:40:59</t>
  </si>
  <si>
    <t>10.200.67.27</t>
  </si>
  <si>
    <t>74-86-7A-FD-D8-68</t>
  </si>
  <si>
    <t>VOTORANT-WB016</t>
  </si>
  <si>
    <t>1ff0880f-b54e-49d7-937d-40771b9f97b0.tmp</t>
  </si>
  <si>
    <t>\\acsfs\profiles$\andreapdsg\Downloads\1ff0880f-b54e-49d7-937d-40771b9f97b0.tmp</t>
  </si>
  <si>
    <t>12/27/2019 15:37:39</t>
  </si>
  <si>
    <t>12/27/2019 15:38:37</t>
  </si>
  <si>
    <t>9ca13a01-6eb0-49cf-8792-2e5372919138.tmp</t>
  </si>
  <si>
    <t>\\acsfs\profiles$\andreapdsg\Downloads\9ca13a01-6eb0-49cf-8792-2e5372919138.tmp</t>
  </si>
  <si>
    <t>12/27/2019 15:39:23</t>
  </si>
  <si>
    <t>12/27/2019 15:36:22</t>
  </si>
  <si>
    <t>12/27/2019 15:36:27</t>
  </si>
  <si>
    <t>12/27/2019 15:36:38</t>
  </si>
  <si>
    <t>12/27/2019 15:36:52</t>
  </si>
  <si>
    <t>12/27/2019 15:36:58</t>
  </si>
  <si>
    <t>12/27/2019 15:36:01</t>
  </si>
  <si>
    <t>87320bc5-8d59-455d-94d5-47aba688aad9.tmp</t>
  </si>
  <si>
    <t>\\acsfs\profiles$\victorgl\Downloads\87320bc5-8d59-455d-94d5-47aba688aad9.tmp</t>
  </si>
  <si>
    <t>12/27/2019 15:38:25</t>
  </si>
  <si>
    <t>12/27/2019 15:42:00</t>
  </si>
  <si>
    <t>27ef5e5a-8a19-4932-9b96-f645f83871fb.tmp</t>
  </si>
  <si>
    <t>\\acsfs\profiles$\gabrielarb\Downloads\27ef5e5a-8a19-4932-9b96-f645f83871fb.tmp</t>
  </si>
  <si>
    <t>12/27/2019 15:42:21</t>
  </si>
  <si>
    <t>12/27/2019 15:42:59</t>
  </si>
  <si>
    <t>12/27/2019 15:38:08</t>
  </si>
  <si>
    <t>\\acsfs\ACS\001 - Qualidade Lilian\PAULO\FAROL DE QUALIDADE\DEZEMBRO\RESULTADO.xls</t>
  </si>
  <si>
    <t>12/27/2019 15:38:09</t>
  </si>
  <si>
    <t>12/27/2019 15:38:46</t>
  </si>
  <si>
    <t>12/27/2019 15:42:08</t>
  </si>
  <si>
    <t>12/27/2019 15:44:00</t>
  </si>
  <si>
    <t>Migração FULL</t>
  </si>
  <si>
    <t>MIGRAÇÃO FULL.xlsx</t>
  </si>
  <si>
    <t>12/27/2019 15:38:54</t>
  </si>
  <si>
    <t>b93fbe3f-8954-4f7f-96c4-8d2ec021428a.tmp</t>
  </si>
  <si>
    <t>\\acsfs\profiles$\paulohaf\Downloads\b93fbe3f-8954-4f7f-96c4-8d2ec021428a.tmp</t>
  </si>
  <si>
    <t>12/27/2019 15:39:33</t>
  </si>
  <si>
    <t>6f1dabdd-4bfb-4976-ac01-845607b81987.tmp</t>
  </si>
  <si>
    <t>\\acsfs\profiles$\paulohaf\Downloads\6f1dabdd-4bfb-4976-ac01-845607b81987.tmp</t>
  </si>
  <si>
    <t>12/27/2019 15:40:26</t>
  </si>
  <si>
    <t>1b62adb6-38a3-4cdf-ae80-14ce3e667341.tmp</t>
  </si>
  <si>
    <t>\\acsfs\profiles$\paulohaf\Downloads\1b62adb6-38a3-4cdf-ae80-14ce3e667341.tmp</t>
  </si>
  <si>
    <t>12/27/2019 15:43:09</t>
  </si>
  <si>
    <t>12/27/2019 15:43:11</t>
  </si>
  <si>
    <t>12/27/2019 15:43:06</t>
  </si>
  <si>
    <t>12/27/2019 15:44:59</t>
  </si>
  <si>
    <t>\\acsfs\profiles$\nayaranao\My Documents\My Pictures\</t>
  </si>
  <si>
    <t>\\acsfs\profiles$\nayaranao\My Documents\My Videos\desktop.ini</t>
  </si>
  <si>
    <t>\\acsfs\profiles$\nayaranao\My Documents\My Videos\</t>
  </si>
  <si>
    <t>12/27/2019 15:43:10</t>
  </si>
  <si>
    <t>12/27/2019 15:43:12</t>
  </si>
  <si>
    <t>\\acsfs\profiles$\nayaranao\My Documents\My Music\</t>
  </si>
  <si>
    <t>\\acsfs\profiles$\nayaranao\My Documents\My Pictures\desktop.ini</t>
  </si>
  <si>
    <t>12/27/2019 15:43:13</t>
  </si>
  <si>
    <t>12/27/2019 15:43:14</t>
  </si>
  <si>
    <t>12/27/2019 15:43:15</t>
  </si>
  <si>
    <t>\\acsfs\profiles$\nayaranao\Contacts\</t>
  </si>
  <si>
    <t>\\acsfs\profiles$\nayaranao\Contacts\desktop.ini</t>
  </si>
  <si>
    <t>12/27/2019 15:43:16</t>
  </si>
  <si>
    <t>12/27/2019 15:43:17</t>
  </si>
  <si>
    <t>12/27/2019 15:43:18</t>
  </si>
  <si>
    <t>12/27/2019 15:43:19</t>
  </si>
  <si>
    <t>12/27/2019 15:43:20</t>
  </si>
  <si>
    <t>\\acsfs\profiles$\nayaranao\My Documents\</t>
  </si>
  <si>
    <t>\\acsfs\profiles$\nayaranao\Favorites\desktop.ini</t>
  </si>
  <si>
    <t>12/27/2019 15:43:21</t>
  </si>
  <si>
    <t>12/27/2019 15:43:22</t>
  </si>
  <si>
    <t>12/27/2019 15:43:24</t>
  </si>
  <si>
    <t>12/27/2019 15:43:25</t>
  </si>
  <si>
    <t>12/27/2019 15:43:26</t>
  </si>
  <si>
    <t>12/27/2019 15:43:27</t>
  </si>
  <si>
    <t>12/27/2019 15:43:28</t>
  </si>
  <si>
    <t>\\acsfs\profiles$\nayaranao\My Documents\My Music\desktop.ini</t>
  </si>
  <si>
    <t>12/27/2019 15:43:30</t>
  </si>
  <si>
    <t>12/27/2019 15:43:31</t>
  </si>
  <si>
    <t>12/27/2019 15:43:32</t>
  </si>
  <si>
    <t>12/27/2019 15:43:33</t>
  </si>
  <si>
    <t>\\acsfs\profiles$\nayaranao\Searches\</t>
  </si>
  <si>
    <t>\\acsfs\profiles$\nayaranao\Searches\desktop.ini</t>
  </si>
  <si>
    <t>12/27/2019 15:43:34</t>
  </si>
  <si>
    <t>12/27/2019 15:43:36</t>
  </si>
  <si>
    <t>12/27/2019 15:43:37</t>
  </si>
  <si>
    <t>\\acsfs\profiles$\nayaranao\Downloads\</t>
  </si>
  <si>
    <t>\\acsfs\profiles$\nayaranao\Downloads\desktop.ini</t>
  </si>
  <si>
    <t>12/27/2019 15:43:38</t>
  </si>
  <si>
    <t>12/27/2019 15:43:39</t>
  </si>
  <si>
    <t>\\acsfs\profiles$\nayaranao\Favorites\</t>
  </si>
  <si>
    <t>\\acsfs\profiles$\nayaranao\My Documents\desktop.ini</t>
  </si>
  <si>
    <t>12/27/2019 15:43:41</t>
  </si>
  <si>
    <t>12/27/2019 15:43:42</t>
  </si>
  <si>
    <t>12/27/2019 15:43:43</t>
  </si>
  <si>
    <t>12/27/2019 15:43:44</t>
  </si>
  <si>
    <t>12/27/2019 15:43:45</t>
  </si>
  <si>
    <t>\\acsfs\profiles$\nayaranao\Saved Games\desktop.ini</t>
  </si>
  <si>
    <t>12/27/2019 15:43:46</t>
  </si>
  <si>
    <t>12/27/2019 15:43:47</t>
  </si>
  <si>
    <t>2c9dfcb9-ee38-48dc-a39f-c0c2bc9bd763.tmp</t>
  </si>
  <si>
    <t>\\acsfs\profiles$\LUCASNS\Downloads\2c9dfcb9-ee38-48dc-a39f-c0c2bc9bd763.tmp</t>
  </si>
  <si>
    <t>12/27/2019 15:40:10</t>
  </si>
  <si>
    <t>73a6d39e-3d90-4ca0-aa0b-674ab1a7233d.tmp</t>
  </si>
  <si>
    <t>\\acsfs\profiles$\geovannasm\Downloads\73a6d39e-3d90-4ca0-aa0b-674ab1a7233d.tmp</t>
  </si>
  <si>
    <t>12/27/2019 15:41:02</t>
  </si>
  <si>
    <t>12/27/2019 15:46:00</t>
  </si>
  <si>
    <t>12/27/2019 15:44:03</t>
  </si>
  <si>
    <t>12/27/2019 15:44:33</t>
  </si>
  <si>
    <t>12/27/2019 15:45:04</t>
  </si>
  <si>
    <t>12/27/2019 15:45:34</t>
  </si>
  <si>
    <t>12/27/2019 15:41:56</t>
  </si>
  <si>
    <t>6a87f8e8-db6c-49a7-be90-a1c5cc51ca02.tmp</t>
  </si>
  <si>
    <t>\\acsfs\profiles$\victorgl\Downloads\6a87f8e8-db6c-49a7-be90-a1c5cc51ca02.tmp</t>
  </si>
  <si>
    <t>12/27/2019 15:43:02</t>
  </si>
  <si>
    <t>\\acsfs\profiles$\flaviacdst\My Documents\My Pictures\</t>
  </si>
  <si>
    <t>\\acsfs\profiles$\flaviacdst\My Documents\My Videos\desktop.ini</t>
  </si>
  <si>
    <t>12/27/2019 15:43:03</t>
  </si>
  <si>
    <t>\\acsfs\profiles$\flaviacdst\My Documents\My Videos\</t>
  </si>
  <si>
    <t>12/27/2019 15:43:04</t>
  </si>
  <si>
    <t>12/27/2019 15:43:07</t>
  </si>
  <si>
    <t>12/27/2019 15:43:08</t>
  </si>
  <si>
    <t>\\acsfs\profiles$\flaviacdst\My Documents\My Music\</t>
  </si>
  <si>
    <t>\\acsfs\profiles$\flaviacdst\My Documents\My Pictures\desktop.ini</t>
  </si>
  <si>
    <t>\\acsfs\profiles$\flaviacdst\Contacts\</t>
  </si>
  <si>
    <t>\\acsfs\profiles$\flaviacdst\Contacts\desktop.ini</t>
  </si>
  <si>
    <t>\\acsfs\profiles$\flaviacdst\My Documents\</t>
  </si>
  <si>
    <t>\\acsfs\profiles$\flaviacdst\Favorites\desktop.ini</t>
  </si>
  <si>
    <t>12/27/2019 15:43:23</t>
  </si>
  <si>
    <t>\\acsfs\profiles$\flaviacdst\My Documents\My Music\desktop.ini</t>
  </si>
  <si>
    <t>12/27/2019 15:43:29</t>
  </si>
  <si>
    <t>\\acsfs\profiles$\flaviacdst\Searches\</t>
  </si>
  <si>
    <t>\\acsfs\profiles$\flaviacdst\Searches\desktop.ini</t>
  </si>
  <si>
    <t>12/27/2019 15:43:35</t>
  </si>
  <si>
    <t>\\acsfs\profiles$\flaviacdst\Downloads\</t>
  </si>
  <si>
    <t>\\acsfs\profiles$\flaviacdst\Downloads\desktop.ini</t>
  </si>
  <si>
    <t>\\acsfs\profiles$\flaviacdst\My Documents\desktop.ini</t>
  </si>
  <si>
    <t>12/27/2019 15:43:40</t>
  </si>
  <si>
    <t>\\acsfs\profiles$\flaviacdst\Saved Games\desktop.ini</t>
  </si>
  <si>
    <t>12/27/2019 15:44:04</t>
  </si>
  <si>
    <t>winrt--{S-1-5-21-602162358-764733703-839522115-358545}-.searchconnector-ms</t>
  </si>
  <si>
    <t>\\acsfs\profiles$\flaviacdst\Searches\winrt--{S-1-5-21-602162358-764733703-839522115-358545}-.searchconnector-ms</t>
  </si>
  <si>
    <t>12/27/2019 15:44:28</t>
  </si>
  <si>
    <t>12/27/2019 15:47:00</t>
  </si>
  <si>
    <t>12/27/2019 15:45:41</t>
  </si>
  <si>
    <t>\\acsfs\DEPTOS\EDUCACAO EMPRESARIAL\2 - Operações\0 - BV\5 - QUALIDADE\Nova pasta\jose\Relatorio de Vendas - Auditoria BV Cartoes (Dezembro)_ Cliente 27-12.xlsx</t>
  </si>
  <si>
    <t>12/27/2019 15:45:42</t>
  </si>
  <si>
    <t>\\acsfs\DEPTOS\EDUCACAO EMPRESARIAL\2 - Operações\0 - BV\5 - QUALIDADE\Nova pasta\jose\Relatorio de Vendas - Auditoria BV Cartoes (Dezembro)_ SUPERVISOR 27-12.xlsx</t>
  </si>
  <si>
    <t>\\acsfs\DEPTOS\EDUCACAO EMPRESARIAL\2 - Operações\0 - BV\5 - QUALIDADE\Nova pasta\jose\INFORMAÇÕES DE LAUDO 27-12-2019.txt</t>
  </si>
  <si>
    <t>Laudo 27-12 1 Cartão Protegido Rafaela.docx</t>
  </si>
  <si>
    <t>\\acsfs\DEPTOS\EDUCACAO EMPRESARIAL\2 - Operações\0 - BV\5 - QUALIDADE\Nova pasta\jose\Laudo 27-12 1 Cartão Protegido Rafaela.docx</t>
  </si>
  <si>
    <t>Laudo 27-12 2 Residencial Premium Rafaela.docx</t>
  </si>
  <si>
    <t>\\acsfs\DEPTOS\EDUCACAO EMPRESARIAL\2 - Operações\0 - BV\5 - QUALIDADE\Nova pasta\jose\Laudo 27-12 2 Residencial Premium Rafaela.docx</t>
  </si>
  <si>
    <t>12/27/2019 15:45:43</t>
  </si>
  <si>
    <t>Laudo 27-12 3 Residencial Especial Lucas.docx</t>
  </si>
  <si>
    <t>\\acsfs\DEPTOS\EDUCACAO EMPRESARIAL\2 - Operações\0 - BV\5 - QUALIDADE\Nova pasta\jose\Laudo 27-12 3 Residencial Especial Lucas.docx</t>
  </si>
  <si>
    <t>\\acsfs\DEPTOS\EDUCACAO EMPRESARIAL\2 - Operações\0 - BV\5 - QUALIDADE\Nova pasta\jose\RELATORIO 27-12-2019.png</t>
  </si>
  <si>
    <t>12/27/2019 15:45:44</t>
  </si>
  <si>
    <t>\\acsfs\DEPTOS\EDUCACAO EMPRESARIAL\2 - Operações\0 - BV\5 - QUALIDADE\Nova pasta\jose\Thumbs.db</t>
  </si>
  <si>
    <t>12/27/2019 15:45:55</t>
  </si>
  <si>
    <t>Email.txt</t>
  </si>
  <si>
    <t>\\acsfs\DEPTOS\EDUCACAO EMPRESARIAL\2 - Operações\0 - BV\5 - QUALIDADE\Nova pasta\jose\Email.txt</t>
  </si>
  <si>
    <t>12/27/2019 15:45:14</t>
  </si>
  <si>
    <t>12/27/2019 15:48:00</t>
  </si>
  <si>
    <t>358bbf43-1050-4e52-a5ff-38b50f013064.tmp</t>
  </si>
  <si>
    <t>\\acsfs\profiles$\myllenardl\Downloads\358bbf43-1050-4e52-a5ff-38b50f013064.tmp</t>
  </si>
  <si>
    <t>12/27/2019 15:47:06</t>
  </si>
  <si>
    <t>ea95fe5d-43e3-4b95-a2c3-c961d8e52382.tmp</t>
  </si>
  <si>
    <t>\\acsfs\profiles$\myllenardl\Downloads\ea95fe5d-43e3-4b95-a2c3-c961d8e52382.tmp</t>
  </si>
  <si>
    <t>12/27/2019 15:44:30</t>
  </si>
  <si>
    <t>12/27/2019 15:44:35</t>
  </si>
  <si>
    <t>12/27/2019 15:44:43</t>
  </si>
  <si>
    <t>12/27/2019 15:44:51</t>
  </si>
  <si>
    <t>100014239771614;joaogvc@algartech.com;josiascdsj@algartech.com;marianadjc@algartech.com;rafaelggs@algartech.com;taysdss@algartech.com;viniciussg@algartech.com;</t>
  </si>
  <si>
    <t>100014239771614,joaogvc@algartech.com,josiascdsj@algartech.com,marianadjc@algartech.com,rafaelggs@algartech.com,taysdss@algartech.com,viniciussg@algartech.com</t>
  </si>
  <si>
    <t>12/27/2019 15:47:29</t>
  </si>
  <si>
    <t>12/27/2019 15:44:36</t>
  </si>
  <si>
    <t>12/27/2019 15:45:21</t>
  </si>
  <si>
    <t>12/27/2019 15:44:01</t>
  </si>
  <si>
    <t>12/27/2019 15:49:59</t>
  </si>
  <si>
    <t>winrt--{S-1-5-21-602162358-764733703-839522115-358573}-.searchconnector-ms</t>
  </si>
  <si>
    <t>\\acsfs\profiles$\nayaranao\Searches\winrt--{S-1-5-21-602162358-764733703-839522115-358573}-.searchconnector-ms</t>
  </si>
  <si>
    <t>12/27/2019 15:46:22</t>
  </si>
  <si>
    <t>12/27/2019 15:44:25</t>
  </si>
  <si>
    <t>ad0f3cc6-c0c2-4e2e-91aa-f958fc64729b.tmp</t>
  </si>
  <si>
    <t>\\acsfs\profiles$\LUCASNS\Downloads\ad0f3cc6-c0c2-4e2e-91aa-f958fc64729b.tmp</t>
  </si>
  <si>
    <t>12/27/2019 15:46:37</t>
  </si>
  <si>
    <t>12/26/2019 21:26:43</t>
  </si>
  <si>
    <t>12/27/2019 15:50:59</t>
  </si>
  <si>
    <t>12/26/2019 21:29:18</t>
  </si>
  <si>
    <t>12/27/2019 15:47:34</t>
  </si>
  <si>
    <t>12/27/2019 15:48:05</t>
  </si>
  <si>
    <t>12/27/2019 15:46:32</t>
  </si>
  <si>
    <t>12/27/2019 15:46:33</t>
  </si>
  <si>
    <t>12/27/2019 15:48:44</t>
  </si>
  <si>
    <t>12/27/2019 15:52:00</t>
  </si>
  <si>
    <t>marciopmi@algartech.com;</t>
  </si>
  <si>
    <t>WS2167811507 - Rodada 1 - Engeset TSP - Manutenção FO_AlgarTech.xls</t>
  </si>
  <si>
    <t>https://marciopmi@algartech.com</t>
  </si>
  <si>
    <t>12/27/2019 15:48:50</t>
  </si>
  <si>
    <t>12/27/2019 15:49:58</t>
  </si>
  <si>
    <t>Kamilla Carolina Rodrigues_1_6769547239505339241_1_32.wav</t>
  </si>
  <si>
    <t>\\acsfs\Deptos\EDUCACAO EMPRESARIAL\FERNANDA MONIT\Ligação para Mutant terceiro Ciclo\Kamilla Carolina Rodrigues_1_6769547239505339241_1_32.wav</t>
  </si>
  <si>
    <t>12/27/2019 15:49:08</t>
  </si>
  <si>
    <t>cfa355ee-6017-4991-9497-3bbbb8d688c8.tmp</t>
  </si>
  <si>
    <t>\\acsfs\profiles$\erichds\Downloads\cfa355ee-6017-4991-9497-3bbbb8d688c8.tmp</t>
  </si>
  <si>
    <t>12/27/2019 15:47:54</t>
  </si>
  <si>
    <t>12/27/2019 15:52:59</t>
  </si>
  <si>
    <t>12/27/2019 15:48:55</t>
  </si>
  <si>
    <t>12/27/2019 15:54:00</t>
  </si>
  <si>
    <t>12/27/2019 15:51:19</t>
  </si>
  <si>
    <t>fd6e85c9-96df-476d-8ed0-6b4c1c39b4be.tmp</t>
  </si>
  <si>
    <t>\\acsfs\profiles$\antoniosva\Downloads\fd6e85c9-96df-476d-8ed0-6b4c1c39b4be.tmp</t>
  </si>
  <si>
    <t>12/27/2019 15:49:21</t>
  </si>
  <si>
    <t>0c2f09a9-1bfa-482e-b21c-b31834d96720.tmp</t>
  </si>
  <si>
    <t>\\acsfs\profiles$\mariagsg\Downloads\0c2f09a9-1bfa-482e-b21c-b31834d96720.tmp</t>
  </si>
  <si>
    <t>12/27/2019 15:49:09</t>
  </si>
  <si>
    <t>12/27/2019 15:51:14</t>
  </si>
  <si>
    <t>a0d0d568-772f-4d65-8dab-d3bb674a6afe.tmp</t>
  </si>
  <si>
    <t>\\acsfs\profiles$\bernardopcm\Downloads\a0d0d568-772f-4d65-8dab-d3bb674a6afe.tmp</t>
  </si>
  <si>
    <t>12/27/2019 15:54:29</t>
  </si>
  <si>
    <t>12/27/2019 15:54:59</t>
  </si>
  <si>
    <t>12/27/2019 15:51:54</t>
  </si>
  <si>
    <t>12/27/2019 15:56:00</t>
  </si>
  <si>
    <t>12/27/2019 15:52:37</t>
  </si>
  <si>
    <t>12/27/2019 15:53:28</t>
  </si>
  <si>
    <t>12/27/2019 15:55:26</t>
  </si>
  <si>
    <t>12/27/2019 15:55:27</t>
  </si>
  <si>
    <t>12/27/2019 15:55:41</t>
  </si>
  <si>
    <t>12/27/2019 15:57:00</t>
  </si>
  <si>
    <t>971fb09a-ed12-46d9-aef6-e860a0fe98df.tmp</t>
  </si>
  <si>
    <t>\\acsfs\profiles$\gabrielhca\Downloads\971fb09a-ed12-46d9-aef6-e860a0fe98df.tmp</t>
  </si>
  <si>
    <t>12/27/2019 15:54:34</t>
  </si>
  <si>
    <t>12/27/2019 15:58:00</t>
  </si>
  <si>
    <t>12/27/2019 15:54:53</t>
  </si>
  <si>
    <t>12/27/2019 15:55:14</t>
  </si>
  <si>
    <t>Relatório Isadora 24 e 26-12.xlsx</t>
  </si>
  <si>
    <t>12/27/2019 15:55:43</t>
  </si>
  <si>
    <t>12/27/2019 15:53:22</t>
  </si>
  <si>
    <t>12/27/2019 15:55:53</t>
  </si>
  <si>
    <t>12/27/2019 15:56:23</t>
  </si>
  <si>
    <t>12/27/2019 15:56:53</t>
  </si>
  <si>
    <t>https://outlook.office365.com/owa/qualidadealgarbv@algartech.com/service.svc?action=updateitem&amp;app=mail&amp;n=114</t>
  </si>
  <si>
    <t>12/27/2019 15:57:23</t>
  </si>
  <si>
    <t>https://outlook.office365.com/owa/qualidadealgarbv@algartech.com/service.svc?action=updateitem&amp;app=mail&amp;n=124</t>
  </si>
  <si>
    <t>12/27/2019 15:58:04</t>
  </si>
  <si>
    <t>12/27/2019 15:59:00</t>
  </si>
  <si>
    <t>12/27/2019 15:55:12</t>
  </si>
  <si>
    <t>ac156af8-ed4b-420d-9424-413d1f6603b4.tmp</t>
  </si>
  <si>
    <t>\\acsfs\profiles$\JOAOVAL\Downloads\ac156af8-ed4b-420d-9424-413d1f6603b4.tmp</t>
  </si>
  <si>
    <t>12/27/2019 15:55:09</t>
  </si>
  <si>
    <t>12/27/2019 15:58:36</t>
  </si>
  <si>
    <t>12/27/2019 16:00:00</t>
  </si>
  <si>
    <t>12/27/2019 15:56:41</t>
  </si>
  <si>
    <t>12/27/2019 16:01:00</t>
  </si>
  <si>
    <t>12/27/2019 16:00:22</t>
  </si>
  <si>
    <t>12/27/2019 15:56:38</t>
  </si>
  <si>
    <t>12/27/2019 15:57:38</t>
  </si>
  <si>
    <t>12/27/2019 15:58:08</t>
  </si>
  <si>
    <t>12/27/2019 15:58:38</t>
  </si>
  <si>
    <t>12/27/2019 15:59:09</t>
  </si>
  <si>
    <t>12/27/2019 15:55:28</t>
  </si>
  <si>
    <t>12/27/2019 15:55:29</t>
  </si>
  <si>
    <t>12/27/2019 15:55:31</t>
  </si>
  <si>
    <t>12/27/2019 15:55:32</t>
  </si>
  <si>
    <t>12/27/2019 15:55:33</t>
  </si>
  <si>
    <t>12/27/2019 15:55:34</t>
  </si>
  <si>
    <t>12/27/2019 15:55:51</t>
  </si>
  <si>
    <t>12/27/2019 15:55:56</t>
  </si>
  <si>
    <t>12/27/2019 15:59:10</t>
  </si>
  <si>
    <t>12/27/2019 16:00:26</t>
  </si>
  <si>
    <t>12/27/2019 16:02:00</t>
  </si>
  <si>
    <t>12/27/2019 16:00:12</t>
  </si>
  <si>
    <t>2a83e927-c6a8-4434-b177-34a31e37d3f5.tmp</t>
  </si>
  <si>
    <t>\\acsfs\profiles$\deborahsi\Downloads\2a83e927-c6a8-4434-b177-34a31e37d3f5.tmp</t>
  </si>
  <si>
    <t>12/27/2019 15:57:34</t>
  </si>
  <si>
    <t>Lucas Nascimento Silva_1_6769201228350042569_1_32.wav</t>
  </si>
  <si>
    <t>\\acsfs\Deptos\EDUCACAO EMPRESARIAL\FERNANDA MONIT\Ligação para Mutant terceiro Ciclo\Lucas Nascimento Silva_1_6769201228350042569_1_32.wav</t>
  </si>
  <si>
    <t>12/27/2019 15:59:40</t>
  </si>
  <si>
    <t>b6f646b4-ed76-4f2c-b4ff-0e2b6708a391.tmp</t>
  </si>
  <si>
    <t>\\acsfs\profiles$\victoriaksr\Downloads\b6f646b4-ed76-4f2c-b4ff-0e2b6708a391.tmp</t>
  </si>
  <si>
    <t>12/27/2019 15:57:59</t>
  </si>
  <si>
    <t>12/27/2019 16:03:00</t>
  </si>
  <si>
    <t>12/27/2019 15:59:15</t>
  </si>
  <si>
    <t>12/27/2019 15:58:39</t>
  </si>
  <si>
    <t>12/27/2019 16:01:09</t>
  </si>
  <si>
    <t>12/27/2019 16:04:00</t>
  </si>
  <si>
    <t>12/27/2019 16:01:49</t>
  </si>
  <si>
    <t>12/27/2019 16:05:00</t>
  </si>
  <si>
    <t>12/27/2019 16:02:15</t>
  </si>
  <si>
    <t>12/27/2019 16:04:25</t>
  </si>
  <si>
    <t>12/27/2019 16:06:01</t>
  </si>
  <si>
    <t>12/27/2019 16:00:44</t>
  </si>
  <si>
    <t>12/27/2019 16:02:01</t>
  </si>
  <si>
    <t>12/27/2019 16:01:13</t>
  </si>
  <si>
    <t>12/27/2019 16:04:57</t>
  </si>
  <si>
    <t>12/27/2019 16:01:48</t>
  </si>
  <si>
    <t>12/27/2019 16:02:50</t>
  </si>
  <si>
    <t>12/27/2019 16:07:00</t>
  </si>
  <si>
    <t>3c1dde5c-bd8c-43fe-b6a1-b20d0ad8c173.tmp</t>
  </si>
  <si>
    <t>\\acsfs\profiles$\vivianibfs\Downloads\3c1dde5c-bd8c-43fe-b6a1-b20d0ad8c173.tmp</t>
  </si>
  <si>
    <t>12/27/2019 16:03:14</t>
  </si>
  <si>
    <t>12/27/2019 16:03:36</t>
  </si>
  <si>
    <t>12/27/2019 16:08:00</t>
  </si>
  <si>
    <t>12/27/2019 16:03:43</t>
  </si>
  <si>
    <t>12/27/2019 16:05:15</t>
  </si>
  <si>
    <t>12/27/2019 16:05:01</t>
  </si>
  <si>
    <t>12/27/2019 16:05:22</t>
  </si>
  <si>
    <t>12/27/2019 16:05:29</t>
  </si>
  <si>
    <t>12/27/2019 16:06:29</t>
  </si>
  <si>
    <t>12/27/2019 16:02:55</t>
  </si>
  <si>
    <t>Q29udHJvbGxlci5FeHBsb3Jlcl8x.ica.crdownload</t>
  </si>
  <si>
    <t>\\acsfs\ACS\001 - Qualidade Lilian\PAULO\FAROL DE QUALIDADE\DEZEMBRO\Q29udHJvbGxlci5FeHBsb3Jlcl8x.ica.crdownload</t>
  </si>
  <si>
    <t>12/27/2019 16:02:57</t>
  </si>
  <si>
    <t>\\acsfs\ACS\001 - Qualidade Lilian\PAULO\FAROL DE QUALIDADE\DEZEMBRO\Q29udHJvbGxlci5FeHBsb3Jlcl8x.ica:Zone.Identifier</t>
  </si>
  <si>
    <t>12/27/2019 16:07:35</t>
  </si>
  <si>
    <t>12/27/2019 16:09:00</t>
  </si>
  <si>
    <t>http:///batch?%24ct=multipart%2Fmixed%3B%20boundary%3D%22%3D%3D%3D%3D%3D5edvglyeuac0%3D%3D%3D%3D%3D%22&amp;key=AIzaSyAy9VVXHSpS2IJpptzYtGbLP3-3_l0aBk4</t>
  </si>
  <si>
    <t>12/27/2019 16:07:38</t>
  </si>
  <si>
    <t>http:///batch?%24ct=multipart%2Fmixed%3B%20boundary%3D%22%3D%3D%3D%3D%3D297dutpv4gxt%3D%3D%3D%3D%3D%22&amp;key=AIzaSyAy9VVXHSpS2IJpptzYtGbLP3-3_l0aBk4</t>
  </si>
  <si>
    <t>12/27/2019 16:07:41</t>
  </si>
  <si>
    <t>http:///batch?%24ct=multipart%2Fmixed%3B%20boundary%3D%22%3D%3D%3D%3D%3Dlucct5w0fr0q%3D%3D%3D%3D%3D%22&amp;key=AIzaSyAy9VVXHSpS2IJpptzYtGbLP3-3_l0aBk4</t>
  </si>
  <si>
    <t>ancestorhasaugmentedpermissions;containsunsubscribedchildren;displayname;domain;emailaddress;filesize;hasthumbnail;hasvisitorpermissions;id);items(kind;ken;lastmodifyi;lastmodifyinguser(kind;lastviewedbymedate;modifiedbymedate;modifieddate;ontainsunsubscribedchildren;owners(kind;permission;permissionid;picture;picture�;rpermissions;t5w0fr0q===;thumbnailversion;workspaceids;</t>
  </si>
  <si>
    <t>http://ancestorhasaugmentedpermissions,containsunsubscribedchildren,displayname,domain,emailaddress,filesize,hasthumbnail,hasvisitorpermissions,id),items(kind,ken,lastmodifyi,lastmodifyinguser(kind,lastviewedbymedate,modifiedbymedate,modifieddate,ontainsunsubscribedchildren,owners(kind,permission,permissionid,picture,picture�,rpermissions,t5w0fr0q===,thumbnailversion,workspaceids</t>
  </si>
  <si>
    <t>12/27/2019 16:07:43</t>
  </si>
  <si>
    <t>12/27/2019 16:07:45</t>
  </si>
  <si>
    <t>http:///batch?%24ct=multipart%2Fmixed%3B%20boundary%3D%22%3D%3D%3D%3D%3D2b24a1h1ux4e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;lastmodifyinguser(kind;lastviewedbymedate;modifiedbymedate;modifieddate;ontainsunsubscribedchildren;owners(kind;perm;permission;permissionid;picture;picture�;rpermissions;shared;sharedwithmedate;t5w0fr0q===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,lastmodifyinguser(kind,lastviewedbymedate,modifiedbymedate,modifieddate,ontainsunsubscribedchildren,owners(kind,perm,permission,permissionid,picture,picture�,rpermissions,shared,sharedwithmedate,t5w0fr0q===,thumbnailversion,title,userpermission(role),workspaceids</t>
  </si>
  <si>
    <t>12/27/2019 16:07:50</t>
  </si>
  <si>
    <t>http:///batch?%24ct=multipart%2Fmixed%3B%20boundary%3D%22%3D%3D%3D%3D%3Dx6j9cw9hp9ol%3D%3D%3D%3D%3D%22&amp;key=AIzaSyAy9VVXHSpS2IJpptzYtGbLP3-3_l0aBk4</t>
  </si>
  <si>
    <t>http:///batch?%24ct=multipart%2Fmixed%3B%20boundary%3D%22%3D%3D%3D%3D%3Dotc51kvfkwzi%3D%3D%3D%3D%3D%22&amp;key=AIzaSyAy9VVXHSpS2IJpptzYtGbLP3-3_l0aBk4</t>
  </si>
  <si>
    <t>12/27/2019 16:07:57</t>
  </si>
  <si>
    <t>http:///batch?%24ct=multipart%2Fmixed%3B%20boundary%3D%22%3D%3D%3D%3D%3Drvhdwkc1o61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;lastmodifyinguser(kind;lastviewedbymedate;modifiedbymedate;modifieddate;ontainsunsubscribedchildren;owners(kind;per;perm;permission;permissionid;picture;picture�;rpermissions;shared;sharedwithmedate;t5w0fr0q===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,lastmodifyinguser(kind,lastviewedbymedate,modifiedbymedate,modifieddate,ontainsunsubscribedchildren,owners(kind,per,perm,permission,permissionid,picture,picture�,rpermissions,shared,sharedwithmedate,t5w0fr0q===,thumbnailversion,title,userpermission(role),workspaceids</t>
  </si>
  <si>
    <t>http:///batch?%24ct=multipart%2Fmixed%3B%20boundary%3D%22%3D%3D%3D%3D%3D1wjzezqkm6rc%3D%3D%3D%3D%3D%22&amp;key=AIzaSyAy9VVXHSpS2IJpptzYtGbLP3-3_l0aBk4</t>
  </si>
  <si>
    <t>12/27/2019 16:07:58</t>
  </si>
  <si>
    <t>http:///batch?%24ct=multipart%2Fmixed%3B%20boundary%3D%22%3D%3D%3D%3D%3D4oh05ez3q28q%3D%3D%3D%3D%3D%22&amp;key=AIzaSyAy9VVXHSpS2IJpptzYtGbLP3-3_l0aBk4</t>
  </si>
  <si>
    <t>12/27/2019 16:08:26</t>
  </si>
  <si>
    <t>http:///batch?%24ct=multipart%2Fmixed%3B%20boundary%3D%22%3D%3D%3D%3D%3Df2fnfqmlpz3s%3D%3D%3D%3D%3D%22&amp;key=AIzaSyAy9VVXHSpS2IJpptzYtGbLP3-3_l0aBk4</t>
  </si>
  <si>
    <t>aaab6liaaaaumqf-mxdsnnpnqb57n91iwagfpotm4xzbmw8sfim8x30b9yilmctsaeklqte74ts0t7svf80wwbhwzvn628u3kstxjvcy5vdkwiexxmmaza0yagldsfcai5k6as05uiq14cre5gbtw1fh7mj5mhog0u7noo25gt2324wg7eksor46;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thumbnailversion;workspaceids;</t>
  </si>
  <si>
    <t>http://aaab6liaaaaumqf-mxdsnnpnqb57n91iwagfpotm4xzbmw8sfim8x30b9yilmctsaeklqte74ts0t7svf80wwbhwzvn628u3kstxjvcy5vdkwiexxmmaza0yagldsfcai5k6as05uiq14cre5gbtw1fh7mj5mhog0u7noo25gt2324wg7eksor46,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12/27/2019 16:08:30</t>
  </si>
  <si>
    <t>http:///batch?%24ct=multipart%2Fmixed%3B%20boundary%3D%22%3D%3D%3D%3D%3Dffqoleckmyym%3D%3D%3D%3D%3D%22&amp;key=AIzaSyAy9VVXHSpS2IJpptzYtGbLP3-3_l0aBk4</t>
  </si>
  <si>
    <t>aaab6liaaaaumqf-mxdsnnpnqb57n91iwagfpotm4xzbmw8sfim8x30b9yilmctsaeklqte74ts0t7svf80wwbhwzvn628u3kstxjvcy5vdkwiexxmmaza0yagldsfcai5k6as05uiq14cre5gbtw1fh7mj5mhog0u7noo25gt2324wg7eksor46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m;permission;permissionid;picture;shared;sharedwithmedate;thumbnailversion;title;userpermission(role);workspaceids;</t>
  </si>
  <si>
    <t>http://aaab6liaaaaumqf-mxdsnnpnqb57n91iwagfpotm4xzbmw8sfim8x30b9yilmctsaeklqte74ts0t7svf80wwbhwzvn628u3kstxjvcy5vdkwiexxmmaza0yagldsfcai5k6as05uiq14cre5gbtw1fh7mj5mhog0u7noo25gt2324wg7eksor46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m,permission,permissionid,picture,shared,sharedwithmedate,thumbnailversion,title,userpermission(role),workspaceids</t>
  </si>
  <si>
    <t>http:///batch?%24ct=multipart%2Fmixed%3B%20boundary%3D%22%3D%3D%3D%3D%3Domq286sgla6y%3D%3D%3D%3D%3D%22&amp;key=AIzaSyAy9VVXHSpS2IJpptzYtGbLP3-3_l0aBk4</t>
  </si>
  <si>
    <t>aaab6liaaaaumqf-mxdsnnpnqb57n91iwagfpotm4xzbmw8sfim8x30b9yilmctsaeklqte74ts0t7svf80wwbhwzvn628u3kstxjvcy5vdkwiexxmmaza0yagldsfcai5k6as05uiq14cre5gbtw1fh7mj5mhog0u7noo25gt2324wg7eksor46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m;permission;permissioni;permissionid;picture;shared;sharedwithmedate;thumbnailversion;title;userpermission(role);workspaceids;</t>
  </si>
  <si>
    <t>http://aaab6liaaaaumqf-mxdsnnpnqb57n91iwagfpotm4xzbmw8sfim8x30b9yilmctsaeklqte74ts0t7svf80wwbhwzvn628u3kstxjvcy5vdkwiexxmmaza0yagldsfcai5k6as05uiq14cre5gbtw1fh7mj5mhog0u7noo25gt2324wg7eksor46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m,permission,permissioni,permissionid,picture,shared,sharedwithmedate,thumbnailversion,title,userpermission(role),workspaceids</t>
  </si>
  <si>
    <t>http:///batch?%24ct=multipart%2Fmixed%3B%20boundary%3D%22%3D%3D%3D%3D%3D9qb5wro40iff%3D%3D%3D%3D%3D%22&amp;key=AIzaSyAy9VVXHSpS2IJpptzYtGbLP3-3_l0aBk4</t>
  </si>
  <si>
    <t>aaab6liaaaaumqf-mxdsnnpnqb57n91iwagfpotm4xzbmw8sfim8x30b9yilmctsaeklqte74ts0t7svf80wwbhwzvn628u3kstxjvcy5vdkwiexxmmaza0yagldsfcai5k6as05uiq14cre5gbtw1fh7mj5mhog0u7noo25gt2324wg7eksor46;ancestorhasaugmentedpermissions;containsunsubscribedchildren;dis;displayname;domain;emailaddress;file(kind;fileid;filesize;hasthumbnail;hasvisitorpermissions;id;id);items(deleted;items(kind;ken;kind;lastmodifyi;lastmodifyinguser(kind;lastviewedbymedate;modifiedbymedate;modifieddate;ontainsunsubscribedchildren;owners(kind;perm;permission;permissioni;permissionid;picture;rpermissions;shared;sharedwithmedate;thumbnailversion;title;userpermission(role);workspaceids;</t>
  </si>
  <si>
    <t>http://aaab6liaaaaumqf-mxdsnnpnqb57n91iwagfpotm4xzbmw8sfim8x30b9yilmctsaeklqte74ts0t7svf80wwbhwzvn628u3kstxjvcy5vdkwiexxmmaza0yagldsfcai5k6as05uiq14cre5gbtw1fh7mj5mhog0u7noo25gt2324wg7eksor46,ancestorhasaugmentedpermissions,containsunsubscribedchildren,dis,displayname,domain,emailaddress,file(kind,fileid,filesize,hasthumbnail,hasvisitorpermissions,id,id),items(deleted,items(kind,ken,kind,lastmodifyi,lastmodifyinguser(kind,lastviewedbymedate,modifiedbymedate,modifieddate,ontainsunsubscribedchildren,owners(kind,perm,permission,permissioni,permissionid,picture,rpermissions,shared,sharedwithmedate,thumbnailversion,title,userpermission(role),workspaceids</t>
  </si>
  <si>
    <t>12/27/2019 16:08:32</t>
  </si>
  <si>
    <t>http:///batch?%24ct=multipart%2Fmixed%3B%20boundary%3D%22%3D%3D%3D%3D%3Db2ssvpigzvw4%3D%3D%3D%3D%3D%22&amp;key=AIzaSyAy9VVXHSpS2IJpptzYtGbLP3-3_l0aBk4</t>
  </si>
  <si>
    <t>12/27/2019 16:08:35</t>
  </si>
  <si>
    <t>http:///batch?%24ct=multipart%2Fmixed%3B%20boundary%3D%22%3D%3D%3D%3D%3Dagnlhmvxp8jr%3D%3D%3D%3D%3D%22&amp;key=AIzaSyAy9VVXHSpS2IJpptzYtGbLP3-3_l0aBk4</t>
  </si>
  <si>
    <t>12/27/2019 16:08:36</t>
  </si>
  <si>
    <t>http:///batch?%24ct=multipart%2Fmixed%3B%20boundary%3D%22%3D%3D%3D%3D%3Drhrx16e3q4tt%3D%3D%3D%3D%3D%22&amp;key=AIzaSyAy9VVXHSpS2IJpptzYtGbLP3-3_l0aBk4</t>
  </si>
  <si>
    <t>0;0.6480881399870383]]];0.668;0];1;1.083;1.083];1.8281535648994516];1029870;1034095;1055715;11.237;11.531;1172740;12.38;12.854];1204940;1227085;12535.78999999445;1269725;12856.95000004489;1286750;12892.120000091381;12898.975000018254;12935.440000030212;137.141;1419550;1471620;15.344;15.344];15.552;15.552];15.859999926760793;1577473657867000];1577473663017000;1577473665321000;1577473665322000;1577473665621000;1577473707160000];1577473708306000;15];1600];1600]];1693420;1];1dv-7nq3nsjzog8csd3m_ptoa2gczufatbmblgpqrivi;1eufa2cmik3n2ptjj-yndhhzupr3nk5v7;1jtxknzvuiazxqcq-c9q7ymvimabgdzqh3lctyib8dfc;1kxv_wmwpvcy0xvf-42js4axmwft3bqwpufizwvpmlkk;1ldvlarqsdaweid0ywzioi3u2nihdj0yppsawwregb3s;1qz9wgwjhgsbcfu2uqb3dplfo9m9nstkzc8ypdh7tdi0;1yr-pkuxtsm15isbm84rqa0i1mtp411fwtizsgzduzua;2.955000032670796;200];2013;21.464;21.464];21.7;21.7];2131020;2250915;26.53999999165535;26.685000048018992;2769000;28.571428571428573;2818485;2818525;2853549;29.727];29.804727646454268;2];3;3.7593984962406015];30.416];3053450;3084544;3088730;31.</t>
  </si>
  <si>
    <t>http://0,0.6480881399870383]]],0.668,0],1,1.083,1.083],1.8281535648994516],1029870,1034095,1055715,11.237,11.531,1172740,12.38,12.854],1204940,1227085,12535.78999999445,1269725,12856.95000004489,1286750,12892.120000091381,12898.975000018254,12935.440000030212,137.141,1419550,1471620,15.344,15.344],15.552,15.552],15.859999926760793,1577473657867000],1577473663017000,1577473665321000,1577473665322000,1577473665621000,1577473707160000],1577473708306000,15],1600],1600]],1693420,1],1dv-7nq3nsjzog8csd3m_ptoa2gczufatbmblgpqrivi,1eufa2cmik3n2ptjj-yndhhzupr3nk5v7,1jtxknzvuiazxqcq-c9q7ymvimabgdzqh3lctyib8dfc,1kxv_wmwpvcy0xvf-42js4axmwft3bqwpufizwvpmlkk,1ldvlarqsdaweid0ywzioi3u2nihdj0yppsawwregb3s,1qz9wgwjhgsbcfu2uqb3dplfo9m9nstkzc8ypdh7tdi0,1yr-pkuxtsm15isbm84rqa0i1mtp411fwtizsgzduzua,2.955000032670796,200],2013,21.464,21.464],21.7,21.7],2131020,2250915,26.53999999165535,26.685000048018992,2769000,28.571428571428573,2818485,2818525,2853549,29.727],29.804727646454268,2],3,3.7593984962406015],30.416],3053450,3084544,3088</t>
  </si>
  <si>
    <t>0;0.6480881399870383]]];0.668;0];1;1.083;1.083];1.8281535648994516];1029870;1034095;1055715;11.237;11.531;1172740;12.38;12.854];1204940;1227085;12535.78999999445;1269725;12856.95000004489;1286750;12892.120000091381;12898.975000018254;12935.440000030212;137.141;1419550;1471620;15.344;15.344];15.552;15.552];15.859999926760793;152.76500000618398;1577473657867000];1577473663017000;1577473665321000;1577473665322000;1577473665621000;1577473707160000];1577473708306000;1589.698];15];1600];1600]];1693420;1];1dv-7nq3nsjzog8csd3m_ptoa2gczufatbmblgpqrivi;1eufa2cmik3n2ptjj-yndhhzupr3nk5v7;1jtxknzvuiazxqcq-c9q7ymvimabgdzqh3lctyib8dfc;1kxv_wmwpvcy0xvf-42js4axmwft3bqwpufizwvpmlkk;1ldvlarqsdaweid0ywzioi3u2nihdj0yppsawwregb3s;1qz9wgwjhgsbcfu2uqb3dplfo9m9nstkzc8ypdh7tdi0;1yr-pkuxtsm15isbm84rqa0i1mtp411fwtizsgzduzua;2.955000032670796;200];2013;21.464;21.464];21.7;21.7];2131020;2250915;26.53999999165535;26.685000048018992;2769000;28.571428571428573;2818485;2818525;2853549;29.727];29.804727646454268;2];3;3.7593984962406015];30.416</t>
  </si>
  <si>
    <t>http://0,0.6480881399870383]]],0.668,0],1,1.083,1.083],1.8281535648994516],1029870,1034095,1055715,11.237,11.531,1172740,12.38,12.854],1204940,1227085,12535.78999999445,1269725,12856.95000004489,1286750,12892.120000091381,12898.975000018254,12935.440000030212,137.141,1419550,1471620,15.344,15.344],15.552,15.552],15.859999926760793,152.76500000618398,1577473657867000],1577473663017000,1577473665321000,1577473665322000,1577473665621000,1577473707160000],1577473708306000,1589.698],15],1600],1600]],1693420,1],1dv-7nq3nsjzog8csd3m_ptoa2gczufatbmblgpqrivi,1eufa2cmik3n2ptjj-yndhhzupr3nk5v7,1jtxknzvuiazxqcq-c9q7ymvimabgdzqh3lctyib8dfc,1kxv_wmwpvcy0xvf-42js4axmwft3bqwpufizwvpmlkk,1ldvlarqsdaweid0ywzioi3u2nihdj0yppsawwregb3s,1qz9wgwjhgsbcfu2uqb3dplfo9m9nstkzc8ypdh7tdi0,1yr-pkuxtsm15isbm84rqa0i1mtp411fwtizsgzduzua,2.955000032670796,200],2013,21.464,21.464],21.7,21.7],2131020,2250915,26.53999999165535,26.685000048018992,2769000,28.571428571428573,2818485,2818525,2853549,29.727],29.804727646454268,2],3,3.7593984962406015]</t>
  </si>
  <si>
    <t>12/27/2019 16:08:37</t>
  </si>
  <si>
    <t>12/27/2019 16:07:27</t>
  </si>
  <si>
    <t>6252b07a-c6b5-4e3d-91ba-b3f79933f9e1.tmp</t>
  </si>
  <si>
    <t>\\acsfs\profiles$\bernardopcm\Downloads\6252b07a-c6b5-4e3d-91ba-b3f79933f9e1.tmp</t>
  </si>
  <si>
    <t>12/27/2019 16:07:09</t>
  </si>
  <si>
    <t>12/27/2019 16:09:11</t>
  </si>
  <si>
    <t>12/27/2019 16:11:01</t>
  </si>
  <si>
    <t>12/27/2019 16:08:03</t>
  </si>
  <si>
    <t>12/27/2019 16:05:37</t>
  </si>
  <si>
    <t>12/27/2019 16:07:12</t>
  </si>
  <si>
    <t>12/27/2019 16:09:13</t>
  </si>
  <si>
    <t>12/27/2019 16:09:43</t>
  </si>
  <si>
    <t>12/27/2019 16:10:13</t>
  </si>
  <si>
    <t>12/27/2019 16:08:39</t>
  </si>
  <si>
    <t>e35de6d0-1e02-445e-9f63-a7fa144e4081.tmp</t>
  </si>
  <si>
    <t>\\acsfs\profiles$\gabriellalpr\Downloads\e35de6d0-1e02-445e-9f63-a7fa144e4081.tmp</t>
  </si>
  <si>
    <t>12/27/2019 16:07:13</t>
  </si>
  <si>
    <t>12/27/2019 16:07:59</t>
  </si>
  <si>
    <t>12/27/2019 16:08:01</t>
  </si>
  <si>
    <t>12/27/2019 16:08:02</t>
  </si>
  <si>
    <t>12/27/2019 16:07:30</t>
  </si>
  <si>
    <t>12/27/2019 16:12:00</t>
  </si>
  <si>
    <t>12/27/2019 16:07:31</t>
  </si>
  <si>
    <t>12/27/2019 16:07:32</t>
  </si>
  <si>
    <t>12/27/2019 16:07:33</t>
  </si>
  <si>
    <t>12/27/2019 16:07:34</t>
  </si>
  <si>
    <t>12/27/2019 16:07:36</t>
  </si>
  <si>
    <t>12/27/2019 16:07:37</t>
  </si>
  <si>
    <t>12/27/2019 16:07:39</t>
  </si>
  <si>
    <t>12/27/2019 16:07:40</t>
  </si>
  <si>
    <t>12/27/2019 16:07:42</t>
  </si>
  <si>
    <t>12/27/2019 16:07:44</t>
  </si>
  <si>
    <t>12/27/2019 16:07:46</t>
  </si>
  <si>
    <t>12/27/2019 16:07:47</t>
  </si>
  <si>
    <t>12/27/2019 16:07:48</t>
  </si>
  <si>
    <t>12/27/2019 16:07:49</t>
  </si>
  <si>
    <t>12/27/2019 16:07:51</t>
  </si>
  <si>
    <t>12/27/2019 16:07:52</t>
  </si>
  <si>
    <t>12/27/2019 16:07:53</t>
  </si>
  <si>
    <t>12/27/2019 16:07:54</t>
  </si>
  <si>
    <t>12/27/2019 16:07:20</t>
  </si>
  <si>
    <t>5021606d-9044-4cc9-9d32-936307929cbf.tmp</t>
  </si>
  <si>
    <t>\\acsfs\profiles$\deborahsi\Downloads\5021606d-9044-4cc9-9d32-936307929cbf.tmp</t>
  </si>
  <si>
    <t>12/27/2019 16:09:18</t>
  </si>
  <si>
    <t>12/27/2019 16:13:01</t>
  </si>
  <si>
    <t>12/27/2019 16:11:13</t>
  </si>
  <si>
    <t>12/27/2019 16:09:32</t>
  </si>
  <si>
    <t>\\acsfs\ACS\</t>
  </si>
  <si>
    <t>\\acsfs\ACS\Q29udHJvbGxlci5JRS1Qb3J0YWw-.ica.crdownload</t>
  </si>
  <si>
    <t>\\acsfs\ACS\Q29udHJvbGxlci5JRS1Qb3J0YWw-.ica:Zone.Identifier</t>
  </si>
  <si>
    <t>12/27/2019 16:14:00</t>
  </si>
  <si>
    <t>12/27/2019 16:13:09</t>
  </si>
  <si>
    <t>12/27/2019 16:11:29</t>
  </si>
  <si>
    <t>12/27/2019 16:16:00</t>
  </si>
  <si>
    <t>12/27/2019 16:12:18</t>
  </si>
  <si>
    <t>12/27/2019 16:12:25</t>
  </si>
  <si>
    <t>12/27/2019 16:15:08</t>
  </si>
  <si>
    <t>12/27/2019 16:12:14</t>
  </si>
  <si>
    <t>12/27/2019 16:13:13</t>
  </si>
  <si>
    <t>12/27/2019 16:16:05</t>
  </si>
  <si>
    <t>12/27/2019 16:17:01</t>
  </si>
  <si>
    <t>.~lock.Filas.xlsx#</t>
  </si>
  <si>
    <t>\\acsfs\profiles$\victoriaksr\My Documents\.~lock.Filas.xlsx#</t>
  </si>
  <si>
    <t>12/27/2019 16:16:43</t>
  </si>
  <si>
    <t>\\acsfs\profiles$\victoriaksr\My Documents\$RECYCLE.BIN\</t>
  </si>
  <si>
    <t>$IR47K4B.odt</t>
  </si>
  <si>
    <t>\\acsfs\profiles$\victoriaksr\My Documents\$RECYCLE.BIN\$IR47K4B.odt</t>
  </si>
  <si>
    <t>12/27/2019 16:15:10</t>
  </si>
  <si>
    <t>12/27/2019 16:18:00</t>
  </si>
  <si>
    <t>XLOG_tiagosno_27122019_081325.log</t>
  </si>
  <si>
    <t>\\acsfs\profiles$\tiagosno\My Documents\xworkcenter\logs\XLOG_tiagosno_27122019_081325.log</t>
  </si>
  <si>
    <t>12/27/2019 16:13:55</t>
  </si>
  <si>
    <t>12/27/2019 16:14:26</t>
  </si>
  <si>
    <t>12/27/2019 16:15:24</t>
  </si>
  <si>
    <t>12/27/2019 16:17:17</t>
  </si>
  <si>
    <t>12/27/2019 16:14:45</t>
  </si>
  <si>
    <t>12/27/2019 16:17:26</t>
  </si>
  <si>
    <t>12/27/2019 16:17:57</t>
  </si>
  <si>
    <t>12/27/2019 16:19:00</t>
  </si>
  <si>
    <t>XLOG_ellencds_27122019_085217.log</t>
  </si>
  <si>
    <t>\\acsfs\profiles$\ellencds\My Documents\xworkcenter\logs\XLOG_ellencds_27122019_085217.log</t>
  </si>
  <si>
    <t>12/27/2019 16:12:26</t>
  </si>
  <si>
    <t>12/27/2019 16:19:59</t>
  </si>
  <si>
    <t>\\acsfs\DEPTOS\Operacao\Banco_Votorantim\Qualidade\Eliane\Contestação MUTANT DEZEMBRO\</t>
  </si>
  <si>
    <t>Contestação DEZEMBRO.txt</t>
  </si>
  <si>
    <t>\\acsfs\DEPTOS\Operacao\Banco_Votorantim\Qualidade\Eliane\Contestação MUTANT DEZEMBRO\Contestação DEZEMBRO.txt</t>
  </si>
  <si>
    <t>12/27/2019 16:12:40</t>
  </si>
  <si>
    <t>12/27/2019 16:17:36</t>
  </si>
  <si>
    <t>12/27/2019 16:21:00</t>
  </si>
  <si>
    <t>12/27/2019 16:19:01</t>
  </si>
  <si>
    <t>12/27/2019 16:19:02</t>
  </si>
  <si>
    <t>12/27/2019 16:19:03</t>
  </si>
  <si>
    <t>12/27/2019 16:19:13</t>
  </si>
  <si>
    <t>12/27/2019 16:21:16</t>
  </si>
  <si>
    <t>12/27/2019 16:22:00</t>
  </si>
  <si>
    <t>12/27/2019 16:18:31</t>
  </si>
  <si>
    <t>043b4586-8207-4acd-a58a-e958efad4c68.tmp</t>
  </si>
  <si>
    <t>\\acsfs\profiles$\erichds\Downloads\043b4586-8207-4acd-a58a-e958efad4c68.tmp</t>
  </si>
  <si>
    <t>12/27/2019 16:17:18</t>
  </si>
  <si>
    <t>12/27/2019 16:23:00</t>
  </si>
  <si>
    <t>12/27/2019 16:17:32</t>
  </si>
  <si>
    <t>12/27/2019 16:17:42</t>
  </si>
  <si>
    <t>12/27/2019 16:17:54</t>
  </si>
  <si>
    <t>12/27/2019 16:22:07</t>
  </si>
  <si>
    <t>12/27/2019 16:18:45</t>
  </si>
  <si>
    <t>12/27/2019 16:20:28</t>
  </si>
  <si>
    <t>12/27/2019 16:20:32</t>
  </si>
  <si>
    <t>12/27/2019 16:20:35</t>
  </si>
  <si>
    <t>12/27/2019 16:20:39</t>
  </si>
  <si>
    <t>12/27/2019 16:20:46</t>
  </si>
  <si>
    <t>12/27/2019 16:22:37</t>
  </si>
  <si>
    <t>12/27/2019 16:24:00</t>
  </si>
  <si>
    <t>XLOG_ellencds_27122019_085157.log</t>
  </si>
  <si>
    <t>\\acsfs\profiles$\ellencds\My Documents\xworkcenter\logs\XLOG_ellencds_27122019_085157.log</t>
  </si>
  <si>
    <t>12/27/2019 16:18:35</t>
  </si>
  <si>
    <t>XLOG_ellencds_27122019_085134.log</t>
  </si>
  <si>
    <t>\\acsfs\profiles$\ellencds\My Documents\xworkcenter\logs\XLOG_ellencds_27122019_085134.log</t>
  </si>
  <si>
    <t>12/27/2019 16:18:41</t>
  </si>
  <si>
    <t>XLOG_ellencds_27122019_084037.log</t>
  </si>
  <si>
    <t>\\acsfs\profiles$\ellencds\My Documents\xworkcenter\logs\XLOG_ellencds_27122019_084037.log</t>
  </si>
  <si>
    <t>12/27/2019 16:19:28</t>
  </si>
  <si>
    <t>12/27/2019 16:19:09</t>
  </si>
  <si>
    <t>12/27/2019 16:20:04</t>
  </si>
  <si>
    <t>12/27/2019 16:25:00</t>
  </si>
  <si>
    <t>a53ade38-ac02-4057-aa09-61a5a4964b0d.tmp</t>
  </si>
  <si>
    <t>\\acsfs\profiles$\larissaad\Downloads\a53ade38-ac02-4057-aa09-61a5a4964b0d.tmp</t>
  </si>
  <si>
    <t>12/27/2019 16:24:13</t>
  </si>
  <si>
    <t>12/27/2019 16:26:00</t>
  </si>
  <si>
    <t>12/27/2019 16:25:13</t>
  </si>
  <si>
    <t>12/27/2019 16:22:56</t>
  </si>
  <si>
    <t>12/27/2019 16:27:00</t>
  </si>
  <si>
    <t>mail.google.com/sync/u/0/i/s?hl=pt-BR&amp;c=849</t>
  </si>
  <si>
    <t>12/27/2019 16:23:02</t>
  </si>
  <si>
    <t>mail.google.com/sync/u/0/i/s?hl=pt-BR&amp;c=853</t>
  </si>
  <si>
    <t>12/27/2019 16:23:12</t>
  </si>
  <si>
    <t>mail.google.com/sync/u/0/i/s?hl=pt-BR&amp;c=855</t>
  </si>
  <si>
    <t>12/27/2019 16:24:17</t>
  </si>
  <si>
    <t>mail.google.com/sync/u/0/i/s?hl=pt-BR&amp;c=858</t>
  </si>
  <si>
    <t>12/27/2019 16:26:46</t>
  </si>
  <si>
    <t>mail.google.com/sync/u/0/i/s?hl=pt-BR&amp;c=862</t>
  </si>
  <si>
    <t>ancestorhasaugmentedpermissions;containsunsubscribedchildren;displayname;domain;emailaddress;filesize;hasthumbnail;hasvisitorpermissions;id);items(kind;ken;kesiadof@algartech.com;larisacc@algartech.com;lastmodifyinguser(kind;lastviewedbymedate;marianerdo@algartech.com;mirianppb@algartech.com;modifiedbymedate;modifieddate;ontainsunsubscribedchildren;owners(kind;permission;permissionid;picture;thiagordu@algartech.com;thumbnailversion;workspaceids;</t>
  </si>
  <si>
    <t>ancestorhasaugmentedpermissions,containsunsubscribedchildren,displayname,domain,emailaddress,filesize,hasthumbnail,hasvisitorpermissions,id),items(kind,ken,kesiadof@algartech.com,larisacc@algartech.com,lastmodifyinguser(kind,lastviewedbymedate,marianerdo@algartech.com,mirianppb@algartech.com,modifiedbymedate,modifieddate,ontainsunsubscribedchildren,owners(kind,permission,permissionid,picture,thiagordu@algartech.com,thumbnailversion,workspaceids</t>
  </si>
  <si>
    <t>12/27/2019 16:22:33</t>
  </si>
  <si>
    <t>12/27/2019 16:28:00</t>
  </si>
  <si>
    <t>12/27/2019 16:25:21</t>
  </si>
  <si>
    <t>12/27/2019 16:25:27</t>
  </si>
  <si>
    <t>12/27/2019 16:23:11</t>
  </si>
  <si>
    <t>12/27/2019 16:26:02</t>
  </si>
  <si>
    <t>12/27/2019 16:29:00</t>
  </si>
  <si>
    <t>8a0697cf-3936-4ac8-a7f3-e15b15d1d598.tmp</t>
  </si>
  <si>
    <t>\\acsfs\profiles$\brendadsl\Downloads\8a0697cf-3936-4ac8-a7f3-e15b15d1d598.tmp</t>
  </si>
  <si>
    <t>12/27/2019 16:25:09</t>
  </si>
  <si>
    <t>12/27/2019 16:27:48</t>
  </si>
  <si>
    <t>12/27/2019 16:29:59</t>
  </si>
  <si>
    <t>12/27/2019 16:28:07</t>
  </si>
  <si>
    <t>12/27/2019 16:31:00</t>
  </si>
  <si>
    <t>12/27/2019 16:28:12</t>
  </si>
  <si>
    <t>12/27/2019 16:28:38</t>
  </si>
  <si>
    <t>12/27/2019 16:30:13</t>
  </si>
  <si>
    <t>12/27/2019 16:27:51</t>
  </si>
  <si>
    <t>12/27/2019 16:32:00</t>
  </si>
  <si>
    <t>mail.google.com/sync/u/0/i/s?hl=pt-BR&amp;c=866</t>
  </si>
  <si>
    <t>12/27/2019 16:27:54</t>
  </si>
  <si>
    <t>12/27/2019 16:27:59</t>
  </si>
  <si>
    <t>mail.google.com/sync/u/0/i/s?hl=pt-BR&amp;c=870</t>
  </si>
  <si>
    <t>12/27/2019 16:28:21</t>
  </si>
  <si>
    <t>mail.google.com/sync/u/0/i/s?hl=pt-BR&amp;c=873</t>
  </si>
  <si>
    <t>12/27/2019 16:29:16</t>
  </si>
  <si>
    <t>mail.google.com/sync/u/0/i/s?hl=pt-BR&amp;c=877</t>
  </si>
  <si>
    <t>12/27/2019 16:29:39</t>
  </si>
  <si>
    <t>mail.google.com/sync/u/0/i/s?hl=pt-BR&amp;c=879</t>
  </si>
  <si>
    <t>12/27/2019 16:31:09</t>
  </si>
  <si>
    <t>12/27/2019 16:34:00</t>
  </si>
  <si>
    <t>12/27/2019 16:29:32</t>
  </si>
  <si>
    <t>12/27/2019 16:34:59</t>
  </si>
  <si>
    <t>XLOG_anacdos_27122019_080929.log</t>
  </si>
  <si>
    <t>\\acsfs\profiles$\anacdos\My Documents\xworkcenter\logs\XLOG_anacdos_27122019_080929.log</t>
  </si>
  <si>
    <t>12/27/2019 16:34:57</t>
  </si>
  <si>
    <t>12/27/2019 16:36:00</t>
  </si>
  <si>
    <t>\\acsfs\DEPTOS\Operacao\PCP\5 - Comum\Pedro Henrique Xavier\BV\02 - Relatórios\</t>
  </si>
  <si>
    <t>PreShutdown.bat</t>
  </si>
  <si>
    <t>\\acsfs\DEPTOS\Operacao\PCP\5 - Comum\Paula Cristina Naves\PreShutdown.bat</t>
  </si>
  <si>
    <t>12/27/2019 16:35:05</t>
  </si>
  <si>
    <t>313e2715-cff3-4eb1-a52f-14ce02622c69.tmp</t>
  </si>
  <si>
    <t>\\acsfs\profiles$\alinepp\Downloads\313e2715-cff3-4eb1-a52f-14ce02622c69.tmp</t>
  </si>
  <si>
    <t>12/27/2019 16:31:13</t>
  </si>
  <si>
    <t>12/27/2019 16:31:19</t>
  </si>
  <si>
    <t>12/27/2019 16:31:20</t>
  </si>
  <si>
    <t>12/27/2019 16:32:13</t>
  </si>
  <si>
    <t>12/27/2019 16:37:00</t>
  </si>
  <si>
    <t>mail.google.com/sync/u/0/i/s?hl=pt-BR&amp;c=887</t>
  </si>
  <si>
    <t>12/27/2019 16:34:03</t>
  </si>
  <si>
    <t>12/27/2019 16:37:59</t>
  </si>
  <si>
    <t>33507c8a-ad18-4d7b-8e87-0908893a8211.tmp</t>
  </si>
  <si>
    <t>\\acsfs\profiles$\cintiadjl\Downloads\33507c8a-ad18-4d7b-8e87-0908893a8211.tmp</t>
  </si>
  <si>
    <t>12/27/2019 16:37:06</t>
  </si>
  <si>
    <t>12/27/2019 16:39:00</t>
  </si>
  <si>
    <t>12/27/2019 16:37:09</t>
  </si>
  <si>
    <t>12/27/2019 16:38:12</t>
  </si>
  <si>
    <t>12/27/2019 16:41:00</t>
  </si>
  <si>
    <t>12/27/2019 16:38:13</t>
  </si>
  <si>
    <t>12/27/2019 16:38:38</t>
  </si>
  <si>
    <t>12/27/2019 16:39:15</t>
  </si>
  <si>
    <t>12/27/2019 16:39:48</t>
  </si>
  <si>
    <t>12/27/2019 16:36:26</t>
  </si>
  <si>
    <t>12/27/2019 16:36:27</t>
  </si>
  <si>
    <t>12/27/2019 16:36:49</t>
  </si>
  <si>
    <t>12/27/2019 16:36:51</t>
  </si>
  <si>
    <t>12/27/2019 16:37:13</t>
  </si>
  <si>
    <t>12/27/2019 16:39:06</t>
  </si>
  <si>
    <t>12/27/2019 16:42:00</t>
  </si>
  <si>
    <t>\\acsfs\DEPTOS\EDUCACAO EMPRESARIAL\2 - Operações\0 - BV\5 - QUALIDADE\Nova pasta\jose\</t>
  </si>
  <si>
    <t>ligação- LUCAS GUBERT_1_6771769936620627914_1_32.wav</t>
  </si>
  <si>
    <t>\\acsfs\DEPTOS\EDUCACAO EMPRESARIAL\2 - Operações\0 - BV\5 - QUALIDADE\Nova pasta\jose\ligação- LUCAS GUBERT_1_6771769936620627914_1_32.wav</t>
  </si>
  <si>
    <t>12/27/2019 16:41:13</t>
  </si>
  <si>
    <t>12/27/2019 16:41:21</t>
  </si>
  <si>
    <t>26e08d84-142d-4b14-859d-a18a6de5ca29.tmp</t>
  </si>
  <si>
    <t>\\acsfs\profiles$\erichds\Downloads\26e08d84-142d-4b14-859d-a18a6de5ca29.tmp</t>
  </si>
  <si>
    <t>12/27/2019 16:40:31</t>
  </si>
  <si>
    <t>12/27/2019 16:41:16</t>
  </si>
  <si>
    <t>12/27/2019 16:41:43</t>
  </si>
  <si>
    <t>12/27/2019 16:42:59</t>
  </si>
  <si>
    <t>12/27/2019 16:38:45</t>
  </si>
  <si>
    <t>12/27/2019 16:43:09</t>
  </si>
  <si>
    <t>12/27/2019 16:44:00</t>
  </si>
  <si>
    <t>12/27/2019 16:44:59</t>
  </si>
  <si>
    <t>ENC: Produtividade CRCe até 26/12</t>
  </si>
  <si>
    <t>12/27/2019 16:43:08</t>
  </si>
  <si>
    <t>12/27/2019 16:43:57</t>
  </si>
  <si>
    <t>12/27/2019 16:40:56</t>
  </si>
  <si>
    <t>12/27/2019 16:46:00</t>
  </si>
  <si>
    <t>12/27/2019 16:42:35</t>
  </si>
  <si>
    <t>andrelpsa@algartech.com;fabianacscg@algartech.com;mirianppb@algartech.com;qualidadealgarbv@algartech.com;supervisaobancovotorantim@algartech.com;talmaiardo@algartech.com;</t>
  </si>
  <si>
    <t>andrelpsa@algartech.com,fabianacscg@algartech.com,mirianppb@algartech.com,qualidadealgarbv@algartech.com,supervisaobancovotorantim@algartech.com,talmaiardo@algartech.com</t>
  </si>
  <si>
    <t>12/27/2019 16:42:43</t>
  </si>
  <si>
    <t>12/27/2019 16:43:13</t>
  </si>
  <si>
    <t>12/27/2019 16:43:17</t>
  </si>
  <si>
    <t>12/27/2019 16:43:23</t>
  </si>
  <si>
    <t>12/27/2019 16:43:27</t>
  </si>
  <si>
    <t>12/27/2019 16:41:29</t>
  </si>
  <si>
    <t>12/27/2019 16:46:59</t>
  </si>
  <si>
    <t>Ligação- RAFAELA MARQUES_1_6772552956403321231_1_32.wav</t>
  </si>
  <si>
    <t>\\acsfs\DEPTOS\EDUCACAO EMPRESARIAL\2 - Operações\0 - BV\5 - QUALIDADE\Nova pasta\jose\Ligação- RAFAELA MARQUES_1_6772552956403321231_1_32.wav</t>
  </si>
  <si>
    <t>Ligação- RAFAELA MARQUES (NORMA)_1_6771766642380707178_1_32.wav</t>
  </si>
  <si>
    <t>\\acsfs\DEPTOS\EDUCACAO EMPRESARIAL\2 - Operações\0 - BV\5 - QUALIDADE\Nova pasta\jose\Ligação- RAFAELA MARQUES (NORMA)_1_6771766642380707178_1_32.wav</t>
  </si>
  <si>
    <t>12/27/2019 16:42:57</t>
  </si>
  <si>
    <t>12/27/2019 16:45:01</t>
  </si>
  <si>
    <t>12/27/2019 16:47:59</t>
  </si>
  <si>
    <t>12/27/2019 16:45:33</t>
  </si>
  <si>
    <t>12/27/2019 16:49:00</t>
  </si>
  <si>
    <t>12/27/2019 16:45:47</t>
  </si>
  <si>
    <t>andre.komatsubara@bradesco.com.br;evertonpdsr@algartech.com.br;</t>
  </si>
  <si>
    <t>Controle Inclusões</t>
  </si>
  <si>
    <t>Controle Inclusoes.xlsx</t>
  </si>
  <si>
    <t>andre.komatsubara@bradesco.com.br,evertonpdsr@algartech.com.br</t>
  </si>
  <si>
    <t>12/27/2019 16:47:37</t>
  </si>
  <si>
    <t>12/27/2019 16:49:59</t>
  </si>
  <si>
    <t>mail.google.com/_/upload?authuser=0&amp;dcp=asu-n&amp;upload_id=AEnB2UoWlZnzswXt86tbdVXtTnOsi_7k4ftghqNyQ98G1Z3ozCri_hKyFVk7-J3YTNpk33U9ehK_3CEeVaHzh_Kgs1_mVskNcpbjRt87MKwKmCa3yX8rqyA&amp;upload_protocol=resumable</t>
  </si>
  <si>
    <t>\\acsfs\ACS\Gestão por Processos\Melhoria de Processos\Associados\Marianna Mota\4 - Transferências de custo\2019\12 DEZ-2019\</t>
  </si>
  <si>
    <t>Razão 1305 2712 1555.xls</t>
  </si>
  <si>
    <t>12/27/2019 16:47:20</t>
  </si>
  <si>
    <t>12/27/2019 16:51:00</t>
  </si>
  <si>
    <t>josiascdsj@algartech.com;marianadjc@algartech.com;</t>
  </si>
  <si>
    <t>josiascdsj@algartech.com,marianadjc@algartech.com</t>
  </si>
  <si>
    <t>12/27/2019 16:47:39</t>
  </si>
  <si>
    <t>12/27/2019 16:47:56</t>
  </si>
  <si>
    <t>12/27/2019 16:48:13</t>
  </si>
  <si>
    <t>12/27/2019 16:49:54</t>
  </si>
  <si>
    <t>12/27/2019 16:49:58</t>
  </si>
  <si>
    <t>12/27/2019 16:50:02</t>
  </si>
  <si>
    <t>12/27/2019 16:47:43</t>
  </si>
  <si>
    <t>12/27/2019 16:46:22</t>
  </si>
  <si>
    <t>12/27/2019 16:48:01</t>
  </si>
  <si>
    <t>12/27/2019 16:52:59</t>
  </si>
  <si>
    <t>12/27/2019 16:49:09</t>
  </si>
  <si>
    <t>12/27/2019 16:54:00</t>
  </si>
  <si>
    <t>12/27/2019 16:55:20</t>
  </si>
  <si>
    <t>12/27/2019 16:56:00</t>
  </si>
  <si>
    <t>12/27/2019 16:55:22</t>
  </si>
  <si>
    <t>12/27/2019 16:55:25</t>
  </si>
  <si>
    <t>12/27/2019 16:54:12</t>
  </si>
  <si>
    <t>12/27/2019 16:56:59</t>
  </si>
  <si>
    <t>a0c8b691-bd8b-4888-af68-92db709641e7.tmp</t>
  </si>
  <si>
    <t>\\acsfs\profiles$\KARENJSS\Downloads\a0c8b691-bd8b-4888-af68-92db709641e7.tmp</t>
  </si>
  <si>
    <t>12/27/2019 16:54:13</t>
  </si>
  <si>
    <t>48a0bc77-b570-4ed4-8323-c7e54ca84ed3.tmp</t>
  </si>
  <si>
    <t>\\acsfs\profiles$\KARENJSS\Downloads\48a0bc77-b570-4ed4-8323-c7e54ca84ed3.tmp</t>
  </si>
  <si>
    <t>12/27/2019 16:55:40</t>
  </si>
  <si>
    <t>12/27/2019 16:57:59</t>
  </si>
  <si>
    <t>12/27/2019 16:57:02</t>
  </si>
  <si>
    <t>mail.google.com/_/upload?authuser=0&amp;dcp=asu-n&amp;upload_id=AEnB2Up1qptk-LZISglYPGJ4I_4POkPXzKRjmVNdhVURgogaelLsOa_yBwf9tYrazhiVW24oqMD-d11gt3d-9bHauqi4Gn55n6-bZVi4lNcHN-PejKFamTk&amp;upload_protocol=resumable</t>
  </si>
  <si>
    <t>Estrutura_Algar.xls</t>
  </si>
  <si>
    <t>12/27/2019 16:55:08</t>
  </si>
  <si>
    <t>12/27/2019 16:58:59</t>
  </si>
  <si>
    <t>12/27/2019 16:56:01</t>
  </si>
  <si>
    <t>12/27/2019 17:01:00</t>
  </si>
  <si>
    <t>https://josiascdsj@algartech.com,marianadjc@algartech.com</t>
  </si>
  <si>
    <t>12/27/2019 16:56:34</t>
  </si>
  <si>
    <t>12/27/2019 16:59:09</t>
  </si>
  <si>
    <t>12/27/2019 17:00:07</t>
  </si>
  <si>
    <t>12/27/2019 16:59:53</t>
  </si>
  <si>
    <t>12/27/2019 16:56:22</t>
  </si>
  <si>
    <t>12/27/2019 16:56:23</t>
  </si>
  <si>
    <t>12/27/2019 16:57:18</t>
  </si>
  <si>
    <t>12/27/2019 16:55:51</t>
  </si>
  <si>
    <t>5f74ed97-77a2-4134-8e30-67196168e479.tmp</t>
  </si>
  <si>
    <t>\\acsfs\profiles$\victorgl\Downloads\5f74ed97-77a2-4134-8e30-67196168e479.tmp</t>
  </si>
  <si>
    <t>12/27/2019 17:01:12</t>
  </si>
  <si>
    <t>12/27/2019 17:01:59</t>
  </si>
  <si>
    <t>12/27/2019 17:02:18</t>
  </si>
  <si>
    <t>12/27/2019 17:03:59</t>
  </si>
  <si>
    <t>a0cd24c9-9170-434d-838b-38e245cd892f.tmp</t>
  </si>
  <si>
    <t>\\acsfs\profiles$\henriquehmdo\Downloads\a0cd24c9-9170-434d-838b-38e245cd892f.tmp</t>
  </si>
  <si>
    <t>12/27/2019 17:00:58</t>
  </si>
  <si>
    <t>12/27/2019 16:59:44</t>
  </si>
  <si>
    <t>12/27/2019 17:00:08</t>
  </si>
  <si>
    <t>12/27/2019 17:00:24</t>
  </si>
  <si>
    <t>12/27/2019 17:00:50</t>
  </si>
  <si>
    <t>amanda.poucheira@bv.com.br;andrelps@algartech.com;andrelpsa@algartech.com;fabianacscg@algartech.com;jose.gomes@bv.com.br;mirianppb@algartech.com;qualidadealgarbv@algartech.com;supervisaobancovotorantim@algartech.com;talmaiardo@algartech.com;</t>
  </si>
  <si>
    <t>amanda.poucheira@bv.com.br,andrelps@algartech.com,andrelpsa@algartech.com,fabianacscg@algartech.com,jose.gomes@bv.com.br,mirianppb@algartech.com,qualidadealgarbv@algartech.com,supervisaobancovotorantim@algartech.com,talmaiardo@algartech.com</t>
  </si>
  <si>
    <t>12/27/2019 17:01:05</t>
  </si>
  <si>
    <t>12/27/2019 17:01:09</t>
  </si>
  <si>
    <t>12/27/2019 17:01:17</t>
  </si>
  <si>
    <t>12/27/2019 16:59:37</t>
  </si>
  <si>
    <t>12/27/2019 17:05:00</t>
  </si>
  <si>
    <t>12/27/2019 17:02:41</t>
  </si>
  <si>
    <t>12/27/2019 17:01:18</t>
  </si>
  <si>
    <t>12/27/2019 17:05:59</t>
  </si>
  <si>
    <t>12/27/2019 17:01:42</t>
  </si>
  <si>
    <t>12/27/2019 17:05:14</t>
  </si>
  <si>
    <t>12/27/2019 17:02:52</t>
  </si>
  <si>
    <t>12/27/2019 17:07:00</t>
  </si>
  <si>
    <t>12/27/2019 17:03:02</t>
  </si>
  <si>
    <t>mail.google.com/_/upload?authuser=0&amp;dcp=asu-n&amp;upload_id=AEnB2UoincIBEW1_vAFf8vs68qXYb-ptuEwfEfoG-Klr9u7jka7AZYPOVhJUulgXlPjBloNUwzM9XGhEL7k2wxNRzcGvDXOej_NVUIBUhxZVH4HGCcfpXho&amp;upload_protocol=resumable</t>
  </si>
  <si>
    <t>12/27/2019 17:04:42</t>
  </si>
  <si>
    <t>12/27/2019 17:07:59</t>
  </si>
  <si>
    <t>12/27/2019 17:07:38</t>
  </si>
  <si>
    <t>12/27/2019 17:09:00</t>
  </si>
  <si>
    <t>10.201.28.52</t>
  </si>
  <si>
    <t>12/27/2019 17:04:08</t>
  </si>
  <si>
    <t>afd833a9-b6aa-45d9-a263-cce4c4cac745.tmp</t>
  </si>
  <si>
    <t>\\acsfs\profiles$\georgendsq\Downloads\afd833a9-b6aa-45d9-a263-cce4c4cac745.tmp</t>
  </si>
  <si>
    <t>12/27/2019 17:05:12</t>
  </si>
  <si>
    <t>12/27/2019 17:07:09</t>
  </si>
  <si>
    <t>12/27/2019 17:06:26</t>
  </si>
  <si>
    <t>12/27/2019 17:10:59</t>
  </si>
  <si>
    <t>12/27/2019 17:07:30</t>
  </si>
  <si>
    <t>12/27/2019 17:09:23</t>
  </si>
  <si>
    <t>12/27/2019 17:09:42</t>
  </si>
  <si>
    <t>12/27/2019 17:09:47</t>
  </si>
  <si>
    <t>12/27/2019 17:09:50</t>
  </si>
  <si>
    <t>12/27/2019 17:10:13</t>
  </si>
  <si>
    <t>12/27/2019 17:09:53</t>
  </si>
  <si>
    <t>12/27/2019 17:10:16</t>
  </si>
  <si>
    <t>12/27/2019 17:06:41</t>
  </si>
  <si>
    <t>12/27/2019 17:11:59</t>
  </si>
  <si>
    <t>12/27/2019 17:11:44</t>
  </si>
  <si>
    <t>12/27/2019 17:13:00</t>
  </si>
  <si>
    <t>12/27/2019 17:10:21</t>
  </si>
  <si>
    <t>12/27/2019 17:13:59</t>
  </si>
  <si>
    <t>12/27/2019 17:10:22</t>
  </si>
  <si>
    <t>12/27/2019 17:13:09</t>
  </si>
  <si>
    <t>12/27/2019 17:13:26</t>
  </si>
  <si>
    <t>12/27/2019 17:13:27</t>
  </si>
  <si>
    <t>12/27/2019 17:15:00</t>
  </si>
  <si>
    <t>12/27/2019 17:13:28</t>
  </si>
  <si>
    <t>12/27/2019 17:13:48</t>
  </si>
  <si>
    <t>12/27/2019 17:13:49</t>
  </si>
  <si>
    <t>12/27/2019 17:10:33</t>
  </si>
  <si>
    <t>10.200.32.26</t>
  </si>
  <si>
    <t>12/27/2019 17:12:03</t>
  </si>
  <si>
    <t>12/27/2019 17:10:34</t>
  </si>
  <si>
    <t>12/27/2019 17:15:59</t>
  </si>
  <si>
    <t>12/27/2019 17:11:04</t>
  </si>
  <si>
    <t>12/27/2019 17:12:50</t>
  </si>
  <si>
    <t>12/27/2019 17:13:05</t>
  </si>
  <si>
    <t>12/27/2019 17:14:21</t>
  </si>
  <si>
    <t>12/27/2019 17:14:49</t>
  </si>
  <si>
    <t>12/27/2019 17:15:11</t>
  </si>
  <si>
    <t>12/27/2019 17:15:17</t>
  </si>
  <si>
    <t>12/27/2019 17:15:33</t>
  </si>
  <si>
    <t>12/27/2019 17:17:00</t>
  </si>
  <si>
    <t>D8-9C-67-6F-27-13</t>
  </si>
  <si>
    <t>mail.google.com/_/upload?authuser=0&amp;dcp=asu-n&amp;upload_id=AEnB2UrCCCUVdbYb9ubSiBgZEJ7E2_eyM0biLjOjL8d48ygrhHgrUNoawb6iCJ6w8aATxtgbUCXNpVIIJnYTJEa9_Z4gnTgC8w&amp;upload_protocol=resumable</t>
  </si>
  <si>
    <t>RESGATE RECLAMAÇÕES ALGAR - DEZEMBRO 2019 - VENDAS.xlsx</t>
  </si>
  <si>
    <t>12/27/2019 17:17:57</t>
  </si>
  <si>
    <t>12/27/2019 17:18:59</t>
  </si>
  <si>
    <t>mail.google.com/_/upload?authuser=0&amp;dcp=asu-n&amp;upload_id=AEnB2UofrOe7sYVGRJif_0O4wMEazbObXDMfffsHN8C-PZyWLK5aO9bn2-Sm2wlardyk3n3suJ91Ui3v24SO15lSYes0GcznYA&amp;upload_protocol=resumable</t>
  </si>
  <si>
    <t>Levantamento Site 2.xlsx</t>
  </si>
  <si>
    <t>12/27/2019 17:15:46</t>
  </si>
  <si>
    <t>12/27/2019 17:20:00</t>
  </si>
  <si>
    <t>12/27/2019 17:16:46</t>
  </si>
  <si>
    <t>12/27/2019 17:16:09</t>
  </si>
  <si>
    <t>12/27/2019 17:20:59</t>
  </si>
  <si>
    <t>12/27/2019 17:16:27</t>
  </si>
  <si>
    <t>12/27/2019 17:17:10</t>
  </si>
  <si>
    <t>12/27/2019 17:17:15</t>
  </si>
  <si>
    <t>12/27/2019 17:17:20</t>
  </si>
  <si>
    <t>12/27/2019 17:17:23</t>
  </si>
  <si>
    <t>12/27/2019 17:17:25</t>
  </si>
  <si>
    <t>12/27/2019 17:17:34</t>
  </si>
  <si>
    <t>12/27/2019 17:17:43</t>
  </si>
  <si>
    <t>12/27/2019 17:17:45</t>
  </si>
  <si>
    <t>12/27/2019 17:18:34</t>
  </si>
  <si>
    <t>12/27/2019 17:19:15</t>
  </si>
  <si>
    <t>12/27/2019 17:16:35</t>
  </si>
  <si>
    <t>12/27/2019 17:16:06</t>
  </si>
  <si>
    <t>12/27/2019 17:20:09</t>
  </si>
  <si>
    <t>12/27/2019 17:21:59</t>
  </si>
  <si>
    <t>f6405993-fc38-4736-8c70-1f83f6571018.tmp</t>
  </si>
  <si>
    <t>\\acsfs\profiles$\erichds\Downloads\f6405993-fc38-4736-8c70-1f83f6571018.tmp</t>
  </si>
  <si>
    <t>12/27/2019 17:18:47</t>
  </si>
  <si>
    <t>12/27/2019 17:22:59</t>
  </si>
  <si>
    <t>12/27/2019 17:19:14</t>
  </si>
  <si>
    <t>12/27/2019 17:23:59</t>
  </si>
  <si>
    <t>c:\users\walissonrs\desktop\</t>
  </si>
  <si>
    <t>levantamento site 2.xlsx</t>
  </si>
  <si>
    <t>12/27/2019 17:19:59</t>
  </si>
  <si>
    <t>12/27/2019 17:19:09</t>
  </si>
  <si>
    <t>12/27/2019 17:25:00</t>
  </si>
  <si>
    <t>12/27/2019 17:21:36</t>
  </si>
  <si>
    <t>12/27/2019 17:21:37</t>
  </si>
  <si>
    <t>12/27/2019 17:21:39</t>
  </si>
  <si>
    <t>12/27/2019 17:21:40</t>
  </si>
  <si>
    <t>12/27/2019 17:21:42</t>
  </si>
  <si>
    <t>12/27/2019 17:21:44</t>
  </si>
  <si>
    <t>12/27/2019 17:19:52</t>
  </si>
  <si>
    <t>12/27/2019 17:21:49</t>
  </si>
  <si>
    <t>12/27/2019 17:25:59</t>
  </si>
  <si>
    <t>12/27/2019 17:24:44</t>
  </si>
  <si>
    <t>12/27/2019 17:26:59</t>
  </si>
  <si>
    <t>12/27/2019 17:24:03</t>
  </si>
  <si>
    <t>12/27/2019 17:27:59</t>
  </si>
  <si>
    <t>12/27/2019 17:24:16</t>
  </si>
  <si>
    <t>12/27/2019 17:29:59</t>
  </si>
  <si>
    <t>12/27/2019 17:25:09</t>
  </si>
  <si>
    <t>12/27/2019 17:27:09</t>
  </si>
  <si>
    <t>12/27/2019 17:26:26</t>
  </si>
  <si>
    <t>12/27/2019 17:30:59</t>
  </si>
  <si>
    <t>12/27/2019 17:27:56</t>
  </si>
  <si>
    <t>12/27/2019 17:27:57</t>
  </si>
  <si>
    <t>12/27/2019 17:26:52</t>
  </si>
  <si>
    <t>12/27/2019 17:31:59</t>
  </si>
  <si>
    <t>12/27/2019 17:33:19</t>
  </si>
  <si>
    <t>12/27/2019 17:33:59</t>
  </si>
  <si>
    <t>c231e189-bf66-4092-a851-7698db7fea61.tmp</t>
  </si>
  <si>
    <t>\\acsfs\profiles$\JOAOVAL\Downloads\c231e189-bf66-4092-a851-7698db7fea61.tmp</t>
  </si>
  <si>
    <t>12/27/2019 17:31:09</t>
  </si>
  <si>
    <t>12/27/2019 17:34:59</t>
  </si>
  <si>
    <t>12/27/2019 17:32:26</t>
  </si>
  <si>
    <t>12/27/2019 17:33:09</t>
  </si>
  <si>
    <t>12/27/2019 17:32:59</t>
  </si>
  <si>
    <t>12/27/2019 17:35:58</t>
  </si>
  <si>
    <t>12/27/2019 17:33:34</t>
  </si>
  <si>
    <t>12/27/2019 17:33:51</t>
  </si>
  <si>
    <t>12/27/2019 17:38:58</t>
  </si>
  <si>
    <t>10.200.66.186</t>
  </si>
  <si>
    <t>3700d011-24d1-4b13-ab88-9e86d7334e05.tmp</t>
  </si>
  <si>
    <t>\\acsfs\profiles$\anafaes\Downloads\3700d011-24d1-4b13-ab88-9e86d7334e05.tmp</t>
  </si>
  <si>
    <t>12/27/2019 17:33:56</t>
  </si>
  <si>
    <t>8c842bf3-350a-4be9-970a-3a962bcbdb27.tmp</t>
  </si>
  <si>
    <t>\\acsfs\profiles$\anafaes\Downloads\8c842bf3-350a-4be9-970a-3a962bcbdb27.tmp</t>
  </si>
  <si>
    <t>12/27/2019 17:34:02</t>
  </si>
  <si>
    <t>0a2a3589-327b-4865-ad0f-b5de04f8fe59.tmp</t>
  </si>
  <si>
    <t>\\acsfs\profiles$\anafaes\Downloads\0a2a3589-327b-4865-ad0f-b5de04f8fe59.tmp</t>
  </si>
  <si>
    <t>12/27/2019 17:34:11</t>
  </si>
  <si>
    <t>Não confirmado 656516.crdownload</t>
  </si>
  <si>
    <t>\\acsfs\profiles$\anafaes\Downloads\Não confirmado 656516.crdownload</t>
  </si>
  <si>
    <t>12/27/2019 17:36:04</t>
  </si>
  <si>
    <t>5157b36c-6629-4cd5-9093-80f736a4e76f.tmp</t>
  </si>
  <si>
    <t>\\acsfs\profiles$\anafaes\Downloads\5157b36c-6629-4cd5-9093-80f736a4e76f.tmp</t>
  </si>
  <si>
    <t>12/27/2019 17:37:09</t>
  </si>
  <si>
    <t>12/27/2019 17:39:59</t>
  </si>
  <si>
    <t>12/27/2019 17:38:29</t>
  </si>
  <si>
    <t>12/27/2019 17:38:38</t>
  </si>
  <si>
    <t>12/27/2019 17:38:09</t>
  </si>
  <si>
    <t>12/27/2019 17:40:59</t>
  </si>
  <si>
    <t>12/27/2019 17:36:59</t>
  </si>
  <si>
    <t>12/27/2019 17:41:59</t>
  </si>
  <si>
    <t>10.200.57.86</t>
  </si>
  <si>
    <t>\\acsfs\DEPTOS\Controladoria\Planejamento\Reuniões Mensais\2019\11- Novembro\Suporte Fechamento\LATAM\</t>
  </si>
  <si>
    <t>Apuração Argentina_11 349.xlsx</t>
  </si>
  <si>
    <t>12/27/2019 17:38:59</t>
  </si>
  <si>
    <t>12/27/2019 17:42:59</t>
  </si>
  <si>
    <t>12/27/2019 17:39:41</t>
  </si>
  <si>
    <t>12/27/2019 17:43:59</t>
  </si>
  <si>
    <t>d045c7be-743a-49bf-85d7-d309be77a623.tmp</t>
  </si>
  <si>
    <t>\\acsfs\profiles$\matheusmax\Downloads\d045c7be-743a-49bf-85d7-d309be77a623.tmp</t>
  </si>
  <si>
    <t>12/27/2019 17:40:28</t>
  </si>
  <si>
    <t>61f22315-0059-459c-b74c-023bdd90fc24.tmp</t>
  </si>
  <si>
    <t>\\acsfs\profiles$\leonardocb\Downloads\61f22315-0059-459c-b74c-023bdd90fc24.tmp</t>
  </si>
  <si>
    <t>12/27/2019 17:40:30</t>
  </si>
  <si>
    <t>Q29udHJvbGxlci5JbmZvQlYtTm9pdGU- (15).ica</t>
  </si>
  <si>
    <t>\\acsfs\profiles$\leonardocb\Downloads\Q29udHJvbGxlci5JbmZvQlYtTm9pdGU- (15).ica</t>
  </si>
  <si>
    <t>12/27/2019 17:41:25</t>
  </si>
  <si>
    <t>5fe3ff23-3cdd-47b3-bf0c-57b78ee79414.tmp</t>
  </si>
  <si>
    <t>\\acsfs\profiles$\leonardocb\Downloads\5fe3ff23-3cdd-47b3-bf0c-57b78ee79414.tmp</t>
  </si>
  <si>
    <t>12/27/2019 17:39:09</t>
  </si>
  <si>
    <t>12/27/2019 17:44:59</t>
  </si>
  <si>
    <t>12/27/2019 17:39:57</t>
  </si>
  <si>
    <t>12/27/2019 17:43:09</t>
  </si>
  <si>
    <t>12/27/2019 17:41:56</t>
  </si>
  <si>
    <t>12/27/2019 17:42:43</t>
  </si>
  <si>
    <t>12/27/2019 17:45:59</t>
  </si>
  <si>
    <t>12/27/2019 17:42:56</t>
  </si>
  <si>
    <t>12/27/2019 17:43:00</t>
  </si>
  <si>
    <t>12/27/2019 17:43:03</t>
  </si>
  <si>
    <t>12/27/2019 17:43:07</t>
  </si>
  <si>
    <t>12/27/2019 17:43:14</t>
  </si>
  <si>
    <t>12/27/2019 17:43:26</t>
  </si>
  <si>
    <t>12/27/2019 17:43:27</t>
  </si>
  <si>
    <t>12/27/2019 17:42:30</t>
  </si>
  <si>
    <t>12/27/2019 17:44:26</t>
  </si>
  <si>
    <t>12/27/2019 17:44:40</t>
  </si>
  <si>
    <t>12/27/2019 17:44:50</t>
  </si>
  <si>
    <t>12/27/2019 17:44:52</t>
  </si>
  <si>
    <t>12/27/2019 17:45:37</t>
  </si>
  <si>
    <t>12/27/2019 17:47:59</t>
  </si>
  <si>
    <t>4e11ac5e-ec92-4eb7-9a1c-5a9a890cbf4c.tmp</t>
  </si>
  <si>
    <t>\\acsfs\profiles$\leandromsa\Downloads\4e11ac5e-ec92-4eb7-9a1c-5a9a890cbf4c.tmp</t>
  </si>
  <si>
    <t>12/27/2019 17:45:35</t>
  </si>
  <si>
    <t>12/27/2019 17:45:09</t>
  </si>
  <si>
    <t>12/27/2019 17:49:59</t>
  </si>
  <si>
    <t>12/27/2019 17:47:28</t>
  </si>
  <si>
    <t>12/27/2019 17:45:34</t>
  </si>
  <si>
    <t>12/27/2019 17:50:59</t>
  </si>
  <si>
    <t>12/27/2019 17:48:40</t>
  </si>
  <si>
    <t>12/27/2019 17:46:51</t>
  </si>
  <si>
    <t>12/27/2019 17:46:56</t>
  </si>
  <si>
    <t>12/27/2019 17:50:21</t>
  </si>
  <si>
    <t>12/27/2019 17:52:59</t>
  </si>
  <si>
    <t>12/27/2019 17:49:09</t>
  </si>
  <si>
    <t>12/27/2019 17:54:59</t>
  </si>
  <si>
    <t>12/27/2019 17:51:09</t>
  </si>
  <si>
    <t>12/27/2019 17:50:42</t>
  </si>
  <si>
    <t>12/27/2019 17:55:59</t>
  </si>
  <si>
    <t>12/27/2019 17:52:09</t>
  </si>
  <si>
    <t>2e88dbb5-accd-4253-a531-72e3de4d502b.tmp</t>
  </si>
  <si>
    <t>\\acsfs\profiles$\taylaedoa\Downloads\2e88dbb5-accd-4253-a531-72e3de4d502b.tmp</t>
  </si>
  <si>
    <t>12/27/2019 17:54:04</t>
  </si>
  <si>
    <t>12/27/2019 17:54:58</t>
  </si>
  <si>
    <t>12/27/2019 17:59:59</t>
  </si>
  <si>
    <t>12/27/2019 17:55:09</t>
  </si>
  <si>
    <t>12/27/2019 17:55:12</t>
  </si>
  <si>
    <t>12/27/2019 17:55:34</t>
  </si>
  <si>
    <t>supervisaobancovotorantim@algartech.com;</t>
  </si>
  <si>
    <t>supervisaobancovotorantim@algartech.com</t>
  </si>
  <si>
    <t>12/27/2019 17:55:44</t>
  </si>
  <si>
    <t>12/27/2019 17:55:52</t>
  </si>
  <si>
    <t>12/27/2019 17:55:53</t>
  </si>
  <si>
    <t>12/27/2019 17:57:09</t>
  </si>
  <si>
    <t>12/27/2019 17:58:14</t>
  </si>
  <si>
    <t>12/27/2019 18:00:59</t>
  </si>
  <si>
    <t>12/27/2019 17:59:05</t>
  </si>
  <si>
    <t>12/27/2019 18:00:27</t>
  </si>
  <si>
    <t>12/27/2019 18:03:59</t>
  </si>
  <si>
    <t>12/27/2019 18:03:01</t>
  </si>
  <si>
    <t>497fd9ad-268b-4bef-9182-bc6d320b4133.tmp</t>
  </si>
  <si>
    <t>\\acsfs\profiles$\henriquehmdo\Downloads\497fd9ad-268b-4bef-9182-bc6d320b4133.tmp</t>
  </si>
  <si>
    <t>12/27/2019 18:01:09</t>
  </si>
  <si>
    <t>12/27/2019 18:04:59</t>
  </si>
  <si>
    <t>12/27/2019 18:02:29</t>
  </si>
  <si>
    <t>12/27/2019 18:02:37</t>
  </si>
  <si>
    <t>andrelpsa@algartech.com;fabianacscg@algartech.com;mirianppb@algartech.com;qualidadealgarbv@algartech.com;talmaiardo@algartech.com;</t>
  </si>
  <si>
    <t>andrelpsa@algartech.com,fabianacscg@algartech.com,mirianppb@algartech.com,qualidadealgarbv@algartech.com,talmaiardo@algartech.com</t>
  </si>
  <si>
    <t>12/27/2019 18:02:50</t>
  </si>
  <si>
    <t>12/27/2019 18:02:55</t>
  </si>
  <si>
    <t>12/27/2019 18:03:03</t>
  </si>
  <si>
    <t>12/27/2019 18:03:09</t>
  </si>
  <si>
    <t>12/27/2019 18:03:17</t>
  </si>
  <si>
    <t>12/27/2019 18:04:09</t>
  </si>
  <si>
    <t>12/27/2019 18:05:59</t>
  </si>
  <si>
    <t>12/27/2019 18:02:59</t>
  </si>
  <si>
    <t>12/27/2019 18:03:20</t>
  </si>
  <si>
    <t>12/27/2019 18:03:55</t>
  </si>
  <si>
    <t>12/27/2019 18:04:10</t>
  </si>
  <si>
    <t>12/27/2019 18:08:59</t>
  </si>
  <si>
    <t>12/27/2019 18:04:26</t>
  </si>
  <si>
    <t>12/27/2019 18:04:27</t>
  </si>
  <si>
    <t>lu19140xrkm3.tmp</t>
  </si>
  <si>
    <t>\\acsfs\profiles$\EDICARLOSDL\My Documents\lu19140xrkm3.tmp</t>
  </si>
  <si>
    <t>\\acsfs\profiles$\EDICARLOSDL\My Documents\lu19140xrkm3.tmp\</t>
  </si>
  <si>
    <t>\\acsfs\profiles$\EDICARLOSDL\My Documents\lu19140xrkm3.tmp\META-INF\</t>
  </si>
  <si>
    <t>\\acsfs\profiles$\EDICARLOSDL\My Documents\lu19140xrkm3.tmp\Thumbnails\</t>
  </si>
  <si>
    <t>12/27/2019 18:07:09</t>
  </si>
  <si>
    <t>12/27/2019 18:09:59</t>
  </si>
  <si>
    <t>12/27/2019 18:08:26</t>
  </si>
  <si>
    <t>12/27/2019 18:08:36</t>
  </si>
  <si>
    <t>\\cppfs\cpdeptos\Publico\André Mesquita\</t>
  </si>
  <si>
    <t>Lista Completa 27 12 Final.xlsx</t>
  </si>
  <si>
    <t>12/27/2019 18:06:48</t>
  </si>
  <si>
    <t>12/27/2019 18:10:59</t>
  </si>
  <si>
    <t>12/27/2019 18:06:53</t>
  </si>
  <si>
    <t>12/27/2019 18:07:01</t>
  </si>
  <si>
    <t>12/27/2019 18:07:08</t>
  </si>
  <si>
    <t>12/27/2019 18:07:21</t>
  </si>
  <si>
    <t>12/27/2019 18:07:36</t>
  </si>
  <si>
    <t>12/27/2019 18:09:33</t>
  </si>
  <si>
    <t>12/27/2019 18:13:00</t>
  </si>
  <si>
    <t>20d2e563-4996-479c-8243-a4bdcbe8a31c.tmp</t>
  </si>
  <si>
    <t>\\acsfs\profiles$\leandromsa\Downloads\20d2e563-4996-479c-8243-a4bdcbe8a31c.tmp</t>
  </si>
  <si>
    <t>12/27/2019 18:12:48</t>
  </si>
  <si>
    <t>12/27/2019 18:09:09</t>
  </si>
  <si>
    <t>12/27/2019 18:15:00</t>
  </si>
  <si>
    <t>12/27/2019 18:10:05</t>
  </si>
  <si>
    <t>12/27/2019 18:13:44</t>
  </si>
  <si>
    <t>12/27/2019 18:13:56</t>
  </si>
  <si>
    <t>12/27/2019 18:13:54</t>
  </si>
  <si>
    <t>12/27/2019 18:16:00</t>
  </si>
  <si>
    <t>12/27/2019 18:13:58</t>
  </si>
  <si>
    <t>12/27/2019 18:14:20</t>
  </si>
  <si>
    <t>12/27/2019 18:14:23</t>
  </si>
  <si>
    <t>algartechcpcbv@algartech.com;andrelpsa@algartech.com;joaogvc@algartech.com;josiascdsj@algartech.com;leonardoao@algartech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joaogvc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12/27/2019 18:14:54</t>
  </si>
  <si>
    <t>12/27/2019 18:14:57</t>
  </si>
  <si>
    <t>12/27/2019 18:15:18</t>
  </si>
  <si>
    <t>12/27/2019 18:15:21</t>
  </si>
  <si>
    <t>12/27/2019 18:16:31</t>
  </si>
  <si>
    <t>12/27/2019 18:17:00</t>
  </si>
  <si>
    <t>12/27/2019 18:15:45</t>
  </si>
  <si>
    <t>12/27/2019 18:17:59</t>
  </si>
  <si>
    <t>12/27/2019 18:13:25</t>
  </si>
  <si>
    <t>12/27/2019 18:13:32</t>
  </si>
  <si>
    <t>12/27/2019 18:14:14</t>
  </si>
  <si>
    <t>12/27/2019 18:16:34</t>
  </si>
  <si>
    <t>12/27/2019 18:16:45</t>
  </si>
  <si>
    <t>12/27/2019 18:20:00</t>
  </si>
  <si>
    <t>12/27/2019 18:14:17</t>
  </si>
  <si>
    <t>12/27/2019 18:14:36</t>
  </si>
  <si>
    <t>12/27/2019 18:15:06</t>
  </si>
  <si>
    <t>12/27/2019 18:15:09</t>
  </si>
  <si>
    <t>12/27/2019 18:15:13</t>
  </si>
  <si>
    <t>12/27/2019 18:15:20</t>
  </si>
  <si>
    <t>12/27/2019 18:15:39</t>
  </si>
  <si>
    <t>12/27/2019 18:15:46</t>
  </si>
  <si>
    <t>12/27/2019 18:15:51</t>
  </si>
  <si>
    <t>12/27/2019 18:16:07</t>
  </si>
  <si>
    <t>12/27/2019 18:16:15</t>
  </si>
  <si>
    <t>12/27/2019 18:16:23</t>
  </si>
  <si>
    <t>12/27/2019 18:16:26</t>
  </si>
  <si>
    <t>12/27/2019 18:18:22</t>
  </si>
  <si>
    <t>12/27/2019 18:18:48</t>
  </si>
  <si>
    <t>12/27/2019 18:19:08</t>
  </si>
  <si>
    <t>12/27/2019 18:21:00</t>
  </si>
  <si>
    <t>12/27/2019 18:15:48</t>
  </si>
  <si>
    <t>12/27/2019 18:16:08</t>
  </si>
  <si>
    <t>12/27/2019 18:17:57</t>
  </si>
  <si>
    <t>12/27/2019 18:18:05</t>
  </si>
  <si>
    <t>12/27/2019 18:18:07</t>
  </si>
  <si>
    <t>12/27/2019 18:18:13</t>
  </si>
  <si>
    <t>12/27/2019 18:18:17</t>
  </si>
  <si>
    <t>12/27/2019 18:18:20</t>
  </si>
  <si>
    <t>12/27/2019 18:18:27</t>
  </si>
  <si>
    <t>12/27/2019 18:18:37</t>
  </si>
  <si>
    <t>12/27/2019 18:18:38</t>
  </si>
  <si>
    <t>12/27/2019 18:19:03</t>
  </si>
  <si>
    <t>12/27/2019 18:19:51</t>
  </si>
  <si>
    <t>12/27/2019 18:20:39</t>
  </si>
  <si>
    <t>12/27/2019 18:21:16</t>
  </si>
  <si>
    <t>12/27/2019 18:22:00</t>
  </si>
  <si>
    <t>12/27/2019 18:17:32</t>
  </si>
  <si>
    <t>12/27/2019 18:22:18</t>
  </si>
  <si>
    <t>12/27/2019 18:23:00</t>
  </si>
  <si>
    <t>aeea6f92-9588-449a-92be-6b53fca4f605.tmp</t>
  </si>
  <si>
    <t>\\acsfs\profiles$\leandromsa\Downloads\aeea6f92-9588-449a-92be-6b53fca4f605.tmp</t>
  </si>
  <si>
    <t>12/27/2019 18:21:09</t>
  </si>
  <si>
    <t>12/27/2019 18:25:00</t>
  </si>
  <si>
    <t>12/27/2019 18:20:46</t>
  </si>
  <si>
    <t>12/27/2019 18:26:00</t>
  </si>
  <si>
    <t>12/27/2019 18:21:11</t>
  </si>
  <si>
    <t>https://algartechcpcbv@algartech.com,andrelpsa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12/27/2019 18:22:33</t>
  </si>
  <si>
    <t>12/27/2019 18:23:27</t>
  </si>
  <si>
    <t>12/27/2019 18:24:49</t>
  </si>
  <si>
    <t>12/27/2019 18:23:55</t>
  </si>
  <si>
    <t>12/27/2019 18:22:48</t>
  </si>
  <si>
    <t>12/27/2019 18:27:00</t>
  </si>
  <si>
    <t>ccb74389-aecf-4162-8f23-196702c5b716.tmp</t>
  </si>
  <si>
    <t>\\acsfs\profiles$\erichds\Downloads\ccb74389-aecf-4162-8f23-196702c5b716.tmp</t>
  </si>
  <si>
    <t>12/27/2019 18:23:20</t>
  </si>
  <si>
    <t>12/27/2019 18:28:00</t>
  </si>
  <si>
    <t>12/27/2019 18:24:12</t>
  </si>
  <si>
    <t>12/27/2019 18:27:16</t>
  </si>
  <si>
    <t>12/27/2019 18:25:58</t>
  </si>
  <si>
    <t>12/27/2019 18:27:27</t>
  </si>
  <si>
    <t>12/27/2019 18:26:39</t>
  </si>
  <si>
    <t>12/27/2019 18:30:00</t>
  </si>
  <si>
    <t>12/27/2019 18:27:09</t>
  </si>
  <si>
    <t>12/27/2019 18:28:20</t>
  </si>
  <si>
    <t>72334284-388e-437c-acfb-ac26d624a5f1.tmp</t>
  </si>
  <si>
    <t>\\acsfs\profiles$\anacms\Downloads\72334284-388e-437c-acfb-ac26d624a5f1.tmp</t>
  </si>
  <si>
    <t>12/27/2019 18:24:57</t>
  </si>
  <si>
    <t>2af95946-f016-4313-876c-172b94f67cdc.tmp</t>
  </si>
  <si>
    <t>\\acsfs\profiles$\joycemmdl\Downloads\2af95946-f016-4313-876c-172b94f67cdc.tmp</t>
  </si>
  <si>
    <t>12/27/2019 18:26:28</t>
  </si>
  <si>
    <t>12/27/2019 18:31:01</t>
  </si>
  <si>
    <t>12/27/2019 18:27:21</t>
  </si>
  <si>
    <t>12/27/2019 18:33:01</t>
  </si>
  <si>
    <t>12/27/2019 18:29:13</t>
  </si>
  <si>
    <t>12/27/2019 18:28:23</t>
  </si>
  <si>
    <t>12/27/2019 18:34:00</t>
  </si>
  <si>
    <t>1835d2fa-6a5b-46e9-a628-578830cc9127.tmp</t>
  </si>
  <si>
    <t>\\acsfs\profiles$\fabianafv\Downloads\1835d2fa-6a5b-46e9-a628-578830cc9127.tmp</t>
  </si>
  <si>
    <t>12/27/2019 18:33:09</t>
  </si>
  <si>
    <t>12/27/2019 18:35:00</t>
  </si>
  <si>
    <t>12/27/2019 18:31:49</t>
  </si>
  <si>
    <t>mail.google.com/_/upload?authuser=0&amp;dcp=asu-n&amp;upload_id=AEnB2UrXgHE7vrGIW99Y082rissDmoGhIjf7ryDXhszn9L_oXtk1dmOoxrK0sGJW4u4hy4ZRVJbDqCfNvw7LywvYlCGA9ejLphH0j2L_V75xuGE3L7MbUgk&amp;upload_protocol=resumable</t>
  </si>
  <si>
    <t>20191213 PESQUISA SATISFAÇÃO GERAL C02 NOVAS RAS.xls</t>
  </si>
  <si>
    <t>12/27/2019 18:31:24</t>
  </si>
  <si>
    <t>12/27/2019 18:34:59</t>
  </si>
  <si>
    <t>12/27/2019 18:36:00</t>
  </si>
  <si>
    <t>12/27/2019 18:33:37</t>
  </si>
  <si>
    <t>12/27/2019 18:35:19</t>
  </si>
  <si>
    <t>12/27/2019 18:37:59</t>
  </si>
  <si>
    <t>8448ccc6-01a7-417b-a081-0d4e525298b7.tmp</t>
  </si>
  <si>
    <t>\\acsfs\profiles$\cintiadjl\Downloads\8448ccc6-01a7-417b-a081-0d4e525298b7.tmp</t>
  </si>
  <si>
    <t>12/27/2019 18:33:28</t>
  </si>
  <si>
    <t>12/27/2019 18:39:00</t>
  </si>
  <si>
    <t>12/27/2019 18:33:29</t>
  </si>
  <si>
    <t>lu11068dwnm.tmp</t>
  </si>
  <si>
    <t>\\acsfs\profiles$\FABIANAFV\My Documents\lu11068dwnm.tmp</t>
  </si>
  <si>
    <t>\\acsfs\profiles$\FABIANAFV\My Documents\lu11068dwnm.tmp\</t>
  </si>
  <si>
    <t>\\acsfs\profiles$\FABIANAFV\My Documents\lu11068dwnm.tmp\META-INF\</t>
  </si>
  <si>
    <t>\\acsfs\profiles$\FABIANAFV\My Documents\lu11068dwnm.tmp\Thumbnails\</t>
  </si>
  <si>
    <t>12/27/2019 18:37:01</t>
  </si>
  <si>
    <t>f4fda6af-e9f9-4d65-a713-84c6031a325b.tmp</t>
  </si>
  <si>
    <t>\\acsfs\profiles$\bernardopcm\Downloads\f4fda6af-e9f9-4d65-a713-84c6031a325b.tmp</t>
  </si>
  <si>
    <t>12/27/2019 18:34:33</t>
  </si>
  <si>
    <t>12/27/2019 18:39:59</t>
  </si>
  <si>
    <t>12/27/2019 18:38:13</t>
  </si>
  <si>
    <t>12/27/2019 18:41:00</t>
  </si>
  <si>
    <t>12/27/2019 18:39:02</t>
  </si>
  <si>
    <t>12/27/2019 18:39:32</t>
  </si>
  <si>
    <t>12/27/2019 18:39:52</t>
  </si>
  <si>
    <t>12/27/2019 18:39:09</t>
  </si>
  <si>
    <t>12/27/2019 18:44:59</t>
  </si>
  <si>
    <t>12/27/2019 18:42:23</t>
  </si>
  <si>
    <t>12/27/2019 18:43:04</t>
  </si>
  <si>
    <t>12/27/2019 18:46:00</t>
  </si>
  <si>
    <t>12/27/2019 18:43:34</t>
  </si>
  <si>
    <t>12/27/2019 18:43:37</t>
  </si>
  <si>
    <t>12/27/2019 18:44:27</t>
  </si>
  <si>
    <t>12/27/2019 18:44:34</t>
  </si>
  <si>
    <t>12/27/2019 18:44:42</t>
  </si>
  <si>
    <t>12/27/2019 18:44:51</t>
  </si>
  <si>
    <t>12/27/2019 18:42:49</t>
  </si>
  <si>
    <t>cqeavon-educacaoempresarial@algartech.com;senildapdo@algartecnologia.com.br;</t>
  </si>
  <si>
    <t>cqeavon-educacaoempresarial@algartech.com,senildapdo@algartecnologia.com.br</t>
  </si>
  <si>
    <t>12/27/2019 18:45:27</t>
  </si>
  <si>
    <t>12/27/2019 18:46:59</t>
  </si>
  <si>
    <t>3d7a4903-d909-4ead-82c2-b97884d7cb86.tmp</t>
  </si>
  <si>
    <t>\\acsfs\profiles$\erichds\Downloads\3d7a4903-d909-4ead-82c2-b97884d7cb86.tmp</t>
  </si>
  <si>
    <t>12/27/2019 18:45:26</t>
  </si>
  <si>
    <t>12/27/2019 18:47:59</t>
  </si>
  <si>
    <t>12/27/2019 18:45:09</t>
  </si>
  <si>
    <t>12/27/2019 18:49:59</t>
  </si>
  <si>
    <t>12/27/2019 18:47:30</t>
  </si>
  <si>
    <t>12/27/2019 18:46:44</t>
  </si>
  <si>
    <t>12/27/2019 18:50:59</t>
  </si>
  <si>
    <t>12/27/2019 18:46:49</t>
  </si>
  <si>
    <t>12/27/2019 18:47:08</t>
  </si>
  <si>
    <t>12/27/2019 18:49:07</t>
  </si>
  <si>
    <t>12/27/2019 18:46:54</t>
  </si>
  <si>
    <t>12/27/2019 18:49:32</t>
  </si>
  <si>
    <t>12/27/2019 18:51:59</t>
  </si>
  <si>
    <t>12/27/2019 18:50:44</t>
  </si>
  <si>
    <t>12/27/2019 18:47:50</t>
  </si>
  <si>
    <t>12/27/2019 18:53:00</t>
  </si>
  <si>
    <t>12/27/2019 18:48:14</t>
  </si>
  <si>
    <t>12/27/2019 18:48:56</t>
  </si>
  <si>
    <t>12/27/2019 18:51:09</t>
  </si>
  <si>
    <t>12/27/2019 18:55:00</t>
  </si>
  <si>
    <t>12/27/2019 18:50:37</t>
  </si>
  <si>
    <t>12/27/2019 18:55:59</t>
  </si>
  <si>
    <t>12/27/2019 18:51:57</t>
  </si>
  <si>
    <t>12/27/2019 18:52:05</t>
  </si>
  <si>
    <t>12/27/2019 18:52:46</t>
  </si>
  <si>
    <t>12/27/2019 18:54:32</t>
  </si>
  <si>
    <t>12/27/2019 18:52:29</t>
  </si>
  <si>
    <t>12/27/2019 18:53:04</t>
  </si>
  <si>
    <t>12/27/2019 18:56:59</t>
  </si>
  <si>
    <t>12/27/2019 18:54:47</t>
  </si>
  <si>
    <t>12/27/2019 18:57:59</t>
  </si>
  <si>
    <t>9e01eba0-6d59-4631-8588-24be719e7e23.tmp</t>
  </si>
  <si>
    <t>\\acsfs\profiles$\cintiadjl\Downloads\9e01eba0-6d59-4631-8588-24be719e7e23.tmp</t>
  </si>
  <si>
    <t>12/27/2019 18:55:09</t>
  </si>
  <si>
    <t>12/27/2019 18:59:59</t>
  </si>
  <si>
    <t>12/27/2019 18:57:09</t>
  </si>
  <si>
    <t>12/27/2019 18:57:27</t>
  </si>
  <si>
    <t>12/27/2019 18:58:26</t>
  </si>
  <si>
    <t>12/27/2019 19:00:59</t>
  </si>
  <si>
    <t>12/27/2019 19:02:58</t>
  </si>
  <si>
    <t>12/27/2019 19:04:59</t>
  </si>
  <si>
    <t>12/27/2019 19:00:28</t>
  </si>
  <si>
    <t>390c10b7-47bf-4c58-87f0-9ea73b74c93c.tmp</t>
  </si>
  <si>
    <t>\\acsfs\profiles$\fabianobmf\Downloads\390c10b7-47bf-4c58-87f0-9ea73b74c93c.tmp</t>
  </si>
  <si>
    <t>12/27/2019 19:03:05</t>
  </si>
  <si>
    <t>12/27/2019 19:01:23</t>
  </si>
  <si>
    <t>12/27/2019 19:05:59</t>
  </si>
  <si>
    <t>12/27/2019 19:01:30</t>
  </si>
  <si>
    <t>12/27/2019 19:03:58</t>
  </si>
  <si>
    <t>12/27/2019 19:04:09</t>
  </si>
  <si>
    <t>12/27/2019 19:09:00</t>
  </si>
  <si>
    <t>93871dae-e5bf-47bd-b31c-4ae97352307f.tmp</t>
  </si>
  <si>
    <t>\\acsfs\profiles$\edicarlosdl\Downloads\93871dae-e5bf-47bd-b31c-4ae97352307f.tmp</t>
  </si>
  <si>
    <t>12/27/2019 19:07:23</t>
  </si>
  <si>
    <t>fd547007-c2f0-4043-a492-047c3e61ec31.tmp</t>
  </si>
  <si>
    <t>\\acsfs\profiles$\brendadsl\Downloads\fd547007-c2f0-4043-a492-047c3e61ec31.tmp</t>
  </si>
  <si>
    <t>12/27/2019 19:04:11</t>
  </si>
  <si>
    <t>12/27/2019 19:10:00</t>
  </si>
  <si>
    <t>12/27/2019 19:04:12</t>
  </si>
  <si>
    <t>12/27/2019 19:04:13</t>
  </si>
  <si>
    <t>12/27/2019 19:04:14</t>
  </si>
  <si>
    <t>12/27/2019 19:04:21</t>
  </si>
  <si>
    <t>12/27/2019 19:04:29</t>
  </si>
  <si>
    <t>12/27/2019 19:10:10</t>
  </si>
  <si>
    <t>12/27/2019 19:11:59</t>
  </si>
  <si>
    <t>12/27/2019 19:08:16</t>
  </si>
  <si>
    <t>12/27/2019 19:13:00</t>
  </si>
  <si>
    <t>12/27/2019 19:11:36</t>
  </si>
  <si>
    <t>12/27/2019 19:15:00</t>
  </si>
  <si>
    <t>12/27/2019 19:11:40</t>
  </si>
  <si>
    <t>12/27/2019 19:14:45</t>
  </si>
  <si>
    <t>12/27/2019 19:16:00</t>
  </si>
  <si>
    <t>12/27/2019 19:15:32</t>
  </si>
  <si>
    <t>12/27/2019 19:17:00</t>
  </si>
  <si>
    <t>12/27/2019 19:16:27</t>
  </si>
  <si>
    <t>12/27/2019 19:18:00</t>
  </si>
  <si>
    <t>12/27/2019 19:14:42</t>
  </si>
  <si>
    <t>12/27/2019 19:19:00</t>
  </si>
  <si>
    <t>420b3578-336d-4244-ad8d-5f91a991e035.tmp</t>
  </si>
  <si>
    <t>\\acsfs\profiles$\fabianafv\Downloads\420b3578-336d-4244-ad8d-5f91a991e035.tmp</t>
  </si>
  <si>
    <t>12/27/2019 19:14:43</t>
  </si>
  <si>
    <t>1ea1b666-97cc-4260-95cf-35ec2e18bc73.tmp</t>
  </si>
  <si>
    <t>\\acsfs\profiles$\fabianafv\Downloads\1ea1b666-97cc-4260-95cf-35ec2e18bc73.tmp</t>
  </si>
  <si>
    <t>12/27/2019 19:20:28</t>
  </si>
  <si>
    <t>12/27/2019 19:21:00</t>
  </si>
  <si>
    <t>12/27/2019 19:17:12</t>
  </si>
  <si>
    <t>12/27/2019 19:22:00</t>
  </si>
  <si>
    <t>12/27/2019 19:20:43</t>
  </si>
  <si>
    <t>12/27/2019 19:19:48</t>
  </si>
  <si>
    <t>12/27/2019 19:23:00</t>
  </si>
  <si>
    <t>12/27/2019 19:24:00</t>
  </si>
  <si>
    <t>12/27/2019 19:23:47</t>
  </si>
  <si>
    <t>12/27/2019 19:26:00</t>
  </si>
  <si>
    <t>12/27/2019 19:25:21</t>
  </si>
  <si>
    <t>12/27/2019 19:24:12</t>
  </si>
  <si>
    <t>12/27/2019 19:28:00</t>
  </si>
  <si>
    <t>12/27/2019 19:26:46</t>
  </si>
  <si>
    <t>12/27/2019 19:30:00</t>
  </si>
  <si>
    <t>eea8600b-3b1e-4d26-b90d-5ae96e78d2f2.tmp</t>
  </si>
  <si>
    <t>\\acsfs\profiles$\philipegsf\Downloads\eea8600b-3b1e-4d26-b90d-5ae96e78d2f2.tmp</t>
  </si>
  <si>
    <t>12/27/2019 19:28:32</t>
  </si>
  <si>
    <t>12/27/2019 19:33:32</t>
  </si>
  <si>
    <t>12/27/2019 19:35:59</t>
  </si>
  <si>
    <t>12/27/2019 19:37:00</t>
  </si>
  <si>
    <t>12/27/2019 19:35:23</t>
  </si>
  <si>
    <t>12/27/2019 19:34:34</t>
  </si>
  <si>
    <t>12/27/2019 19:38:00</t>
  </si>
  <si>
    <t>12/27/2019 19:36:37</t>
  </si>
  <si>
    <t>911c0417-ac75-4973-a62e-a3408d05c5f5.tmp</t>
  </si>
  <si>
    <t>\\acsfs\profiles$\cintiadjl\Downloads\911c0417-ac75-4973-a62e-a3408d05c5f5.tmp</t>
  </si>
  <si>
    <t>12/27/2019 19:36:41</t>
  </si>
  <si>
    <t>00eb3334-d3c0-4912-a236-5f72a9a7fe0d.tmp</t>
  </si>
  <si>
    <t>\\acsfs\profiles$\cintiadjl\Downloads\00eb3334-d3c0-4912-a236-5f72a9a7fe0d.tmp</t>
  </si>
  <si>
    <t>12/27/2019 19:36:11</t>
  </si>
  <si>
    <t>12/27/2019 19:39:00</t>
  </si>
  <si>
    <t>12/27/2019 19:36:40</t>
  </si>
  <si>
    <t>12/27/2019 19:42:01</t>
  </si>
  <si>
    <t>12/27/2019 19:40:13</t>
  </si>
  <si>
    <t>12/27/2019 19:41:22</t>
  </si>
  <si>
    <t>12/27/2019 19:43:00</t>
  </si>
  <si>
    <t>12/27/2019 19:40:52</t>
  </si>
  <si>
    <t>12/27/2019 19:44:01</t>
  </si>
  <si>
    <t>12/27/2019 19:41:03</t>
  </si>
  <si>
    <t>12/27/2019 19:41:21</t>
  </si>
  <si>
    <t>12/27/2019 19:42:52</t>
  </si>
  <si>
    <t>5e38e46c-25f8-464f-b2d0-c909d5dd996f.tmp</t>
  </si>
  <si>
    <t>\\acsfs\profiles$\fabianafv\Downloads\5e38e46c-25f8-464f-b2d0-c909d5dd996f.tmp</t>
  </si>
  <si>
    <t>12/27/2019 19:42:22</t>
  </si>
  <si>
    <t>12/27/2019 19:47:00</t>
  </si>
  <si>
    <t>12/27/2019 19:45:28</t>
  </si>
  <si>
    <t>12/27/2019 19:44:21</t>
  </si>
  <si>
    <t>12/27/2019 19:48:01</t>
  </si>
  <si>
    <t>12/27/2019 19:46:59</t>
  </si>
  <si>
    <t>12/27/2019 19:49:00</t>
  </si>
  <si>
    <t>12/27/2019 19:48:46</t>
  </si>
  <si>
    <t>12/27/2019 19:50:01</t>
  </si>
  <si>
    <t>12/27/2019 19:46:19</t>
  </si>
  <si>
    <t>12/27/2019 19:47:40</t>
  </si>
  <si>
    <t>12/27/2019 19:46:38</t>
  </si>
  <si>
    <t>12/27/2019 19:52:01</t>
  </si>
  <si>
    <t>12/27/2019 19:49:41</t>
  </si>
  <si>
    <t>12/27/2019 19:47:42</t>
  </si>
  <si>
    <t>12/27/2019 19:52:20</t>
  </si>
  <si>
    <t>12/27/2019 19:55:01</t>
  </si>
  <si>
    <t>12/27/2019 19:56:41</t>
  </si>
  <si>
    <t>12/27/2019 19:58:01</t>
  </si>
  <si>
    <t>12/27/2019 19:56:43</t>
  </si>
  <si>
    <t>12/27/2019 20:01:01</t>
  </si>
  <si>
    <t>12/27/2019 19:59:03</t>
  </si>
  <si>
    <t>12/27/2019 20:02:01</t>
  </si>
  <si>
    <t>12/27/2019 20:01:45</t>
  </si>
  <si>
    <t>12/27/2019 20:03:01</t>
  </si>
  <si>
    <t>12/27/2019 20:02:46</t>
  </si>
  <si>
    <t>12/27/2019 20:02:45</t>
  </si>
  <si>
    <t>12/27/2019 20:05:01</t>
  </si>
  <si>
    <t>cc965973-841b-448d-9a8b-035854318abf.tmp</t>
  </si>
  <si>
    <t>\\acsfs\profiles$\philipegsf\Downloads\cc965973-841b-448d-9a8b-035854318abf.tmp</t>
  </si>
  <si>
    <t>12/27/2019 20:03:48</t>
  </si>
  <si>
    <t>12/27/2019 20:06:02</t>
  </si>
  <si>
    <t>12/27/2019 20:04:38</t>
  </si>
  <si>
    <t>12/27/2019 20:08:02</t>
  </si>
  <si>
    <t>12/27/2019 20:04:34</t>
  </si>
  <si>
    <t>12/27/2019 20:08:31</t>
  </si>
  <si>
    <t>12/27/2019 20:10:01</t>
  </si>
  <si>
    <t>12/27/2019 20:08:34</t>
  </si>
  <si>
    <t>12/27/2019 20:06:27</t>
  </si>
  <si>
    <t>12/27/2019 20:11:01</t>
  </si>
  <si>
    <t>12/27/2019 20:08:13</t>
  </si>
  <si>
    <t>12/27/2019 20:13:01</t>
  </si>
  <si>
    <t>12/27/2019 20:09:28</t>
  </si>
  <si>
    <t>12/27/2019 20:11:42</t>
  </si>
  <si>
    <t>12/27/2019 20:12:39</t>
  </si>
  <si>
    <t>12/27/2019 20:10:46</t>
  </si>
  <si>
    <t>12/27/2019 20:16:01</t>
  </si>
  <si>
    <t>12/27/2019 20:11:20</t>
  </si>
  <si>
    <t>12/27/2019 20:11:26</t>
  </si>
  <si>
    <t>12/27/2019 20:11:32</t>
  </si>
  <si>
    <t>12/27/2019 20:11:36</t>
  </si>
  <si>
    <t>12/27/2019 20:11:38</t>
  </si>
  <si>
    <t>12/27/2019 20:11:46</t>
  </si>
  <si>
    <t>12/27/2019 20:11:55</t>
  </si>
  <si>
    <t>12/27/2019 20:12:00</t>
  </si>
  <si>
    <t>12/27/2019 20:12:06</t>
  </si>
  <si>
    <t>12/27/2019 20:14:33</t>
  </si>
  <si>
    <t>12/27/2019 20:14:40</t>
  </si>
  <si>
    <t>12/27/2019 20:14:55</t>
  </si>
  <si>
    <t>12/27/2019 20:15:34</t>
  </si>
  <si>
    <t>12/27/2019 20:15:14</t>
  </si>
  <si>
    <t>12/27/2019 20:18:01</t>
  </si>
  <si>
    <t>12/27/2019 20:16:20</t>
  </si>
  <si>
    <t>12/27/2019 20:14:35</t>
  </si>
  <si>
    <t>12/27/2019 20:19:01</t>
  </si>
  <si>
    <t>12/27/2019 20:17:54</t>
  </si>
  <si>
    <t>12/27/2019 20:16:37</t>
  </si>
  <si>
    <t>12/27/2019 20:21:01</t>
  </si>
  <si>
    <t>12/27/2019 20:17:52</t>
  </si>
  <si>
    <t>12/27/2019 20:18:11</t>
  </si>
  <si>
    <t>12/27/2019 20:18:16</t>
  </si>
  <si>
    <t>12/27/2019 20:18:29</t>
  </si>
  <si>
    <t>12/27/2019 20:18:33</t>
  </si>
  <si>
    <t>12/27/2019 20:19:14</t>
  </si>
  <si>
    <t>12/27/2019 20:23:01</t>
  </si>
  <si>
    <t>12/27/2019 20:20:28</t>
  </si>
  <si>
    <t>12/27/2019 20:24:01</t>
  </si>
  <si>
    <t>12/27/2019 20:20:43</t>
  </si>
  <si>
    <t>12/27/2019 20:26:02</t>
  </si>
  <si>
    <t>12/27/2019 20:24:41</t>
  </si>
  <si>
    <t>12/27/2019 20:22:28</t>
  </si>
  <si>
    <t>7710dbc2-688d-4215-8095-b3436b0b4421.tmp</t>
  </si>
  <si>
    <t>\\acsfs\profiles$\victorgl\Downloads\7710dbc2-688d-4215-8095-b3436b0b4421.tmp</t>
  </si>
  <si>
    <t>12/27/2019 20:24:38</t>
  </si>
  <si>
    <t>12/27/2019 20:28:01</t>
  </si>
  <si>
    <t>12/27/2019 20:26:20</t>
  </si>
  <si>
    <t>12/27/2019 20:24:07</t>
  </si>
  <si>
    <t>12/27/2019 20:25:36</t>
  </si>
  <si>
    <t>12/27/2019 20:25:34</t>
  </si>
  <si>
    <t>12/27/2019 20:29:01</t>
  </si>
  <si>
    <t>12/27/2019 20:30:13</t>
  </si>
  <si>
    <t>12/27/2019 20:31:01</t>
  </si>
  <si>
    <t>12/27/2019 20:30:19</t>
  </si>
  <si>
    <t>533659eb-22fc-44e7-bcba-b35e93223ded;</t>
  </si>
  <si>
    <t>12/27/2019 20:30:20</t>
  </si>
  <si>
    <t>12/27/2019 20:30:21</t>
  </si>
  <si>
    <t>12/27/2019 20:30:24</t>
  </si>
  <si>
    <t>12/27/2019 20:30:25</t>
  </si>
  <si>
    <t>12/27/2019 20:30:27</t>
  </si>
  <si>
    <t>12/27/2019 20:30:28</t>
  </si>
  <si>
    <t>12/27/2019 20:30:29</t>
  </si>
  <si>
    <t>12/27/2019 20:30:34</t>
  </si>
  <si>
    <t>12/27/2019 20:27:17</t>
  </si>
  <si>
    <t>12/27/2019 20:32:01</t>
  </si>
  <si>
    <t>f822b84c-1971-4310-9209-81ceec1fd2ad.tmp</t>
  </si>
  <si>
    <t>\\acsfs\profiles$\LUISPLS\Downloads\f822b84c-1971-4310-9209-81ceec1fd2ad.tmp</t>
  </si>
  <si>
    <t>12/27/2019 20:30:56</t>
  </si>
  <si>
    <t>12/27/2019 20:35:01</t>
  </si>
  <si>
    <t>12/27/2019 20:33:14</t>
  </si>
  <si>
    <t>12/27/2019 20:36:00</t>
  </si>
  <si>
    <t>12/27/2019 20:33:37</t>
  </si>
  <si>
    <t>12/27/2019 20:35:07</t>
  </si>
  <si>
    <t>12/27/2019 20:34:08</t>
  </si>
  <si>
    <t>12/27/2019 20:30:55</t>
  </si>
  <si>
    <t>12/27/2019 20:30:57</t>
  </si>
  <si>
    <t>12/27/2019 20:31:22</t>
  </si>
  <si>
    <t>12/27/2019 20:31:23</t>
  </si>
  <si>
    <t>12/27/2019 20:31:24</t>
  </si>
  <si>
    <t>12/27/2019 20:31:29</t>
  </si>
  <si>
    <t>12/27/2019 20:31:41</t>
  </si>
  <si>
    <t>12/27/2019 20:31:43</t>
  </si>
  <si>
    <t>12/27/2019 20:31:44</t>
  </si>
  <si>
    <t>12/27/2019 20:31:45</t>
  </si>
  <si>
    <t>12/27/2019 20:31:49</t>
  </si>
  <si>
    <t>12/27/2019 20:31:50</t>
  </si>
  <si>
    <t>12/27/2019 20:31:52</t>
  </si>
  <si>
    <t>12/27/2019 20:31:54</t>
  </si>
  <si>
    <t>12/27/2019 20:31:55</t>
  </si>
  <si>
    <t>12/27/2019 20:31:56</t>
  </si>
  <si>
    <t>12/27/2019 20:32:16</t>
  </si>
  <si>
    <t>12/27/2019 20:32:18</t>
  </si>
  <si>
    <t>12/27/2019 20:32:19</t>
  </si>
  <si>
    <t>12/27/2019 20:32:20</t>
  </si>
  <si>
    <t>12/27/2019 20:32:21</t>
  </si>
  <si>
    <t>12/27/2019 20:32:22</t>
  </si>
  <si>
    <t>12/27/2019 20:32:23</t>
  </si>
  <si>
    <t>12/27/2019 20:32:24</t>
  </si>
  <si>
    <t>12/27/2019 20:32:29</t>
  </si>
  <si>
    <t>12/27/2019 20:32:45</t>
  </si>
  <si>
    <t>12/27/2019 20:32:58</t>
  </si>
  <si>
    <t>12/27/2019 20:32:59</t>
  </si>
  <si>
    <t>12/27/2019 20:33:00</t>
  </si>
  <si>
    <t>12/27/2019 20:33:06</t>
  </si>
  <si>
    <t>12/27/2019 20:33:16</t>
  </si>
  <si>
    <t>12/27/2019 20:33:18</t>
  </si>
  <si>
    <t>12/27/2019 20:33:20</t>
  </si>
  <si>
    <t>12/27/2019 20:33:21</t>
  </si>
  <si>
    <t>12/27/2019 20:33:22</t>
  </si>
  <si>
    <t>12/27/2019 20:33:28</t>
  </si>
  <si>
    <t>12/27/2019 20:33:48</t>
  </si>
  <si>
    <t>12/27/2019 20:35:04</t>
  </si>
  <si>
    <t>79e08660-d3d0-454a-affa-9a82544e9781.tmp</t>
  </si>
  <si>
    <t>\\acsfs\profiles$\victorgl\Downloads\79e08660-d3d0-454a-affa-9a82544e9781.tmp</t>
  </si>
  <si>
    <t>12/27/2019 20:39:01</t>
  </si>
  <si>
    <t>12/27/2019 20:40:00</t>
  </si>
  <si>
    <t>12/27/2019 20:37:30</t>
  </si>
  <si>
    <t>12/27/2019 20:34:29</t>
  </si>
  <si>
    <t>12/27/2019 20:36:16</t>
  </si>
  <si>
    <t>12/27/2019 20:41:01</t>
  </si>
  <si>
    <t>12/27/2019 20:39:15</t>
  </si>
  <si>
    <t>12/27/2019 20:39:16</t>
  </si>
  <si>
    <t>12/27/2019 20:39:21</t>
  </si>
  <si>
    <t>12/27/2019 20:39:22</t>
  </si>
  <si>
    <t>12/27/2019 20:39:24</t>
  </si>
  <si>
    <t>12/27/2019 20:39:27</t>
  </si>
  <si>
    <t>12/27/2019 20:39:28</t>
  </si>
  <si>
    <t>12/27/2019 20:39:33</t>
  </si>
  <si>
    <t>12/27/2019 20:39:39</t>
  </si>
  <si>
    <t>12/27/2019 20:39:42</t>
  </si>
  <si>
    <t>12/27/2019 20:39:43</t>
  </si>
  <si>
    <t>12/27/2019 20:39:47</t>
  </si>
  <si>
    <t>12/27/2019 20:39:49</t>
  </si>
  <si>
    <t>12/27/2019 20:39:52</t>
  </si>
  <si>
    <t>12/27/2019 20:39:53</t>
  </si>
  <si>
    <t>12/27/2019 20:39:54</t>
  </si>
  <si>
    <t>12/27/2019 20:39:59</t>
  </si>
  <si>
    <t>12/27/2019 20:40:06</t>
  </si>
  <si>
    <t>12/27/2019 20:40:08</t>
  </si>
  <si>
    <t>12/27/2019 20:40:09</t>
  </si>
  <si>
    <t>12/27/2019 20:40:10</t>
  </si>
  <si>
    <t>12/27/2019 20:40:15</t>
  </si>
  <si>
    <t>12/27/2019 20:40:19</t>
  </si>
  <si>
    <t>12/27/2019 20:40:21</t>
  </si>
  <si>
    <t>12/27/2019 20:40:22</t>
  </si>
  <si>
    <t>12/27/2019 20:40:23</t>
  </si>
  <si>
    <t>12/27/2019 20:40:27</t>
  </si>
  <si>
    <t>12/27/2019 20:40:28</t>
  </si>
  <si>
    <t>12/27/2019 20:40:39</t>
  </si>
  <si>
    <t>12/27/2019 20:40:40</t>
  </si>
  <si>
    <t>12/27/2019 20:40:41</t>
  </si>
  <si>
    <t>12/27/2019 20:40:42</t>
  </si>
  <si>
    <t>12/27/2019 20:40:43</t>
  </si>
  <si>
    <t>12/27/2019 20:40:45</t>
  </si>
  <si>
    <t>12/27/2019 20:38:54</t>
  </si>
  <si>
    <t>12/27/2019 20:42:00</t>
  </si>
  <si>
    <t>12/27/2019 20:38:33</t>
  </si>
  <si>
    <t>12/27/2019 20:41:15</t>
  </si>
  <si>
    <t>12/27/2019 20:44:00</t>
  </si>
  <si>
    <t>12/27/2019 20:42:58</t>
  </si>
  <si>
    <t>12/27/2019 20:46:01</t>
  </si>
  <si>
    <t>12/27/2019 20:40:50</t>
  </si>
  <si>
    <t>12/27/2019 20:40:56</t>
  </si>
  <si>
    <t>12/27/2019 20:40:58</t>
  </si>
  <si>
    <t>12/27/2019 20:40:59</t>
  </si>
  <si>
    <t>12/27/2019 20:41:03</t>
  </si>
  <si>
    <t>12/27/2019 20:41:05</t>
  </si>
  <si>
    <t>12/27/2019 20:41:10</t>
  </si>
  <si>
    <t>12/27/2019 20:41:11</t>
  </si>
  <si>
    <t>12/27/2019 20:41:12</t>
  </si>
  <si>
    <t>12/27/2019 20:41:13</t>
  </si>
  <si>
    <t>12/27/2019 20:41:14</t>
  </si>
  <si>
    <t>12/27/2019 20:41:18</t>
  </si>
  <si>
    <t>12/27/2019 20:41:19</t>
  </si>
  <si>
    <t>12/27/2019 20:41:20</t>
  </si>
  <si>
    <t>12/27/2019 20:41:21</t>
  </si>
  <si>
    <t>12/27/2019 20:41:23</t>
  </si>
  <si>
    <t>12/27/2019 20:41:24</t>
  </si>
  <si>
    <t>12/27/2019 20:41:25</t>
  </si>
  <si>
    <t>12/27/2019 20:41:27</t>
  </si>
  <si>
    <t>12/27/2019 20:41:34</t>
  </si>
  <si>
    <t>12/27/2019 20:41:50</t>
  </si>
  <si>
    <t>12/27/2019 20:43:00</t>
  </si>
  <si>
    <t>12/27/2019 20:43:20</t>
  </si>
  <si>
    <t>12/27/2019 20:43:22</t>
  </si>
  <si>
    <t>12/27/2019 20:43:23</t>
  </si>
  <si>
    <t>12/27/2019 20:43:24</t>
  </si>
  <si>
    <t>12/27/2019 20:43:26</t>
  </si>
  <si>
    <t>12/27/2019 20:43:28</t>
  </si>
  <si>
    <t>12/27/2019 20:43:30</t>
  </si>
  <si>
    <t>12/27/2019 20:43:31</t>
  </si>
  <si>
    <t>12/27/2019 20:43:32</t>
  </si>
  <si>
    <t>12/27/2019 20:43:35</t>
  </si>
  <si>
    <t>12/27/2019 20:43:36</t>
  </si>
  <si>
    <t>12/27/2019 20:43:40</t>
  </si>
  <si>
    <t>12/27/2019 20:43:55</t>
  </si>
  <si>
    <t>12/27/2019 20:43:58</t>
  </si>
  <si>
    <t>12/27/2019 20:43:59</t>
  </si>
  <si>
    <t>12/27/2019 20:44:03</t>
  </si>
  <si>
    <t>12/27/2019 20:44:05</t>
  </si>
  <si>
    <t>12/27/2019 20:44:21</t>
  </si>
  <si>
    <t>12/27/2019 20:45:35</t>
  </si>
  <si>
    <t>12/27/2019 20:45:37</t>
  </si>
  <si>
    <t>12/27/2019 20:45:38</t>
  </si>
  <si>
    <t>12/27/2019 20:45:39</t>
  </si>
  <si>
    <t>12/27/2019 20:45:41</t>
  </si>
  <si>
    <t>12/27/2019 20:45:44</t>
  </si>
  <si>
    <t>12/27/2019 20:47:00</t>
  </si>
  <si>
    <t>12/27/2019 20:44:24</t>
  </si>
  <si>
    <t>12/27/2019 20:44:34</t>
  </si>
  <si>
    <t>12/27/2019 20:48:01</t>
  </si>
  <si>
    <t>12/27/2019 20:47:47</t>
  </si>
  <si>
    <t>12/27/2019 20:50:01</t>
  </si>
  <si>
    <t>12/27/2019 20:48:18</t>
  </si>
  <si>
    <t>12/27/2019 20:51:00</t>
  </si>
  <si>
    <t>12/27/2019 20:45:52</t>
  </si>
  <si>
    <t>12/27/2019 20:45:53</t>
  </si>
  <si>
    <t>12/27/2019 20:45:54</t>
  </si>
  <si>
    <t>12/27/2019 20:45:55</t>
  </si>
  <si>
    <t>12/27/2019 20:45:56</t>
  </si>
  <si>
    <t>12/27/2019 20:45:59</t>
  </si>
  <si>
    <t>12/27/2019 20:46:04</t>
  </si>
  <si>
    <t>12/27/2019 20:46:05</t>
  </si>
  <si>
    <t>12/27/2019 20:46:06</t>
  </si>
  <si>
    <t>12/27/2019 20:46:07</t>
  </si>
  <si>
    <t>12/27/2019 20:46:13</t>
  </si>
  <si>
    <t>12/27/2019 20:46:56</t>
  </si>
  <si>
    <t>e09922fa-929d-4fe4-9b30-5b7dc36c9cab.tmp</t>
  </si>
  <si>
    <t>\\acsfs\profiles$\victorgl\Downloads\e09922fa-929d-4fe4-9b30-5b7dc36c9cab.tmp</t>
  </si>
  <si>
    <t>12/27/2019 20:49:44</t>
  </si>
  <si>
    <t>12/27/2019 20:49:45</t>
  </si>
  <si>
    <t>12/27/2019 20:49:47</t>
  </si>
  <si>
    <t>12/27/2019 20:49:48</t>
  </si>
  <si>
    <t>12/27/2019 20:49:49</t>
  </si>
  <si>
    <t>12/27/2019 20:49:54</t>
  </si>
  <si>
    <t>12/27/2019 20:50:09</t>
  </si>
  <si>
    <t>12/27/2019 20:50:11</t>
  </si>
  <si>
    <t>12/27/2019 20:50:13</t>
  </si>
  <si>
    <t>12/27/2019 20:50:14</t>
  </si>
  <si>
    <t>12/27/2019 20:50:15</t>
  </si>
  <si>
    <t>12/27/2019 20:50:20</t>
  </si>
  <si>
    <t>12/27/2019 20:50:29</t>
  </si>
  <si>
    <t>12/27/2019 20:50:32</t>
  </si>
  <si>
    <t>12/27/2019 20:50:33</t>
  </si>
  <si>
    <t>12/27/2019 20:50:34</t>
  </si>
  <si>
    <t>12/27/2019 20:50:39</t>
  </si>
  <si>
    <t>12/27/2019 20:53:56</t>
  </si>
  <si>
    <t>12/27/2019 20:55:01</t>
  </si>
  <si>
    <t>12/27/2019 20:51:26</t>
  </si>
  <si>
    <t>24933ebb-31ae-48cd-88cd-5831478f1ef8.tmp</t>
  </si>
  <si>
    <t>\\acsfs\profiles$\joycemmdl\Downloads\24933ebb-31ae-48cd-88cd-5831478f1ef8.tmp</t>
  </si>
  <si>
    <t>12/27/2019 20:50:58</t>
  </si>
  <si>
    <t>12/27/2019 20:56:00</t>
  </si>
  <si>
    <t>12/27/2019 20:51:01</t>
  </si>
  <si>
    <t>12/27/2019 20:51:02</t>
  </si>
  <si>
    <t>12/27/2019 20:51:03</t>
  </si>
  <si>
    <t>12/27/2019 20:51:04</t>
  </si>
  <si>
    <t>12/27/2019 20:51:07</t>
  </si>
  <si>
    <t>12/27/2019 20:51:08</t>
  </si>
  <si>
    <t>12/27/2019 20:51:09</t>
  </si>
  <si>
    <t>12/27/2019 20:51:10</t>
  </si>
  <si>
    <t>12/27/2019 20:51:11</t>
  </si>
  <si>
    <t>12/27/2019 20:51:12</t>
  </si>
  <si>
    <t>12/27/2019 20:51:13</t>
  </si>
  <si>
    <t>12/27/2019 20:51:17</t>
  </si>
  <si>
    <t>12/27/2019 20:51:25</t>
  </si>
  <si>
    <t>12/27/2019 20:51:28</t>
  </si>
  <si>
    <t>12/27/2019 20:51:29</t>
  </si>
  <si>
    <t>12/27/2019 20:51:30</t>
  </si>
  <si>
    <t>12/27/2019 20:51:35</t>
  </si>
  <si>
    <t>12/27/2019 20:51:45</t>
  </si>
  <si>
    <t>12/27/2019 20:51:52</t>
  </si>
  <si>
    <t>12/27/2019 20:51:54</t>
  </si>
  <si>
    <t>12/27/2019 20:51:55</t>
  </si>
  <si>
    <t>12/27/2019 20:51:56</t>
  </si>
  <si>
    <t>12/27/2019 20:51:57</t>
  </si>
  <si>
    <t>12/27/2019 20:52:02</t>
  </si>
  <si>
    <t>12/27/2019 20:52:04</t>
  </si>
  <si>
    <t>12/27/2019 20:52:05</t>
  </si>
  <si>
    <t>12/27/2019 20:52:06</t>
  </si>
  <si>
    <t>12/27/2019 20:52:07</t>
  </si>
  <si>
    <t>12/27/2019 20:52:08</t>
  </si>
  <si>
    <t>12/27/2019 20:52:09</t>
  </si>
  <si>
    <t>12/27/2019 20:52:10</t>
  </si>
  <si>
    <t>12/27/2019 20:52:11</t>
  </si>
  <si>
    <t>12/27/2019 20:52:12</t>
  </si>
  <si>
    <t>12/27/2019 20:52:13</t>
  </si>
  <si>
    <t>12/27/2019 20:52:14</t>
  </si>
  <si>
    <t>12/27/2019 20:52:15</t>
  </si>
  <si>
    <t>12/27/2019 20:52:20</t>
  </si>
  <si>
    <t>12/27/2019 20:52:51</t>
  </si>
  <si>
    <t>12/27/2019 20:52:53</t>
  </si>
  <si>
    <t>12/27/2019 20:52:54</t>
  </si>
  <si>
    <t>12/27/2019 20:52:55</t>
  </si>
  <si>
    <t>12/27/2019 20:52:56</t>
  </si>
  <si>
    <t>12/27/2019 20:53:01</t>
  </si>
  <si>
    <t>12/27/2019 20:53:05</t>
  </si>
  <si>
    <t>12/27/2019 20:53:09</t>
  </si>
  <si>
    <t>12/27/2019 20:53:10</t>
  </si>
  <si>
    <t>12/27/2019 20:53:11</t>
  </si>
  <si>
    <t>12/27/2019 20:53:16</t>
  </si>
  <si>
    <t>12/27/2019 20:53:25</t>
  </si>
  <si>
    <t>12/27/2019 20:53:30</t>
  </si>
  <si>
    <t>12/27/2019 20:53:31</t>
  </si>
  <si>
    <t>12/27/2019 20:53:32</t>
  </si>
  <si>
    <t>12/27/2019 20:53:33</t>
  </si>
  <si>
    <t>12/27/2019 20:53:36</t>
  </si>
  <si>
    <t>12/27/2019 20:53:37</t>
  </si>
  <si>
    <t>12/27/2019 20:53:47</t>
  </si>
  <si>
    <t>12/27/2019 20:53:49</t>
  </si>
  <si>
    <t>12/27/2019 20:53:50</t>
  </si>
  <si>
    <t>12/27/2019 20:53:51</t>
  </si>
  <si>
    <t>12/27/2019 20:53:52</t>
  </si>
  <si>
    <t>12/27/2019 20:53:55</t>
  </si>
  <si>
    <t>12/27/2019 20:53:57</t>
  </si>
  <si>
    <t>12/27/2019 20:54:02</t>
  </si>
  <si>
    <t>12/27/2019 20:54:05</t>
  </si>
  <si>
    <t>12/27/2019 20:54:06</t>
  </si>
  <si>
    <t>12/27/2019 20:54:07</t>
  </si>
  <si>
    <t>12/27/2019 20:54:12</t>
  </si>
  <si>
    <t>12/27/2019 20:54:16</t>
  </si>
  <si>
    <t>12/27/2019 20:54:17</t>
  </si>
  <si>
    <t>12/27/2019 20:54:18</t>
  </si>
  <si>
    <t>12/27/2019 20:54:22</t>
  </si>
  <si>
    <t>12/27/2019 20:54:27</t>
  </si>
  <si>
    <t>12/27/2019 20:57:01</t>
  </si>
  <si>
    <t>12/27/2019 20:54:29</t>
  </si>
  <si>
    <t>12/27/2019 20:54:32</t>
  </si>
  <si>
    <t>12/27/2019 20:54:33</t>
  </si>
  <si>
    <t>12/27/2019 20:54:34</t>
  </si>
  <si>
    <t>12/27/2019 20:54:40</t>
  </si>
  <si>
    <t>12/27/2019 20:54:53</t>
  </si>
  <si>
    <t>12/27/2019 20:54:54</t>
  </si>
  <si>
    <t>12/27/2019 20:54:55</t>
  </si>
  <si>
    <t>12/27/2019 20:54:59</t>
  </si>
  <si>
    <t>12/27/2019 20:55:02</t>
  </si>
  <si>
    <t>12/27/2019 20:55:03</t>
  </si>
  <si>
    <t>12/27/2019 20:55:04</t>
  </si>
  <si>
    <t>12/27/2019 20:55:06</t>
  </si>
  <si>
    <t>12/27/2019 20:55:07</t>
  </si>
  <si>
    <t>12/27/2019 20:55:08</t>
  </si>
  <si>
    <t>12/27/2019 20:55:13</t>
  </si>
  <si>
    <t>12/27/2019 20:55:16</t>
  </si>
  <si>
    <t>12/27/2019 20:55:20</t>
  </si>
  <si>
    <t>12/27/2019 20:55:21</t>
  </si>
  <si>
    <t>12/27/2019 20:55:23</t>
  </si>
  <si>
    <t>12/27/2019 20:55:24</t>
  </si>
  <si>
    <t>12/27/2019 20:55:25</t>
  </si>
  <si>
    <t>12/27/2019 20:55:27</t>
  </si>
  <si>
    <t>12/27/2019 20:55:30</t>
  </si>
  <si>
    <t>12/27/2019 20:55:36</t>
  </si>
  <si>
    <t>12/27/2019 20:55:38</t>
  </si>
  <si>
    <t>12/27/2019 20:55:39</t>
  </si>
  <si>
    <t>12/27/2019 20:55:40</t>
  </si>
  <si>
    <t>12/27/2019 20:55:44</t>
  </si>
  <si>
    <t>12/27/2019 20:55:49</t>
  </si>
  <si>
    <t>12/27/2019 20:52:48</t>
  </si>
  <si>
    <t>12/27/2019 20:56:49</t>
  </si>
  <si>
    <t>12/27/2019 20:58:01</t>
  </si>
  <si>
    <t>12/27/2019 20:58:39</t>
  </si>
  <si>
    <t>12/27/2019 21:01:01</t>
  </si>
  <si>
    <t>12/27/2019 20:58:42</t>
  </si>
  <si>
    <t>12/27/2019 20:59:03</t>
  </si>
  <si>
    <t>12/27/2019 20:59:13</t>
  </si>
  <si>
    <t>12/27/2019 20:59:17</t>
  </si>
  <si>
    <t>12/27/2019 20:59:22</t>
  </si>
  <si>
    <t>12/27/2019 20:59:25</t>
  </si>
  <si>
    <t>12/27/2019 20:59:29</t>
  </si>
  <si>
    <t>12/27/2019 20:59:37</t>
  </si>
  <si>
    <t>12/27/2019 20:56:02</t>
  </si>
  <si>
    <t>12/27/2019 21:02:01</t>
  </si>
  <si>
    <t>12/27/2019 20:56:05</t>
  </si>
  <si>
    <t>12/27/2019 20:56:06</t>
  </si>
  <si>
    <t>12/27/2019 20:56:07</t>
  </si>
  <si>
    <t>12/27/2019 20:56:12</t>
  </si>
  <si>
    <t>12/27/2019 20:56:18</t>
  </si>
  <si>
    <t>12/27/2019 20:56:21</t>
  </si>
  <si>
    <t>12/27/2019 20:56:22</t>
  </si>
  <si>
    <t>12/27/2019 20:56:23</t>
  </si>
  <si>
    <t>12/27/2019 20:56:26</t>
  </si>
  <si>
    <t>12/27/2019 20:56:28</t>
  </si>
  <si>
    <t>12/27/2019 20:56:29</t>
  </si>
  <si>
    <t>12/27/2019 20:56:35</t>
  </si>
  <si>
    <t>12/27/2019 20:56:36</t>
  </si>
  <si>
    <t>12/27/2019 20:56:42</t>
  </si>
  <si>
    <t>12/27/2019 20:56:45</t>
  </si>
  <si>
    <t>12/27/2019 21:00:15</t>
  </si>
  <si>
    <t>12/27/2019 21:00:16</t>
  </si>
  <si>
    <t>12/27/2019 21:00:21</t>
  </si>
  <si>
    <t>12/27/2019 21:00:22</t>
  </si>
  <si>
    <t>12/27/2019 21:00:24</t>
  </si>
  <si>
    <t>12/27/2019 21:00:25</t>
  </si>
  <si>
    <t>12/27/2019 21:00:26</t>
  </si>
  <si>
    <t>12/27/2019 21:00:29</t>
  </si>
  <si>
    <t>12/27/2019 21:00:33</t>
  </si>
  <si>
    <t>12/27/2019 21:00:34</t>
  </si>
  <si>
    <t>12/27/2019 21:00:36</t>
  </si>
  <si>
    <t>12/27/2019 21:00:39</t>
  </si>
  <si>
    <t>12/27/2019 21:00:44</t>
  </si>
  <si>
    <t>12/27/2019 21:00:47</t>
  </si>
  <si>
    <t>12/27/2019 21:00:50</t>
  </si>
  <si>
    <t>12/27/2019 21:00:51</t>
  </si>
  <si>
    <t>12/27/2019 21:00:52</t>
  </si>
  <si>
    <t>12/27/2019 21:00:53</t>
  </si>
  <si>
    <t>12/27/2019 21:00:58</t>
  </si>
  <si>
    <t>12/27/2019 21:00:59</t>
  </si>
  <si>
    <t>12/27/2019 21:01:00</t>
  </si>
  <si>
    <t>12/27/2019 21:01:02</t>
  </si>
  <si>
    <t>12/27/2019 21:02:44</t>
  </si>
  <si>
    <t>12/27/2019 21:04:01</t>
  </si>
  <si>
    <t>lu19140xrkm9.tmp</t>
  </si>
  <si>
    <t>\\acsfs\profiles$\EDICARLOSDL\My Documents\lu19140xrkm9.tmp</t>
  </si>
  <si>
    <t>\\acsfs\profiles$\EDICARLOSDL\My Documents\lu19140xrkm9.tmp\</t>
  </si>
  <si>
    <t>\\acsfs\profiles$\EDICARLOSDL\My Documents\lu19140xrkm9.tmp\META-INF\</t>
  </si>
  <si>
    <t>\\acsfs\profiles$\EDICARLOSDL\My Documents\lu19140xrkm9.tmp\Thumbnails\</t>
  </si>
  <si>
    <t>12/27/2019 20:59:44</t>
  </si>
  <si>
    <t>12/27/2019 21:05:01</t>
  </si>
  <si>
    <t>12/27/2019 21:02:34</t>
  </si>
  <si>
    <t>12/27/2019 21:06:01</t>
  </si>
  <si>
    <t>https://algartechcpcbv@algartech.com,andrelpsa@algartech.com,joaogvc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12/27/2019 21:01:06</t>
  </si>
  <si>
    <t>12/27/2019 21:07:01</t>
  </si>
  <si>
    <t>12/27/2019 21:01:11</t>
  </si>
  <si>
    <t>12/27/2019 21:01:13</t>
  </si>
  <si>
    <t>12/27/2019 21:01:17</t>
  </si>
  <si>
    <t>12/27/2019 21:01:18</t>
  </si>
  <si>
    <t>12/27/2019 21:01:19</t>
  </si>
  <si>
    <t>12/27/2019 21:01:21</t>
  </si>
  <si>
    <t>12/27/2019 21:01:23</t>
  </si>
  <si>
    <t>12/27/2019 21:01:24</t>
  </si>
  <si>
    <t>12/27/2019 21:01:25</t>
  </si>
  <si>
    <t>12/27/2019 21:01:27</t>
  </si>
  <si>
    <t>12/27/2019 21:01:31</t>
  </si>
  <si>
    <t>12/27/2019 21:01:32</t>
  </si>
  <si>
    <t>12/27/2019 21:01:34</t>
  </si>
  <si>
    <t>12/27/2019 21:01:35</t>
  </si>
  <si>
    <t>12/27/2019 21:01:55</t>
  </si>
  <si>
    <t>12/27/2019 21:01:58</t>
  </si>
  <si>
    <t>12/27/2019 21:01:59</t>
  </si>
  <si>
    <t>12/27/2019 21:02:00</t>
  </si>
  <si>
    <t>12/27/2019 21:02:06</t>
  </si>
  <si>
    <t>12/27/2019 21:02:13</t>
  </si>
  <si>
    <t>12/27/2019 21:02:16</t>
  </si>
  <si>
    <t>12/27/2019 21:02:17</t>
  </si>
  <si>
    <t>12/27/2019 21:02:18</t>
  </si>
  <si>
    <t>12/27/2019 21:02:21</t>
  </si>
  <si>
    <t>12/27/2019 21:02:23</t>
  </si>
  <si>
    <t>12/27/2019 21:02:27</t>
  </si>
  <si>
    <t>12/27/2019 21:02:28</t>
  </si>
  <si>
    <t>12/27/2019 21:02:29</t>
  </si>
  <si>
    <t>12/27/2019 21:02:30</t>
  </si>
  <si>
    <t>12/27/2019 21:02:36</t>
  </si>
  <si>
    <t>12/27/2019 21:02:38</t>
  </si>
  <si>
    <t>12/27/2019 21:02:39</t>
  </si>
  <si>
    <t>12/27/2019 21:02:40</t>
  </si>
  <si>
    <t>12/27/2019 21:02:41</t>
  </si>
  <si>
    <t>12/27/2019 21:02:45</t>
  </si>
  <si>
    <t>12/27/2019 21:02:46</t>
  </si>
  <si>
    <t>12/27/2019 21:02:47</t>
  </si>
  <si>
    <t>12/27/2019 21:02:48</t>
  </si>
  <si>
    <t>12/27/2019 21:02:52</t>
  </si>
  <si>
    <t>12/27/2019 21:03:26</t>
  </si>
  <si>
    <t>12/27/2019 21:03:27</t>
  </si>
  <si>
    <t>12/27/2019 21:03:28</t>
  </si>
  <si>
    <t>12/27/2019 21:03:29</t>
  </si>
  <si>
    <t>12/27/2019 21:03:32</t>
  </si>
  <si>
    <t>12/27/2019 21:03:33</t>
  </si>
  <si>
    <t>12/27/2019 21:03:35</t>
  </si>
  <si>
    <t>12/27/2019 21:03:36</t>
  </si>
  <si>
    <t>12/27/2019 21:03:37</t>
  </si>
  <si>
    <t>12/27/2019 21:03:44</t>
  </si>
  <si>
    <t>12/27/2019 21:03:53</t>
  </si>
  <si>
    <t>12/27/2019 21:03:54</t>
  </si>
  <si>
    <t>12/27/2019 21:03:57</t>
  </si>
  <si>
    <t>12/27/2019 21:03:58</t>
  </si>
  <si>
    <t>12/27/2019 21:04:00</t>
  </si>
  <si>
    <t>12/27/2019 21:04:02</t>
  </si>
  <si>
    <t>12/27/2019 21:04:04</t>
  </si>
  <si>
    <t>12/27/2019 21:04:32</t>
  </si>
  <si>
    <t>12/27/2019 21:04:33</t>
  </si>
  <si>
    <t>12/27/2019 21:04:34</t>
  </si>
  <si>
    <t>12/27/2019 21:04:37</t>
  </si>
  <si>
    <t>12/27/2019 21:04:38</t>
  </si>
  <si>
    <t>12/27/2019 21:04:42</t>
  </si>
  <si>
    <t>12/27/2019 21:04:49</t>
  </si>
  <si>
    <t>12/27/2019 21:04:53</t>
  </si>
  <si>
    <t>12/27/2019 21:04:54</t>
  </si>
  <si>
    <t>12/27/2019 21:04:55</t>
  </si>
  <si>
    <t>12/27/2019 21:05:00</t>
  </si>
  <si>
    <t>12/27/2019 21:05:13</t>
  </si>
  <si>
    <t>12/27/2019 21:05:19</t>
  </si>
  <si>
    <t>12/27/2019 21:05:20</t>
  </si>
  <si>
    <t>12/27/2019 21:05:26</t>
  </si>
  <si>
    <t>12/27/2019 21:05:52</t>
  </si>
  <si>
    <t>12/27/2019 21:05:58</t>
  </si>
  <si>
    <t>12/27/2019 21:05:59</t>
  </si>
  <si>
    <t>12/27/2019 21:06:02</t>
  </si>
  <si>
    <t>12/27/2019 21:06:05</t>
  </si>
  <si>
    <t>12/27/2019 21:08:55</t>
  </si>
  <si>
    <t>12/27/2019 21:11:01</t>
  </si>
  <si>
    <t>12/27/2019 21:09:19</t>
  </si>
  <si>
    <t>12/27/2019 21:09:25</t>
  </si>
  <si>
    <t>12/27/2019 21:09:47</t>
  </si>
  <si>
    <t>12/27/2019 21:09:51</t>
  </si>
  <si>
    <t>12/27/2019 21:10:10</t>
  </si>
  <si>
    <t>12/27/2019 21:10:13</t>
  </si>
  <si>
    <t>12/27/2019 21:10:29</t>
  </si>
  <si>
    <t>12/27/2019 21:08:30</t>
  </si>
  <si>
    <t>12/27/2019 21:10:20</t>
  </si>
  <si>
    <t>12/27/2019 21:06:28</t>
  </si>
  <si>
    <t>12/27/2019 21:12:01</t>
  </si>
  <si>
    <t>12/27/2019 21:06:33</t>
  </si>
  <si>
    <t>12/27/2019 21:06:34</t>
  </si>
  <si>
    <t>12/27/2019 21:06:35</t>
  </si>
  <si>
    <t>12/27/2019 21:06:36</t>
  </si>
  <si>
    <t>12/27/2019 21:06:37</t>
  </si>
  <si>
    <t>12/27/2019 21:06:41</t>
  </si>
  <si>
    <t>12/27/2019 21:06:56</t>
  </si>
  <si>
    <t>12/27/2019 21:07:00</t>
  </si>
  <si>
    <t>12/27/2019 21:07:02</t>
  </si>
  <si>
    <t>12/27/2019 21:07:06</t>
  </si>
  <si>
    <t>12/27/2019 21:07:07</t>
  </si>
  <si>
    <t>12/27/2019 21:07:30</t>
  </si>
  <si>
    <t>12/27/2019 21:07:31</t>
  </si>
  <si>
    <t>12/27/2019 21:07:32</t>
  </si>
  <si>
    <t>12/27/2019 21:07:33</t>
  </si>
  <si>
    <t>12/27/2019 21:07:35</t>
  </si>
  <si>
    <t>12/27/2019 21:07:36</t>
  </si>
  <si>
    <t>12/27/2019 21:07:37</t>
  </si>
  <si>
    <t>12/27/2019 21:07:41</t>
  </si>
  <si>
    <t>12/27/2019 21:07:42</t>
  </si>
  <si>
    <t>12/27/2019 21:08:05</t>
  </si>
  <si>
    <t>12/27/2019 21:08:07</t>
  </si>
  <si>
    <t>12/27/2019 21:08:08</t>
  </si>
  <si>
    <t>12/27/2019 21:08:10</t>
  </si>
  <si>
    <t>12/27/2019 21:08:16</t>
  </si>
  <si>
    <t>12/27/2019 21:10:22</t>
  </si>
  <si>
    <t>12/27/2019 21:10:24</t>
  </si>
  <si>
    <t>12/27/2019 21:10:26</t>
  </si>
  <si>
    <t>12/27/2019 21:10:28</t>
  </si>
  <si>
    <t>12/27/2019 21:10:32</t>
  </si>
  <si>
    <t>12/27/2019 21:10:33</t>
  </si>
  <si>
    <t>12/27/2019 21:10:34</t>
  </si>
  <si>
    <t>12/27/2019 21:08:13</t>
  </si>
  <si>
    <t>12/27/2019 21:08:29</t>
  </si>
  <si>
    <t>12/27/2019 21:13:00</t>
  </si>
  <si>
    <t>753e703a-d250-498f-88c8-2bbc4fd4fb53.tmp</t>
  </si>
  <si>
    <t>\\acsfs\profiles$\gabrielamdp\Downloads\753e703a-d250-498f-88c8-2bbc4fd4fb53.tmp</t>
  </si>
  <si>
    <t>12/27/2019 21:08:46</t>
  </si>
  <si>
    <t>XLOG_anakcs_27122019_130247.log</t>
  </si>
  <si>
    <t>\\acsfs\profiles$\anakcs\My Documents\xworkcenter\logs\XLOG_anakcs_27122019_130247.log</t>
  </si>
  <si>
    <t>12/27/2019 21:12:05</t>
  </si>
  <si>
    <t>12/27/2019 21:15:01</t>
  </si>
  <si>
    <t>mail.google.com/_/upload?authuser=0&amp;dcp=asu-n&amp;upload_id=AEnB2Urf6mEndSrLu601lL9ersevhrC_SFUCaUm82e54OLbx1Dyq7DvX3YqXZcSQyX-EDD_oO-i5SPv1A4j7mWGmo9P0KMc6bpUmG9YPzZYSl4J4QK1ntlU&amp;upload_protocol=resumable</t>
  </si>
  <si>
    <t>12/27/2019 21:10:46</t>
  </si>
  <si>
    <t>12/27/2019 21:16:00</t>
  </si>
  <si>
    <t>12/27/2019 21:10:51</t>
  </si>
  <si>
    <t>12/27/2019 21:10:54</t>
  </si>
  <si>
    <t>12/27/2019 21:11:04</t>
  </si>
  <si>
    <t>12/27/2019 21:11:13</t>
  </si>
  <si>
    <t>12/27/2019 21:11:26</t>
  </si>
  <si>
    <t>12/27/2019 21:11:37</t>
  </si>
  <si>
    <t>100014251170101;algartechcpcbv@algartech.com;andrelpsa@algartech.com;josiascdsj@algartech.com;leonardoao@algartech.com;marianadjc@algartech.com;paulacn@algartech.com;qualidadealgarbv@algartech.com;rafaelggs@algartech.com;supervisaobancovotorantim@algartech.com;taysdss@algartech.com;thiagolrc@bv.algartech.com;viniciussg@algartech.com;</t>
  </si>
  <si>
    <t>100014251170101,algartechcpcbv@algartech.com,andrelpsa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12/27/2019 21:13:40</t>
  </si>
  <si>
    <t>12/27/2019 21:14:11</t>
  </si>
  <si>
    <t>12/27/2019 21:14:32</t>
  </si>
  <si>
    <t>12/27/2019 21:11:44</t>
  </si>
  <si>
    <t>12/27/2019 21:17:01</t>
  </si>
  <si>
    <t>12/27/2019 21:11:55</t>
  </si>
  <si>
    <t>12/27/2019 21:11:56</t>
  </si>
  <si>
    <t>12/27/2019 21:12:02</t>
  </si>
  <si>
    <t>12/27/2019 21:12:03</t>
  </si>
  <si>
    <t>12/27/2019 21:12:04</t>
  </si>
  <si>
    <t>12/27/2019 21:12:08</t>
  </si>
  <si>
    <t>12/27/2019 21:12:12</t>
  </si>
  <si>
    <t>12/27/2019 21:12:28</t>
  </si>
  <si>
    <t>12/27/2019 21:12:29</t>
  </si>
  <si>
    <t>12/27/2019 21:12:33</t>
  </si>
  <si>
    <t>12/27/2019 21:12:34</t>
  </si>
  <si>
    <t>12/27/2019 21:12:38</t>
  </si>
  <si>
    <t>12/27/2019 21:12:39</t>
  </si>
  <si>
    <t>12/27/2019 21:12:52</t>
  </si>
  <si>
    <t>12/27/2019 21:12:55</t>
  </si>
  <si>
    <t>12/27/2019 21:12:56</t>
  </si>
  <si>
    <t>12/27/2019 21:12:57</t>
  </si>
  <si>
    <t>12/27/2019 21:12:58</t>
  </si>
  <si>
    <t>12/27/2019 21:13:02</t>
  </si>
  <si>
    <t>12/27/2019 21:13:16</t>
  </si>
  <si>
    <t>12/27/2019 21:13:19</t>
  </si>
  <si>
    <t>12/27/2019 21:13:20</t>
  </si>
  <si>
    <t>12/27/2019 21:13:21</t>
  </si>
  <si>
    <t>12/27/2019 21:13:22</t>
  </si>
  <si>
    <t>12/27/2019 21:13:28</t>
  </si>
  <si>
    <t>12/27/2019 21:13:31</t>
  </si>
  <si>
    <t>12/27/2019 21:13:41</t>
  </si>
  <si>
    <t>12/27/2019 21:13:43</t>
  </si>
  <si>
    <t>12/27/2019 21:13:45</t>
  </si>
  <si>
    <t>12/27/2019 21:13:51</t>
  </si>
  <si>
    <t>12/27/2019 21:13:56</t>
  </si>
  <si>
    <t>12/27/2019 21:13:57</t>
  </si>
  <si>
    <t>12/27/2019 21:14:02</t>
  </si>
  <si>
    <t>12/27/2019 21:14:16</t>
  </si>
  <si>
    <t>12/27/2019 21:14:20</t>
  </si>
  <si>
    <t>12/27/2019 21:14:21</t>
  </si>
  <si>
    <t>12/27/2019 21:14:22</t>
  </si>
  <si>
    <t>12/27/2019 21:14:28</t>
  </si>
  <si>
    <t>12/27/2019 21:14:29</t>
  </si>
  <si>
    <t>12/27/2019 21:14:47</t>
  </si>
  <si>
    <t>12/27/2019 21:14:54</t>
  </si>
  <si>
    <t>12/27/2019 21:14:55</t>
  </si>
  <si>
    <t>12/27/2019 21:14:56</t>
  </si>
  <si>
    <t>12/27/2019 21:15:00</t>
  </si>
  <si>
    <t>12/27/2019 21:15:31</t>
  </si>
  <si>
    <t>12/27/2019 21:15:37</t>
  </si>
  <si>
    <t>12/27/2019 21:15:38</t>
  </si>
  <si>
    <t>12/27/2019 21:15:43</t>
  </si>
  <si>
    <t>12/27/2019 21:15:44</t>
  </si>
  <si>
    <t>12/27/2019 21:15:45</t>
  </si>
  <si>
    <t>12/27/2019 21:15:46</t>
  </si>
  <si>
    <t>12/27/2019 21:15:47</t>
  </si>
  <si>
    <t>12/27/2019 21:15:48</t>
  </si>
  <si>
    <t>12/27/2019 21:15:50</t>
  </si>
  <si>
    <t>12/27/2019 21:15:51</t>
  </si>
  <si>
    <t>12/27/2019 21:15:57</t>
  </si>
  <si>
    <t>12/27/2019 21:14:39</t>
  </si>
  <si>
    <t>12/27/2019 21:16:41</t>
  </si>
  <si>
    <t>12/27/2019 21:19:01</t>
  </si>
  <si>
    <t>30426810-0deb-4462-a4b7-c6d557c5adb9.tmp</t>
  </si>
  <si>
    <t>\\acsfs\profiles$\georgendsq\Downloads\30426810-0deb-4462-a4b7-c6d557c5adb9.tmp</t>
  </si>
  <si>
    <t>12/27/2019 21:17:03</t>
  </si>
  <si>
    <t>845ea872-0b3e-404c-9c6c-fbda73cb25f3.tmp</t>
  </si>
  <si>
    <t>\\acsfs\profiles$\georgendsq\Downloads\845ea872-0b3e-404c-9c6c-fbda73cb25f3.tmp</t>
  </si>
  <si>
    <t>12/27/2019 21:21:00</t>
  </si>
  <si>
    <t>12/27/2019 21:16:45</t>
  </si>
  <si>
    <t>12/27/2019 21:16:18</t>
  </si>
  <si>
    <t>12/27/2019 21:22:01</t>
  </si>
  <si>
    <t>12/27/2019 21:16:24</t>
  </si>
  <si>
    <t>12/27/2019 21:16:28</t>
  </si>
  <si>
    <t>12/27/2019 21:16:29</t>
  </si>
  <si>
    <t>12/27/2019 21:16:47</t>
  </si>
  <si>
    <t>12/27/2019 21:16:48</t>
  </si>
  <si>
    <t>12/27/2019 21:16:52</t>
  </si>
  <si>
    <t>12/27/2019 21:16:53</t>
  </si>
  <si>
    <t>12/27/2019 21:17:05</t>
  </si>
  <si>
    <t>12/27/2019 21:17:10</t>
  </si>
  <si>
    <t>12/27/2019 21:17:11</t>
  </si>
  <si>
    <t>12/27/2019 21:17:12</t>
  </si>
  <si>
    <t>12/27/2019 21:17:16</t>
  </si>
  <si>
    <t>12/27/2019 21:17:17</t>
  </si>
  <si>
    <t>12/27/2019 21:17:29</t>
  </si>
  <si>
    <t>12/27/2019 21:17:33</t>
  </si>
  <si>
    <t>12/27/2019 21:17:34</t>
  </si>
  <si>
    <t>12/27/2019 21:17:35</t>
  </si>
  <si>
    <t>12/27/2019 21:17:40</t>
  </si>
  <si>
    <t>12/27/2019 21:17:56</t>
  </si>
  <si>
    <t>12/27/2019 21:17:57</t>
  </si>
  <si>
    <t>12/27/2019 21:17:58</t>
  </si>
  <si>
    <t>12/27/2019 21:17:59</t>
  </si>
  <si>
    <t>12/27/2019 21:18:01</t>
  </si>
  <si>
    <t>12/27/2019 21:18:02</t>
  </si>
  <si>
    <t>12/27/2019 21:18:03</t>
  </si>
  <si>
    <t>12/27/2019 21:18:06</t>
  </si>
  <si>
    <t>12/27/2019 21:18:07</t>
  </si>
  <si>
    <t>12/27/2019 21:18:08</t>
  </si>
  <si>
    <t>12/27/2019 21:18:20</t>
  </si>
  <si>
    <t>12/27/2019 21:18:25</t>
  </si>
  <si>
    <t>12/27/2019 21:18:26</t>
  </si>
  <si>
    <t>12/27/2019 21:18:27</t>
  </si>
  <si>
    <t>12/27/2019 21:18:30</t>
  </si>
  <si>
    <t>12/27/2019 21:18:32</t>
  </si>
  <si>
    <t>12/27/2019 21:18:38</t>
  </si>
  <si>
    <t>12/27/2019 21:18:43</t>
  </si>
  <si>
    <t>12/27/2019 21:18:44</t>
  </si>
  <si>
    <t>12/27/2019 21:18:45</t>
  </si>
  <si>
    <t>12/27/2019 21:18:50</t>
  </si>
  <si>
    <t>12/27/2019 21:18:51</t>
  </si>
  <si>
    <t>12/27/2019 21:18:52</t>
  </si>
  <si>
    <t>12/27/2019 21:18:53</t>
  </si>
  <si>
    <t>12/27/2019 21:18:55</t>
  </si>
  <si>
    <t>12/27/2019 21:18:59</t>
  </si>
  <si>
    <t>12/27/2019 21:19:00</t>
  </si>
  <si>
    <t>12/27/2019 21:19:02</t>
  </si>
  <si>
    <t>12/27/2019 21:19:03</t>
  </si>
  <si>
    <t>12/27/2019 21:19:04</t>
  </si>
  <si>
    <t>12/27/2019 21:19:06</t>
  </si>
  <si>
    <t>12/27/2019 21:19:09</t>
  </si>
  <si>
    <t>12/27/2019 21:19:13</t>
  </si>
  <si>
    <t>12/27/2019 21:19:14</t>
  </si>
  <si>
    <t>12/27/2019 21:19:15</t>
  </si>
  <si>
    <t>12/27/2019 21:19:19</t>
  </si>
  <si>
    <t>12/27/2019 21:19:20</t>
  </si>
  <si>
    <t>12/27/2019 21:19:21</t>
  </si>
  <si>
    <t>12/27/2019 21:19:23</t>
  </si>
  <si>
    <t>12/27/2019 21:19:26</t>
  </si>
  <si>
    <t>12/27/2019 21:19:31</t>
  </si>
  <si>
    <t>12/27/2019 21:19:32</t>
  </si>
  <si>
    <t>12/27/2019 21:19:33</t>
  </si>
  <si>
    <t>12/27/2019 21:19:34</t>
  </si>
  <si>
    <t>12/27/2019 21:19:38</t>
  </si>
  <si>
    <t>12/27/2019 21:19:42</t>
  </si>
  <si>
    <t>12/27/2019 21:19:43</t>
  </si>
  <si>
    <t>12/27/2019 21:19:44</t>
  </si>
  <si>
    <t>12/27/2019 21:19:48</t>
  </si>
  <si>
    <t>12/27/2019 21:19:49</t>
  </si>
  <si>
    <t>12/27/2019 21:19:54</t>
  </si>
  <si>
    <t>12/27/2019 21:19:55</t>
  </si>
  <si>
    <t>12/27/2019 21:19:56</t>
  </si>
  <si>
    <t>12/27/2019 21:19:57</t>
  </si>
  <si>
    <t>12/27/2019 21:19:58</t>
  </si>
  <si>
    <t>12/27/2019 21:20:00</t>
  </si>
  <si>
    <t>12/27/2019 21:20:04</t>
  </si>
  <si>
    <t>12/27/2019 21:20:05</t>
  </si>
  <si>
    <t>12/27/2019 21:20:08</t>
  </si>
  <si>
    <t>12/27/2019 21:20:09</t>
  </si>
  <si>
    <t>12/27/2019 21:20:10</t>
  </si>
  <si>
    <t>12/27/2019 21:20:15</t>
  </si>
  <si>
    <t>12/27/2019 21:20:24</t>
  </si>
  <si>
    <t>12/27/2019 21:20:29</t>
  </si>
  <si>
    <t>12/27/2019 21:20:30</t>
  </si>
  <si>
    <t>12/27/2019 21:20:34</t>
  </si>
  <si>
    <t>12/27/2019 21:20:36</t>
  </si>
  <si>
    <t>12/27/2019 21:20:50</t>
  </si>
  <si>
    <t>12/27/2019 21:20:55</t>
  </si>
  <si>
    <t>12/27/2019 21:20:56</t>
  </si>
  <si>
    <t>12/27/2019 21:20:57</t>
  </si>
  <si>
    <t>12/27/2019 21:21:01</t>
  </si>
  <si>
    <t>12/27/2019 21:21:14</t>
  </si>
  <si>
    <t>12/27/2019 21:22:45</t>
  </si>
  <si>
    <t>12/27/2019 21:25:00</t>
  </si>
  <si>
    <t>12/27/2019 21:25:22</t>
  </si>
  <si>
    <t>12/27/2019 21:26:00</t>
  </si>
  <si>
    <t>ae29e05c-c1f7-45fa-b609-fcfdc639dc06.tmp</t>
  </si>
  <si>
    <t>\\acsfs\profiles$\alinepp\Downloads\ae29e05c-c1f7-45fa-b609-fcfdc639dc06.tmp</t>
  </si>
  <si>
    <t>12/27/2019 21:23:09</t>
  </si>
  <si>
    <t>12/27/2019 21:27:00</t>
  </si>
  <si>
    <t>12/27/2019 21:23:46</t>
  </si>
  <si>
    <t>12/27/2019 21:23:53</t>
  </si>
  <si>
    <t>12/27/2019 21:23:54</t>
  </si>
  <si>
    <t>12/27/2019 21:23:55</t>
  </si>
  <si>
    <t>12/27/2019 21:23:56</t>
  </si>
  <si>
    <t>12/27/2019 21:23:57</t>
  </si>
  <si>
    <t>12/27/2019 21:23:58</t>
  </si>
  <si>
    <t>12/27/2019 21:24:00</t>
  </si>
  <si>
    <t>12/27/2019 21:24:01</t>
  </si>
  <si>
    <t>12/27/2019 21:24:02</t>
  </si>
  <si>
    <t>12/27/2019 21:24:03</t>
  </si>
  <si>
    <t>12/27/2019 21:24:07</t>
  </si>
  <si>
    <t>12/27/2019 21:24:11</t>
  </si>
  <si>
    <t>12/27/2019 21:24:12</t>
  </si>
  <si>
    <t>12/27/2019 21:24:13</t>
  </si>
  <si>
    <t>12/27/2019 21:24:14</t>
  </si>
  <si>
    <t>12/27/2019 21:24:15</t>
  </si>
  <si>
    <t>12/27/2019 21:24:19</t>
  </si>
  <si>
    <t>12/27/2019 21:24:23</t>
  </si>
  <si>
    <t>12/27/2019 21:24:36</t>
  </si>
  <si>
    <t>12/27/2019 21:24:42</t>
  </si>
  <si>
    <t>12/27/2019 21:24:43</t>
  </si>
  <si>
    <t>12/27/2019 21:24:47</t>
  </si>
  <si>
    <t>12/27/2019 21:24:48</t>
  </si>
  <si>
    <t>12/27/2019 21:24:49</t>
  </si>
  <si>
    <t>12/27/2019 21:24:50</t>
  </si>
  <si>
    <t>12/27/2019 21:24:51</t>
  </si>
  <si>
    <t>12/27/2019 21:24:52</t>
  </si>
  <si>
    <t>12/27/2019 21:24:56</t>
  </si>
  <si>
    <t>12/27/2019 21:25:01</t>
  </si>
  <si>
    <t>12/27/2019 21:25:09</t>
  </si>
  <si>
    <t>12/27/2019 21:25:10</t>
  </si>
  <si>
    <t>12/27/2019 21:25:11</t>
  </si>
  <si>
    <t>12/27/2019 21:25:14</t>
  </si>
  <si>
    <t>12/27/2019 21:25:15</t>
  </si>
  <si>
    <t>12/27/2019 21:25:20</t>
  </si>
  <si>
    <t>12/27/2019 21:25:24</t>
  </si>
  <si>
    <t>12/27/2019 21:25:27</t>
  </si>
  <si>
    <t>12/27/2019 21:25:28</t>
  </si>
  <si>
    <t>12/27/2019 21:25:29</t>
  </si>
  <si>
    <t>12/27/2019 21:25:30</t>
  </si>
  <si>
    <t>12/27/2019 21:25:31</t>
  </si>
  <si>
    <t>12/27/2019 21:25:32</t>
  </si>
  <si>
    <t>12/27/2019 21:25:34</t>
  </si>
  <si>
    <t>12/27/2019 21:25:37</t>
  </si>
  <si>
    <t>12/27/2019 21:25:38</t>
  </si>
  <si>
    <t>12/27/2019 21:25:40</t>
  </si>
  <si>
    <t>12/27/2019 21:25:43</t>
  </si>
  <si>
    <t>12/27/2019 21:25:44</t>
  </si>
  <si>
    <t>12/27/2019 21:25:48</t>
  </si>
  <si>
    <t>12/27/2019 21:25:49</t>
  </si>
  <si>
    <t>12/27/2019 21:25:50</t>
  </si>
  <si>
    <t>12/27/2019 21:25:51</t>
  </si>
  <si>
    <t>12/27/2019 21:25:53</t>
  </si>
  <si>
    <t>12/27/2019 21:25:54</t>
  </si>
  <si>
    <t>12/27/2019 21:25:55</t>
  </si>
  <si>
    <t>12/27/2019 21:25:57</t>
  </si>
  <si>
    <t>12/27/2019 21:25:58</t>
  </si>
  <si>
    <t>12/27/2019 21:26:03</t>
  </si>
  <si>
    <t>12/27/2019 21:26:05</t>
  </si>
  <si>
    <t>12/27/2019 21:26:07</t>
  </si>
  <si>
    <t>12/27/2019 21:26:10</t>
  </si>
  <si>
    <t>12/27/2019 21:26:11</t>
  </si>
  <si>
    <t>12/27/2019 21:26:12</t>
  </si>
  <si>
    <t>12/27/2019 21:26:14</t>
  </si>
  <si>
    <t>12/27/2019 21:26:18</t>
  </si>
  <si>
    <t>12/27/2019 21:26:19</t>
  </si>
  <si>
    <t>12/27/2019 21:26:23</t>
  </si>
  <si>
    <t>12/27/2019 21:26:55</t>
  </si>
  <si>
    <t>12/27/2019 21:30:00</t>
  </si>
  <si>
    <t>12/27/2019 21:25:33</t>
  </si>
  <si>
    <t>12/27/2019 21:30:59</t>
  </si>
  <si>
    <t>12/27/2019 21:27:03</t>
  </si>
  <si>
    <t>12/27/2019 21:27:11</t>
  </si>
  <si>
    <t>12/27/2019 21:27:14</t>
  </si>
  <si>
    <t>12/27/2019 21:27:32</t>
  </si>
  <si>
    <t>12/27/2019 21:27:33</t>
  </si>
  <si>
    <t>12/27/2019 21:27:37</t>
  </si>
  <si>
    <t>12/27/2019 21:26:24</t>
  </si>
  <si>
    <t>12/27/2019 21:32:00</t>
  </si>
  <si>
    <t>12/27/2019 21:26:25</t>
  </si>
  <si>
    <t>12/27/2019 21:26:27</t>
  </si>
  <si>
    <t>12/27/2019 21:26:30</t>
  </si>
  <si>
    <t>12/27/2019 21:26:36</t>
  </si>
  <si>
    <t>12/27/2019 21:26:39</t>
  </si>
  <si>
    <t>12/27/2019 21:26:40</t>
  </si>
  <si>
    <t>12/27/2019 21:26:41</t>
  </si>
  <si>
    <t>12/27/2019 21:26:44</t>
  </si>
  <si>
    <t>12/27/2019 21:26:46</t>
  </si>
  <si>
    <t>12/27/2019 21:26:51</t>
  </si>
  <si>
    <t>12/27/2019 21:26:54</t>
  </si>
  <si>
    <t>12/27/2019 21:26:57</t>
  </si>
  <si>
    <t>12/27/2019 21:27:01</t>
  </si>
  <si>
    <t>12/27/2019 21:29:33</t>
  </si>
  <si>
    <t>12/27/2019 21:29:42</t>
  </si>
  <si>
    <t>12/27/2019 21:29:43</t>
  </si>
  <si>
    <t>12/27/2019 21:29:44</t>
  </si>
  <si>
    <t>12/27/2019 21:29:46</t>
  </si>
  <si>
    <t>12/27/2019 21:29:49</t>
  </si>
  <si>
    <t>12/27/2019 21:31:05</t>
  </si>
  <si>
    <t>12/27/2019 21:32:59</t>
  </si>
  <si>
    <t>12/27/2019 21:33:04</t>
  </si>
  <si>
    <t>12/27/2019 21:36:00</t>
  </si>
  <si>
    <t>12/27/2019 21:31:42</t>
  </si>
  <si>
    <t>12/27/2019 21:37:00</t>
  </si>
  <si>
    <t>12/27/2019 21:31:45</t>
  </si>
  <si>
    <t>12/27/2019 21:31:46</t>
  </si>
  <si>
    <t>12/27/2019 21:31:47</t>
  </si>
  <si>
    <t>12/27/2019 21:31:51</t>
  </si>
  <si>
    <t>12/27/2019 21:31:52</t>
  </si>
  <si>
    <t>12/27/2019 21:32:56</t>
  </si>
  <si>
    <t>12/27/2019 21:33:00</t>
  </si>
  <si>
    <t>12/27/2019 21:33:01</t>
  </si>
  <si>
    <t>12/27/2019 21:33:02</t>
  </si>
  <si>
    <t>12/27/2019 21:33:03</t>
  </si>
  <si>
    <t>12/27/2019 21:33:07</t>
  </si>
  <si>
    <t>12/27/2019 21:33:14</t>
  </si>
  <si>
    <t>12/27/2019 21:33:18</t>
  </si>
  <si>
    <t>12/27/2019 21:33:20</t>
  </si>
  <si>
    <t>12/27/2019 21:33:21</t>
  </si>
  <si>
    <t>12/27/2019 21:33:24</t>
  </si>
  <si>
    <t>12/27/2019 21:33:30</t>
  </si>
  <si>
    <t>12/27/2019 21:33:33</t>
  </si>
  <si>
    <t>12/27/2019 21:33:34</t>
  </si>
  <si>
    <t>12/27/2019 21:33:35</t>
  </si>
  <si>
    <t>12/27/2019 21:33:36</t>
  </si>
  <si>
    <t>12/27/2019 21:33:40</t>
  </si>
  <si>
    <t>12/27/2019 21:33:50</t>
  </si>
  <si>
    <t>12/27/2019 21:33:54</t>
  </si>
  <si>
    <t>12/27/2019 21:33:55</t>
  </si>
  <si>
    <t>12/27/2019 21:33:56</t>
  </si>
  <si>
    <t>12/27/2019 21:34:01</t>
  </si>
  <si>
    <t>12/27/2019 21:34:20</t>
  </si>
  <si>
    <t>12/27/2019 21:34:22</t>
  </si>
  <si>
    <t>12/27/2019 21:34:23</t>
  </si>
  <si>
    <t>12/27/2019 21:34:25</t>
  </si>
  <si>
    <t>12/27/2019 21:34:26</t>
  </si>
  <si>
    <t>12/27/2019 21:34:27</t>
  </si>
  <si>
    <t>12/27/2019 21:34:32</t>
  </si>
  <si>
    <t>12/27/2019 21:34:38</t>
  </si>
  <si>
    <t>12/27/2019 21:34:47</t>
  </si>
  <si>
    <t>12/27/2019 21:34:50</t>
  </si>
  <si>
    <t>12/27/2019 21:34:51</t>
  </si>
  <si>
    <t>12/27/2019 21:35:00</t>
  </si>
  <si>
    <t>12/27/2019 21:35:02</t>
  </si>
  <si>
    <t>12/27/2019 21:35:07</t>
  </si>
  <si>
    <t>12/27/2019 21:35:08</t>
  </si>
  <si>
    <t>12/27/2019 21:35:09</t>
  </si>
  <si>
    <t>12/27/2019 21:35:10</t>
  </si>
  <si>
    <t>12/27/2019 21:35:11</t>
  </si>
  <si>
    <t>12/27/2019 21:35:31</t>
  </si>
  <si>
    <t>12/27/2019 21:35:32</t>
  </si>
  <si>
    <t>12/27/2019 21:35:33</t>
  </si>
  <si>
    <t>12/27/2019 21:35:37</t>
  </si>
  <si>
    <t>12/27/2019 21:36:24</t>
  </si>
  <si>
    <t>12/27/2019 21:35:12</t>
  </si>
  <si>
    <t>12/27/2019 21:39:00</t>
  </si>
  <si>
    <t>586883d2-2542-4747-b9f1-079b0dba2842.tmp</t>
  </si>
  <si>
    <t>\\acsfs\profiles$\leonardocb\Downloads\586883d2-2542-4747-b9f1-079b0dba2842.tmp</t>
  </si>
  <si>
    <t>12/27/2019 21:40:00</t>
  </si>
  <si>
    <t>12/27/2019 21:36:10</t>
  </si>
  <si>
    <t>12/27/2019 21:36:59</t>
  </si>
  <si>
    <t>12/27/2019 21:40:59</t>
  </si>
  <si>
    <t>12/27/2019 21:36:50</t>
  </si>
  <si>
    <t>12/27/2019 21:42:00</t>
  </si>
  <si>
    <t>12/27/2019 21:41:41</t>
  </si>
  <si>
    <t>12/27/2019 21:44:00</t>
  </si>
  <si>
    <t>12/27/2019 21:38:45</t>
  </si>
  <si>
    <t>89d5ccbe-febc-44d1-b49c-64eabc523875.tmp</t>
  </si>
  <si>
    <t>\\acsfs\profiles$\brendadsl\Downloads\89d5ccbe-febc-44d1-b49c-64eabc523875.tmp</t>
  </si>
  <si>
    <t>12/27/2019 21:42:46</t>
  </si>
  <si>
    <t>12/27/2019 21:46:00</t>
  </si>
  <si>
    <t>12/27/2019 21:42:53</t>
  </si>
  <si>
    <t>12/27/2019 21:46:08</t>
  </si>
  <si>
    <t>12/27/2019 21:49:00</t>
  </si>
  <si>
    <t>12/27/2019 21:47:53</t>
  </si>
  <si>
    <t>12/27/2019 21:51:00</t>
  </si>
  <si>
    <t>12/27/2019 21:48:52</t>
  </si>
  <si>
    <t>12/27/2019 21:49:31</t>
  </si>
  <si>
    <t>12/27/2019 21:48:15</t>
  </si>
  <si>
    <t>263cdce0-a140-4912-9d20-4ca0009b1fec.tmp</t>
  </si>
  <si>
    <t>\\acsfs\profiles$\alinepp\Downloads\263cdce0-a140-4912-9d20-4ca0009b1fec.tmp</t>
  </si>
  <si>
    <t>12/27/2019 21:49:33</t>
  </si>
  <si>
    <t>12/27/2019 21:50:53</t>
  </si>
  <si>
    <t>12/27/2019 21:52:00</t>
  </si>
  <si>
    <t>44ee6f0d-a23b-4e34-a412-cb09b4ba6570.tmp</t>
  </si>
  <si>
    <t>\\acsfs\profiles$\KARENJSS\Downloads\44ee6f0d-a23b-4e34-a412-cb09b4ba6570.tmp</t>
  </si>
  <si>
    <t>12/27/2019 21:47:48</t>
  </si>
  <si>
    <t>12/27/2019 21:47:51</t>
  </si>
  <si>
    <t>12/27/2019 21:47:52</t>
  </si>
  <si>
    <t>12/27/2019 21:47:55</t>
  </si>
  <si>
    <t>12/27/2019 21:47:57</t>
  </si>
  <si>
    <t>12/27/2019 21:47:58</t>
  </si>
  <si>
    <t>12/27/2019 21:48:00</t>
  </si>
  <si>
    <t>12/27/2019 21:48:01</t>
  </si>
  <si>
    <t>12/27/2019 21:48:03</t>
  </si>
  <si>
    <t>12/27/2019 21:48:05</t>
  </si>
  <si>
    <t>12/27/2019 21:48:06</t>
  </si>
  <si>
    <t>12/27/2019 21:48:07</t>
  </si>
  <si>
    <t>12/27/2019 21:48:12</t>
  </si>
  <si>
    <t>12/27/2019 21:48:32</t>
  </si>
  <si>
    <t>12/27/2019 21:48:34</t>
  </si>
  <si>
    <t>12/27/2019 21:48:35</t>
  </si>
  <si>
    <t>12/27/2019 21:48:37</t>
  </si>
  <si>
    <t>12/27/2019 21:48:39</t>
  </si>
  <si>
    <t>12/27/2019 21:48:40</t>
  </si>
  <si>
    <t>12/27/2019 21:48:41</t>
  </si>
  <si>
    <t>12/27/2019 21:48:44</t>
  </si>
  <si>
    <t>12/27/2019 21:48:50</t>
  </si>
  <si>
    <t>12/27/2019 21:49:20</t>
  </si>
  <si>
    <t>12/27/2019 21:52:30</t>
  </si>
  <si>
    <t>12/27/2019 21:55:00</t>
  </si>
  <si>
    <t>12/27/2019 21:58:10</t>
  </si>
  <si>
    <t>12/27/2019 21:59:01</t>
  </si>
  <si>
    <t>12/27/2019 21:54:16</t>
  </si>
  <si>
    <t>12/27/2019 22:00:00</t>
  </si>
  <si>
    <t>12/27/2019 22:00:18</t>
  </si>
  <si>
    <t>12/27/2019 22:02:01</t>
  </si>
  <si>
    <t>XLOG_marcosvnds_27122019_160720.log</t>
  </si>
  <si>
    <t>\\acsfs\profiles$\marcosvnds\My Documents\xworkcenter\logs\XLOG_marcosvnds_27122019_160720.log</t>
  </si>
  <si>
    <t>12/27/2019 22:00:54</t>
  </si>
  <si>
    <t>12/27/2019 22:03:01</t>
  </si>
  <si>
    <t>\\acsfs\profiles$\myllenardl\My Documents\</t>
  </si>
  <si>
    <t>myllena.txt</t>
  </si>
  <si>
    <t>\\acsfs\profiles$\myllenardl\My Documents\myllena.txt</t>
  </si>
  <si>
    <t>12/27/2019 22:04:00</t>
  </si>
  <si>
    <t>12/27/2019 22:01:12</t>
  </si>
  <si>
    <t>12/27/2019 22:06:01</t>
  </si>
  <si>
    <t>12/27/2019 22:01:20</t>
  </si>
  <si>
    <t>12/27/2019 22:01:26</t>
  </si>
  <si>
    <t>12/27/2019 22:04:23</t>
  </si>
  <si>
    <t>12/27/2019 22:07:01</t>
  </si>
  <si>
    <t>12/27/2019 22:15:40</t>
  </si>
  <si>
    <t>12/27/2019 22:18:02</t>
  </si>
  <si>
    <t>12/27/2019 22:17:14</t>
  </si>
  <si>
    <t>12/27/2019 22:20:02</t>
  </si>
  <si>
    <t>12/27/2019 22:22:03</t>
  </si>
  <si>
    <t>12/27/2019 22:23:02</t>
  </si>
  <si>
    <t>12/27/2019 22:24:15</t>
  </si>
  <si>
    <t>12/27/2019 22:30:02</t>
  </si>
  <si>
    <t>12/27/2019 22:36:05</t>
  </si>
  <si>
    <t>12/27/2019 22:41:02</t>
  </si>
  <si>
    <t>12/27/2019 22:41:14</t>
  </si>
  <si>
    <t>12/27/2019 22:42:01</t>
  </si>
  <si>
    <t>12/27/2019 22:42:49</t>
  </si>
  <si>
    <t>12/27/2019 22:47:02</t>
  </si>
  <si>
    <t>12/27/2019 22:48:30</t>
  </si>
  <si>
    <t>12/27/2019 22:50:02</t>
  </si>
  <si>
    <t>12/27/2019 22:46:42</t>
  </si>
  <si>
    <t>12/27/2019 22:51:02</t>
  </si>
  <si>
    <t>12/27/2019 22:50:51</t>
  </si>
  <si>
    <t>12/27/2019 22:52:02</t>
  </si>
  <si>
    <t>12/27/2019 22:51:14</t>
  </si>
  <si>
    <t>12/27/2019 22:53:02</t>
  </si>
  <si>
    <t>12/27/2019 22:52:51</t>
  </si>
  <si>
    <t>12/27/2019 22:54:03</t>
  </si>
  <si>
    <t>12/27/2019 22:54:16</t>
  </si>
  <si>
    <t>12/27/2019 22:55:02</t>
  </si>
  <si>
    <t>12/27/2019 22:53:58</t>
  </si>
  <si>
    <t>12/27/2019 22:57:03</t>
  </si>
  <si>
    <t>12/27/2019 23:02:05</t>
  </si>
  <si>
    <t>12/27/2019 23:06:03</t>
  </si>
  <si>
    <t>12/27/2019 23:08:08</t>
  </si>
  <si>
    <t>12/27/2019 23:11:02</t>
  </si>
  <si>
    <t>12/27/2019 23:07:28</t>
  </si>
  <si>
    <t>12/27/2019 23:12:03</t>
  </si>
  <si>
    <t>12/27/2019 23:19:06</t>
  </si>
  <si>
    <t>12/27/2019 23:21:02</t>
  </si>
  <si>
    <t>12/27/2019 23:25:03</t>
  </si>
  <si>
    <t>12/27/2019 23:28:02</t>
  </si>
  <si>
    <t>12/27/2019 16:45:17</t>
  </si>
  <si>
    <t>12/27/2019 23:44:02</t>
  </si>
  <si>
    <t>ff0ebf86-c608-430b-9b8c-89cbe466a88a.tmp</t>
  </si>
  <si>
    <t>\\acsfs\profiles$\regisadsa\Downloads\ff0ebf86-c608-430b-9b8c-89cbe466a88a.tmp</t>
  </si>
  <si>
    <t>12/27/2019 16:54:55</t>
  </si>
  <si>
    <t>64b7c479-4940-4946-b313-f70815dc6ebb.tmp</t>
  </si>
  <si>
    <t>\\acsfs\profiles$\regisadsa\Downloads\64b7c479-4940-4946-b313-f70815dc6ebb.tmp</t>
  </si>
  <si>
    <t>12/27/2019 16:55:44</t>
  </si>
  <si>
    <t>354e6b13-cd31-4881-ade9-3d86f6bc55db.tmp</t>
  </si>
  <si>
    <t>\\acsfs\profiles$\regisadsa\Downloads\354e6b13-cd31-4881-ade9-3d86f6bc55db.tmp</t>
  </si>
  <si>
    <t>12/27/2019 16:56:19</t>
  </si>
  <si>
    <t>558da69c-a48a-4997-83b1-cb644e1d66e6.tmp</t>
  </si>
  <si>
    <t>\\acsfs\profiles$\regisadsa\Downloads\558da69c-a48a-4997-83b1-cb644e1d66e6.tmp</t>
  </si>
  <si>
    <t>12/27/2019 16:56:35</t>
  </si>
  <si>
    <t>6efbb48b-c0b2-444b-9485-260e925a4e3b.tmp</t>
  </si>
  <si>
    <t>\\acsfs\profiles$\regisadsa\Downloads\6efbb48b-c0b2-444b-9485-260e925a4e3b.tmp</t>
  </si>
  <si>
    <t>12/27/2019 17:44:15</t>
  </si>
  <si>
    <t>89d28e08-d807-48de-a94b-4ceaeb14d336.tmp</t>
  </si>
  <si>
    <t>\\acsfs\profiles$\regisadsa\Downloads\89d28e08-d807-48de-a94b-4ceaeb14d336.tmp</t>
  </si>
  <si>
    <t>12/27/2019 19:12:18</t>
  </si>
  <si>
    <t>7d2fb4dd-eca4-4f31-b398-4b1a45f74767.tmp</t>
  </si>
  <si>
    <t>\\acsfs\profiles$\regisadsa\Downloads\7d2fb4dd-eca4-4f31-b398-4b1a45f74767.tmp</t>
  </si>
  <si>
    <t>12/27/2019 23:43:01</t>
  </si>
  <si>
    <t>12/27/2019 23:47:03</t>
  </si>
  <si>
    <t>45978fa2-5333-4cbc-b793-f9fcc343bc4b.tmp</t>
  </si>
  <si>
    <t>\\acsfs\profiles$\Adrieledgc\Downloads\45978fa2-5333-4cbc-b793-f9fcc343bc4b.tmp</t>
  </si>
  <si>
    <t>12/27/2019 23:43:49</t>
  </si>
  <si>
    <t>ed0b10c9-94d1-4d6e-bb42-17b94ca19d72.tmp</t>
  </si>
  <si>
    <t>\\acsfs\profiles$\Adrieledgc\Downloads\ed0b10c9-94d1-4d6e-bb42-17b94ca19d72.tmp</t>
  </si>
  <si>
    <t>12/27/2019 23:45:31</t>
  </si>
  <si>
    <t>12/27/2019 23:49:36</t>
  </si>
  <si>
    <t>12/27/2019 23:55:03</t>
  </si>
  <si>
    <t>12/27/2019 23:56:05</t>
  </si>
  <si>
    <t>12/28/2019 00:01:03</t>
  </si>
  <si>
    <t>12/28/2019 00:03:05</t>
  </si>
  <si>
    <t>12/28/2019 00:04:02</t>
  </si>
  <si>
    <t>12/28/2019 00:02:28</t>
  </si>
  <si>
    <t>12/28/2019 00:05:03</t>
  </si>
  <si>
    <t>12/28/2019 00:03:23</t>
  </si>
  <si>
    <t>12/28/2019 00:04:15</t>
  </si>
  <si>
    <t>12/28/2019 00:06:02</t>
  </si>
  <si>
    <t>12/28/2019 00:04:03</t>
  </si>
  <si>
    <t>12/28/2019 00:04:48</t>
  </si>
  <si>
    <t>12/28/2019 00:01:54</t>
  </si>
  <si>
    <t>12/28/2019 00:07:03</t>
  </si>
  <si>
    <t>46a38708-8c1c-4be3-973f-db9b1af4de9d.tmp</t>
  </si>
  <si>
    <t>\\acsfs\profiles$\rogeriofd\Downloads\46a38708-8c1c-4be3-973f-db9b1af4de9d.tmp</t>
  </si>
  <si>
    <t>12/28/2019 00:02:04</t>
  </si>
  <si>
    <t>87cab55d-5321-4512-a2b1-a895d02b035e.tmp</t>
  </si>
  <si>
    <t>\\acsfs\profiles$\rogeriofd\Downloads\87cab55d-5321-4512-a2b1-a895d02b035e.tmp</t>
  </si>
  <si>
    <t>12/28/2019 00:02:09</t>
  </si>
  <si>
    <t>c31ea069-cdc8-46db-9d66-13fe0aeb3d5d.tmp</t>
  </si>
  <si>
    <t>\\acsfs\profiles$\rogeriofd\Downloads\c31ea069-cdc8-46db-9d66-13fe0aeb3d5d.tmp</t>
  </si>
  <si>
    <t>12/28/2019 00:02:37</t>
  </si>
  <si>
    <t>13a0624c-628a-4580-b6c6-9246706a1dc5.tmp</t>
  </si>
  <si>
    <t>\\acsfs\profiles$\rogeriofd\Downloads\13a0624c-628a-4580-b6c6-9246706a1dc5.tmp</t>
  </si>
  <si>
    <t>18581f80-91fc-421a-836a-0faa10176765.tmp</t>
  </si>
  <si>
    <t>\\acsfs\profiles$\rogeriofd\Downloads\18581f80-91fc-421a-836a-0faa10176765.tmp</t>
  </si>
  <si>
    <t>12/28/2019 00:05:17</t>
  </si>
  <si>
    <t>12/28/2019 00:05:06</t>
  </si>
  <si>
    <t>12/28/2019 00:03:22</t>
  </si>
  <si>
    <t>12/28/2019 00:08:02</t>
  </si>
  <si>
    <t>12/28/2019 00:06:28</t>
  </si>
  <si>
    <t>12/28/2019 00:09:03</t>
  </si>
  <si>
    <t>12/28/2019 00:08:09</t>
  </si>
  <si>
    <t>12/28/2019 00:05:16</t>
  </si>
  <si>
    <t>12/28/2019 00:10:02</t>
  </si>
  <si>
    <t>12/28/2019 00:07:46</t>
  </si>
  <si>
    <t>12/28/2019 00:08:37</t>
  </si>
  <si>
    <t>12/28/2019 00:08:13</t>
  </si>
  <si>
    <t>12/28/2019 00:05:54</t>
  </si>
  <si>
    <t>12/28/2019 00:05:49</t>
  </si>
  <si>
    <t>12/28/2019 00:09:28</t>
  </si>
  <si>
    <t>12/28/2019 00:12:03</t>
  </si>
  <si>
    <t>12/28/2019 00:07:53</t>
  </si>
  <si>
    <t>12/28/2019 00:13:10</t>
  </si>
  <si>
    <t>12/28/2019 00:16:03</t>
  </si>
  <si>
    <t>12/28/2019 00:13:59</t>
  </si>
  <si>
    <t>12/28/2019 00:11:54</t>
  </si>
  <si>
    <t>12/28/2019 00:17:02</t>
  </si>
  <si>
    <t>12/28/2019 00:13:52</t>
  </si>
  <si>
    <t>12/28/2019 00:18:03</t>
  </si>
  <si>
    <t>12/28/2019 00:18:10</t>
  </si>
  <si>
    <t>12/28/2019 00:20:02</t>
  </si>
  <si>
    <t>12/28/2019 00:19:33</t>
  </si>
  <si>
    <t>12/28/2019 00:24:03</t>
  </si>
  <si>
    <t>12/28/2019 00:21:16</t>
  </si>
  <si>
    <t>12/28/2019 00:25:03</t>
  </si>
  <si>
    <t>12/28/2019 00:20:14</t>
  </si>
  <si>
    <t>12/28/2019 00:30:14</t>
  </si>
  <si>
    <t>12/28/2019 00:34:03</t>
  </si>
  <si>
    <t>12/28/2019 00:40:13</t>
  </si>
  <si>
    <t>12/28/2019 00:42:03</t>
  </si>
  <si>
    <t>12/28/2019 00:40:29</t>
  </si>
  <si>
    <t>12/28/2019 00:45:03</t>
  </si>
  <si>
    <t>12/28/2019 00:42:13</t>
  </si>
  <si>
    <t>12/28/2019 00:47:03</t>
  </si>
  <si>
    <t>12/28/2019 01:00:09</t>
  </si>
  <si>
    <t>12/28/2019 01:01:04</t>
  </si>
  <si>
    <t>12/28/2019 01:00:28</t>
  </si>
  <si>
    <t>12/28/2019 00:59:22</t>
  </si>
  <si>
    <t>12/28/2019 01:19:04</t>
  </si>
  <si>
    <t>12/28/2019 01:06:20</t>
  </si>
  <si>
    <t>12/28/2019 01:20:05</t>
  </si>
  <si>
    <t>12/28/2019 01:14:50</t>
  </si>
  <si>
    <t>12/28/2019 01:14:42</t>
  </si>
  <si>
    <t>12/28/2019 01:22:05</t>
  </si>
  <si>
    <t>12/28/2019 01:17:18</t>
  </si>
  <si>
    <t>12/28/2019 01:14:44</t>
  </si>
  <si>
    <t>12/28/2019 01:32:46</t>
  </si>
  <si>
    <t>12/28/2019 01:35:05</t>
  </si>
  <si>
    <t>12/28/2019 01:33:59</t>
  </si>
  <si>
    <t>12/28/2019 01:33:23</t>
  </si>
  <si>
    <t>12/28/2019 01:36:04</t>
  </si>
  <si>
    <t>12/28/2019 01:35:58</t>
  </si>
  <si>
    <t>12/28/2019 01:38:04</t>
  </si>
  <si>
    <t>12/28/2019 01:38:23</t>
  </si>
  <si>
    <t>12/28/2019 01:39:04</t>
  </si>
  <si>
    <t>12/28/2019 01:39:50</t>
  </si>
  <si>
    <t>12/28/2019 01:40:04</t>
  </si>
  <si>
    <t>12/28/2019 01:40:18</t>
  </si>
  <si>
    <t>12/28/2019 01:42:05</t>
  </si>
  <si>
    <t>12/28/2019 01:44:27</t>
  </si>
  <si>
    <t>12/28/2019 01:46:05</t>
  </si>
  <si>
    <t>12/28/2019 01:50:34</t>
  </si>
  <si>
    <t>12/28/2019 01:52:05</t>
  </si>
  <si>
    <t>45fb29ae-61fd-4fdd-8ca3-c20f794fa835.tmp</t>
  </si>
  <si>
    <t>\\acsfs\profiles$\rogeriofd\Downloads\45fb29ae-61fd-4fdd-8ca3-c20f794fa835.tmp</t>
  </si>
  <si>
    <t>12/28/2019 01:57:07</t>
  </si>
  <si>
    <t>12/28/2019 02:00:04</t>
  </si>
  <si>
    <t>12/28/2019 02:05:29</t>
  </si>
  <si>
    <t>12/28/2019 02:10:03</t>
  </si>
  <si>
    <t>12/28/2019 02:12:02</t>
  </si>
  <si>
    <t>12/28/2019 02:16:05</t>
  </si>
  <si>
    <t>12/28/2019 02:12:47</t>
  </si>
  <si>
    <t>12/28/2019 02:17:52</t>
  </si>
  <si>
    <t>12/28/2019 02:19:05</t>
  </si>
  <si>
    <t>12/28/2019 02:16:44</t>
  </si>
  <si>
    <t>12/28/2019 02:20:05</t>
  </si>
  <si>
    <t>12/28/2019 02:19:18</t>
  </si>
  <si>
    <t>12/28/2019 02:24:37</t>
  </si>
  <si>
    <t>12/28/2019 02:26:06</t>
  </si>
  <si>
    <t>12/28/2019 02:22:40</t>
  </si>
  <si>
    <t>12/28/2019 02:28:06</t>
  </si>
  <si>
    <t>12/28/2019 02:34:09</t>
  </si>
  <si>
    <t>12/28/2019 02:35:05</t>
  </si>
  <si>
    <t>12/28/2019 02:38:20</t>
  </si>
  <si>
    <t>12/28/2019 02:41:03</t>
  </si>
  <si>
    <t>12/28/2019 02:39:50</t>
  </si>
  <si>
    <t>12/28/2019 02:45:03</t>
  </si>
  <si>
    <t>12/28/2019 02:47:46</t>
  </si>
  <si>
    <t>12/28/2019 02:50:03</t>
  </si>
  <si>
    <t>12/28/2019 02:55:52</t>
  </si>
  <si>
    <t>12/28/2019 02:58:03</t>
  </si>
  <si>
    <t>12/28/2019 02:58:26</t>
  </si>
  <si>
    <t>12/28/2019 03:00:02</t>
  </si>
  <si>
    <t>12/28/2019 03:03:27</t>
  </si>
  <si>
    <t>12/28/2019 03:05:03</t>
  </si>
  <si>
    <t>12/28/2019 03:06:14</t>
  </si>
  <si>
    <t>12/28/2019 03:10:03</t>
  </si>
  <si>
    <t>12/28/2019 03:09:54</t>
  </si>
  <si>
    <t>12/28/2019 03:11:03</t>
  </si>
  <si>
    <t>12/28/2019 03:07:51</t>
  </si>
  <si>
    <t>12/28/2019 03:12:03</t>
  </si>
  <si>
    <t>12/28/2019 03:10:17</t>
  </si>
  <si>
    <t>12/28/2019 03:14:03</t>
  </si>
  <si>
    <t>12/28/2019 03:13:13</t>
  </si>
  <si>
    <t>12/28/2019 03:18:03</t>
  </si>
  <si>
    <t>SDC - SERVICE DESK CSC</t>
  </si>
  <si>
    <t>10.208.14.97</t>
  </si>
  <si>
    <t>34-E6-D7-FC-ED-8C</t>
  </si>
  <si>
    <t>DFSDC-SUP04</t>
  </si>
  <si>
    <t>saviortj</t>
  </si>
  <si>
    <t>C:\Users\saviortj\Desktop\Relatório CAOA\</t>
  </si>
  <si>
    <t>Relatório Diario CAOA.xlsx</t>
  </si>
  <si>
    <t>12/28/2019 03:15:53</t>
  </si>
  <si>
    <t>12/28/2019 03:19:03</t>
  </si>
  <si>
    <t>12/28/2019 03:21:33</t>
  </si>
  <si>
    <t>12/28/2019 03:25:03</t>
  </si>
  <si>
    <t>12/28/2019 03:27:11</t>
  </si>
  <si>
    <t>12/28/2019 03:28:03</t>
  </si>
  <si>
    <t>12/28/2019 03:31:05</t>
  </si>
  <si>
    <t>12/28/2019 03:33:04</t>
  </si>
  <si>
    <t>12/28/2019 03:34:40</t>
  </si>
  <si>
    <t>12/28/2019 03:36:05</t>
  </si>
  <si>
    <t>12/28/2019 03:38:23</t>
  </si>
  <si>
    <t>12/28/2019 03:40:04</t>
  </si>
  <si>
    <t>12/28/2019 03:38:54</t>
  </si>
  <si>
    <t>12/28/2019 03:41:04</t>
  </si>
  <si>
    <t>12/28/2019 03:43:57</t>
  </si>
  <si>
    <t>12/28/2019 03:45:04</t>
  </si>
  <si>
    <t>12/28/2019 03:43:08</t>
  </si>
  <si>
    <t>12/28/2019 03:43:33</t>
  </si>
  <si>
    <t>12/28/2019 03:49:04</t>
  </si>
  <si>
    <t>12/28/2019 03:46:43</t>
  </si>
  <si>
    <t>12/28/2019 03:50:05</t>
  </si>
  <si>
    <t>12/28/2019 03:45:59</t>
  </si>
  <si>
    <t>12/28/2019 03:51:04</t>
  </si>
  <si>
    <t>12/28/2019 03:50:03</t>
  </si>
  <si>
    <t>12/28/2019 03:52:04</t>
  </si>
  <si>
    <t>12/28/2019 03:50:59</t>
  </si>
  <si>
    <t>12/28/2019 03:54:03</t>
  </si>
  <si>
    <t>12/28/2019 03:49:18</t>
  </si>
  <si>
    <t>12/28/2019 03:55:04</t>
  </si>
  <si>
    <t>12/28/2019 03:52:30</t>
  </si>
  <si>
    <t>12/28/2019 03:53:11</t>
  </si>
  <si>
    <t>12/28/2019 03:56:03</t>
  </si>
  <si>
    <t>12/28/2019 03:52:36</t>
  </si>
  <si>
    <t>12/28/2019 03:52:13</t>
  </si>
  <si>
    <t>12/28/2019 03:57:04</t>
  </si>
  <si>
    <t>12/28/2019 03:58:45</t>
  </si>
  <si>
    <t>12/28/2019 04:00:04</t>
  </si>
  <si>
    <t>12/28/2019 03:57:54</t>
  </si>
  <si>
    <t>12/28/2019 03:58:12</t>
  </si>
  <si>
    <t>12/28/2019 04:01:04</t>
  </si>
  <si>
    <t>12/28/2019 03:59:47</t>
  </si>
  <si>
    <t>12/28/2019 04:02:04</t>
  </si>
  <si>
    <t>12/28/2019 03:57:25</t>
  </si>
  <si>
    <t>12/28/2019 04:00:22</t>
  </si>
  <si>
    <t>12/28/2019 04:00:47</t>
  </si>
  <si>
    <t>12/28/2019 04:03:03</t>
  </si>
  <si>
    <t>12/28/2019 04:00:30</t>
  </si>
  <si>
    <t>12/28/2019 04:04:04</t>
  </si>
  <si>
    <t>12/28/2019 04:08:38</t>
  </si>
  <si>
    <t>12/28/2019 04:10:03</t>
  </si>
  <si>
    <t>12/28/2019 04:08:39</t>
  </si>
  <si>
    <t>12/28/2019 04:13:03</t>
  </si>
  <si>
    <t>12/28/2019 04:14:18</t>
  </si>
  <si>
    <t>12/28/2019 04:17:04</t>
  </si>
  <si>
    <t>12/28/2019 04:16:15</t>
  </si>
  <si>
    <t>12/28/2019 04:19:05</t>
  </si>
  <si>
    <t>12/28/2019 04:16:09</t>
  </si>
  <si>
    <t>12/28/2019 04:20:05</t>
  </si>
  <si>
    <t>12/28/2019 04:18:05</t>
  </si>
  <si>
    <t>12/28/2019 04:21:05</t>
  </si>
  <si>
    <t>12/28/2019 04:21:29</t>
  </si>
  <si>
    <t>12/28/2019 04:24:06</t>
  </si>
  <si>
    <t>12/28/2019 04:30:15</t>
  </si>
  <si>
    <t>12/28/2019 04:31:05</t>
  </si>
  <si>
    <t>12/28/2019 04:30:06</t>
  </si>
  <si>
    <t>12/28/2019 04:35:05</t>
  </si>
  <si>
    <t>12/28/2019 04:34:24</t>
  </si>
  <si>
    <t>12/28/2019 04:37:04</t>
  </si>
  <si>
    <t>12/28/2019 04:34:31</t>
  </si>
  <si>
    <t>12/28/2019 04:40:05</t>
  </si>
  <si>
    <t>12/28/2019 04:39:22</t>
  </si>
  <si>
    <t>12/28/2019 04:42:05</t>
  </si>
  <si>
    <t>12/28/2019 04:40:30</t>
  </si>
  <si>
    <t>12/28/2019 04:43:04</t>
  </si>
  <si>
    <t>12/28/2019 04:39:47</t>
  </si>
  <si>
    <t>12/28/2019 04:45:04</t>
  </si>
  <si>
    <t>12/28/2019 04:41:42</t>
  </si>
  <si>
    <t>12/28/2019 04:44:26</t>
  </si>
  <si>
    <t>12/28/2019 04:49:04</t>
  </si>
  <si>
    <t>12/28/2019 04:47:15</t>
  </si>
  <si>
    <t>12/28/2019 04:50:05</t>
  </si>
  <si>
    <t>12/28/2019 04:48:27</t>
  </si>
  <si>
    <t>12/28/2019 04:52:05</t>
  </si>
  <si>
    <t>12/28/2019 04:48:05</t>
  </si>
  <si>
    <t>55dd351e-7b75-4ae6-8d25-102343b95f54.tmp</t>
  </si>
  <si>
    <t>\\acsfs\profiles$\Adrieledgc\Downloads\55dd351e-7b75-4ae6-8d25-102343b95f54.tmp</t>
  </si>
  <si>
    <t>12/28/2019 04:51:12</t>
  </si>
  <si>
    <t>12/28/2019 04:53:05</t>
  </si>
  <si>
    <t>12/28/2019 04:54:06</t>
  </si>
  <si>
    <t>12/28/2019 04:55:05</t>
  </si>
  <si>
    <t>12/28/2019 04:50:01</t>
  </si>
  <si>
    <t>12/28/2019 04:57:02</t>
  </si>
  <si>
    <t>12/28/2019 05:00:05</t>
  </si>
  <si>
    <t>12/28/2019 05:16:18</t>
  </si>
  <si>
    <t>12/28/2019 05:20:05</t>
  </si>
  <si>
    <t>12/28/2019 05:26:53</t>
  </si>
  <si>
    <t>12/28/2019 05:30:05</t>
  </si>
  <si>
    <t>12/28/2019 05:28:40</t>
  </si>
  <si>
    <t>12/28/2019 05:31:05</t>
  </si>
  <si>
    <t>12/28/2019 05:34:09</t>
  </si>
  <si>
    <t>12/28/2019 05:38:05</t>
  </si>
  <si>
    <t>12/28/2019 05:36:49</t>
  </si>
  <si>
    <t>12/28/2019 05:39:06</t>
  </si>
  <si>
    <t>12/28/2019 05:45:53</t>
  </si>
  <si>
    <t>12/28/2019 05:46:05</t>
  </si>
  <si>
    <t>12/28/2019 05:46:48</t>
  </si>
  <si>
    <t>12/28/2019 05:48:06</t>
  </si>
  <si>
    <t>12/28/2019 05:44:00</t>
  </si>
  <si>
    <t>12/28/2019 05:49:06</t>
  </si>
  <si>
    <t>12/28/2019 05:58:24</t>
  </si>
  <si>
    <t>12/28/2019 06:02:05</t>
  </si>
  <si>
    <t>andressagr</t>
  </si>
  <si>
    <t>\\acsfs\profiles$\andressagr\Downloads\</t>
  </si>
  <si>
    <t>2bc5b381-c4ef-4f18-9685-87a4310d9e19.tmp</t>
  </si>
  <si>
    <t>\\acsfs\profiles$\andressagr\Downloads\2bc5b381-c4ef-4f18-9685-87a4310d9e19.tmp</t>
  </si>
  <si>
    <t>12/28/2019 05:59:46</t>
  </si>
  <si>
    <t>784fb856-dc20-4a36-ab94-3b97b7475bbd.tmp</t>
  </si>
  <si>
    <t>\\acsfs\profiles$\andressagr\Downloads\784fb856-dc20-4a36-ab94-3b97b7475bbd.tmp</t>
  </si>
  <si>
    <t>12/28/2019 06:00:26</t>
  </si>
  <si>
    <t>12/28/2019 06:05:06</t>
  </si>
  <si>
    <t>19104287-a758-4a0b-94d4-629123cc2933.tmp</t>
  </si>
  <si>
    <t>\\acsfs\profiles$\lucasqdss\Downloads\19104287-a758-4a0b-94d4-629123cc2933.tmp</t>
  </si>
  <si>
    <t>12/28/2019 06:02:00</t>
  </si>
  <si>
    <t>9c13b63e-d332-493f-8c5a-590aa2e99e50.tmp</t>
  </si>
  <si>
    <t>\\acsfs\profiles$\lucasqdss\Downloads\9c13b63e-d332-493f-8c5a-590aa2e99e50.tmp</t>
  </si>
  <si>
    <t>12/28/2019 06:07:10</t>
  </si>
  <si>
    <t>12/28/2019 06:11:05</t>
  </si>
  <si>
    <t>12/28/2019 06:18:47</t>
  </si>
  <si>
    <t>12/28/2019 06:20:07</t>
  </si>
  <si>
    <t>12/28/2019 06:20:13</t>
  </si>
  <si>
    <t>12/28/2019 06:25:06</t>
  </si>
  <si>
    <t>12/28/2019 06:23:48</t>
  </si>
  <si>
    <t>12/28/2019 06:28:07</t>
  </si>
  <si>
    <t>12/28/2019 06:24:46</t>
  </si>
  <si>
    <t>12/28/2019 06:29:06</t>
  </si>
  <si>
    <t>12/28/2019 06:38:36</t>
  </si>
  <si>
    <t>12/28/2019 06:40:05</t>
  </si>
  <si>
    <t>12/28/2019 06:51:37</t>
  </si>
  <si>
    <t>12/28/2019 06:56:05</t>
  </si>
  <si>
    <t>6117a133-c98a-4e82-b683-ed3fa3085e33.tmp</t>
  </si>
  <si>
    <t>\\acsfs\profiles$\BRUNAAR\Downloads\6117a133-c98a-4e82-b683-ed3fa3085e33.tmp</t>
  </si>
  <si>
    <t>12/28/2019 06:51:41</t>
  </si>
  <si>
    <t>f107eb06-5ab3-4734-bfeb-c8eb3e469491.tmp</t>
  </si>
  <si>
    <t>\\acsfs\profiles$\BRUNAAR\Downloads\f107eb06-5ab3-4734-bfeb-c8eb3e469491.tmp</t>
  </si>
  <si>
    <t>12/28/2019 06:52:23</t>
  </si>
  <si>
    <t>12/28/2019 06:54:24</t>
  </si>
  <si>
    <t>12/28/2019 06:55:38</t>
  </si>
  <si>
    <t>12/28/2019 06:58:05</t>
  </si>
  <si>
    <t>12/28/2019 06:57:39</t>
  </si>
  <si>
    <t>12/28/2019 07:00:05</t>
  </si>
  <si>
    <t>12/28/2019 07:02:15</t>
  </si>
  <si>
    <t>12/28/2019 07:06:05</t>
  </si>
  <si>
    <t>12/28/2019 07:05:15</t>
  </si>
  <si>
    <t>12/28/2019 07:03:02</t>
  </si>
  <si>
    <t>12/28/2019 07:07:04</t>
  </si>
  <si>
    <t>12/28/2019 07:08:09</t>
  </si>
  <si>
    <t>12/28/2019 07:10:05</t>
  </si>
  <si>
    <t>12/28/2019 07:08:12</t>
  </si>
  <si>
    <t>12/28/2019 07:11:04</t>
  </si>
  <si>
    <t>10.200.66.80</t>
  </si>
  <si>
    <t>D0-94-66-B5-48-0A</t>
  </si>
  <si>
    <t>VOTORANT-ZB013</t>
  </si>
  <si>
    <t>12/28/2019 07:08:15</t>
  </si>
  <si>
    <t>12/28/2019 07:08:16</t>
  </si>
  <si>
    <t>12/28/2019 07:08:23</t>
  </si>
  <si>
    <t>12/28/2019 07:08:25</t>
  </si>
  <si>
    <t>12/28/2019 07:08:27</t>
  </si>
  <si>
    <t>12/28/2019 07:08:28</t>
  </si>
  <si>
    <t>12/28/2019 07:08:31</t>
  </si>
  <si>
    <t>12/28/2019 07:08:42</t>
  </si>
  <si>
    <t>12/28/2019 07:08:43</t>
  </si>
  <si>
    <t>12/28/2019 07:08:44</t>
  </si>
  <si>
    <t>12/28/2019 07:08:46</t>
  </si>
  <si>
    <t>12/28/2019 07:08:47</t>
  </si>
  <si>
    <t>12/28/2019 07:08:49</t>
  </si>
  <si>
    <t>12/28/2019 07:08:50</t>
  </si>
  <si>
    <t>12/28/2019 07:09:10</t>
  </si>
  <si>
    <t>12/28/2019 07:09:12</t>
  </si>
  <si>
    <t>12/28/2019 07:09:15</t>
  </si>
  <si>
    <t>12/28/2019 07:09:16</t>
  </si>
  <si>
    <t>12/28/2019 07:09:19</t>
  </si>
  <si>
    <t>12/28/2019 07:09:24</t>
  </si>
  <si>
    <t>12/28/2019 07:09:25</t>
  </si>
  <si>
    <t>12/28/2019 07:09:30</t>
  </si>
  <si>
    <t>12/28/2019 07:09:31</t>
  </si>
  <si>
    <t>12/28/2019 07:09:33</t>
  </si>
  <si>
    <t>12/28/2019 07:09:34</t>
  </si>
  <si>
    <t>12/28/2019 07:09:36</t>
  </si>
  <si>
    <t>12/28/2019 07:09:39</t>
  </si>
  <si>
    <t>12/28/2019 07:09:41</t>
  </si>
  <si>
    <t>12/28/2019 07:09:42</t>
  </si>
  <si>
    <t>12/28/2019 07:09:43</t>
  </si>
  <si>
    <t>12/28/2019 07:09:44</t>
  </si>
  <si>
    <t>12/28/2019 07:09:45</t>
  </si>
  <si>
    <t>12/28/2019 07:09:47</t>
  </si>
  <si>
    <t>12/28/2019 07:09:49</t>
  </si>
  <si>
    <t>12/28/2019 07:09:50</t>
  </si>
  <si>
    <t>12/28/2019 07:09:51</t>
  </si>
  <si>
    <t>12/28/2019 07:09:53</t>
  </si>
  <si>
    <t>12/28/2019 07:09:54</t>
  </si>
  <si>
    <t>12/28/2019 07:09:56</t>
  </si>
  <si>
    <t>12/28/2019 07:09:57</t>
  </si>
  <si>
    <t>12/28/2019 07:09:46</t>
  </si>
  <si>
    <t>12/28/2019 07:13:04</t>
  </si>
  <si>
    <t>12/28/2019 07:07:42</t>
  </si>
  <si>
    <t>12/28/2019 07:10:59</t>
  </si>
  <si>
    <t>12/28/2019 07:16:05</t>
  </si>
  <si>
    <t>12/28/2019 07:14:01</t>
  </si>
  <si>
    <t>12/28/2019 07:13:33</t>
  </si>
  <si>
    <t>5fc814e3-33d3-49b6-aa06-4c136c9cbbac.tmp</t>
  </si>
  <si>
    <t>\\acsfs\profiles$\claudiajca\Downloads\5fc814e3-33d3-49b6-aa06-4c136c9cbbac.tmp</t>
  </si>
  <si>
    <t>12/28/2019 07:15:08</t>
  </si>
  <si>
    <t>9cf4a7bd-7ae6-468e-9950-1f0bec70fbb8.tmp</t>
  </si>
  <si>
    <t>\\acsfs\profiles$\claudiajca\Downloads\9cf4a7bd-7ae6-468e-9950-1f0bec70fbb8.tmp</t>
  </si>
  <si>
    <t>12/28/2019 07:15:05</t>
  </si>
  <si>
    <t>12/28/2019 07:18:05</t>
  </si>
  <si>
    <t>12/28/2019 07:16:31</t>
  </si>
  <si>
    <t>12/28/2019 07:21:04</t>
  </si>
  <si>
    <t>12/28/2019 07:17:52</t>
  </si>
  <si>
    <t>12/28/2019 07:22:05</t>
  </si>
  <si>
    <t>12/28/2019 07:23:34</t>
  </si>
  <si>
    <t>12/28/2019 07:26:05</t>
  </si>
  <si>
    <t>12/28/2019 07:23:35</t>
  </si>
  <si>
    <t>lu295122vok3p.tmp</t>
  </si>
  <si>
    <t>\\acsfs\profiles$\BRUNAAR\Numero\lu295122vok3p.tmp</t>
  </si>
  <si>
    <t>12/28/2019 07:28:16</t>
  </si>
  <si>
    <t>12/28/2019 07:31:05</t>
  </si>
  <si>
    <t>12/28/2019 07:30:01</t>
  </si>
  <si>
    <t>12/28/2019 07:33:05</t>
  </si>
  <si>
    <t>1fa75ff8-9d4d-4166-91e5-481adae44797.tmp</t>
  </si>
  <si>
    <t>\\acsfs\profiles$\danielac\Downloads\1fa75ff8-9d4d-4166-91e5-481adae44797.tmp</t>
  </si>
  <si>
    <t>12/28/2019 07:33:24</t>
  </si>
  <si>
    <t>12/28/2019 07:36:05</t>
  </si>
  <si>
    <t>12/28/2019 07:34:13</t>
  </si>
  <si>
    <t>12/28/2019 07:37:05</t>
  </si>
  <si>
    <t>104b4411-6a1c-4521-868d-20ef76d3fd0b.tmp</t>
  </si>
  <si>
    <t>\\acsfs\profiles$\danielac\Downloads\104b4411-6a1c-4521-868d-20ef76d3fd0b.tmp</t>
  </si>
  <si>
    <t>12/28/2019 07:35:50</t>
  </si>
  <si>
    <t>12/28/2019 07:38:05</t>
  </si>
  <si>
    <t>2e37d12c-2f4c-4216-a8b4-970573c290d8.tmp</t>
  </si>
  <si>
    <t>\\acsfs\profiles$\danielac\Downloads\2e37d12c-2f4c-4216-a8b4-970573c290d8.tmp</t>
  </si>
  <si>
    <t>12/28/2019 07:36:04</t>
  </si>
  <si>
    <t>6aa2adf9-fd32-4c6e-ba8d-cd96e851fde4.tmp</t>
  </si>
  <si>
    <t>\\acsfs\profiles$\danielac\Downloads\6aa2adf9-fd32-4c6e-ba8d-cd96e851fde4.tmp</t>
  </si>
  <si>
    <t>12/28/2019 07:34:16</t>
  </si>
  <si>
    <t>12/28/2019 07:39:05</t>
  </si>
  <si>
    <t>12/28/2019 07:38:46</t>
  </si>
  <si>
    <t>12/28/2019 07:40:05</t>
  </si>
  <si>
    <t>12/28/2019 07:38:53</t>
  </si>
  <si>
    <t>12/28/2019 07:36:38</t>
  </si>
  <si>
    <t>12/28/2019 07:41:05</t>
  </si>
  <si>
    <t>12/28/2019 07:40:33</t>
  </si>
  <si>
    <t>12/28/2019 07:42:06</t>
  </si>
  <si>
    <t>12/28/2019 07:39:09</t>
  </si>
  <si>
    <t>12/28/2019 07:41:39</t>
  </si>
  <si>
    <t>12/28/2019 07:44:05</t>
  </si>
  <si>
    <t>12/28/2019 07:40:29</t>
  </si>
  <si>
    <t>12/28/2019 07:45:06</t>
  </si>
  <si>
    <t>12/28/2019 07:40:00</t>
  </si>
  <si>
    <t>12/28/2019 07:44:20</t>
  </si>
  <si>
    <t>12/28/2019 07:43:39</t>
  </si>
  <si>
    <t>12/28/2019 07:46:05</t>
  </si>
  <si>
    <t>.~lock.EVENTOS.odt#</t>
  </si>
  <si>
    <t>\\acsfs\profiles$\CLAUDIAJCA\.~lock.EVENTOS.odt#</t>
  </si>
  <si>
    <t>12/28/2019 07:43:10</t>
  </si>
  <si>
    <t>12/28/2019 07:45:54</t>
  </si>
  <si>
    <t>12/28/2019 07:47:05</t>
  </si>
  <si>
    <t>6fa5efc2-12a9-40fc-8811-aed6cd5ed279.tmp</t>
  </si>
  <si>
    <t>\\acsfs\profiles$\luanarda\Downloads\6fa5efc2-12a9-40fc-8811-aed6cd5ed279.tmp</t>
  </si>
  <si>
    <t>12/28/2019 07:46:14</t>
  </si>
  <si>
    <t>12/28/2019 07:48:05</t>
  </si>
  <si>
    <t>170bca76-d3e5-4949-b831-231fdfc872a2.tmp</t>
  </si>
  <si>
    <t>\\acsfs\profiles$\paulovadc\Downloads\170bca76-d3e5-4949-b831-231fdfc872a2.tmp</t>
  </si>
  <si>
    <t>12/28/2019 07:47:03</t>
  </si>
  <si>
    <t>12/28/2019 07:47:56</t>
  </si>
  <si>
    <t>3d4e11fd-9387-49fd-8394-fd479a8d4111.tmp</t>
  </si>
  <si>
    <t>\\acsfs\profiles$\paulovadc\Downloads\3d4e11fd-9387-49fd-8394-fd479a8d4111.tmp</t>
  </si>
  <si>
    <t>12/28/2019 07:47:53</t>
  </si>
  <si>
    <t>12/28/2019 07:52:06</t>
  </si>
  <si>
    <t>f781cc9f-be02-4140-9b1c-5d3ade2484bd.tmp</t>
  </si>
  <si>
    <t>\\acsfs\profiles$\luanarda\Downloads\f781cc9f-be02-4140-9b1c-5d3ade2484bd.tmp</t>
  </si>
  <si>
    <t>12/28/2019 07:48:46</t>
  </si>
  <si>
    <t>12/28/2019 07:52:05</t>
  </si>
  <si>
    <t>12/28/2019 07:56:05</t>
  </si>
  <si>
    <t>12/28/2019 07:52:35</t>
  </si>
  <si>
    <t>59cb3a1e-b124-4af9-a489-bc61fabad5a4.tmp</t>
  </si>
  <si>
    <t>\\acsfs\profiles$\mariliafplb\Downloads\59cb3a1e-b124-4af9-a489-bc61fabad5a4.tmp</t>
  </si>
  <si>
    <t>12/28/2019 07:53:55</t>
  </si>
  <si>
    <t>e65fb973-15c0-4380-b9d8-1584a0d3877f.tmp</t>
  </si>
  <si>
    <t>\\acsfs\profiles$\mariliafplb\Downloads\e65fb973-15c0-4380-b9d8-1584a0d3877f.tmp</t>
  </si>
  <si>
    <t>12/28/2019 07:54:32</t>
  </si>
  <si>
    <t>12/28/2019 07:52:24</t>
  </si>
  <si>
    <t>12/28/2019 07:57:06</t>
  </si>
  <si>
    <t>12/28/2019 07:56:52</t>
  </si>
  <si>
    <t>12/28/2019 08:00:05</t>
  </si>
  <si>
    <t>12/28/2019 08:00:23</t>
  </si>
  <si>
    <t>12/28/2019 08:01:05</t>
  </si>
  <si>
    <t>e5fdaaf2-3576-4266-8724-6edf557cd14e.tmp</t>
  </si>
  <si>
    <t>\\acsfs\profiles$\dhiulliananads\Downloads\e5fdaaf2-3576-4266-8724-6edf557cd14e.tmp</t>
  </si>
  <si>
    <t>12/28/2019 07:56:30</t>
  </si>
  <si>
    <t>12/28/2019 08:02:06</t>
  </si>
  <si>
    <t>a275bb24-0422-429b-b72e-66b293b9cd77.tmp</t>
  </si>
  <si>
    <t>\\acsfs\profiles$\andressagr\Downloads\a275bb24-0422-429b-b72e-66b293b9cd77.tmp</t>
  </si>
  <si>
    <t>12/28/2019 07:56:41</t>
  </si>
  <si>
    <t>dc57290d-c5ce-405d-807c-d957ef190df0.tmp</t>
  </si>
  <si>
    <t>\\acsfs\profiles$\marcellewdl\Downloads\dc57290d-c5ce-405d-807c-d957ef190df0.tmp</t>
  </si>
  <si>
    <t>12/28/2019 07:57:05</t>
  </si>
  <si>
    <t>12/28/2019 07:58:49</t>
  </si>
  <si>
    <t>4c560975-4b8f-411f-a5bb-6b0048a869fe.tmp</t>
  </si>
  <si>
    <t>\\acsfs\profiles$\marcellewdl\Downloads\4c560975-4b8f-411f-a5bb-6b0048a869fe.tmp</t>
  </si>
  <si>
    <t>12/28/2019 07:58:13</t>
  </si>
  <si>
    <t>12/28/2019 08:02:11</t>
  </si>
  <si>
    <t>12/28/2019 08:03:05</t>
  </si>
  <si>
    <t>12/28/2019 07:59:58</t>
  </si>
  <si>
    <t>12/28/2019 08:00:35</t>
  </si>
  <si>
    <t>12/28/2019 08:02:29</t>
  </si>
  <si>
    <t>12/28/2019 08:05:05</t>
  </si>
  <si>
    <t>karla.txt</t>
  </si>
  <si>
    <t>\\acsfs\profiles$\KARLABDS\My Documents\karla.txt</t>
  </si>
  <si>
    <t>12/28/2019 08:03:43</t>
  </si>
  <si>
    <t>12/28/2019 08:06:05</t>
  </si>
  <si>
    <t>12/28/2019 08:00:55</t>
  </si>
  <si>
    <t>lu295122vok3t.tmp</t>
  </si>
  <si>
    <t>\\acsfs\profiles$\BRUNAAR\Numero\lu295122vok3t.tmp</t>
  </si>
  <si>
    <t>12/28/2019 08:01:10</t>
  </si>
  <si>
    <t>lu295122vok3w.tmp</t>
  </si>
  <si>
    <t>\\acsfs\profiles$\BRUNAAR\Numero\lu295122vok3w.tmp</t>
  </si>
  <si>
    <t>12/28/2019 08:00:58</t>
  </si>
  <si>
    <t>477068c9-e47f-414a-8d52-09067fb230fa.tmp</t>
  </si>
  <si>
    <t>\\acsfs\profiles$\dhiulliananads\Downloads\477068c9-e47f-414a-8d52-09067fb230fa.tmp</t>
  </si>
  <si>
    <t>12/28/2019 08:05:57</t>
  </si>
  <si>
    <t>12/28/2019 08:08:05</t>
  </si>
  <si>
    <t>12/28/2019 08:06:10</t>
  </si>
  <si>
    <t>12/28/2019 08:06:11</t>
  </si>
  <si>
    <t>12/28/2019 08:09:05</t>
  </si>
  <si>
    <t>0fc9f07a-63bf-43c1-9ab4-b1721006ae12.tmp</t>
  </si>
  <si>
    <t>\\acsfs\profiles$\henriquehmdo\Downloads\0fc9f07a-63bf-43c1-9ab4-b1721006ae12.tmp</t>
  </si>
  <si>
    <t>12/28/2019 08:08:03</t>
  </si>
  <si>
    <t>d18cf2bc-fc86-4749-a54d-8d3769b2c76b.tmp</t>
  </si>
  <si>
    <t>\\acsfs\profiles$\henriquehmdo\Downloads\d18cf2bc-fc86-4749-a54d-8d3769b2c76b.tmp</t>
  </si>
  <si>
    <t>12/28/2019 08:10:05</t>
  </si>
  <si>
    <t>12/28/2019 08:06:01</t>
  </si>
  <si>
    <t>12/28/2019 08:07:23</t>
  </si>
  <si>
    <t>12/28/2019 08:07:29</t>
  </si>
  <si>
    <t>12/28/2019 08:07:33</t>
  </si>
  <si>
    <t>12/28/2019 08:07:47</t>
  </si>
  <si>
    <t>12/28/2019 08:07:53</t>
  </si>
  <si>
    <t>12/28/2019 08:08:11</t>
  </si>
  <si>
    <t>12/28/2019 08:08:14</t>
  </si>
  <si>
    <t>12/28/2019 08:09:18</t>
  </si>
  <si>
    <t>12/28/2019 08:07:31</t>
  </si>
  <si>
    <t>12/28/2019 08:11:05</t>
  </si>
  <si>
    <t>12/28/2019 08:12:43</t>
  </si>
  <si>
    <t>12/28/2019 08:15:06</t>
  </si>
  <si>
    <t>12/28/2019 08:10:38</t>
  </si>
  <si>
    <t>12/28/2019 08:13:38</t>
  </si>
  <si>
    <t>12/28/2019 08:13:45</t>
  </si>
  <si>
    <t>12/28/2019 08:14:23</t>
  </si>
  <si>
    <t>12/28/2019 08:14:36</t>
  </si>
  <si>
    <t>12/28/2019 08:12:01</t>
  </si>
  <si>
    <t>12/28/2019 08:16:05</t>
  </si>
  <si>
    <t>12/28/2019 08:11:53</t>
  </si>
  <si>
    <t>lu295122vok3z.tmp</t>
  </si>
  <si>
    <t>\\acsfs\profiles$\BRUNAAR\Numero\lu295122vok3z.tmp</t>
  </si>
  <si>
    <t>12/28/2019 08:10:54</t>
  </si>
  <si>
    <t>12/28/2019 08:12:38</t>
  </si>
  <si>
    <t>12/28/2019 08:17:05</t>
  </si>
  <si>
    <t>12/28/2019 08:15:41</t>
  </si>
  <si>
    <t>12/28/2019 08:18:05</t>
  </si>
  <si>
    <t>12/28/2019 08:16:58</t>
  </si>
  <si>
    <t>0f32b8f6-7c33-4353-9226-72b85d0016e7.tmp</t>
  </si>
  <si>
    <t>\\acsfs\profiles$\milenaas\Downloads\0f32b8f6-7c33-4353-9226-72b85d0016e7.tmp</t>
  </si>
  <si>
    <t>12/28/2019 08:17:37</t>
  </si>
  <si>
    <t>12/28/2019 08:19:05</t>
  </si>
  <si>
    <t>12/28/2019 08:15:19</t>
  </si>
  <si>
    <t>12/28/2019 08:20:05</t>
  </si>
  <si>
    <t>12/28/2019 08:15:24</t>
  </si>
  <si>
    <t>12/28/2019 08:16:20</t>
  </si>
  <si>
    <t>12/28/2019 08:16:45</t>
  </si>
  <si>
    <t>12/28/2019 08:18:14</t>
  </si>
  <si>
    <t>12/28/2019 08:21:06</t>
  </si>
  <si>
    <t>12/28/2019 08:18:13</t>
  </si>
  <si>
    <t>12/28/2019 08:23:06</t>
  </si>
  <si>
    <t>7b6cea77-6e3a-41c7-86e8-0553b7c9d736.tmp</t>
  </si>
  <si>
    <t>\\acsfs\profiles$\milenaas\Downloads\7b6cea77-6e3a-41c7-86e8-0553b7c9d736.tmp</t>
  </si>
  <si>
    <t>12/28/2019 08:18:36</t>
  </si>
  <si>
    <t>e795706a-7943-4689-a59d-3222ad56b7a8.tmp</t>
  </si>
  <si>
    <t>\\acsfs\profiles$\milenaas\Downloads\e795706a-7943-4689-a59d-3222ad56b7a8.tmp</t>
  </si>
  <si>
    <t>12/28/2019 08:23:23</t>
  </si>
  <si>
    <t>12/28/2019 08:25:06</t>
  </si>
  <si>
    <t>12/28/2019 08:25:39</t>
  </si>
  <si>
    <t>12/28/2019 08:26:05</t>
  </si>
  <si>
    <t>12/28/2019 08:25:40</t>
  </si>
  <si>
    <t>lu295122vok42.tmp</t>
  </si>
  <si>
    <t>\\acsfs\profiles$\BRUNAAR\Numero\lu295122vok42.tmp</t>
  </si>
  <si>
    <t>12/28/2019 08:26:56</t>
  </si>
  <si>
    <t>12/28/2019 08:30:05</t>
  </si>
  <si>
    <t>12/28/2019 08:30:11</t>
  </si>
  <si>
    <t>12/28/2019 08:32:06</t>
  </si>
  <si>
    <t>12/28/2019 08:30:34</t>
  </si>
  <si>
    <t>ab247509-11bf-444c-99c8-bfb3fe5e8627.tmp</t>
  </si>
  <si>
    <t>\\acsfs\profiles$\felipetds\Downloads\ab247509-11bf-444c-99c8-bfb3fe5e8627.tmp</t>
  </si>
  <si>
    <t>12/28/2019 08:28:16</t>
  </si>
  <si>
    <t>\\acsfs\profiles$\eduardofss\Contacts\</t>
  </si>
  <si>
    <t>Eduardo Freitas Simoes (9).contact</t>
  </si>
  <si>
    <t>\\acsfs\profiles$\eduardofss\Contacts\Eduardo Freitas Simoes (9).contact</t>
  </si>
  <si>
    <t>12/28/2019 08:28:17</t>
  </si>
  <si>
    <t>12/28/2019 08:28:28</t>
  </si>
  <si>
    <t>\\acsfs\profiles$\eduardofss\My Documents\My Videos\</t>
  </si>
  <si>
    <t>\\acsfs\profiles$\eduardofss\My Documents\My Videos\desktop.ini</t>
  </si>
  <si>
    <t>\\acsfs\profiles$\eduardofss\My Documents\My Pictures\</t>
  </si>
  <si>
    <t>\\acsfs\profiles$\eduardofss\My Documents\My Pictures\desktop.ini</t>
  </si>
  <si>
    <t>12/28/2019 08:28:29</t>
  </si>
  <si>
    <t>\\acsfs\profiles$\eduardofss\Contacts\desktop.ini</t>
  </si>
  <si>
    <t>12/28/2019 08:28:30</t>
  </si>
  <si>
    <t>\\acsfs\profiles$\eduardofss\Favorites\</t>
  </si>
  <si>
    <t>\\acsfs\profiles$\eduardofss\Favorites\desktop.ini</t>
  </si>
  <si>
    <t>12/28/2019 08:28:31</t>
  </si>
  <si>
    <t>\\acsfs\profiles$\eduardofss\My Documents\My Music\</t>
  </si>
  <si>
    <t>\\acsfs\profiles$\eduardofss\My Documents\My Music\desktop.ini</t>
  </si>
  <si>
    <t>12/28/2019 08:28:32</t>
  </si>
  <si>
    <t>12/28/2019 08:28:33</t>
  </si>
  <si>
    <t>\\acsfs\profiles$\eduardofss\Searches\</t>
  </si>
  <si>
    <t>\\acsfs\profiles$\eduardofss\Searches\desktop.ini</t>
  </si>
  <si>
    <t>12/28/2019 08:28:34</t>
  </si>
  <si>
    <t>\\acsfs\profiles$\eduardofss\Downloads\desktop.ini</t>
  </si>
  <si>
    <t>12/28/2019 08:28:35</t>
  </si>
  <si>
    <t>\\acsfs\profiles$\eduardofss\My Documents\</t>
  </si>
  <si>
    <t>\\acsfs\profiles$\eduardofss\My Documents\desktop.ini</t>
  </si>
  <si>
    <t>12/28/2019 08:28:36</t>
  </si>
  <si>
    <t>\\acsfs\profiles$\eduardofss\Saved Games\</t>
  </si>
  <si>
    <t>\\acsfs\profiles$\eduardofss\Saved Games\desktop.ini</t>
  </si>
  <si>
    <t>12/28/2019 08:28:37</t>
  </si>
  <si>
    <t>12/28/2019 08:28:47</t>
  </si>
  <si>
    <t>\\acsfs\profiles$\EDUARDOFSS\Favorites\Links for Brasil\</t>
  </si>
  <si>
    <t>\\acsfs\profiles$\EDUARDOFSS\Favorites\Links for Brasil\desktop.ini</t>
  </si>
  <si>
    <t>\\acsfs\profiles$\EDUARDOFSS\Favorites\Links for Brasil\Microsoft Brasil.url</t>
  </si>
  <si>
    <t>\\acsfs\profiles$\EDUARDOFSS\Favorites\Links for Brasil\Windows Brasil.url</t>
  </si>
  <si>
    <t>12/28/2019 08:28:48</t>
  </si>
  <si>
    <t>\\acsfs\profiles$\EDUARDOFSS\Favorites\Links for Brasil\MSN Brasil.url</t>
  </si>
  <si>
    <t>12/28/2019 08:30:40</t>
  </si>
  <si>
    <t>64b48d1b-af63-4221-a5d8-97eba69ebc67.tmp</t>
  </si>
  <si>
    <t>\\acsfs\profiles$\eduardofss\Downloads\64b48d1b-af63-4221-a5d8-97eba69ebc67.tmp</t>
  </si>
  <si>
    <t>12/28/2019 08:34:10</t>
  </si>
  <si>
    <t>12/28/2019 08:35:05</t>
  </si>
  <si>
    <t>12/28/2019 08:32:14</t>
  </si>
  <si>
    <t>5076cf90-7a2d-4ab1-98e7-3a5a6d831665.tmp</t>
  </si>
  <si>
    <t>\\acsfs\profiles$\nataliacsl\Downloads\5076cf90-7a2d-4ab1-98e7-3a5a6d831665.tmp</t>
  </si>
  <si>
    <t>12/28/2019 08:33:50</t>
  </si>
  <si>
    <t>f90bf148-ca1f-4b2b-8764-fcde56d4877e.tmp</t>
  </si>
  <si>
    <t>\\acsfs\profiles$\nataliacsl\Downloads\f90bf148-ca1f-4b2b-8764-fcde56d4877e.tmp</t>
  </si>
  <si>
    <t>12/28/2019 08:31:14</t>
  </si>
  <si>
    <t>12/28/2019 08:31:46</t>
  </si>
  <si>
    <t>12/28/2019 08:31:51</t>
  </si>
  <si>
    <t>12/28/2019 08:31:52</t>
  </si>
  <si>
    <t>12/28/2019 08:31:53</t>
  </si>
  <si>
    <t>12/28/2019 08:32:00</t>
  </si>
  <si>
    <t>12/28/2019 08:32:02</t>
  </si>
  <si>
    <t>12/28/2019 08:32:03</t>
  </si>
  <si>
    <t>12/28/2019 08:32:08</t>
  </si>
  <si>
    <t>12/28/2019 08:32:09</t>
  </si>
  <si>
    <t>12/28/2019 08:32:10</t>
  </si>
  <si>
    <t>12/28/2019 08:32:15</t>
  </si>
  <si>
    <t>12/28/2019 08:32:22</t>
  </si>
  <si>
    <t>12/28/2019 08:32:23</t>
  </si>
  <si>
    <t>12/28/2019 08:32:24</t>
  </si>
  <si>
    <t>12/28/2019 08:32:31</t>
  </si>
  <si>
    <t>12/28/2019 08:32:36</t>
  </si>
  <si>
    <t>12/28/2019 08:32:37</t>
  </si>
  <si>
    <t>12/28/2019 08:32:42</t>
  </si>
  <si>
    <t>12/28/2019 08:32:43</t>
  </si>
  <si>
    <t>12/28/2019 08:32:48</t>
  </si>
  <si>
    <t>12/28/2019 08:32:49</t>
  </si>
  <si>
    <t>12/28/2019 08:32:50</t>
  </si>
  <si>
    <t>12/28/2019 08:32:51</t>
  </si>
  <si>
    <t>12/28/2019 08:32:55</t>
  </si>
  <si>
    <t>12/28/2019 08:32:56</t>
  </si>
  <si>
    <t>12/28/2019 08:32:57</t>
  </si>
  <si>
    <t>12/28/2019 08:32:58</t>
  </si>
  <si>
    <t>12/28/2019 08:33:00</t>
  </si>
  <si>
    <t>12/28/2019 08:33:01</t>
  </si>
  <si>
    <t>12/28/2019 08:33:03</t>
  </si>
  <si>
    <t>12/28/2019 08:33:04</t>
  </si>
  <si>
    <t>12/28/2019 08:33:06</t>
  </si>
  <si>
    <t>12/28/2019 08:33:07</t>
  </si>
  <si>
    <t>12/28/2019 08:33:09</t>
  </si>
  <si>
    <t>12/28/2019 08:33:11</t>
  </si>
  <si>
    <t>12/28/2019 08:33:12</t>
  </si>
  <si>
    <t>12/28/2019 08:33:13</t>
  </si>
  <si>
    <t>12/28/2019 08:33:14</t>
  </si>
  <si>
    <t>12/28/2019 08:33:16</t>
  </si>
  <si>
    <t>12/28/2019 08:33:17</t>
  </si>
  <si>
    <t>12/28/2019 08:33:49</t>
  </si>
  <si>
    <t>12/28/2019 08:34:51</t>
  </si>
  <si>
    <t>12/28/2019 08:32:46</t>
  </si>
  <si>
    <t>12/28/2019 08:36:06</t>
  </si>
  <si>
    <t>12/28/2019 08:31:45</t>
  </si>
  <si>
    <t>12/28/2019 08:37:06</t>
  </si>
  <si>
    <t>87b350b1-d7b6-4db7-8c34-8aca58c0eafe.tmp</t>
  </si>
  <si>
    <t>\\acsfs\profiles$\felipetds\Downloads\87b350b1-d7b6-4db7-8c34-8aca58c0eafe.tmp</t>
  </si>
  <si>
    <t>12/28/2019 08:34:25</t>
  </si>
  <si>
    <t>2f429d1b-f15a-450b-8083-2d3f46193bec.tmp</t>
  </si>
  <si>
    <t>\\acsfs\profiles$\eduardofss\Downloads\2f429d1b-f15a-450b-8083-2d3f46193bec.tmp</t>
  </si>
  <si>
    <t>12/28/2019 08:38:06</t>
  </si>
  <si>
    <t>10.200.67.103</t>
  </si>
  <si>
    <t>D0-94-66-B5-5E-06</t>
  </si>
  <si>
    <t>VOTORANT-AFB014</t>
  </si>
  <si>
    <t>12/28/2019 08:33:10</t>
  </si>
  <si>
    <t>ddde84cb-b68a-42c5-ade0-1ea9536cb3fa.tmp</t>
  </si>
  <si>
    <t>\\acsfs\profiles$\geovanaasa\Downloads\ddde84cb-b68a-42c5-ade0-1ea9536cb3fa.tmp</t>
  </si>
  <si>
    <t>12/28/2019 08:34:38</t>
  </si>
  <si>
    <t>a982e94a-358f-435f-a7d3-26dd9f8dc7de.tmp</t>
  </si>
  <si>
    <t>\\acsfs\profiles$\geovanaasa\Downloads\a982e94a-358f-435f-a7d3-26dd9f8dc7de.tmp</t>
  </si>
  <si>
    <t>12/28/2019 08:36:49</t>
  </si>
  <si>
    <t>12/28/2019 08:39:06</t>
  </si>
  <si>
    <t>12/28/2019 08:36:50</t>
  </si>
  <si>
    <t>12/28/2019 08:37:20</t>
  </si>
  <si>
    <t>12/28/2019 08:40:06</t>
  </si>
  <si>
    <t>be9432fa-d6b8-4228-a791-9b3a1d6148d7.tmp</t>
  </si>
  <si>
    <t>\\acsfs\profiles$\lucasqdss\Downloads\be9432fa-d6b8-4228-a791-9b3a1d6148d7.tmp</t>
  </si>
  <si>
    <t>12/28/2019 08:35:29</t>
  </si>
  <si>
    <t>4ce69aaf-8605-4d1e-b6ce-676fe6489cb5.tmp</t>
  </si>
  <si>
    <t>\\acsfs\profiles$\isabellegtds\Downloads\4ce69aaf-8605-4d1e-b6ce-676fe6489cb5.tmp</t>
  </si>
  <si>
    <t>12/28/2019 08:36:14</t>
  </si>
  <si>
    <t>c84b873e-c01b-4ed6-ab23-4ced9c3769ab.tmp</t>
  </si>
  <si>
    <t>\\acsfs\profiles$\isabellegtds\Downloads\c84b873e-c01b-4ed6-ab23-4ced9c3769ab.tmp</t>
  </si>
  <si>
    <t>12/28/2019 08:37:01</t>
  </si>
  <si>
    <t>385a422c-5680-417c-aa86-da6cf43b6bd2.tmp</t>
  </si>
  <si>
    <t>\\acsfs\profiles$\isabellegtds\Downloads\385a422c-5680-417c-aa86-da6cf43b6bd2.tmp</t>
  </si>
  <si>
    <t>12/28/2019 08:39:26</t>
  </si>
  <si>
    <t>12/28/2019 08:42:06</t>
  </si>
  <si>
    <t>12/28/2019 08:43:00</t>
  </si>
  <si>
    <t>12/28/2019 08:47:06</t>
  </si>
  <si>
    <t>12/28/2019 08:44:35</t>
  </si>
  <si>
    <t>12/28/2019 08:50:07</t>
  </si>
  <si>
    <t>12/28/2019 08:46:42</t>
  </si>
  <si>
    <t>12/28/2019 08:47:45</t>
  </si>
  <si>
    <t>12/28/2019 08:47:15</t>
  </si>
  <si>
    <t>12/28/2019 08:52:07</t>
  </si>
  <si>
    <t>c177f5ab-657e-4b96-ab83-ff4fab882a3e.tmp</t>
  </si>
  <si>
    <t>\\acsfs\profiles$\felipetds\Downloads\c177f5ab-657e-4b96-ab83-ff4fab882a3e.tmp</t>
  </si>
  <si>
    <t>12/28/2019 08:51:45</t>
  </si>
  <si>
    <t>12/28/2019 08:55:07</t>
  </si>
  <si>
    <t>12/28/2019 08:57:12</t>
  </si>
  <si>
    <t>12/28/2019 08:58:07</t>
  </si>
  <si>
    <t>77cfb53a-9587-4827-9886-5364ef185f58.tmp</t>
  </si>
  <si>
    <t>\\acsfs\profiles$\paulovadc\Downloads\77cfb53a-9587-4827-9886-5364ef185f58.tmp</t>
  </si>
  <si>
    <t>12/28/2019 08:56:12</t>
  </si>
  <si>
    <t>12/28/2019 09:01:06</t>
  </si>
  <si>
    <t>12/28/2019 08:57:41</t>
  </si>
  <si>
    <t>12/28/2019 09:02:06</t>
  </si>
  <si>
    <t>12/28/2019 09:02:31</t>
  </si>
  <si>
    <t>12/28/2019 09:05:06</t>
  </si>
  <si>
    <t>12/28/2019 09:02:02</t>
  </si>
  <si>
    <t>12/28/2019 09:07:06</t>
  </si>
  <si>
    <t>12/28/2019 09:06:46</t>
  </si>
  <si>
    <t>12/28/2019 09:09:05</t>
  </si>
  <si>
    <t>933a7576-52ee-44b3-986a-05f1e74bdc43.tmp</t>
  </si>
  <si>
    <t>\\acsfs\profiles$\LAISLG\Downloads\933a7576-52ee-44b3-986a-05f1e74bdc43.tmp</t>
  </si>
  <si>
    <t>12/28/2019 09:06:59</t>
  </si>
  <si>
    <t>12/28/2019 09:07:58</t>
  </si>
  <si>
    <t>a66a1f7d-55d2-48ea-9761-6940a13ddadc.tmp</t>
  </si>
  <si>
    <t>\\acsfs\profiles$\LAISLG\Downloads\a66a1f7d-55d2-48ea-9761-6940a13ddadc.tmp</t>
  </si>
  <si>
    <t>12/28/2019 09:09:18</t>
  </si>
  <si>
    <t>12/28/2019 09:10:06</t>
  </si>
  <si>
    <t>12/28/2019 09:10:08</t>
  </si>
  <si>
    <t>12/28/2019 09:11:05</t>
  </si>
  <si>
    <t>12/28/2019 09:05:58</t>
  </si>
  <si>
    <t>12/28/2019 09:06:30</t>
  </si>
  <si>
    <t>12/28/2019 09:07:59</t>
  </si>
  <si>
    <t>12/28/2019 09:12:06</t>
  </si>
  <si>
    <t>88d4e126-d59a-4088-a30f-1a84d97b142d.tmp</t>
  </si>
  <si>
    <t>\\acsfs\profiles$\marcellewdl\Downloads\88d4e126-d59a-4088-a30f-1a84d97b142d.tmp</t>
  </si>
  <si>
    <t>12/28/2019 09:07:41</t>
  </si>
  <si>
    <t>12/28/2019 09:13:05</t>
  </si>
  <si>
    <t>12/28/2019 09:10:37</t>
  </si>
  <si>
    <t>12/28/2019 09:15:26</t>
  </si>
  <si>
    <t>12/28/2019 09:16:05</t>
  </si>
  <si>
    <t>5c5958a0-460d-4a73-ab0e-74630146654a.tmp</t>
  </si>
  <si>
    <t>\\acsfs\profiles$\claudiajca\Downloads\5c5958a0-460d-4a73-ab0e-74630146654a.tmp</t>
  </si>
  <si>
    <t>12/28/2019 09:14:14</t>
  </si>
  <si>
    <t>lu295122vok45.tmp</t>
  </si>
  <si>
    <t>\\acsfs\profiles$\BRUNAAR\Numero\lu295122vok45.tmp</t>
  </si>
  <si>
    <t>12/28/2019 09:14:18</t>
  </si>
  <si>
    <t>lu295122vok48.tmp</t>
  </si>
  <si>
    <t>\\acsfs\profiles$\BRUNAAR\Numero\lu295122vok48.tmp</t>
  </si>
  <si>
    <t>12/28/2019 09:16:18</t>
  </si>
  <si>
    <t>12/28/2019 09:18:05</t>
  </si>
  <si>
    <t>4b3a3d38-4586-4264-a6fc-62df45a88766.tmp</t>
  </si>
  <si>
    <t>\\acsfs\profiles$\paulovadc\Downloads\4b3a3d38-4586-4264-a6fc-62df45a88766.tmp</t>
  </si>
  <si>
    <t>12/28/2019 09:14:24</t>
  </si>
  <si>
    <t>12/28/2019 09:19:05</t>
  </si>
  <si>
    <t>12/28/2019 09:18:16</t>
  </si>
  <si>
    <t>12/28/2019 09:18:25</t>
  </si>
  <si>
    <t>12/28/2019 09:20:05</t>
  </si>
  <si>
    <t>12/28/2019 09:18:35</t>
  </si>
  <si>
    <t>12/28/2019 09:22:05</t>
  </si>
  <si>
    <t>d0af03a8-c0cd-4853-8e62-27f62698d964.tmp</t>
  </si>
  <si>
    <t>\\acsfs\profiles$\felipetds\Downloads\d0af03a8-c0cd-4853-8e62-27f62698d964.tmp</t>
  </si>
  <si>
    <t>12/28/2019 09:20:20</t>
  </si>
  <si>
    <t>12/28/2019 09:23:06</t>
  </si>
  <si>
    <t>12/28/2019 09:20:01</t>
  </si>
  <si>
    <t>12/28/2019 09:24:05</t>
  </si>
  <si>
    <t>12/28/2019 09:23:41</t>
  </si>
  <si>
    <t>12/28/2019 09:26:06</t>
  </si>
  <si>
    <t>lu295122vok4b.tmp</t>
  </si>
  <si>
    <t>\\acsfs\profiles$\BRUNAAR\Numero\lu295122vok4b.tmp</t>
  </si>
  <si>
    <t>12/28/2019 09:24:06</t>
  </si>
  <si>
    <t>12/28/2019 09:24:07</t>
  </si>
  <si>
    <t>lu295122vok4e.tmp</t>
  </si>
  <si>
    <t>\\acsfs\profiles$\BRUNAAR\Numero\lu295122vok4e.tmp</t>
  </si>
  <si>
    <t>12/28/2019 09:24:09</t>
  </si>
  <si>
    <t>12/28/2019 09:23:26</t>
  </si>
  <si>
    <t>12/28/2019 09:27:05</t>
  </si>
  <si>
    <t>12/28/2019 09:24:33</t>
  </si>
  <si>
    <t>12/28/2019 09:28:06</t>
  </si>
  <si>
    <t>12/28/2019 09:25:15</t>
  </si>
  <si>
    <t>12/28/2019 09:26:33</t>
  </si>
  <si>
    <t>12/28/2019 09:30:06</t>
  </si>
  <si>
    <t>12/28/2019 09:29:11</t>
  </si>
  <si>
    <t>12/28/2019 09:25:48</t>
  </si>
  <si>
    <t>12/28/2019 09:31:06</t>
  </si>
  <si>
    <t>12/28/2019 09:26:41</t>
  </si>
  <si>
    <t>12/28/2019 09:28:51</t>
  </si>
  <si>
    <t>12/28/2019 09:32:06</t>
  </si>
  <si>
    <t>12/28/2019 09:30:57</t>
  </si>
  <si>
    <t>12/28/2019 09:35:06</t>
  </si>
  <si>
    <t>12/28/2019 09:30:59</t>
  </si>
  <si>
    <t>12/28/2019 09:31:01</t>
  </si>
  <si>
    <t>12/28/2019 09:42:59</t>
  </si>
  <si>
    <t>12/28/2019 09:46:06</t>
  </si>
  <si>
    <t>de93b172-25f2-41b6-83a1-bfebe9a55964.tmp</t>
  </si>
  <si>
    <t>\\acsfs\profiles$\claudiajca\Downloads\de93b172-25f2-41b6-83a1-bfebe9a55964.tmp</t>
  </si>
  <si>
    <t>12/28/2019 09:43:36</t>
  </si>
  <si>
    <t>12/28/2019 09:47:06</t>
  </si>
  <si>
    <t>12/28/2019 09:49:04</t>
  </si>
  <si>
    <t>12/28/2019 09:50:07</t>
  </si>
  <si>
    <t>12/28/2019 09:48:06</t>
  </si>
  <si>
    <t>12/28/2019 09:51:06</t>
  </si>
  <si>
    <t>12/28/2019 09:50:42</t>
  </si>
  <si>
    <t>12/28/2019 09:52:06</t>
  </si>
  <si>
    <t>30807169-6ab0-4e78-a83f-052496c97ab0.tmp</t>
  </si>
  <si>
    <t>\\acsfs\profiles$\matheushds\Downloads\30807169-6ab0-4e78-a83f-052496c97ab0.tmp</t>
  </si>
  <si>
    <t>12/28/2019 09:50:16</t>
  </si>
  <si>
    <t>12/28/2019 09:54:07</t>
  </si>
  <si>
    <t>12/28/2019 09:52:16</t>
  </si>
  <si>
    <t>12/28/2019 09:55:07</t>
  </si>
  <si>
    <t>12/28/2019 09:54:08</t>
  </si>
  <si>
    <t>12/28/2019 09:56:07</t>
  </si>
  <si>
    <t>12/28/2019 09:56:10</t>
  </si>
  <si>
    <t>12/28/2019 09:57:07</t>
  </si>
  <si>
    <t>12/28/2019 09:54:34</t>
  </si>
  <si>
    <t>e7928b49-445a-443a-ba5f-fa490aa6c239.tmp</t>
  </si>
  <si>
    <t>\\acsfs\profiles$\matheushds\Downloads\e7928b49-445a-443a-ba5f-fa490aa6c239.tmp</t>
  </si>
  <si>
    <t>12/28/2019 09:55:20</t>
  </si>
  <si>
    <t>8fe4aba1-5b6d-4e24-9d34-bd1094bfa247.tmp</t>
  </si>
  <si>
    <t>\\acsfs\profiles$\matheushds\Downloads\8fe4aba1-5b6d-4e24-9d34-bd1094bfa247.tmp</t>
  </si>
  <si>
    <t>12/28/2019 09:56:01</t>
  </si>
  <si>
    <t>d5adcd64-50dd-4155-b994-3ec7a387001e.tmp</t>
  </si>
  <si>
    <t>\\acsfs\profiles$\matheushds\Downloads\d5adcd64-50dd-4155-b994-3ec7a387001e.tmp</t>
  </si>
  <si>
    <t>12/28/2019 09:56:53</t>
  </si>
  <si>
    <t>12/28/2019 09:58:06</t>
  </si>
  <si>
    <t>12/28/2019 09:54:55</t>
  </si>
  <si>
    <t>12/28/2019 10:00:06</t>
  </si>
  <si>
    <t>12/28/2019 10:03:01</t>
  </si>
  <si>
    <t>12/28/2019 10:04:07</t>
  </si>
  <si>
    <t>12/28/2019 10:02:05</t>
  </si>
  <si>
    <t>12/28/2019 10:06:07</t>
  </si>
  <si>
    <t>12/28/2019 10:03:12</t>
  </si>
  <si>
    <t>lu1214816co8w.tmp</t>
  </si>
  <si>
    <t>\\acsfs\profiles$\dhiulliananads\My Documents\lu1214816co8w.tmp</t>
  </si>
  <si>
    <t>\\acsfs\profiles$\dhiulliananads\My Documents\lu1214816co8w.tmp\</t>
  </si>
  <si>
    <t>\\acsfs\profiles$\dhiulliananads\My Documents\lu1214816co8w.tmp\META-INF\</t>
  </si>
  <si>
    <t>\\acsfs\profiles$\dhiulliananads\My Documents\lu1214816co8w.tmp\Thumbnails\</t>
  </si>
  <si>
    <t>12/28/2019 10:05:34</t>
  </si>
  <si>
    <t>12/28/2019 10:08:08</t>
  </si>
  <si>
    <t>c9f557d5-fe7b-470b-9d80-227da2ae5ade.tmp</t>
  </si>
  <si>
    <t>\\acsfs\profiles$\danielac\Downloads\c9f557d5-fe7b-470b-9d80-227da2ae5ade.tmp</t>
  </si>
  <si>
    <t>12/28/2019 10:07:18</t>
  </si>
  <si>
    <t>12/28/2019 10:05:29</t>
  </si>
  <si>
    <t>12/28/2019 10:05:08</t>
  </si>
  <si>
    <t>12/28/2019 10:10:07</t>
  </si>
  <si>
    <t>12/28/2019 10:09:20</t>
  </si>
  <si>
    <t>12/28/2019 10:10:02</t>
  </si>
  <si>
    <t>12/28/2019 10:11:06</t>
  </si>
  <si>
    <t>12/28/2019 10:06:31</t>
  </si>
  <si>
    <t>12/28/2019 10:14:00</t>
  </si>
  <si>
    <t>12/28/2019 10:16:07</t>
  </si>
  <si>
    <t>c7f4a7c4-c50f-4994-af65-05c1b3902243.tmp</t>
  </si>
  <si>
    <t>\\acsfs\profiles$\dhiulliananads\Downloads\c7f4a7c4-c50f-4994-af65-05c1b3902243.tmp</t>
  </si>
  <si>
    <t>12/28/2019 10:14:45</t>
  </si>
  <si>
    <t>12/28/2019 10:18:07</t>
  </si>
  <si>
    <t>60658ed0-3ef9-4c88-81c0-3808742e1239.tmp</t>
  </si>
  <si>
    <t>\\acsfs\profiles$\geovanaasa\Downloads\60658ed0-3ef9-4c88-81c0-3808742e1239.tmp</t>
  </si>
  <si>
    <t>12/28/2019 10:15:48</t>
  </si>
  <si>
    <t>12/28/2019 10:19:08</t>
  </si>
  <si>
    <t>10.200.67.71</t>
  </si>
  <si>
    <t>D0-94-66-B5-7E-1E</t>
  </si>
  <si>
    <t>VOTORANT-YB015</t>
  </si>
  <si>
    <t>12/28/2019 10:14:56</t>
  </si>
  <si>
    <t>12/28/2019 10:20:07</t>
  </si>
  <si>
    <t>12/28/2019 10:20:32</t>
  </si>
  <si>
    <t>12/28/2019 10:21:07</t>
  </si>
  <si>
    <t>12/28/2019 10:22:42</t>
  </si>
  <si>
    <t>12/28/2019 10:28:07</t>
  </si>
  <si>
    <t>12/28/2019 10:26:55</t>
  </si>
  <si>
    <t>12/28/2019 10:29:07</t>
  </si>
  <si>
    <t>\\acsfs\profiles$\anapdsb\My Documents\My Pictures\</t>
  </si>
  <si>
    <t>\\acsfs\profiles$\ANAPDSB\My Documents\My Videos\desktop.ini</t>
  </si>
  <si>
    <t>12/28/2019 10:26:56</t>
  </si>
  <si>
    <t>\\acsfs\profiles$\ANAPDSB\My Documents\My Videos\</t>
  </si>
  <si>
    <t>12/28/2019 10:26:58</t>
  </si>
  <si>
    <t>12/28/2019 10:26:59</t>
  </si>
  <si>
    <t>12/28/2019 10:27:01</t>
  </si>
  <si>
    <t>\\acsfs\profiles$\anapdsb\My Documents\My Music\</t>
  </si>
  <si>
    <t>\\acsfs\profiles$\ANAPDSB\My Documents\My Pictures\desktop.ini</t>
  </si>
  <si>
    <t>12/28/2019 10:27:02</t>
  </si>
  <si>
    <t>\\acsfs\profiles$\anapdsb\My Documents\My Videos\</t>
  </si>
  <si>
    <t>12/28/2019 10:27:03</t>
  </si>
  <si>
    <t>12/28/2019 10:30:07</t>
  </si>
  <si>
    <t>12/28/2019 10:27:04</t>
  </si>
  <si>
    <t>12/28/2019 10:27:06</t>
  </si>
  <si>
    <t>\\acsfs\profiles$\ANAPDSB\Contacts\</t>
  </si>
  <si>
    <t>\\acsfs\profiles$\ANAPDSB\Contacts\desktop.ini</t>
  </si>
  <si>
    <t>12/28/2019 10:27:07</t>
  </si>
  <si>
    <t>12/28/2019 10:27:08</t>
  </si>
  <si>
    <t>12/28/2019 10:27:09</t>
  </si>
  <si>
    <t>12/28/2019 10:27:11</t>
  </si>
  <si>
    <t>\\acsfs\profiles$\anapdsb\My Documents\</t>
  </si>
  <si>
    <t>\\acsfs\profiles$\ANAPDSB\Favorites\desktop.ini</t>
  </si>
  <si>
    <t>12/28/2019 10:27:12</t>
  </si>
  <si>
    <t>12/28/2019 10:27:14</t>
  </si>
  <si>
    <t>12/28/2019 10:27:15</t>
  </si>
  <si>
    <t>12/28/2019 10:27:17</t>
  </si>
  <si>
    <t>12/28/2019 10:27:18</t>
  </si>
  <si>
    <t>12/28/2019 10:27:19</t>
  </si>
  <si>
    <t>\\acsfs\profiles$\ANAPDSB\My Documents\My Music\desktop.ini</t>
  </si>
  <si>
    <t>12/28/2019 10:27:20</t>
  </si>
  <si>
    <t>\\acsfs\profiles$\ANAPDSB\My Documents\My Music\</t>
  </si>
  <si>
    <t>12/28/2019 10:27:21</t>
  </si>
  <si>
    <t>12/28/2019 10:27:22</t>
  </si>
  <si>
    <t>12/28/2019 10:27:23</t>
  </si>
  <si>
    <t>\\acsfs\profiles$\ANAPDSB\Searches\</t>
  </si>
  <si>
    <t>\\acsfs\profiles$\ANAPDSB\Searches\desktop.ini</t>
  </si>
  <si>
    <t>12/28/2019 10:27:25</t>
  </si>
  <si>
    <t>12/28/2019 10:27:26</t>
  </si>
  <si>
    <t>12/28/2019 10:27:28</t>
  </si>
  <si>
    <t>12/28/2019 10:27:30</t>
  </si>
  <si>
    <t>\\acsfs\profiles$\ANAPDSB\Downloads\desktop.ini</t>
  </si>
  <si>
    <t>12/28/2019 10:27:31</t>
  </si>
  <si>
    <t>12/28/2019 10:27:33</t>
  </si>
  <si>
    <t>\\acsfs\profiles$\anapdsb\Favorites\</t>
  </si>
  <si>
    <t>\\acsfs\profiles$\ANAPDSB\My Documents\desktop.ini</t>
  </si>
  <si>
    <t>12/28/2019 10:27:35</t>
  </si>
  <si>
    <t>\\acsfs\profiles$\ANAPDSB\My Documents\</t>
  </si>
  <si>
    <t>12/28/2019 10:27:37</t>
  </si>
  <si>
    <t>12/28/2019 10:27:38</t>
  </si>
  <si>
    <t>12/28/2019 10:27:39</t>
  </si>
  <si>
    <t>12/28/2019 10:27:41</t>
  </si>
  <si>
    <t>12/28/2019 10:27:44</t>
  </si>
  <si>
    <t>\\acsfs\profiles$\anapdsb\Downloads\</t>
  </si>
  <si>
    <t>\\acsfs\profiles$\ANAPDSB\Saved Games\desktop.ini</t>
  </si>
  <si>
    <t>12/28/2019 10:27:45</t>
  </si>
  <si>
    <t>12/28/2019 10:27:48</t>
  </si>
  <si>
    <t>12/28/2019 10:30:23</t>
  </si>
  <si>
    <t>12/28/2019 10:31:08</t>
  </si>
  <si>
    <t>5a90c0a6-784a-424c-9d2b-254369c1c22b.tmp</t>
  </si>
  <si>
    <t>\\acsfs\profiles$\mariliafplb\Downloads\5a90c0a6-784a-424c-9d2b-254369c1c22b.tmp</t>
  </si>
  <si>
    <t>12/28/2019 10:27:36</t>
  </si>
  <si>
    <t>12/28/2019 10:32:07</t>
  </si>
  <si>
    <t>12/28/2019 10:30:09</t>
  </si>
  <si>
    <t>12/28/2019 10:32:11</t>
  </si>
  <si>
    <t>12/28/2019 10:33:08</t>
  </si>
  <si>
    <t>12/28/2019 10:29:33</t>
  </si>
  <si>
    <t>12/28/2019 10:35:07</t>
  </si>
  <si>
    <t>b35ed317-5bd9-45bd-95a6-1740fedd0d83.tmp</t>
  </si>
  <si>
    <t>\\acsfs\profiles$\ANAPDSB\Downloads\b35ed317-5bd9-45bd-95a6-1740fedd0d83.tmp</t>
  </si>
  <si>
    <t>12/28/2019 10:31:05</t>
  </si>
  <si>
    <t>d6bfae17-0ba5-4387-85e0-e114ba44485f.tmp</t>
  </si>
  <si>
    <t>\\acsfs\profiles$\ANAPDSB\Downloads\d6bfae17-0ba5-4387-85e0-e114ba44485f.tmp</t>
  </si>
  <si>
    <t>12/28/2019 10:34:30</t>
  </si>
  <si>
    <t>12/28/2019 10:33:34</t>
  </si>
  <si>
    <t>12/28/2019 10:33:35</t>
  </si>
  <si>
    <t>12/28/2019 10:33:49</t>
  </si>
  <si>
    <t>12/28/2019 10:33:54</t>
  </si>
  <si>
    <t>12/28/2019 10:33:58</t>
  </si>
  <si>
    <t>12/28/2019 10:34:18</t>
  </si>
  <si>
    <t>12/28/2019 10:34:21</t>
  </si>
  <si>
    <t>12/28/2019 10:34:24</t>
  </si>
  <si>
    <t>12/28/2019 10:35:51</t>
  </si>
  <si>
    <t>12/28/2019 10:36:07</t>
  </si>
  <si>
    <t>12/28/2019 10:37:55</t>
  </si>
  <si>
    <t>12/28/2019 10:41:08</t>
  </si>
  <si>
    <t>5e455d90-11b9-4940-986d-6c28959a48d0.tmp</t>
  </si>
  <si>
    <t>\\acsfs\profiles$\BRUNAAR\Downloads\5e455d90-11b9-4940-986d-6c28959a48d0.tmp</t>
  </si>
  <si>
    <t>12/28/2019 10:41:05</t>
  </si>
  <si>
    <t>12/28/2019 10:42:07</t>
  </si>
  <si>
    <t>12/28/2019 10:45:11</t>
  </si>
  <si>
    <t>12/28/2019 10:46:08</t>
  </si>
  <si>
    <t>12/28/2019 10:42:02</t>
  </si>
  <si>
    <t>lu1214816co90.tmp</t>
  </si>
  <si>
    <t>\\acsfs\profiles$\dhiulliananads\My Documents\lu1214816co90.tmp</t>
  </si>
  <si>
    <t>\\acsfs\profiles$\dhiulliananads\My Documents\lu1214816co90.tmp\</t>
  </si>
  <si>
    <t>\\acsfs\profiles$\dhiulliananads\My Documents\lu1214816co90.tmp\META-INF\</t>
  </si>
  <si>
    <t>\\acsfs\profiles$\dhiulliananads\My Documents\lu1214816co90.tmp\Thumbnails\</t>
  </si>
  <si>
    <t>12/28/2019 10:45:04</t>
  </si>
  <si>
    <t>12/28/2019 10:47:07</t>
  </si>
  <si>
    <t>ba60fbc8-dca1-4ee7-877d-007faaf77113.tmp</t>
  </si>
  <si>
    <t>\\acsfs\profiles$\matheushds\Downloads\ba60fbc8-dca1-4ee7-877d-007faaf77113.tmp</t>
  </si>
  <si>
    <t>12/28/2019 10:47:15</t>
  </si>
  <si>
    <t>12/28/2019 10:50:08</t>
  </si>
  <si>
    <t>12/28/2019 10:52:49</t>
  </si>
  <si>
    <t>12/28/2019 10:55:08</t>
  </si>
  <si>
    <t>12/28/2019 10:51:51</t>
  </si>
  <si>
    <t>12/28/2019 10:50:24</t>
  </si>
  <si>
    <t>1bb9429a-5c87-42c0-b0cb-650fc220e098.tmp</t>
  </si>
  <si>
    <t>\\acsfs\profiles$\isabellegtds\Downloads\1bb9429a-5c87-42c0-b0cb-650fc220e098.tmp</t>
  </si>
  <si>
    <t>12/28/2019 10:53:06</t>
  </si>
  <si>
    <t>12/28/2019 10:57:07</t>
  </si>
  <si>
    <t>fce935ee-348c-42ae-9979-603a6902bbc8.tmp</t>
  </si>
  <si>
    <t>\\acsfs\profiles$\matheushds\Downloads\fce935ee-348c-42ae-9979-603a6902bbc8.tmp</t>
  </si>
  <si>
    <t>12/28/2019 10:57:42</t>
  </si>
  <si>
    <t>12/28/2019 11:00:07</t>
  </si>
  <si>
    <t>12/28/2019 10:55:33</t>
  </si>
  <si>
    <t>12/28/2019 11:02:57</t>
  </si>
  <si>
    <t>12/28/2019 11:05:07</t>
  </si>
  <si>
    <t>12/28/2019 11:04:21</t>
  </si>
  <si>
    <t>12/28/2019 11:06:06</t>
  </si>
  <si>
    <t>12/28/2019 11:04:37</t>
  </si>
  <si>
    <t>12/28/2019 11:07:07</t>
  </si>
  <si>
    <t>12/28/2019 11:04:22</t>
  </si>
  <si>
    <t>12/28/2019 11:06:44</t>
  </si>
  <si>
    <t>12/28/2019 11:08:06</t>
  </si>
  <si>
    <t>12/28/2019 11:10:00</t>
  </si>
  <si>
    <t>12/28/2019 11:11:07</t>
  </si>
  <si>
    <t>12/28/2019 11:11:18</t>
  </si>
  <si>
    <t>12/28/2019 11:14:06</t>
  </si>
  <si>
    <t>12/28/2019 11:11:35</t>
  </si>
  <si>
    <t>12/28/2019 11:16:06</t>
  </si>
  <si>
    <t>lu295122vok4h.tmp</t>
  </si>
  <si>
    <t>\\acsfs\profiles$\BRUNAAR\Numero\lu295122vok4h.tmp</t>
  </si>
  <si>
    <t>12/28/2019 11:20:34</t>
  </si>
  <si>
    <t>12/28/2019 11:21:07</t>
  </si>
  <si>
    <t>lu295122vok4k.tmp</t>
  </si>
  <si>
    <t>\\acsfs\profiles$\BRUNAAR\Numero\lu295122vok4k.tmp</t>
  </si>
  <si>
    <t>12/28/2019 11:18:36</t>
  </si>
  <si>
    <t>8f509d9c-2af7-43ca-9ec5-cd9ba53b6003.tmp</t>
  </si>
  <si>
    <t>\\acsfs\profiles$\dhiulliananads\Downloads\8f509d9c-2af7-43ca-9ec5-cd9ba53b6003.tmp</t>
  </si>
  <si>
    <t>12/28/2019 11:20:01</t>
  </si>
  <si>
    <t>b5c8f20d-b1f7-4ebe-9392-947a2f7844c3.tmp</t>
  </si>
  <si>
    <t>\\acsfs\profiles$\dhiulliananads\Downloads\b5c8f20d-b1f7-4ebe-9392-947a2f7844c3.tmp</t>
  </si>
  <si>
    <t>12/28/2019 11:21:51</t>
  </si>
  <si>
    <t>12/28/2019 11:25:06</t>
  </si>
  <si>
    <t>86627653696899417098339586@livechat.contact.nespresso.com/livechat(1577535639518-910)</t>
  </si>
  <si>
    <t>120674001911646242807081027@livechat.contact.nespresso.com;50857258745557403338339106@livechat.contact.nespresso.com;op_1006092@livechat.contact.nespresso.com;</t>
  </si>
  <si>
    <t>stá renata.pdf</t>
  </si>
  <si>
    <t>https://120674001911646242807081027@livechat.contact.nespresso.com,50857258745557403338339106@livechat.contact.nespresso.com,op_1006092@livechat.contact.nespresso.com</t>
  </si>
  <si>
    <t>12/28/2019 11:23:51</t>
  </si>
  <si>
    <t>12/28/2019 11:25:32</t>
  </si>
  <si>
    <t>12/28/2019 11:30:08</t>
  </si>
  <si>
    <t>12/28/2019 11:25:34</t>
  </si>
  <si>
    <t>12/28/2019 11:26:50</t>
  </si>
  <si>
    <t>4e2e72e8-21e1-40b5-83ec-2af30bf93209.tmp</t>
  </si>
  <si>
    <t>\\acsfs\profiles$\nataliacsl\Downloads\4e2e72e8-21e1-40b5-83ec-2af30bf93209.tmp</t>
  </si>
  <si>
    <t>12/28/2019 11:27:02</t>
  </si>
  <si>
    <t>12/28/2019 11:25:12</t>
  </si>
  <si>
    <t>12/28/2019 11:25:18</t>
  </si>
  <si>
    <t>12/28/2019 11:28:09</t>
  </si>
  <si>
    <t>12/28/2019 11:31:08</t>
  </si>
  <si>
    <t>12/28/2019 11:34:38</t>
  </si>
  <si>
    <t>12/28/2019 11:36:08</t>
  </si>
  <si>
    <t>12/28/2019 11:34:15</t>
  </si>
  <si>
    <t>12/28/2019 11:36:30</t>
  </si>
  <si>
    <t>12/28/2019 11:40:09</t>
  </si>
  <si>
    <t>12/28/2019 11:38:05</t>
  </si>
  <si>
    <t>12/28/2019 11:35:47</t>
  </si>
  <si>
    <t>12/28/2019 11:41:09</t>
  </si>
  <si>
    <t>12/28/2019 11:35:48</t>
  </si>
  <si>
    <t>lu295122vok4n.tmp</t>
  </si>
  <si>
    <t>\\acsfs\profiles$\BRUNAAR\Numero\lu295122vok4n.tmp</t>
  </si>
  <si>
    <t>12/28/2019 11:38:28</t>
  </si>
  <si>
    <t>lu295122vok4q.tmp</t>
  </si>
  <si>
    <t>\\acsfs\profiles$\BRUNAAR\Numero\lu295122vok4q.tmp</t>
  </si>
  <si>
    <t>12/28/2019 11:37:17</t>
  </si>
  <si>
    <t>12/28/2019 11:42:08</t>
  </si>
  <si>
    <t>12/28/2019 11:37:56</t>
  </si>
  <si>
    <t>12/28/2019 11:43:09</t>
  </si>
  <si>
    <t>12/28/2019 11:42:03</t>
  </si>
  <si>
    <t>12/28/2019 11:42:14</t>
  </si>
  <si>
    <t>12/28/2019 11:40:54</t>
  </si>
  <si>
    <t>12/28/2019 11:44:09</t>
  </si>
  <si>
    <t>12/28/2019 11:40:55</t>
  </si>
  <si>
    <t>12/28/2019 11:40:42</t>
  </si>
  <si>
    <t>12/28/2019 11:45:09</t>
  </si>
  <si>
    <t>fd4f1ee6-3881-408e-bf2c-9f56311436c0.tmp</t>
  </si>
  <si>
    <t>\\acsfs\profiles$\isabellegtds\Downloads\fd4f1ee6-3881-408e-bf2c-9f56311436c0.tmp</t>
  </si>
  <si>
    <t>12/28/2019 11:47:42</t>
  </si>
  <si>
    <t>12/28/2019 11:50:09</t>
  </si>
  <si>
    <t>27048926-2873-4612-89e8-de7e7761cd21.tmp</t>
  </si>
  <si>
    <t>\\acsfs\profiles$\isabellegtds\Downloads\27048926-2873-4612-89e8-de7e7761cd21.tmp</t>
  </si>
  <si>
    <t>12/28/2019 11:53:21</t>
  </si>
  <si>
    <t>12/28/2019 11:55:09</t>
  </si>
  <si>
    <t>12/28/2019 11:52:16</t>
  </si>
  <si>
    <t>12/28/2019 11:57:09</t>
  </si>
  <si>
    <t>12/28/2019 11:59:34</t>
  </si>
  <si>
    <t>12/28/2019 12:02:09</t>
  </si>
  <si>
    <t>12/28/2019 12:00:22</t>
  </si>
  <si>
    <t>12/28/2019 12:05:09</t>
  </si>
  <si>
    <t>12/28/2019 12:01:36</t>
  </si>
  <si>
    <t>12/28/2019 12:03:35</t>
  </si>
  <si>
    <t>12/28/2019 12:07:09</t>
  </si>
  <si>
    <t>12/28/2019 12:02:52</t>
  </si>
  <si>
    <t>12/28/2019 12:03:32</t>
  </si>
  <si>
    <t>12/28/2019 12:08:09</t>
  </si>
  <si>
    <t>12/28/2019 12:07:20</t>
  </si>
  <si>
    <t>12/28/2019 12:11:09</t>
  </si>
  <si>
    <t>12/28/2019 12:07:47</t>
  </si>
  <si>
    <t>lu295122vok4t.tmp</t>
  </si>
  <si>
    <t>\\acsfs\profiles$\BRUNAAR\Numero\lu295122vok4t.tmp</t>
  </si>
  <si>
    <t>12/28/2019 12:07:18</t>
  </si>
  <si>
    <t>12/28/2019 12:08:11</t>
  </si>
  <si>
    <t>12/28/2019 12:12:09</t>
  </si>
  <si>
    <t>12/28/2019 12:11:49</t>
  </si>
  <si>
    <t>12/28/2019 12:15:09</t>
  </si>
  <si>
    <t>12/28/2019 12:12:01</t>
  </si>
  <si>
    <t>12/28/2019 12:16:08</t>
  </si>
  <si>
    <t>12/28/2019 12:18:48</t>
  </si>
  <si>
    <t>12/28/2019 12:20:09</t>
  </si>
  <si>
    <t>12/28/2019 12:18:50</t>
  </si>
  <si>
    <t>12/28/2019 12:18:16</t>
  </si>
  <si>
    <t>12/28/2019 12:18:15</t>
  </si>
  <si>
    <t>12/28/2019 12:21:08</t>
  </si>
  <si>
    <t>8cb28d05-89c6-4408-b2e0-a4f57394ebf6.tmp</t>
  </si>
  <si>
    <t>\\acsfs\profiles$\BRUNAAR\Downloads\8cb28d05-89c6-4408-b2e0-a4f57394ebf6.tmp</t>
  </si>
  <si>
    <t>12/28/2019 12:16:35</t>
  </si>
  <si>
    <t>12/28/2019 12:22:09</t>
  </si>
  <si>
    <t>12/28/2019 12:19:35</t>
  </si>
  <si>
    <t>56037564-ef2b-452b-8992-313341ce1cd2.tmp</t>
  </si>
  <si>
    <t>\\acsfs\profiles$\luanarda\Downloads\56037564-ef2b-452b-8992-313341ce1cd2.tmp</t>
  </si>
  <si>
    <t>12/28/2019 12:22:19</t>
  </si>
  <si>
    <t>12/28/2019 12:24:09</t>
  </si>
  <si>
    <t>12/28/2019 12:23:21</t>
  </si>
  <si>
    <t>12/28/2019 12:28:09</t>
  </si>
  <si>
    <t>12/28/2019 12:27:11</t>
  </si>
  <si>
    <t>12/28/2019 12:29:10</t>
  </si>
  <si>
    <t>12/28/2019 12:29:03</t>
  </si>
  <si>
    <t>12/28/2019 12:31:10</t>
  </si>
  <si>
    <t>12/28/2019 12:27:59</t>
  </si>
  <si>
    <t>12/28/2019 12:34:24</t>
  </si>
  <si>
    <t>12/28/2019 12:36:10</t>
  </si>
  <si>
    <t>12/28/2019 12:37:32</t>
  </si>
  <si>
    <t>12/28/2019 12:40:10</t>
  </si>
  <si>
    <t>12/28/2019 12:36:38</t>
  </si>
  <si>
    <t>12/28/2019 12:41:10</t>
  </si>
  <si>
    <t>12/28/2019 12:36:40</t>
  </si>
  <si>
    <t>lu295122vok4w.tmp</t>
  </si>
  <si>
    <t>\\acsfs\profiles$\BRUNAAR\Numero\lu295122vok4w.tmp</t>
  </si>
  <si>
    <t>12/28/2019 12:36:50</t>
  </si>
  <si>
    <t>lu295122vok4z.tmp</t>
  </si>
  <si>
    <t>\\acsfs\profiles$\BRUNAAR\Numero\lu295122vok4z.tmp</t>
  </si>
  <si>
    <t>12/28/2019 12:41:26</t>
  </si>
  <si>
    <t>12/28/2019 12:42:10</t>
  </si>
  <si>
    <t>12/28/2019 12:42:53</t>
  </si>
  <si>
    <t>12/28/2019 12:47:10</t>
  </si>
  <si>
    <t>12/28/2019 12:45:08</t>
  </si>
  <si>
    <t>12/28/2019 12:48:10</t>
  </si>
  <si>
    <t>bda2389f-9e82-4d54-b8a6-61b562badff4.tmp</t>
  </si>
  <si>
    <t>\\acsfs\profiles$\laylaams\Downloads\bda2389f-9e82-4d54-b8a6-61b562badff4.tmp</t>
  </si>
  <si>
    <t>12/28/2019 12:45:16</t>
  </si>
  <si>
    <t>Q29udHJvbGxlci5DYWxjdWxhZG9yYURlVmVuY2lt.ica</t>
  </si>
  <si>
    <t>\\acsfs\profiles$\laylaams\Downloads\Q29udHJvbGxlci5DYWxjdWxhZG9yYURlVmVuY2lt.ica</t>
  </si>
  <si>
    <t>12/28/2019 12:45:43</t>
  </si>
  <si>
    <t>12/28/2019 12:46:06</t>
  </si>
  <si>
    <t>d9019c52-d744-41f9-9a1e-4530e6b3d4d5.tmp</t>
  </si>
  <si>
    <t>\\acsfs\profiles$\laylaams\Downloads\d9019c52-d744-41f9-9a1e-4530e6b3d4d5.tmp</t>
  </si>
  <si>
    <t>12/28/2019 12:46:18</t>
  </si>
  <si>
    <t>a1141d50-6601-4c8d-8166-f266bd020bcf.tmp</t>
  </si>
  <si>
    <t>\\acsfs\profiles$\laylaams\Downloads\a1141d50-6601-4c8d-8166-f266bd020bcf.tmp</t>
  </si>
  <si>
    <t>12/28/2019 12:44:45</t>
  </si>
  <si>
    <t>12/28/2019 12:50:10</t>
  </si>
  <si>
    <t>7f2b4662-9bb1-41a1-b474-7f19afe1276f.tmp</t>
  </si>
  <si>
    <t>\\acsfs\profiles$\nataliacsl\Downloads\7f2b4662-9bb1-41a1-b474-7f19afe1276f.tmp</t>
  </si>
  <si>
    <t>12/28/2019 12:49:03</t>
  </si>
  <si>
    <t>12/28/2019 12:53:11</t>
  </si>
  <si>
    <t>12/28/2019 12:50:09</t>
  </si>
  <si>
    <t>12/28/2019 12:55:10</t>
  </si>
  <si>
    <t>12/28/2019 12:55:23</t>
  </si>
  <si>
    <t>12/28/2019 12:56:11</t>
  </si>
  <si>
    <t>12/28/2019 12:57:53</t>
  </si>
  <si>
    <t>12/28/2019 13:00:11</t>
  </si>
  <si>
    <t>12/28/2019 12:55:47</t>
  </si>
  <si>
    <t>12/28/2019 13:01:11</t>
  </si>
  <si>
    <t>12/28/2019 12:55:48</t>
  </si>
  <si>
    <t>lu12721dz75.tmp</t>
  </si>
  <si>
    <t>\\acsfs\profiles$\CLAUDIAJCA\lu12721dz75.tmp</t>
  </si>
  <si>
    <t>\\acsfs\profiles$\CLAUDIAJCA\lu12721dz75.tmp\</t>
  </si>
  <si>
    <t>\\acsfs\profiles$\CLAUDIAJCA\lu12721dz75.tmp\META-INF\</t>
  </si>
  <si>
    <t>\\acsfs\profiles$\CLAUDIAJCA\lu12721dz75.tmp\Thumbnails\</t>
  </si>
  <si>
    <t>12/28/2019 13:03:29</t>
  </si>
  <si>
    <t>12/28/2019 13:06:11</t>
  </si>
  <si>
    <t>12/28/2019 13:03:14</t>
  </si>
  <si>
    <t>cd134946-e594-409f-9500-470390b0da46.tmp</t>
  </si>
  <si>
    <t>\\acsfs\profiles$\BRUNAAR\Downloads\cd134946-e594-409f-9500-470390b0da46.tmp</t>
  </si>
  <si>
    <t>12/28/2019 13:07:21</t>
  </si>
  <si>
    <t>12/28/2019 13:10:11</t>
  </si>
  <si>
    <t>87ce4a1d-9894-4c28-afac-b36898ad1680.tmp</t>
  </si>
  <si>
    <t>\\acsfs\profiles$\isabellegtds\Downloads\87ce4a1d-9894-4c28-afac-b36898ad1680.tmp</t>
  </si>
  <si>
    <t>12/28/2019 13:12:41</t>
  </si>
  <si>
    <t>12/28/2019 13:13:12</t>
  </si>
  <si>
    <t>12/28/2019 13:10:21</t>
  </si>
  <si>
    <t>12/28/2019 13:15:12</t>
  </si>
  <si>
    <t>12/28/2019 13:12:23</t>
  </si>
  <si>
    <t>12/28/2019 13:15:26</t>
  </si>
  <si>
    <t>12/28/2019 13:16:11</t>
  </si>
  <si>
    <t>12/28/2019 13:15:27</t>
  </si>
  <si>
    <t>lu295122vok52.tmp</t>
  </si>
  <si>
    <t>\\acsfs\profiles$\BRUNAAR\Numero\lu295122vok52.tmp</t>
  </si>
  <si>
    <t>12/28/2019 13:16:00</t>
  </si>
  <si>
    <t>12/28/2019 13:17:12</t>
  </si>
  <si>
    <t>cb33e15a-c675-487a-884b-532fef7fbe52.tmp</t>
  </si>
  <si>
    <t>\\acsfs\profiles$\eduardofss\Downloads\cb33e15a-c675-487a-884b-532fef7fbe52.tmp</t>
  </si>
  <si>
    <t>12/28/2019 13:16:52</t>
  </si>
  <si>
    <t>bed988b6-2a21-4d48-983a-44ab5b66e984.tmp</t>
  </si>
  <si>
    <t>\\acsfs\profiles$\eduardofss\Downloads\bed988b6-2a21-4d48-983a-44ab5b66e984.tmp</t>
  </si>
  <si>
    <t>12/28/2019 13:14:42</t>
  </si>
  <si>
    <t>12/28/2019 13:19:12</t>
  </si>
  <si>
    <t>12/28/2019 13:16:20</t>
  </si>
  <si>
    <t>12/28/2019 13:21:11</t>
  </si>
  <si>
    <t>12/28/2019 13:20:03</t>
  </si>
  <si>
    <t>12/28/2019 13:22:11</t>
  </si>
  <si>
    <t>12/28/2019 13:22:38</t>
  </si>
  <si>
    <t>12/28/2019 13:23:11</t>
  </si>
  <si>
    <t>\\acsfs\profiles$\laylaams\My Documents\Automation Anywhere Files\LogFiles\</t>
  </si>
  <si>
    <t>Main.log</t>
  </si>
  <si>
    <t>\\acsfs\profiles$\laylaams\My Documents\Automation Anywhere Files\LogFiles\Main.log</t>
  </si>
  <si>
    <t>\\acsfs\profiles$\laylaams\My Documents\Automation Anywhere Files\</t>
  </si>
  <si>
    <t>AA.Settings.xml</t>
  </si>
  <si>
    <t>\\acsfs\profiles$\laylaams\My Documents\Automation Anywhere Files\AA.Settings.xml</t>
  </si>
  <si>
    <t>12/28/2019 13:22:43</t>
  </si>
  <si>
    <t>Technology.xml</t>
  </si>
  <si>
    <t>\\acsfs\profiles$\laylaams\My Documents\Automation Anywhere Files\Technology.xml</t>
  </si>
  <si>
    <t>ObjectMapper.xml</t>
  </si>
  <si>
    <t>\\acsfs\profiles$\laylaams\My Documents\Automation Anywhere Files\ObjectMapper.xml</t>
  </si>
  <si>
    <t>AA.Settings.bak</t>
  </si>
  <si>
    <t>\\acsfs\profiles$\laylaams\My Documents\Automation Anywhere Files\AA.Settings.bak</t>
  </si>
  <si>
    <t>12/28/2019 13:22:45</t>
  </si>
  <si>
    <t>FipsDataMigration.log</t>
  </si>
  <si>
    <t>\\acsfs\profiles$\laylaams\My Documents\Automation Anywhere Files\LogFiles\FipsDataMigration.log</t>
  </si>
  <si>
    <t>12/28/2019 13:22:47</t>
  </si>
  <si>
    <t>12/28/2019 13:22:49</t>
  </si>
  <si>
    <t>12/28/2019 13:22:52</t>
  </si>
  <si>
    <t>AAMain.log</t>
  </si>
  <si>
    <t>\\acsfs\profiles$\laylaams\My Documents\Automation Anywhere Files\LogFiles\AAMain.log</t>
  </si>
  <si>
    <t>12/28/2019 13:19:52</t>
  </si>
  <si>
    <t>12/28/2019 13:25:11</t>
  </si>
  <si>
    <t>12/28/2019 13:20:15</t>
  </si>
  <si>
    <t>12/28/2019 13:20:22</t>
  </si>
  <si>
    <t>12/28/2019 13:21:29</t>
  </si>
  <si>
    <t>100024359440076;</t>
  </si>
  <si>
    <t>https://100024359440076</t>
  </si>
  <si>
    <t>12/28/2019 13:21:50</t>
  </si>
  <si>
    <t>12/28/2019 13:23:26</t>
  </si>
  <si>
    <t>12/28/2019 13:23:36</t>
  </si>
  <si>
    <t>100024359440076;100035125381406;</t>
  </si>
  <si>
    <t>https://100024359440076,100035125381406</t>
  </si>
  <si>
    <t>12/28/2019 13:23:46</t>
  </si>
  <si>
    <t>12/28/2019 13:24:09</t>
  </si>
  <si>
    <t>12/28/2019 13:24:14</t>
  </si>
  <si>
    <t>12/28/2019 13:24:27</t>
  </si>
  <si>
    <t>12/28/2019 13:22:36</t>
  </si>
  <si>
    <t>12/28/2019 13:26:11</t>
  </si>
  <si>
    <t>12/28/2019 13:20:53</t>
  </si>
  <si>
    <t>12/28/2019 13:21:56</t>
  </si>
  <si>
    <t>lu1214816co97.tmp</t>
  </si>
  <si>
    <t>\\acsfs\profiles$\dhiulliananads\My Documents\lu1214816co97.tmp</t>
  </si>
  <si>
    <t>\\acsfs\profiles$\dhiulliananads\My Documents\lu1214816co97.tmp\</t>
  </si>
  <si>
    <t>\\acsfs\profiles$\dhiulliananads\My Documents\lu1214816co97.tmp\META-INF\</t>
  </si>
  <si>
    <t>\\acsfs\profiles$\dhiulliananads\My Documents\lu1214816co97.tmp\Thumbnails\</t>
  </si>
  <si>
    <t>12/28/2019 13:22:05</t>
  </si>
  <si>
    <t>12/28/2019 13:22:06</t>
  </si>
  <si>
    <t>lu1214816co9d.tmp</t>
  </si>
  <si>
    <t>\\acsfs\profiles$\dhiulliananads\My Documents\lu1214816co9d.tmp</t>
  </si>
  <si>
    <t>\\acsfs\profiles$\dhiulliananads\My Documents\lu1214816co9d.tmp\</t>
  </si>
  <si>
    <t>\\acsfs\profiles$\dhiulliananads\My Documents\lu1214816co9d.tmp\META-INF\</t>
  </si>
  <si>
    <t>\\acsfs\profiles$\dhiulliananads\My Documents\lu1214816co9d.tmp\Thumbnails\</t>
  </si>
  <si>
    <t>12/28/2019 13:23:33</t>
  </si>
  <si>
    <t>12/28/2019 13:28:10</t>
  </si>
  <si>
    <t>12/28/2019 13:24:50</t>
  </si>
  <si>
    <t>12/28/2019 13:29:11</t>
  </si>
  <si>
    <t>12/28/2019 13:30:38</t>
  </si>
  <si>
    <t>12/28/2019 13:35:10</t>
  </si>
  <si>
    <t>12/28/2019 13:34:50</t>
  </si>
  <si>
    <t>12/28/2019 13:36:10</t>
  </si>
  <si>
    <t>12/28/2019 13:34:10</t>
  </si>
  <si>
    <t>12/28/2019 13:38:10</t>
  </si>
  <si>
    <t>12/28/2019 13:36:50</t>
  </si>
  <si>
    <t>45c18182-1748-47d7-9e08-6daa92943a25.tmp</t>
  </si>
  <si>
    <t>\\acsfs\profiles$\laylaams\Downloads\45c18182-1748-47d7-9e08-6daa92943a25.tmp</t>
  </si>
  <si>
    <t>12/28/2019 13:43:28</t>
  </si>
  <si>
    <t>12/28/2019 13:47:09</t>
  </si>
  <si>
    <t>12/28/2019 13:43:22</t>
  </si>
  <si>
    <t>12/28/2019 13:48:08</t>
  </si>
  <si>
    <t>12/28/2019 13:47:21</t>
  </si>
  <si>
    <t>12/28/2019 13:53:08</t>
  </si>
  <si>
    <t>12/28/2019 13:47:28</t>
  </si>
  <si>
    <t>12/28/2019 13:47:30</t>
  </si>
  <si>
    <t>12/28/2019 13:47:47</t>
  </si>
  <si>
    <t>12/28/2019 13:47:50</t>
  </si>
  <si>
    <t>12/28/2019 13:47:58</t>
  </si>
  <si>
    <t>12/28/2019 13:48:02</t>
  </si>
  <si>
    <t>12/28/2019 13:48:05</t>
  </si>
  <si>
    <t>12/28/2019 13:48:13</t>
  </si>
  <si>
    <t>12/28/2019 13:48:38</t>
  </si>
  <si>
    <t>12/28/2019 13:48:40</t>
  </si>
  <si>
    <t>12/28/2019 13:50:01</t>
  </si>
  <si>
    <t>12/28/2019 13:50:15</t>
  </si>
  <si>
    <t>12/28/2019 13:49:37</t>
  </si>
  <si>
    <t>12/28/2019 13:50:24</t>
  </si>
  <si>
    <t>12/28/2019 13:54:09</t>
  </si>
  <si>
    <t>ce8962aa-02d6-4d95-aec2-ea6e6eb2bd82.tmp</t>
  </si>
  <si>
    <t>\\acsfs\profiles$\henriquehmdo\Downloads\ce8962aa-02d6-4d95-aec2-ea6e6eb2bd82.tmp</t>
  </si>
  <si>
    <t>12/28/2019 13:51:37</t>
  </si>
  <si>
    <t>12/28/2019 13:56:08</t>
  </si>
  <si>
    <t>12/28/2019 13:52:32</t>
  </si>
  <si>
    <t>12/28/2019 13:57:09</t>
  </si>
  <si>
    <t>12/28/2019 13:53:01</t>
  </si>
  <si>
    <t>12/28/2019 13:58:09</t>
  </si>
  <si>
    <t>12/28/2019 13:56:27</t>
  </si>
  <si>
    <t>12/28/2019 14:00:09</t>
  </si>
  <si>
    <t>12/28/2019 13:58:36</t>
  </si>
  <si>
    <t>12/28/2019 14:01:09</t>
  </si>
  <si>
    <t>lu1214816co9j.tmp</t>
  </si>
  <si>
    <t>\\acsfs\profiles$\dhiulliananads\My Documents\lu1214816co9j.tmp</t>
  </si>
  <si>
    <t>\\acsfs\profiles$\dhiulliananads\My Documents\lu1214816co9j.tmp\</t>
  </si>
  <si>
    <t>\\acsfs\profiles$\dhiulliananads\My Documents\lu1214816co9j.tmp\META-INF\</t>
  </si>
  <si>
    <t>\\acsfs\profiles$\dhiulliananads\My Documents\lu1214816co9j.tmp\Thumbnails\</t>
  </si>
  <si>
    <t>12/28/2019 13:58:44</t>
  </si>
  <si>
    <t>12/28/2019 14:03:09</t>
  </si>
  <si>
    <t>12/28/2019 14:01:15</t>
  </si>
  <si>
    <t>12/28/2019 14:01:18</t>
  </si>
  <si>
    <t>12/28/2019 14:01:21</t>
  </si>
  <si>
    <t>12/28/2019 14:01:38</t>
  </si>
  <si>
    <t>12/28/2019 14:01:42</t>
  </si>
  <si>
    <t>12/28/2019 14:01:44</t>
  </si>
  <si>
    <t>12/28/2019 14:01:55</t>
  </si>
  <si>
    <t>12/28/2019 14:01:19</t>
  </si>
  <si>
    <t>12/28/2019 14:04:41</t>
  </si>
  <si>
    <t>12/28/2019 14:05:09</t>
  </si>
  <si>
    <t>12/28/2019 14:02:09</t>
  </si>
  <si>
    <t>12/28/2019 14:08:10</t>
  </si>
  <si>
    <t>12/28/2019 14:02:12</t>
  </si>
  <si>
    <t>12/28/2019 14:02:16</t>
  </si>
  <si>
    <t>12/28/2019 14:02:22</t>
  </si>
  <si>
    <t>12/28/2019 14:02:25</t>
  </si>
  <si>
    <t>12/28/2019 14:02:35</t>
  </si>
  <si>
    <t>12/28/2019 14:02:43</t>
  </si>
  <si>
    <t>12/28/2019 14:05:06</t>
  </si>
  <si>
    <t>12/28/2019 14:08:32</t>
  </si>
  <si>
    <t>12/28/2019 14:09:09</t>
  </si>
  <si>
    <t>12/28/2019 14:10:06</t>
  </si>
  <si>
    <t>12/28/2019 14:13:09</t>
  </si>
  <si>
    <t>12/28/2019 14:09:51</t>
  </si>
  <si>
    <t>12/28/2019 14:12:11</t>
  </si>
  <si>
    <t>12/28/2019 14:15:09</t>
  </si>
  <si>
    <t>10a1022e-8e08-48d0-9bab-56edd1b04c0d.tmp</t>
  </si>
  <si>
    <t>\\acsfs\profiles$\nataliacsl\Downloads\10a1022e-8e08-48d0-9bab-56edd1b04c0d.tmp</t>
  </si>
  <si>
    <t>12/28/2019 14:15:01</t>
  </si>
  <si>
    <t>12/28/2019 14:18:09</t>
  </si>
  <si>
    <t>12/28/2019 14:13:04</t>
  </si>
  <si>
    <t>12/28/2019 14:16:24</t>
  </si>
  <si>
    <t>12/28/2019 14:20:09</t>
  </si>
  <si>
    <t>12/28/2019 14:15:37</t>
  </si>
  <si>
    <t>\\acsfs\profiles$\nataliacsl\Downloads\$RECYCLE.BIN\</t>
  </si>
  <si>
    <t>$IEWWX8L.mht</t>
  </si>
  <si>
    <t>\\acsfs\profiles$\nataliacsl\Downloads\$RECYCLE.BIN\$IEWWX8L.mht</t>
  </si>
  <si>
    <t>12/28/2019 14:15:38</t>
  </si>
  <si>
    <t>$I9VDBOY.mht</t>
  </si>
  <si>
    <t>\\acsfs\profiles$\nataliacsl\Downloads\$RECYCLE.BIN\$I9VDBOY.mht</t>
  </si>
  <si>
    <t>12/28/2019 14:15:43</t>
  </si>
  <si>
    <t>$IJVJCRA.ica</t>
  </si>
  <si>
    <t>\\acsfs\profiles$\nataliacsl\Downloads\$RECYCLE.BIN\$IJVJCRA.ica</t>
  </si>
  <si>
    <t>12/28/2019 14:15:44</t>
  </si>
  <si>
    <t>$IQX82R4.ica</t>
  </si>
  <si>
    <t>\\acsfs\profiles$\nataliacsl\Downloads\$RECYCLE.BIN\$IQX82R4.ica</t>
  </si>
  <si>
    <t>12/28/2019 14:18:11</t>
  </si>
  <si>
    <t>12/28/2019 14:23:08</t>
  </si>
  <si>
    <t>12/28/2019 14:18:16</t>
  </si>
  <si>
    <t>12/28/2019 14:18:19</t>
  </si>
  <si>
    <t>12/28/2019 14:18:26</t>
  </si>
  <si>
    <t>12/28/2019 14:18:56</t>
  </si>
  <si>
    <t>12/28/2019 14:21:35</t>
  </si>
  <si>
    <t>12/28/2019 14:20:19</t>
  </si>
  <si>
    <t>12/28/2019 14:20:27</t>
  </si>
  <si>
    <t>12/28/2019 14:20:33</t>
  </si>
  <si>
    <t>12/28/2019 14:20:34</t>
  </si>
  <si>
    <t>12/28/2019 14:20:36</t>
  </si>
  <si>
    <t>12/28/2019 14:20:37</t>
  </si>
  <si>
    <t>12/28/2019 14:20:39</t>
  </si>
  <si>
    <t>12/28/2019 14:20:40</t>
  </si>
  <si>
    <t>12/28/2019 14:20:41</t>
  </si>
  <si>
    <t>12/28/2019 14:20:42</t>
  </si>
  <si>
    <t>12/28/2019 14:20:46</t>
  </si>
  <si>
    <t>12/28/2019 14:20:47</t>
  </si>
  <si>
    <t>12/28/2019 14:20:48</t>
  </si>
  <si>
    <t>12/28/2019 14:20:49</t>
  </si>
  <si>
    <t>12/28/2019 14:20:50</t>
  </si>
  <si>
    <t>12/28/2019 14:20:51</t>
  </si>
  <si>
    <t>12/28/2019 14:20:52</t>
  </si>
  <si>
    <t>12/28/2019 14:20:53</t>
  </si>
  <si>
    <t>12/28/2019 14:20:54</t>
  </si>
  <si>
    <t>12/28/2019 14:20:55</t>
  </si>
  <si>
    <t>12/28/2019 14:20:56</t>
  </si>
  <si>
    <t>12/28/2019 14:20:57</t>
  </si>
  <si>
    <t>12/28/2019 14:21:00</t>
  </si>
  <si>
    <t>12/28/2019 14:21:01</t>
  </si>
  <si>
    <t>12/28/2019 14:21:02</t>
  </si>
  <si>
    <t>12/28/2019 14:21:03</t>
  </si>
  <si>
    <t>12/28/2019 14:21:04</t>
  </si>
  <si>
    <t>12/28/2019 14:21:05</t>
  </si>
  <si>
    <t>12/28/2019 14:21:07</t>
  </si>
  <si>
    <t>12/28/2019 14:21:08</t>
  </si>
  <si>
    <t>12/28/2019 14:21:09</t>
  </si>
  <si>
    <t>12/28/2019 14:21:10</t>
  </si>
  <si>
    <t>12/28/2019 14:21:12</t>
  </si>
  <si>
    <t>12/28/2019 14:21:13</t>
  </si>
  <si>
    <t>12/28/2019 14:21:14</t>
  </si>
  <si>
    <t>12/28/2019 14:21:15</t>
  </si>
  <si>
    <t>12/28/2019 14:21:17</t>
  </si>
  <si>
    <t>12/28/2019 14:21:18</t>
  </si>
  <si>
    <t>12/28/2019 14:21:42</t>
  </si>
  <si>
    <t>12/28/2019 14:21:49</t>
  </si>
  <si>
    <t>12/28/2019 14:22:17</t>
  </si>
  <si>
    <t>12/28/2019 14:26:09</t>
  </si>
  <si>
    <t>12/28/2019 14:25:36</t>
  </si>
  <si>
    <t>12/28/2019 14:27:08</t>
  </si>
  <si>
    <t>12/28/2019 14:22:55</t>
  </si>
  <si>
    <t>12/28/2019 14:28:09</t>
  </si>
  <si>
    <t>7d88b871-1dec-4cfd-985b-a400b2cd2b52.tmp</t>
  </si>
  <si>
    <t>\\acsfs\profiles$\matheusmax\Downloads\7d88b871-1dec-4cfd-985b-a400b2cd2b52.tmp</t>
  </si>
  <si>
    <t>12/28/2019 14:23:05</t>
  </si>
  <si>
    <t>Unconfirmed 943017.crdownload</t>
  </si>
  <si>
    <t>\\acsfs\profiles$\matheusmax\Downloads\Unconfirmed 943017.crdownload</t>
  </si>
  <si>
    <t>12/28/2019 14:23:19</t>
  </si>
  <si>
    <t>bc6ffd10-bdc0-40bc-9480-ce46f28d10aa.tmp</t>
  </si>
  <si>
    <t>\\acsfs\profiles$\matheusmax\Downloads\bc6ffd10-bdc0-40bc-9480-ce46f28d10aa.tmp</t>
  </si>
  <si>
    <t>12/28/2019 14:24:31</t>
  </si>
  <si>
    <t>f27f2e40-0b55-46a7-be1d-5e5322413ef8.tmp</t>
  </si>
  <si>
    <t>\\acsfs\profiles$\matheusmax\Downloads\f27f2e40-0b55-46a7-be1d-5e5322413ef8.tmp</t>
  </si>
  <si>
    <t>12/28/2019 14:27:01</t>
  </si>
  <si>
    <t>12/28/2019 14:23:40</t>
  </si>
  <si>
    <t>12/28/2019 14:29:08</t>
  </si>
  <si>
    <t>285a2062-c509-49a1-aa9c-4c1ff05acbc8.tmp</t>
  </si>
  <si>
    <t>\\acsfs\profiles$\vivianibfs\Downloads\285a2062-c509-49a1-aa9c-4c1ff05acbc8.tmp</t>
  </si>
  <si>
    <t>12/28/2019 14:24:37</t>
  </si>
  <si>
    <t>4a5be664-9c49-4b84-a17d-655f22d956a6.tmp</t>
  </si>
  <si>
    <t>\\acsfs\profiles$\vivianibfs\Downloads\4a5be664-9c49-4b84-a17d-655f22d956a6.tmp</t>
  </si>
  <si>
    <t>12/28/2019 14:24:42</t>
  </si>
  <si>
    <t>fc3a0a38-765c-4d94-a682-02a6147487d1.tmp</t>
  </si>
  <si>
    <t>\\acsfs\profiles$\vivianibfs\Downloads\fc3a0a38-765c-4d94-a682-02a6147487d1.tmp</t>
  </si>
  <si>
    <t>c56ef570-076e-4af6-a7c1-7aa92b294cb5.tmp</t>
  </si>
  <si>
    <t>\\acsfs\profiles$\vivianibfs\Downloads\c56ef570-076e-4af6-a7c1-7aa92b294cb5.tmp</t>
  </si>
  <si>
    <t>12/28/2019 14:27:19</t>
  </si>
  <si>
    <t>12/28/2019 14:31:09</t>
  </si>
  <si>
    <t>12/28/2019 14:31:08</t>
  </si>
  <si>
    <t>12/28/2019 14:35:09</t>
  </si>
  <si>
    <t>$IO9KJ5M.ica</t>
  </si>
  <si>
    <t>\\acsfs\profiles$\nataliacsl\Downloads\$RECYCLE.BIN\$IO9KJ5M.ica</t>
  </si>
  <si>
    <t>$IRHKYYB.ica</t>
  </si>
  <si>
    <t>\\acsfs\profiles$\nataliacsl\Downloads\$RECYCLE.BIN\$IRHKYYB.ica</t>
  </si>
  <si>
    <t>$IO3HT4N.ica</t>
  </si>
  <si>
    <t>\\acsfs\profiles$\nataliacsl\Downloads\$RECYCLE.BIN\$IO3HT4N.ica</t>
  </si>
  <si>
    <t>$II596YR.ica</t>
  </si>
  <si>
    <t>\\acsfs\profiles$\nataliacsl\Downloads\$RECYCLE.BIN\$II596YR.ica</t>
  </si>
  <si>
    <t>12/28/2019 14:31:10</t>
  </si>
  <si>
    <t>$IOBYZNN.ica</t>
  </si>
  <si>
    <t>\\acsfs\profiles$\nataliacsl\Downloads\$RECYCLE.BIN\$IOBYZNN.ica</t>
  </si>
  <si>
    <t>$I7P6XFT.ica</t>
  </si>
  <si>
    <t>\\acsfs\profiles$\nataliacsl\Downloads\$RECYCLE.BIN\$I7P6XFT.ica</t>
  </si>
  <si>
    <t>12/28/2019 14:31:17</t>
  </si>
  <si>
    <t>$IWNRIM8.ica</t>
  </si>
  <si>
    <t>\\acsfs\profiles$\nataliacsl\Downloads\$RECYCLE.BIN\$IWNRIM8.ica</t>
  </si>
  <si>
    <t>12/28/2019 14:31:21</t>
  </si>
  <si>
    <t>$II59FL9.ica</t>
  </si>
  <si>
    <t>\\acsfs\profiles$\nataliacsl\Downloads\$RECYCLE.BIN\$II59FL9.ica</t>
  </si>
  <si>
    <t>12/28/2019 14:31:23</t>
  </si>
  <si>
    <t>$ISJ8SA3.ica</t>
  </si>
  <si>
    <t>\\acsfs\profiles$\nataliacsl\Downloads\$RECYCLE.BIN\$ISJ8SA3.ica</t>
  </si>
  <si>
    <t>12/28/2019 14:35:05</t>
  </si>
  <si>
    <t>12/28/2019 14:36:09</t>
  </si>
  <si>
    <t>12/28/2019 14:33:22</t>
  </si>
  <si>
    <t>12/28/2019 14:33:30</t>
  </si>
  <si>
    <t>12/28/2019 14:37:08</t>
  </si>
  <si>
    <t>12/28/2019 14:34:04</t>
  </si>
  <si>
    <t>12/28/2019 14:34:38</t>
  </si>
  <si>
    <t>12/28/2019 14:35:30</t>
  </si>
  <si>
    <t>12/28/2019 14:38:09</t>
  </si>
  <si>
    <t>12/28/2019 14:41:23</t>
  </si>
  <si>
    <t>12/28/2019 14:43:09</t>
  </si>
  <si>
    <t>12/28/2019 14:41:24</t>
  </si>
  <si>
    <t>12/28/2019 14:41:25</t>
  </si>
  <si>
    <t>12/28/2019 14:41:26</t>
  </si>
  <si>
    <t>12/28/2019 14:41:27</t>
  </si>
  <si>
    <t>12/28/2019 14:41:29</t>
  </si>
  <si>
    <t>12/28/2019 14:41:31</t>
  </si>
  <si>
    <t>12/28/2019 14:41:32</t>
  </si>
  <si>
    <t>12/28/2019 14:41:33</t>
  </si>
  <si>
    <t>12/28/2019 14:41:34</t>
  </si>
  <si>
    <t>12/28/2019 14:41:35</t>
  </si>
  <si>
    <t>12/28/2019 14:41:36</t>
  </si>
  <si>
    <t>12/28/2019 14:41:37</t>
  </si>
  <si>
    <t>12/28/2019 14:41:38</t>
  </si>
  <si>
    <t>12/28/2019 14:41:39</t>
  </si>
  <si>
    <t>12/28/2019 14:41:40</t>
  </si>
  <si>
    <t>12/28/2019 14:41:41</t>
  </si>
  <si>
    <t>12/28/2019 14:41:42</t>
  </si>
  <si>
    <t>12/28/2019 14:41:43</t>
  </si>
  <si>
    <t>12/28/2019 14:41:44</t>
  </si>
  <si>
    <t>12/28/2019 14:41:45</t>
  </si>
  <si>
    <t>12/28/2019 14:41:46</t>
  </si>
  <si>
    <t>12/28/2019 14:41:47</t>
  </si>
  <si>
    <t>12/28/2019 14:41:48</t>
  </si>
  <si>
    <t>12/28/2019 14:41:49</t>
  </si>
  <si>
    <t>\\acsfs\profiles$\thaynaracsl\Saved Games\</t>
  </si>
  <si>
    <t>12/28/2019 14:42:05</t>
  </si>
  <si>
    <t>12/28/2019 14:42:21</t>
  </si>
  <si>
    <t>12/28/2019 14:41:14</t>
  </si>
  <si>
    <t>12/28/2019 14:45:09</t>
  </si>
  <si>
    <t>AMEX RECEM CONTRATADOS</t>
  </si>
  <si>
    <t>talitafdc</t>
  </si>
  <si>
    <t>\\acsfs\profiles$\talitafdc\</t>
  </si>
  <si>
    <t>prova.txt</t>
  </si>
  <si>
    <t>\\acsfs\profiles$\talitafdc\prova.txt</t>
  </si>
  <si>
    <t>12/28/2019 14:43:06</t>
  </si>
  <si>
    <t>12/28/2019 14:47:09</t>
  </si>
  <si>
    <t>12/28/2019 14:44:23</t>
  </si>
  <si>
    <t>12/28/2019 14:47:16</t>
  </si>
  <si>
    <t>12/28/2019 14:51:08</t>
  </si>
  <si>
    <t>12/28/2019 14:49:51</t>
  </si>
  <si>
    <t>12/28/2019 14:50:01</t>
  </si>
  <si>
    <t>0297569f-aabf-49cd-be98-fb4fa6cbc42d.tmp</t>
  </si>
  <si>
    <t>\\acsfs\profiles$\cintiadjl\Downloads\0297569f-aabf-49cd-be98-fb4fa6cbc42d.tmp</t>
  </si>
  <si>
    <t>12/28/2019 14:50:15</t>
  </si>
  <si>
    <t>c0a7b479-e4b0-4c2d-98f4-2927b09926df.tmp</t>
  </si>
  <si>
    <t>\\acsfs\profiles$\cintiadjl\Downloads\c0a7b479-e4b0-4c2d-98f4-2927b09926df.tmp</t>
  </si>
  <si>
    <t>12/28/2019 14:46:45</t>
  </si>
  <si>
    <t>12/28/2019 14:52:09</t>
  </si>
  <si>
    <t>12/28/2019 14:49:59</t>
  </si>
  <si>
    <t>12/28/2019 14:53:09</t>
  </si>
  <si>
    <t>12/28/2019 14:50:39</t>
  </si>
  <si>
    <t>12/28/2019 14:51:13</t>
  </si>
  <si>
    <t>12/28/2019 14:51:20</t>
  </si>
  <si>
    <t>12/28/2019 14:51:30</t>
  </si>
  <si>
    <t>12/28/2019 14:48:59</t>
  </si>
  <si>
    <t>a12395ec-4a85-4bdb-ba95-1b1e5d4c77fb.tmp</t>
  </si>
  <si>
    <t>\\acsfs\profiles$\rosileiam\Downloads\a12395ec-4a85-4bdb-ba95-1b1e5d4c77fb.tmp</t>
  </si>
  <si>
    <t>12/28/2019 14:50:33</t>
  </si>
  <si>
    <t>f0b0216a-11d6-4dae-8123-72e63cf9f3e2.tmp</t>
  </si>
  <si>
    <t>\\acsfs\profiles$\rosileiam\Downloads\f0b0216a-11d6-4dae-8123-72e63cf9f3e2.tmp</t>
  </si>
  <si>
    <t>12/28/2019 14:52:28</t>
  </si>
  <si>
    <t>12/28/2019 14:56:09</t>
  </si>
  <si>
    <t>12/28/2019 14:52:19</t>
  </si>
  <si>
    <t>12/28/2019 14:51:53</t>
  </si>
  <si>
    <t>12/28/2019 14:53:03</t>
  </si>
  <si>
    <t>12/28/2019 14:57:09</t>
  </si>
  <si>
    <t>12/28/2019 14:52:57</t>
  </si>
  <si>
    <t>12/28/2019 14:54:57</t>
  </si>
  <si>
    <t>12/28/2019 14:52:33</t>
  </si>
  <si>
    <t>12/28/2019 14:58:09</t>
  </si>
  <si>
    <t>12/28/2019 14:54:53</t>
  </si>
  <si>
    <t>12/28/2019 14:55:27</t>
  </si>
  <si>
    <t>12/28/2019 15:01:09</t>
  </si>
  <si>
    <t>12/28/2019 14:59:58</t>
  </si>
  <si>
    <t>12/28/2019 15:03:09</t>
  </si>
  <si>
    <t>12/28/2019 15:02:54</t>
  </si>
  <si>
    <t>12/28/2019 15:05:08</t>
  </si>
  <si>
    <t>12/28/2019 15:04:46</t>
  </si>
  <si>
    <t>12/28/2019 15:07:09</t>
  </si>
  <si>
    <t>12/28/2019 15:04:40</t>
  </si>
  <si>
    <t>12/28/2019 15:09:09</t>
  </si>
  <si>
    <t>12/28/2019 15:09:03</t>
  </si>
  <si>
    <t>12/28/2019 15:10:09</t>
  </si>
  <si>
    <t>12/28/2019 15:09:22</t>
  </si>
  <si>
    <t>12/28/2019 15:09:28</t>
  </si>
  <si>
    <t>12/28/2019 15:12:08</t>
  </si>
  <si>
    <t>12/28/2019 15:08:55</t>
  </si>
  <si>
    <t>12/28/2019 15:13:09</t>
  </si>
  <si>
    <t>12/28/2019 15:12:18</t>
  </si>
  <si>
    <t>12/28/2019 15:17:09</t>
  </si>
  <si>
    <t>12/28/2019 15:13:11</t>
  </si>
  <si>
    <t>12/28/2019 15:25:04</t>
  </si>
  <si>
    <t>12/28/2019 15:26:09</t>
  </si>
  <si>
    <t>12/28/2019 15:23:25</t>
  </si>
  <si>
    <t>12/28/2019 15:22:54</t>
  </si>
  <si>
    <t>12/28/2019 15:27:10</t>
  </si>
  <si>
    <t>12/28/2019 15:22:22</t>
  </si>
  <si>
    <t>12/28/2019 15:28:09</t>
  </si>
  <si>
    <t>12/28/2019 15:27:16</t>
  </si>
  <si>
    <t>44ff2908-657d-4f81-a212-aa575aad9414.tmp</t>
  </si>
  <si>
    <t>\\acsfs\profiles$\rosileiam\Downloads\44ff2908-657d-4f81-a212-aa575aad9414.tmp</t>
  </si>
  <si>
    <t>12/28/2019 15:26:21</t>
  </si>
  <si>
    <t>12/28/2019 15:27:15</t>
  </si>
  <si>
    <t>12/28/2019 15:29:10</t>
  </si>
  <si>
    <t>\\acsfs\profiles$\vivianibfs\My Documents\xworkcenter\logs\</t>
  </si>
  <si>
    <t>XLOG_vivianibfs_28122019_152703.log</t>
  </si>
  <si>
    <t>\\acsfs\profiles$\vivianibfs\My Documents\xworkcenter\logs\XLOG_vivianibfs_28122019_152703.log</t>
  </si>
  <si>
    <t>12/28/2019 15:27:41</t>
  </si>
  <si>
    <t>12/28/2019 15:30:09</t>
  </si>
  <si>
    <t>12/28/2019 15:28:37</t>
  </si>
  <si>
    <t>12/28/2019 15:33:10</t>
  </si>
  <si>
    <t>12/28/2019 15:29:04</t>
  </si>
  <si>
    <t>12/28/2019 15:29:14</t>
  </si>
  <si>
    <t>12/28/2019 15:29:17</t>
  </si>
  <si>
    <t>12/28/2019 15:29:19</t>
  </si>
  <si>
    <t>12/28/2019 15:29:27</t>
  </si>
  <si>
    <t>12/28/2019 15:29:34</t>
  </si>
  <si>
    <t>12/28/2019 15:29:35</t>
  </si>
  <si>
    <t>12/28/2019 15:32:19</t>
  </si>
  <si>
    <t>12/28/2019 15:30:23</t>
  </si>
  <si>
    <t>12/28/2019 15:33:34</t>
  </si>
  <si>
    <t>12/28/2019 15:34:09</t>
  </si>
  <si>
    <t>12/28/2019 15:30:10</t>
  </si>
  <si>
    <t>12/28/2019 15:33:38</t>
  </si>
  <si>
    <t>12/28/2019 15:38:10</t>
  </si>
  <si>
    <t>12/28/2019 15:34:02</t>
  </si>
  <si>
    <t>12/28/2019 15:37:48</t>
  </si>
  <si>
    <t>12/28/2019 15:41:10</t>
  </si>
  <si>
    <t>12/28/2019 15:37:30</t>
  </si>
  <si>
    <t>12/28/2019 15:42:10</t>
  </si>
  <si>
    <t>b477ef54-5920-4ce0-bc1d-e5d8e6ca0f53.tmp</t>
  </si>
  <si>
    <t>\\acsfs\profiles$\andreapdsg\Downloads\b477ef54-5920-4ce0-bc1d-e5d8e6ca0f53.tmp</t>
  </si>
  <si>
    <t>12/28/2019 15:37:45</t>
  </si>
  <si>
    <t>12/28/2019 15:39:47</t>
  </si>
  <si>
    <t>603498e3-1322-4f7b-8ff5-f23f5f3c0519.tmp</t>
  </si>
  <si>
    <t>\\acsfs\profiles$\andreapdsg\Downloads\603498e3-1322-4f7b-8ff5-f23f5f3c0519.tmp</t>
  </si>
  <si>
    <t>12/28/2019 15:41:15</t>
  </si>
  <si>
    <t>12/28/2019 15:44:10</t>
  </si>
  <si>
    <t>12/28/2019 15:43:00</t>
  </si>
  <si>
    <t>12/28/2019 15:46:09</t>
  </si>
  <si>
    <t>12/28/2019 15:44:07</t>
  </si>
  <si>
    <t>12/28/2019 15:47:10</t>
  </si>
  <si>
    <t>12/28/2019 15:43:44</t>
  </si>
  <si>
    <t>12/28/2019 15:48:10</t>
  </si>
  <si>
    <t>12/28/2019 15:48:32</t>
  </si>
  <si>
    <t>12/28/2019 15:51:10</t>
  </si>
  <si>
    <t>12/28/2019 15:47:03</t>
  </si>
  <si>
    <t>12/28/2019 15:51:59</t>
  </si>
  <si>
    <t>12/28/2019 15:53:10</t>
  </si>
  <si>
    <t>12/28/2019 15:52:04</t>
  </si>
  <si>
    <t>12/28/2019 15:52:08</t>
  </si>
  <si>
    <t>12/28/2019 15:50:26</t>
  </si>
  <si>
    <t>12/28/2019 15:53:39</t>
  </si>
  <si>
    <t>12/28/2019 15:57:11</t>
  </si>
  <si>
    <t>12/28/2019 15:52:14</t>
  </si>
  <si>
    <t>12/28/2019 15:58:11</t>
  </si>
  <si>
    <t>12/28/2019 15:52:22</t>
  </si>
  <si>
    <t>12/28/2019 15:52:37</t>
  </si>
  <si>
    <t>12/28/2019 15:53:53</t>
  </si>
  <si>
    <t>12/28/2019 16:00:23</t>
  </si>
  <si>
    <t>12/28/2019 16:01:12</t>
  </si>
  <si>
    <t>12/28/2019 16:01:08</t>
  </si>
  <si>
    <t>12/28/2019 16:03:12</t>
  </si>
  <si>
    <t>12/28/2019 16:04:59</t>
  </si>
  <si>
    <t>12/28/2019 16:06:12</t>
  </si>
  <si>
    <t>12/28/2019 16:06:04</t>
  </si>
  <si>
    <t>12/28/2019 16:09:12</t>
  </si>
  <si>
    <t>12/28/2019 16:07:00</t>
  </si>
  <si>
    <t>12/28/2019 16:11:11</t>
  </si>
  <si>
    <t>12/28/2019 16:07:35</t>
  </si>
  <si>
    <t>12/28/2019 16:08:54</t>
  </si>
  <si>
    <t>12/28/2019 16:11:27</t>
  </si>
  <si>
    <t>12/28/2019 16:13:11</t>
  </si>
  <si>
    <t>12/28/2019 16:13:35</t>
  </si>
  <si>
    <t>12/28/2019 16:15:10</t>
  </si>
  <si>
    <t>12/28/2019 16:13:32</t>
  </si>
  <si>
    <t>12/28/2019 16:17:10</t>
  </si>
  <si>
    <t>12/28/2019 16:14:18</t>
  </si>
  <si>
    <t>12/28/2019 16:18:10</t>
  </si>
  <si>
    <t>12/28/2019 16:14:22</t>
  </si>
  <si>
    <t>12/28/2019 16:14:27</t>
  </si>
  <si>
    <t>12/28/2019 16:14:30</t>
  </si>
  <si>
    <t>12/28/2019 16:14:34</t>
  </si>
  <si>
    <t>12/28/2019 16:14:43</t>
  </si>
  <si>
    <t>12/28/2019 16:14:51</t>
  </si>
  <si>
    <t>12/28/2019 16:14:56</t>
  </si>
  <si>
    <t>12/28/2019 16:16:10</t>
  </si>
  <si>
    <t>12/28/2019 16:16:05</t>
  </si>
  <si>
    <t>12/28/2019 16:21:10</t>
  </si>
  <si>
    <t>12/28/2019 16:16:44</t>
  </si>
  <si>
    <t>12/28/2019 16:22:10</t>
  </si>
  <si>
    <t>12/28/2019 16:23:09</t>
  </si>
  <si>
    <t>12/28/2019 16:22:04</t>
  </si>
  <si>
    <t>12/28/2019 16:24:09</t>
  </si>
  <si>
    <t>12/28/2019 16:24:29</t>
  </si>
  <si>
    <t>12/28/2019 16:25:09</t>
  </si>
  <si>
    <t>12/28/2019 16:25:19</t>
  </si>
  <si>
    <t>12/28/2019 16:26:09</t>
  </si>
  <si>
    <t>12/28/2019 16:25:32</t>
  </si>
  <si>
    <t>12/28/2019 16:28:09</t>
  </si>
  <si>
    <t>12/28/2019 16:28:37</t>
  </si>
  <si>
    <t>12/28/2019 16:31:10</t>
  </si>
  <si>
    <t>12/28/2019 16:29:44</t>
  </si>
  <si>
    <t>12/28/2019 16:33:09</t>
  </si>
  <si>
    <t>12/28/2019 16:33:43</t>
  </si>
  <si>
    <t>12/28/2019 16:35:09</t>
  </si>
  <si>
    <t>12/28/2019 16:34:02</t>
  </si>
  <si>
    <t>12/28/2019 16:36:10</t>
  </si>
  <si>
    <t>12/28/2019 16:35:02</t>
  </si>
  <si>
    <t>12/28/2019 16:38:10</t>
  </si>
  <si>
    <t>12/28/2019 16:35:28</t>
  </si>
  <si>
    <t>12/28/2019 16:35:46</t>
  </si>
  <si>
    <t>12/28/2019 16:40:54</t>
  </si>
  <si>
    <t>12/28/2019 16:43:09</t>
  </si>
  <si>
    <t>12/28/2019 16:42:01</t>
  </si>
  <si>
    <t>12/28/2019 16:45:09</t>
  </si>
  <si>
    <t>12/28/2019 16:44:19</t>
  </si>
  <si>
    <t>12/28/2019 16:46:08</t>
  </si>
  <si>
    <t>12/28/2019 16:44:17</t>
  </si>
  <si>
    <t>12/28/2019 16:50:09</t>
  </si>
  <si>
    <t>12/28/2019 16:50:03</t>
  </si>
  <si>
    <t>12/28/2019 16:51:09</t>
  </si>
  <si>
    <t>12/28/2019 16:47:38</t>
  </si>
  <si>
    <t>12/28/2019 16:52:08</t>
  </si>
  <si>
    <t>aaddccdc-e691-45c0-bf3b-fd8356fed03d.tmp</t>
  </si>
  <si>
    <t>\\acsfs\profiles$\andreapdsg\Downloads\aaddccdc-e691-45c0-bf3b-fd8356fed03d.tmp</t>
  </si>
  <si>
    <t>12/28/2019 16:51:31</t>
  </si>
  <si>
    <t>12/28/2019 16:56:09</t>
  </si>
  <si>
    <t>12/28/2019 16:57:19</t>
  </si>
  <si>
    <t>12/28/2019 17:02:09</t>
  </si>
  <si>
    <t>12/28/2019 16:59:05</t>
  </si>
  <si>
    <t>12/28/2019 17:02:19</t>
  </si>
  <si>
    <t>12/28/2019 17:05:09</t>
  </si>
  <si>
    <t>12/28/2019 17:05:03</t>
  </si>
  <si>
    <t>12/28/2019 17:07:09</t>
  </si>
  <si>
    <t>566de1a2-0f3e-4786-95e6-1480ac360122.tmp</t>
  </si>
  <si>
    <t>\\acsfs\profiles$\andreapdsg\Downloads\566de1a2-0f3e-4786-95e6-1480ac360122.tmp</t>
  </si>
  <si>
    <t>12/28/2019 17:06:46</t>
  </si>
  <si>
    <t>12/28/2019 17:08:09</t>
  </si>
  <si>
    <t>12/28/2019 17:10:03</t>
  </si>
  <si>
    <t>12/28/2019 17:11:10</t>
  </si>
  <si>
    <t>12/28/2019 17:08:37</t>
  </si>
  <si>
    <t>12/28/2019 17:13:10</t>
  </si>
  <si>
    <t>12/28/2019 17:08:43</t>
  </si>
  <si>
    <t>12/28/2019 17:08:50</t>
  </si>
  <si>
    <t>12/28/2019 17:08:55</t>
  </si>
  <si>
    <t>12/28/2019 17:08:57</t>
  </si>
  <si>
    <t>12/28/2019 17:09:06</t>
  </si>
  <si>
    <t>12/28/2019 17:09:15</t>
  </si>
  <si>
    <t>12/28/2019 17:09:17</t>
  </si>
  <si>
    <t>12/28/2019 17:12:15</t>
  </si>
  <si>
    <t>12/28/2019 17:14:10</t>
  </si>
  <si>
    <t>12/28/2019 17:11:04</t>
  </si>
  <si>
    <t>12/28/2019 17:15:11</t>
  </si>
  <si>
    <t>12/28/2019 17:12:05</t>
  </si>
  <si>
    <t>12/28/2019 17:16:10</t>
  </si>
  <si>
    <t>12/28/2019 17:26:20</t>
  </si>
  <si>
    <t>12/28/2019 17:28:10</t>
  </si>
  <si>
    <t>12/28/2019 17:23:04</t>
  </si>
  <si>
    <t>12/28/2019 17:29:10</t>
  </si>
  <si>
    <t>12/28/2019 17:25:52</t>
  </si>
  <si>
    <t>12/28/2019 17:30:10</t>
  </si>
  <si>
    <t>12/28/2019 17:27:59</t>
  </si>
  <si>
    <t>12/28/2019 17:33:10</t>
  </si>
  <si>
    <t>12/28/2019 17:28:58</t>
  </si>
  <si>
    <t>12/28/2019 17:31:26</t>
  </si>
  <si>
    <t>12/28/2019 17:36:38</t>
  </si>
  <si>
    <t>12/28/2019 17:38:11</t>
  </si>
  <si>
    <t>12/28/2019 17:39:43</t>
  </si>
  <si>
    <t>12/28/2019 17:45:11</t>
  </si>
  <si>
    <t>12/28/2019 17:43:30</t>
  </si>
  <si>
    <t>bebcd336-f973-45bf-a32c-6fac2d1e57f3.tmp</t>
  </si>
  <si>
    <t>\\acsfs\profiles$\leandromsa\Downloads\bebcd336-f973-45bf-a32c-6fac2d1e57f3.tmp</t>
  </si>
  <si>
    <t>12/28/2019 17:43:24</t>
  </si>
  <si>
    <t>12/28/2019 17:47:11</t>
  </si>
  <si>
    <t>12/28/2019 17:42:39</t>
  </si>
  <si>
    <t>rafaelacdoc</t>
  </si>
  <si>
    <t>\\acsfs\profiles$\rafaelacdoc\Contacts\</t>
  </si>
  <si>
    <t>RAFAELA CRISTINA DE OLIVEIRA CLEMENTINO (10).contact</t>
  </si>
  <si>
    <t>\\acsfs\profiles$\rafaelacdoc\Contacts\RAFAELA CRISTINA DE OLIVEIRA CLEMENTINO (10).contact</t>
  </si>
  <si>
    <t>12/28/2019 17:42:51</t>
  </si>
  <si>
    <t>\\acsfs\profiles$\rafaelacdoc\My Documents\My Videos\</t>
  </si>
  <si>
    <t>\\acsfs\profiles$\rafaelacdoc\My Documents\My Videos\desktop.ini</t>
  </si>
  <si>
    <t>12/28/2019 17:42:52</t>
  </si>
  <si>
    <t>\\acsfs\profiles$\rafaelacdoc\My Documents\My Pictures\</t>
  </si>
  <si>
    <t>\\acsfs\profiles$\rafaelacdoc\My Documents\My Pictures\desktop.ini</t>
  </si>
  <si>
    <t>12/28/2019 17:42:53</t>
  </si>
  <si>
    <t>\\acsfs\profiles$\rafaelacdoc\Contacts\desktop.ini</t>
  </si>
  <si>
    <t>12/28/2019 17:42:54</t>
  </si>
  <si>
    <t>\\acsfs\profiles$\rafaelacdoc\Favorites\</t>
  </si>
  <si>
    <t>\\acsfs\profiles$\rafaelacdoc\Favorites\desktop.ini</t>
  </si>
  <si>
    <t>12/28/2019 17:42:55</t>
  </si>
  <si>
    <t>\\acsfs\profiles$\rafaelacdoc\My Documents\My Music\</t>
  </si>
  <si>
    <t>\\acsfs\profiles$\rafaelacdoc\My Documents\My Music\desktop.ini</t>
  </si>
  <si>
    <t>12/28/2019 17:42:56</t>
  </si>
  <si>
    <t>12/28/2019 17:42:57</t>
  </si>
  <si>
    <t>\\acsfs\profiles$\rafaelacdoc\Searches\</t>
  </si>
  <si>
    <t>\\acsfs\profiles$\rafaelacdoc\Searches\desktop.ini</t>
  </si>
  <si>
    <t>12/28/2019 17:42:58</t>
  </si>
  <si>
    <t>\\acsfs\profiles$\rafaelacdoc\Downloads\</t>
  </si>
  <si>
    <t>\\acsfs\profiles$\rafaelacdoc\Downloads\desktop.ini</t>
  </si>
  <si>
    <t>12/28/2019 17:42:59</t>
  </si>
  <si>
    <t>\\acsfs\profiles$\rafaelacdoc\My Documents\</t>
  </si>
  <si>
    <t>\\acsfs\profiles$\rafaelacdoc\My Documents\desktop.ini</t>
  </si>
  <si>
    <t>12/28/2019 17:43:00</t>
  </si>
  <si>
    <t>\\acsfs\profiles$\rafaelacdoc\Saved Games\</t>
  </si>
  <si>
    <t>\\acsfs\profiles$\rafaelacdoc\Saved Games\desktop.ini</t>
  </si>
  <si>
    <t>12/28/2019 17:43:13</t>
  </si>
  <si>
    <t>\\acsfs\profiles$\rafaelacdoc\Favorites\Links for Brasil\</t>
  </si>
  <si>
    <t>\\acsfs\profiles$\rafaelacdoc\Favorites\Links for Brasil\desktop.ini</t>
  </si>
  <si>
    <t>12/28/2019 17:43:14</t>
  </si>
  <si>
    <t>\\acsfs\profiles$\rafaelacdoc\Favorites\Links for Brasil\Microsoft Brasil.url</t>
  </si>
  <si>
    <t>\\acsfs\profiles$\rafaelacdoc\Favorites\Links for Brasil\Windows Brasil.url</t>
  </si>
  <si>
    <t>12/28/2019 17:43:16</t>
  </si>
  <si>
    <t>\\acsfs\profiles$\rafaelacdoc\Favorites\Links for Brasil\MSN Brasil.url</t>
  </si>
  <si>
    <t>12/28/2019 17:43:17</t>
  </si>
  <si>
    <t>12/28/2019 17:44:19</t>
  </si>
  <si>
    <t>a4a1650a-724b-45e8-82dd-a7732634bc03.tmp</t>
  </si>
  <si>
    <t>\\acsfs\profiles$\rafaelacdoc\Downloads\a4a1650a-724b-45e8-82dd-a7732634bc03.tmp</t>
  </si>
  <si>
    <t>12/28/2019 17:44:21</t>
  </si>
  <si>
    <t>c2fbfcbe-bdab-4dbf-8e89-b7edb4946198.tmp</t>
  </si>
  <si>
    <t>\\acsfs\profiles$\rafaelacdoc\Downloads\c2fbfcbe-bdab-4dbf-8e89-b7edb4946198.tmp</t>
  </si>
  <si>
    <t>12/28/2019 17:44:32</t>
  </si>
  <si>
    <t>Q29udHJvbGxlci5JRS1JbmZvQlY- (34).ica</t>
  </si>
  <si>
    <t>\\acsfs\profiles$\rafaelacdoc\Downloads\Q29udHJvbGxlci5JRS1JbmZvQlY- (34).ica</t>
  </si>
  <si>
    <t>12/28/2019 17:47:46</t>
  </si>
  <si>
    <t>12/28/2019 17:50:10</t>
  </si>
  <si>
    <t>12/28/2019 17:47:18</t>
  </si>
  <si>
    <t>0cc05d17-f85e-4a2f-ac71-87491f930b30.tmp</t>
  </si>
  <si>
    <t>\\acsfs\profiles$\leandromsa\Downloads\0cc05d17-f85e-4a2f-ac71-87491f930b30.tmp</t>
  </si>
  <si>
    <t>12/28/2019 17:47:42</t>
  </si>
  <si>
    <t>12/28/2019 17:51:11</t>
  </si>
  <si>
    <t>12/28/2019 17:49:50</t>
  </si>
  <si>
    <t>12/28/2019 17:52:11</t>
  </si>
  <si>
    <t>725254f7-5cae-4c65-ad60-cad7e67eccd3.tmp</t>
  </si>
  <si>
    <t>\\acsfs\profiles$\andreapdsg\Downloads\725254f7-5cae-4c65-ad60-cad7e67eccd3.tmp</t>
  </si>
  <si>
    <t>12/28/2019 17:49:53</t>
  </si>
  <si>
    <t>ef5b5afd-99c0-410a-abc8-6d63a6ebb3c5.tmp</t>
  </si>
  <si>
    <t>\\acsfs\profiles$\andreapdsg\Downloads\ef5b5afd-99c0-410a-abc8-6d63a6ebb3c5.tmp</t>
  </si>
  <si>
    <t>12/28/2019 17:52:32</t>
  </si>
  <si>
    <t>12/28/2019 17:53:12</t>
  </si>
  <si>
    <t>12/28/2019 17:50:41</t>
  </si>
  <si>
    <t>12/28/2019 17:51:04</t>
  </si>
  <si>
    <t>12/28/2019 17:54:11</t>
  </si>
  <si>
    <t>12/28/2019 17:51:06</t>
  </si>
  <si>
    <t>12/28/2019 17:51:09</t>
  </si>
  <si>
    <t>12/28/2019 17:51:12</t>
  </si>
  <si>
    <t>12/28/2019 17:51:13</t>
  </si>
  <si>
    <t>12/28/2019 17:51:14</t>
  </si>
  <si>
    <t>12/28/2019 17:51:15</t>
  </si>
  <si>
    <t>12/28/2019 17:51:17</t>
  </si>
  <si>
    <t>12/28/2019 17:51:18</t>
  </si>
  <si>
    <t>12/28/2019 17:51:19</t>
  </si>
  <si>
    <t>12/28/2019 17:51:21</t>
  </si>
  <si>
    <t>12/28/2019 17:51:22</t>
  </si>
  <si>
    <t>12/28/2019 17:51:24</t>
  </si>
  <si>
    <t>12/28/2019 17:51:25</t>
  </si>
  <si>
    <t>12/28/2019 17:51:26</t>
  </si>
  <si>
    <t>12/28/2019 17:51:27</t>
  </si>
  <si>
    <t>12/28/2019 17:51:28</t>
  </si>
  <si>
    <t>12/28/2019 17:51:29</t>
  </si>
  <si>
    <t>12/28/2019 17:51:30</t>
  </si>
  <si>
    <t>12/28/2019 17:51:31</t>
  </si>
  <si>
    <t>12/28/2019 17:51:32</t>
  </si>
  <si>
    <t>12/28/2019 17:51:33</t>
  </si>
  <si>
    <t>12/28/2019 17:51:34</t>
  </si>
  <si>
    <t>12/28/2019 17:51:36</t>
  </si>
  <si>
    <t>12/28/2019 17:51:37</t>
  </si>
  <si>
    <t>12/28/2019 17:51:38</t>
  </si>
  <si>
    <t>12/28/2019 17:51:39</t>
  </si>
  <si>
    <t>12/28/2019 17:51:41</t>
  </si>
  <si>
    <t>12/28/2019 17:51:42</t>
  </si>
  <si>
    <t>12/28/2019 17:51:43</t>
  </si>
  <si>
    <t>12/28/2019 17:51:44</t>
  </si>
  <si>
    <t>12/28/2019 17:51:45</t>
  </si>
  <si>
    <t>12/28/2019 17:51:46</t>
  </si>
  <si>
    <t>12/28/2019 17:51:48</t>
  </si>
  <si>
    <t>12/28/2019 17:52:12</t>
  </si>
  <si>
    <t>12/28/2019 17:49:42</t>
  </si>
  <si>
    <t>12/28/2019 17:55:12</t>
  </si>
  <si>
    <t>ea073682-f192-4274-b085-fea3fb197f56.tmp</t>
  </si>
  <si>
    <t>\\acsfs\profiles$\leandromsa\Downloads\ea073682-f192-4274-b085-fea3fb197f56.tmp</t>
  </si>
  <si>
    <t>12/28/2019 17:56:25</t>
  </si>
  <si>
    <t>12/28/2019 17:57:11</t>
  </si>
  <si>
    <t>fe1d65f8-ce92-44fe-a8f9-091b7557210e.tmp</t>
  </si>
  <si>
    <t>\\acsfs\profiles$\andreapdsg\Downloads\fe1d65f8-ce92-44fe-a8f9-091b7557210e.tmp</t>
  </si>
  <si>
    <t>12/28/2019 17:55:13</t>
  </si>
  <si>
    <t>12/28/2019 17:58:12</t>
  </si>
  <si>
    <t>db532c84-c35f-4427-86fa-01e30fab2a21.tmp</t>
  </si>
  <si>
    <t>\\acsfs\profiles$\matheusmax\Downloads\db532c84-c35f-4427-86fa-01e30fab2a21.tmp</t>
  </si>
  <si>
    <t>12/28/2019 17:53:50</t>
  </si>
  <si>
    <t>12/28/2019 17:54:24</t>
  </si>
  <si>
    <t>12/28/2019 17:54:52</t>
  </si>
  <si>
    <t>12/28/2019 17:57:28</t>
  </si>
  <si>
    <t>12/28/2019 17:54:35</t>
  </si>
  <si>
    <t>12/28/2019 18:00:12</t>
  </si>
  <si>
    <t>fa2c13d7-62a7-4e28-b90f-916b5a90d8e8.tmp</t>
  </si>
  <si>
    <t>\\acsfs\profiles$\taylaedoa\Downloads\fa2c13d7-62a7-4e28-b90f-916b5a90d8e8.tmp</t>
  </si>
  <si>
    <t>12/28/2019 17:57:42</t>
  </si>
  <si>
    <t>1bc093e6-8454-4343-be37-e8e331676b03.tmp</t>
  </si>
  <si>
    <t>\\acsfs\profiles$\taylaedoa\Downloads\1bc093e6-8454-4343-be37-e8e331676b03.tmp</t>
  </si>
  <si>
    <t>12/28/2019 17:55:57</t>
  </si>
  <si>
    <t>12/28/2019 18:00:19</t>
  </si>
  <si>
    <t>12/28/2019 18:01:12</t>
  </si>
  <si>
    <t>12/28/2019 18:04:51</t>
  </si>
  <si>
    <t>12/28/2019 18:08:12</t>
  </si>
  <si>
    <t>12/28/2019 18:06:01</t>
  </si>
  <si>
    <t>12/28/2019 18:06:09</t>
  </si>
  <si>
    <t>12/28/2019 18:06:14</t>
  </si>
  <si>
    <t>12/28/2019 18:06:19</t>
  </si>
  <si>
    <t>12/28/2019 18:06:26</t>
  </si>
  <si>
    <t>12/28/2019 18:06:35</t>
  </si>
  <si>
    <t>12/28/2019 18:08:08</t>
  </si>
  <si>
    <t>12/28/2019 18:10:11</t>
  </si>
  <si>
    <t>12/28/2019 18:09:26</t>
  </si>
  <si>
    <t>12/28/2019 18:07:53</t>
  </si>
  <si>
    <t>12/28/2019 18:13:11</t>
  </si>
  <si>
    <t>06e07052-4afd-4bc2-b3dc-bf69aac769b9.tmp</t>
  </si>
  <si>
    <t>\\acsfs\profiles$\rosileiam\Downloads\06e07052-4afd-4bc2-b3dc-bf69aac769b9.tmp</t>
  </si>
  <si>
    <t>12/28/2019 18:09:14</t>
  </si>
  <si>
    <t>12/28/2019 18:11:18</t>
  </si>
  <si>
    <t>12/28/2019 18:10:08</t>
  </si>
  <si>
    <t>12/28/2019 18:15:10</t>
  </si>
  <si>
    <t>12/28/2019 18:09:55</t>
  </si>
  <si>
    <t>12/28/2019 18:10:48</t>
  </si>
  <si>
    <t>12/28/2019 18:15:40</t>
  </si>
  <si>
    <t>12/28/2019 18:18:10</t>
  </si>
  <si>
    <t>12/28/2019 18:16:12</t>
  </si>
  <si>
    <t>12/28/2019 18:15:25</t>
  </si>
  <si>
    <t>12/28/2019 18:20:10</t>
  </si>
  <si>
    <t>12/28/2019 18:20:50</t>
  </si>
  <si>
    <t>12/28/2019 18:21:09</t>
  </si>
  <si>
    <t>12/28/2019 18:21:21</t>
  </si>
  <si>
    <t>12/28/2019 18:25:10</t>
  </si>
  <si>
    <t>12/28/2019 18:24:22</t>
  </si>
  <si>
    <t>12/28/2019 18:23:25</t>
  </si>
  <si>
    <t>12/28/2019 18:28:09</t>
  </si>
  <si>
    <t>12/28/2019 18:28:20</t>
  </si>
  <si>
    <t>12/28/2019 18:29:09</t>
  </si>
  <si>
    <t>marcelodds@algartech.com</t>
  </si>
  <si>
    <t>28122019D.xlsx</t>
  </si>
  <si>
    <t>12/28/2019 18:27:35</t>
  </si>
  <si>
    <t>12/28/2019 18:31:09</t>
  </si>
  <si>
    <t>12/28/2019 18:27:45</t>
  </si>
  <si>
    <t>12/28/2019 18:32:10</t>
  </si>
  <si>
    <t>12/28/2019 18:29:06</t>
  </si>
  <si>
    <t>12/28/2019 18:33:09</t>
  </si>
  <si>
    <t>12/28/2019 18:31:14</t>
  </si>
  <si>
    <t>12/28/2019 18:31:23</t>
  </si>
  <si>
    <t>12/28/2019 18:31:27</t>
  </si>
  <si>
    <t>12/28/2019 18:31:30</t>
  </si>
  <si>
    <t>12/28/2019 18:31:33</t>
  </si>
  <si>
    <t>12/28/2019 18:31:50</t>
  </si>
  <si>
    <t>12/28/2019 18:31:58</t>
  </si>
  <si>
    <t>12/28/2019 18:32:08</t>
  </si>
  <si>
    <t>12/28/2019 18:28:00</t>
  </si>
  <si>
    <t>12/28/2019 18:32:33</t>
  </si>
  <si>
    <t>12/28/2019 18:32:47</t>
  </si>
  <si>
    <t>12/28/2019 18:38:09</t>
  </si>
  <si>
    <t>12/28/2019 18:33:36</t>
  </si>
  <si>
    <t>12/28/2019 18:38:13</t>
  </si>
  <si>
    <t>12/28/2019 18:39:09</t>
  </si>
  <si>
    <t>12/28/2019 18:36:29</t>
  </si>
  <si>
    <t>12/28/2019 18:38:37</t>
  </si>
  <si>
    <t>12/28/2019 18:40:09</t>
  </si>
  <si>
    <t>12/28/2019 18:39:52</t>
  </si>
  <si>
    <t>12/28/2019 18:41:09</t>
  </si>
  <si>
    <t>12/28/2019 18:39:06</t>
  </si>
  <si>
    <t>12/28/2019 18:43:09</t>
  </si>
  <si>
    <t>12/28/2019 18:39:21</t>
  </si>
  <si>
    <t>12/28/2019 18:40:01</t>
  </si>
  <si>
    <t>12/28/2019 18:42:26</t>
  </si>
  <si>
    <t>12/28/2019 18:45:09</t>
  </si>
  <si>
    <t>12/28/2019 18:47:31</t>
  </si>
  <si>
    <t>12/28/2019 18:48:08</t>
  </si>
  <si>
    <t>12/28/2019 18:49:00</t>
  </si>
  <si>
    <t>12/28/2019 18:53:09</t>
  </si>
  <si>
    <t>12/28/2019 18:48:30</t>
  </si>
  <si>
    <t>12/28/2019 18:49:32</t>
  </si>
  <si>
    <t>12/28/2019 18:51:02</t>
  </si>
  <si>
    <t>12/28/2019 18:55:08</t>
  </si>
  <si>
    <t>12/28/2019 18:50:19</t>
  </si>
  <si>
    <t>12/28/2019 18:53:24</t>
  </si>
  <si>
    <t>12/28/2019 18:54:33</t>
  </si>
  <si>
    <t>12/28/2019 18:56:09</t>
  </si>
  <si>
    <t>12/28/2019 18:55:03</t>
  </si>
  <si>
    <t>12/28/2019 18:57:08</t>
  </si>
  <si>
    <t>12/28/2019 18:54:02</t>
  </si>
  <si>
    <t>12/28/2019 18:58:09</t>
  </si>
  <si>
    <t>12/28/2019 18:55:38</t>
  </si>
  <si>
    <t>12/28/2019 19:01:09</t>
  </si>
  <si>
    <t>12/28/2019 18:58:03</t>
  </si>
  <si>
    <t>12/28/2019 18:58:14</t>
  </si>
  <si>
    <t>12/28/2019 19:00:25</t>
  </si>
  <si>
    <t>12/28/2019 19:00:29</t>
  </si>
  <si>
    <t>12/28/2019 19:03:10</t>
  </si>
  <si>
    <t>12/28/2019 19:00:37</t>
  </si>
  <si>
    <t>12/28/2019 19:00:41</t>
  </si>
  <si>
    <t>12/28/2019 19:00:45</t>
  </si>
  <si>
    <t>12/28/2019 19:00:47</t>
  </si>
  <si>
    <t>12/28/2019 19:00:54</t>
  </si>
  <si>
    <t>12/28/2019 19:01:02</t>
  </si>
  <si>
    <t>12/28/2019 19:01:33</t>
  </si>
  <si>
    <t>12/28/2019 19:01:55</t>
  </si>
  <si>
    <t>12/28/2019 19:00:28</t>
  </si>
  <si>
    <t>12/28/2019 19:04:19</t>
  </si>
  <si>
    <t>12/28/2019 19:06:10</t>
  </si>
  <si>
    <t>12/28/2019 19:02:31</t>
  </si>
  <si>
    <t>12/28/2019 19:08:11</t>
  </si>
  <si>
    <t>12/28/2019 19:08:05</t>
  </si>
  <si>
    <t>12/28/2019 19:10:11</t>
  </si>
  <si>
    <t>12/28/2019 19:09:23</t>
  </si>
  <si>
    <t>12/28/2019 19:13:10</t>
  </si>
  <si>
    <t>12/28/2019 19:20:08</t>
  </si>
  <si>
    <t>12/28/2019 19:21:11</t>
  </si>
  <si>
    <t>12/28/2019 19:21:29</t>
  </si>
  <si>
    <t>12/28/2019 19:23:12</t>
  </si>
  <si>
    <t>12/28/2019 19:22:21</t>
  </si>
  <si>
    <t>12/28/2019 19:27:12</t>
  </si>
  <si>
    <t>d96abd3d-0fe2-4c36-9916-a151d7525599.tmp</t>
  </si>
  <si>
    <t>\\acsfs\profiles$\rafaelacdoc\Downloads\d96abd3d-0fe2-4c36-9916-a151d7525599.tmp</t>
  </si>
  <si>
    <t>12/28/2019 19:33:23</t>
  </si>
  <si>
    <t>12/28/2019 19:36:12</t>
  </si>
  <si>
    <t>12/28/2019 19:37:44</t>
  </si>
  <si>
    <t>12/28/2019 19:39:11</t>
  </si>
  <si>
    <t>12/28/2019 19:38:48</t>
  </si>
  <si>
    <t>12/28/2019 19:41:12</t>
  </si>
  <si>
    <t>12/28/2019 19:39:57</t>
  </si>
  <si>
    <t>12/28/2019 19:42:11</t>
  </si>
  <si>
    <t>12/28/2019 19:42:04</t>
  </si>
  <si>
    <t>12/28/2019 19:43:12</t>
  </si>
  <si>
    <t>12/28/2019 19:44:08</t>
  </si>
  <si>
    <t>12/28/2019 19:47:12</t>
  </si>
  <si>
    <t>034c0910-1aa0-49db-99f0-d3a6a2695c1f.tmp</t>
  </si>
  <si>
    <t>\\acsfs\profiles$\rafaelacdoc\Downloads\034c0910-1aa0-49db-99f0-d3a6a2695c1f.tmp</t>
  </si>
  <si>
    <t>12/28/2019 19:44:51</t>
  </si>
  <si>
    <t>12/28/2019 19:48:11</t>
  </si>
  <si>
    <t>12/28/2019 19:45:18</t>
  </si>
  <si>
    <t>12/28/2019 19:44:25</t>
  </si>
  <si>
    <t>12/28/2019 19:50:11</t>
  </si>
  <si>
    <t>12/28/2019 19:48:38</t>
  </si>
  <si>
    <t>12/28/2019 19:51:11</t>
  </si>
  <si>
    <t>12/28/2019 19:49:41</t>
  </si>
  <si>
    <t>12/28/2019 19:53:11</t>
  </si>
  <si>
    <t>12/28/2019 19:52:01</t>
  </si>
  <si>
    <t>12/28/2019 19:54:11</t>
  </si>
  <si>
    <t>12/28/2019 19:54:34</t>
  </si>
  <si>
    <t>12/28/2019 19:58:11</t>
  </si>
  <si>
    <t>12/28/2019 19:57:35</t>
  </si>
  <si>
    <t>12/28/2019 19:57:13</t>
  </si>
  <si>
    <t>12/28/2019 19:59:10</t>
  </si>
  <si>
    <t>12/28/2019 19:59:05</t>
  </si>
  <si>
    <t>12/28/2019 20:00:11</t>
  </si>
  <si>
    <t>12/28/2019 20:01:11</t>
  </si>
  <si>
    <t>12/28/2019 20:00:48</t>
  </si>
  <si>
    <t>12/28/2019 20:03:12</t>
  </si>
  <si>
    <t>12/28/2019 20:00:53</t>
  </si>
  <si>
    <t>12/28/2019 19:59:42</t>
  </si>
  <si>
    <t>12/28/2019 20:01:32</t>
  </si>
  <si>
    <t>12/28/2019 20:01:38</t>
  </si>
  <si>
    <t>12/28/2019 20:01:16</t>
  </si>
  <si>
    <t>12/28/2019 20:02:28</t>
  </si>
  <si>
    <t>12/28/2019 20:07:11</t>
  </si>
  <si>
    <t>12/28/2019 20:02:27</t>
  </si>
  <si>
    <t>12/28/2019 20:08:11</t>
  </si>
  <si>
    <t>12/28/2019 20:02:33</t>
  </si>
  <si>
    <t>12/28/2019 20:02:39</t>
  </si>
  <si>
    <t>12/28/2019 20:02:46</t>
  </si>
  <si>
    <t>12/28/2019 20:02:57</t>
  </si>
  <si>
    <t>12/28/2019 20:03:05</t>
  </si>
  <si>
    <t>12/28/2019 20:04:38</t>
  </si>
  <si>
    <t>12/28/2019 20:06:32</t>
  </si>
  <si>
    <t>12/28/2019 20:06:35</t>
  </si>
  <si>
    <t>12/28/2019 20:06:39</t>
  </si>
  <si>
    <t>12/28/2019 20:06:50</t>
  </si>
  <si>
    <t>12/28/2019 20:06:52</t>
  </si>
  <si>
    <t>12/28/2019 20:06:59</t>
  </si>
  <si>
    <t>12/28/2019 20:04:40</t>
  </si>
  <si>
    <t>12/28/2019 20:04:15</t>
  </si>
  <si>
    <t>12/28/2019 20:10:28</t>
  </si>
  <si>
    <t>12/28/2019 20:13:12</t>
  </si>
  <si>
    <t>12/28/2019 20:12:02</t>
  </si>
  <si>
    <t>12/28/2019 20:16:12</t>
  </si>
  <si>
    <t>12/28/2019 20:11:37</t>
  </si>
  <si>
    <t>12/28/2019 20:17:12</t>
  </si>
  <si>
    <t>12/28/2019 20:14:33</t>
  </si>
  <si>
    <t>12/28/2019 20:18:13</t>
  </si>
  <si>
    <t>12/28/2019 20:13:28</t>
  </si>
  <si>
    <t>12/28/2019 20:17:52</t>
  </si>
  <si>
    <t>12/28/2019 20:19:12</t>
  </si>
  <si>
    <t>12/28/2019 20:18:06</t>
  </si>
  <si>
    <t>12/28/2019 20:20:13</t>
  </si>
  <si>
    <t>12/28/2019 20:16:23</t>
  </si>
  <si>
    <t>12/28/2019 20:20:36</t>
  </si>
  <si>
    <t>12/28/2019 20:23:13</t>
  </si>
  <si>
    <t>12/28/2019 20:20:45</t>
  </si>
  <si>
    <t>12/28/2019 20:27:51</t>
  </si>
  <si>
    <t>12/28/2019 20:29:13</t>
  </si>
  <si>
    <t>12/28/2019 20:28:49</t>
  </si>
  <si>
    <t>12/28/2019 20:31:13</t>
  </si>
  <si>
    <t>12/28/2019 20:34:11</t>
  </si>
  <si>
    <t>12/28/2019 20:35:13</t>
  </si>
  <si>
    <t>12/28/2019 20:31:46</t>
  </si>
  <si>
    <t>12/28/2019 20:36:13</t>
  </si>
  <si>
    <t>12/28/2019 20:36:12</t>
  </si>
  <si>
    <t>12/28/2019 20:38:13</t>
  </si>
  <si>
    <t>12/28/2019 20:41:13</t>
  </si>
  <si>
    <t>12/28/2019 20:39:24</t>
  </si>
  <si>
    <t>12/28/2019 20:40:52</t>
  </si>
  <si>
    <t>12/28/2019 20:45:12</t>
  </si>
  <si>
    <t>12/28/2019 20:42:50</t>
  </si>
  <si>
    <t>12/28/2019 20:46:29</t>
  </si>
  <si>
    <t>12/28/2019 20:49:12</t>
  </si>
  <si>
    <t>12/28/2019 20:48:18</t>
  </si>
  <si>
    <t>12/28/2019 20:50:12</t>
  </si>
  <si>
    <t>12/28/2019 20:49:30</t>
  </si>
  <si>
    <t>12/28/2019 20:53:12</t>
  </si>
  <si>
    <t>12/28/2019 20:53:22</t>
  </si>
  <si>
    <t>12/28/2019 20:57:13</t>
  </si>
  <si>
    <t>12/28/2019 20:58:02</t>
  </si>
  <si>
    <t>12/28/2019 21:01:12</t>
  </si>
  <si>
    <t>12/28/2019 21:01:20</t>
  </si>
  <si>
    <t>12/28/2019 21:06:13</t>
  </si>
  <si>
    <t>12/28/2019 21:03:35</t>
  </si>
  <si>
    <t>12/28/2019 21:08:12</t>
  </si>
  <si>
    <t>12/28/2019 21:03:46</t>
  </si>
  <si>
    <t>12/28/2019 21:17:46</t>
  </si>
  <si>
    <t>12/28/2019 21:20:13</t>
  </si>
  <si>
    <t>12/28/2019 21:20:02</t>
  </si>
  <si>
    <t>12/28/2019 21:23:13</t>
  </si>
  <si>
    <t>12/28/2019 21:23:26</t>
  </si>
  <si>
    <t>12/28/2019 21:28:13</t>
  </si>
  <si>
    <t>12/28/2019 21:24:14</t>
  </si>
  <si>
    <t>12/28/2019 21:25:08</t>
  </si>
  <si>
    <t>12/28/2019 21:29:12</t>
  </si>
  <si>
    <t>12/28/2019 21:25:26</t>
  </si>
  <si>
    <t>12/28/2019 21:27:29</t>
  </si>
  <si>
    <t>12/28/2019 21:33:13</t>
  </si>
  <si>
    <t>12/28/2019 21:27:42</t>
  </si>
  <si>
    <t>12/28/2019 21:28:34</t>
  </si>
  <si>
    <t>12/28/2019 21:29:48</t>
  </si>
  <si>
    <t>12/28/2019 21:29:53</t>
  </si>
  <si>
    <t>12/28/2019 21:30:18</t>
  </si>
  <si>
    <t>12/28/2019 21:30:40</t>
  </si>
  <si>
    <t>12/28/2019 21:31:04</t>
  </si>
  <si>
    <t>12/28/2019 21:31:19</t>
  </si>
  <si>
    <t>12/28/2019 21:31:33</t>
  </si>
  <si>
    <t>12/28/2019 21:31:49</t>
  </si>
  <si>
    <t>Larissa Pereira 2812.xlsx</t>
  </si>
  <si>
    <t>12/28/2019 21:32:13</t>
  </si>
  <si>
    <t>12/28/2019 21:32:35</t>
  </si>
  <si>
    <t>12/28/2019 21:35:13</t>
  </si>
  <si>
    <t>12/28/2019 21:45:43</t>
  </si>
  <si>
    <t>12/28/2019 21:46:13</t>
  </si>
  <si>
    <t>12/28/2019 21:43:37</t>
  </si>
  <si>
    <t>12/28/2019 21:48:13</t>
  </si>
  <si>
    <t>12/28/2019 21:47:12</t>
  </si>
  <si>
    <t>12/28/2019 21:52:13</t>
  </si>
  <si>
    <t>12/28/2019 21:54:27</t>
  </si>
  <si>
    <t>12/28/2019 21:57:13</t>
  </si>
  <si>
    <t>12/28/2019 21:56:57</t>
  </si>
  <si>
    <t>12/28/2019 21:58:13</t>
  </si>
  <si>
    <t>12/28/2019 21:57:35</t>
  </si>
  <si>
    <t>12/28/2019 22:03:13</t>
  </si>
  <si>
    <t>12/28/2019 22:00:02</t>
  </si>
  <si>
    <t>12/28/2019 22:00:31</t>
  </si>
  <si>
    <t>12/28/2019 22:01:03</t>
  </si>
  <si>
    <t>12/28/2019 22:04:33</t>
  </si>
  <si>
    <t>12/28/2019 22:07:13</t>
  </si>
  <si>
    <t>12/28/2019 22:10:13</t>
  </si>
  <si>
    <t>12/28/2019 22:13:13</t>
  </si>
  <si>
    <t>12/28/2019 22:10:20</t>
  </si>
  <si>
    <t>12/28/2019 22:15:13</t>
  </si>
  <si>
    <t>12/28/2019 22:13:57</t>
  </si>
  <si>
    <t>12/28/2019 22:16:13</t>
  </si>
  <si>
    <t>12/28/2019 22:20:31</t>
  </si>
  <si>
    <t>12/28/2019 22:21:13</t>
  </si>
  <si>
    <t>12/28/2019 22:16:37</t>
  </si>
  <si>
    <t>12/28/2019 22:22:13</t>
  </si>
  <si>
    <t>12/28/2019 22:20:59</t>
  </si>
  <si>
    <t>12/28/2019 22:24:13</t>
  </si>
  <si>
    <t>12/28/2019 22:21:02</t>
  </si>
  <si>
    <t>12/28/2019 22:25:13</t>
  </si>
  <si>
    <t>12/28/2019 22:24:08</t>
  </si>
  <si>
    <t>12/28/2019 22:26:13</t>
  </si>
  <si>
    <t>12/28/2019 22:36:02</t>
  </si>
  <si>
    <t>12/28/2019 22:40:13</t>
  </si>
  <si>
    <t>12/28/2019 22:38:19</t>
  </si>
  <si>
    <t>12/28/2019 22:41:13</t>
  </si>
  <si>
    <t>12/28/2019 22:38:52</t>
  </si>
  <si>
    <t>12/28/2019 22:39:19</t>
  </si>
  <si>
    <t>12/28/2019 22:43:13</t>
  </si>
  <si>
    <t>12/28/2019 22:42:04</t>
  </si>
  <si>
    <t>12/28/2019 22:44:13</t>
  </si>
  <si>
    <t>12/28/2019 22:47:17</t>
  </si>
  <si>
    <t>12/28/2019 22:50:12</t>
  </si>
  <si>
    <t>12/28/2019 23:02:25</t>
  </si>
  <si>
    <t>12/28/2019 23:06:12</t>
  </si>
  <si>
    <t>12/28/2019 23:05:17</t>
  </si>
  <si>
    <t>12/28/2019 23:06:35</t>
  </si>
  <si>
    <t>12/28/2019 23:11:13</t>
  </si>
  <si>
    <t>12/28/2019 23:09:26</t>
  </si>
  <si>
    <t>12/28/2019 23:14:13</t>
  </si>
  <si>
    <t>12/28/2019 23:13:49</t>
  </si>
  <si>
    <t>12/28/2019 23:16:13</t>
  </si>
  <si>
    <t>12/28/2019 23:12:03</t>
  </si>
  <si>
    <t>12/28/2019 23:11:32</t>
  </si>
  <si>
    <t>12/28/2019 23:13:04</t>
  </si>
  <si>
    <t>12/28/2019 23:17:12</t>
  </si>
  <si>
    <t>12/28/2019 23:18:44</t>
  </si>
  <si>
    <t>12/28/2019 23:21:12</t>
  </si>
  <si>
    <t>12/28/2019 23:21:50</t>
  </si>
  <si>
    <t>12/28/2019 23:25:12</t>
  </si>
  <si>
    <t>12/28/2019 23:34:11</t>
  </si>
  <si>
    <t>12/28/2019 23:35:13</t>
  </si>
  <si>
    <t>12/28/2019 23:30:11</t>
  </si>
  <si>
    <t>12/28/2019 23:34:24</t>
  </si>
  <si>
    <t>12/28/2019 23:37:13</t>
  </si>
  <si>
    <t>12/28/2019 23:39:01</t>
  </si>
  <si>
    <t>12/28/2019 23:39:13</t>
  </si>
  <si>
    <t>12/28/2019 23:41:37</t>
  </si>
  <si>
    <t>12/28/2019 23:42:12</t>
  </si>
  <si>
    <t>12/28/2019 23:45:58</t>
  </si>
  <si>
    <t>12/28/2019 23:48:13</t>
  </si>
  <si>
    <t>12/28/2019 23:55:52</t>
  </si>
  <si>
    <t>12/28/2019 23:57:13</t>
  </si>
  <si>
    <t>12/28/2019 23:57:09</t>
  </si>
  <si>
    <t>12/28/2019 23:58:13</t>
  </si>
  <si>
    <t>12/28/2019 23:55:37</t>
  </si>
  <si>
    <t>12/29/2019 00:00:13</t>
  </si>
  <si>
    <t>12/28/2019 23:57:44</t>
  </si>
  <si>
    <t>12/29/2019 00:01:14</t>
  </si>
  <si>
    <t>12/29/2019 00:03:17</t>
  </si>
  <si>
    <t>12/29/2019 00:04:14</t>
  </si>
  <si>
    <t>12/29/2019 00:02:29</t>
  </si>
  <si>
    <t>12/29/2019 00:05:15</t>
  </si>
  <si>
    <t>12/29/2019 00:03:24</t>
  </si>
  <si>
    <t>12/29/2019 00:04:19</t>
  </si>
  <si>
    <t>12/29/2019 00:06:15</t>
  </si>
  <si>
    <t>12/29/2019 00:04:11</t>
  </si>
  <si>
    <t>12/29/2019 00:02:06</t>
  </si>
  <si>
    <t>38cf76a4-a9ff-4d2a-bcd3-1910e29d98f1.tmp</t>
  </si>
  <si>
    <t>\\acsfs\profiles$\marlyannegdls\Downloads\38cf76a4-a9ff-4d2a-bcd3-1910e29d98f1.tmp</t>
  </si>
  <si>
    <t>12/29/2019 00:03:40</t>
  </si>
  <si>
    <t>27603053-c8de-4a3a-98fe-c9472113eec7.tmp</t>
  </si>
  <si>
    <t>\\acsfs\profiles$\marlyannegdls\Downloads\27603053-c8de-4a3a-98fe-c9472113eec7.tmp</t>
  </si>
  <si>
    <t>12/29/2019 00:04:05</t>
  </si>
  <si>
    <t>16875cb1-8dfa-4b2d-b306-b22c619e57de.tmp</t>
  </si>
  <si>
    <t>\\acsfs\profiles$\marlyannegdls\Downloads\16875cb1-8dfa-4b2d-b306-b22c619e57de.tmp</t>
  </si>
  <si>
    <t>12/29/2019 00:04:55</t>
  </si>
  <si>
    <t>12/29/2019 00:03:56</t>
  </si>
  <si>
    <t>12/29/2019 00:07:14</t>
  </si>
  <si>
    <t>12/29/2019 00:05:06</t>
  </si>
  <si>
    <t>12/29/2019 00:02:24</t>
  </si>
  <si>
    <t>12/29/2019 00:06:32</t>
  </si>
  <si>
    <t>12/29/2019 00:05:18</t>
  </si>
  <si>
    <t>12/29/2019 00:08:15</t>
  </si>
  <si>
    <t>12/29/2019 00:06:33</t>
  </si>
  <si>
    <t>12/29/2019 00:06:35</t>
  </si>
  <si>
    <t>12/29/2019 00:06:30</t>
  </si>
  <si>
    <t>12/29/2019 00:08:09</t>
  </si>
  <si>
    <t>12/29/2019 00:09:14</t>
  </si>
  <si>
    <t>12/29/2019 00:07:08</t>
  </si>
  <si>
    <t>12/29/2019 00:05:16</t>
  </si>
  <si>
    <t>12/29/2019 00:10:15</t>
  </si>
  <si>
    <t>12/29/2019 00:05:55</t>
  </si>
  <si>
    <t>12/29/2019 00:05:48</t>
  </si>
  <si>
    <t>12/29/2019 00:08:04</t>
  </si>
  <si>
    <t>12/29/2019 00:11:14</t>
  </si>
  <si>
    <t>12/29/2019 00:09:27</t>
  </si>
  <si>
    <t>12/29/2019 00:10:08</t>
  </si>
  <si>
    <t>12/29/2019 00:12:15</t>
  </si>
  <si>
    <t>12/29/2019 00:07:52</t>
  </si>
  <si>
    <t>12/29/2019 00:09:57</t>
  </si>
  <si>
    <t>12/29/2019 00:15:15</t>
  </si>
  <si>
    <t>12/29/2019 00:10:58</t>
  </si>
  <si>
    <t>12/29/2019 00:13:09</t>
  </si>
  <si>
    <t>12/29/2019 00:16:14</t>
  </si>
  <si>
    <t>12/29/2019 00:10:48</t>
  </si>
  <si>
    <t>12/29/2019 00:14:34</t>
  </si>
  <si>
    <t>12/29/2019 00:13:58</t>
  </si>
  <si>
    <t>12/29/2019 00:12:41</t>
  </si>
  <si>
    <t>12/29/2019 00:17:15</t>
  </si>
  <si>
    <t>12/29/2019 00:16:43</t>
  </si>
  <si>
    <t>12/29/2019 00:18:15</t>
  </si>
  <si>
    <t>12/29/2019 00:13:52</t>
  </si>
  <si>
    <t>12/29/2019 00:18:11</t>
  </si>
  <si>
    <t>12/29/2019 00:19:15</t>
  </si>
  <si>
    <t>12/29/2019 00:20:31</t>
  </si>
  <si>
    <t>12/29/2019 00:22:15</t>
  </si>
  <si>
    <t>12/29/2019 00:24:57</t>
  </si>
  <si>
    <t>12/29/2019 00:26:14</t>
  </si>
  <si>
    <t>12/29/2019 00:34:39</t>
  </si>
  <si>
    <t>12/29/2019 00:36:14</t>
  </si>
  <si>
    <t>12/29/2019 00:38:38</t>
  </si>
  <si>
    <t>12/29/2019 00:40:14</t>
  </si>
  <si>
    <t>12/29/2019 00:40:45</t>
  </si>
  <si>
    <t>12/29/2019 00:43:14</t>
  </si>
  <si>
    <t>12/29/2019 00:42:39</t>
  </si>
  <si>
    <t>12/29/2019 00:46:14</t>
  </si>
  <si>
    <t>12/29/2019 00:58:04</t>
  </si>
  <si>
    <t>12/29/2019 01:00:14</t>
  </si>
  <si>
    <t>12/29/2019 01:01:43</t>
  </si>
  <si>
    <t>12/29/2019 01:14:14</t>
  </si>
  <si>
    <t>12/29/2019 01:00:53</t>
  </si>
  <si>
    <t>12/29/2019 01:06:21</t>
  </si>
  <si>
    <t>12/29/2019 01:12:20</t>
  </si>
  <si>
    <t>12/29/2019 01:16:14</t>
  </si>
  <si>
    <t>12/29/2019 01:17:14</t>
  </si>
  <si>
    <t>12/29/2019 01:13:59</t>
  </si>
  <si>
    <t>12/29/2019 01:19:14</t>
  </si>
  <si>
    <t>12/29/2019 01:20:11</t>
  </si>
  <si>
    <t>12/29/2019 01:21:14</t>
  </si>
  <si>
    <t>12/29/2019 01:18:18</t>
  </si>
  <si>
    <t>12/29/2019 01:22:14</t>
  </si>
  <si>
    <t>12/29/2019 01:22:06</t>
  </si>
  <si>
    <t>12/29/2019 01:25:13</t>
  </si>
  <si>
    <t>12/29/2019 01:33:25</t>
  </si>
  <si>
    <t>12/29/2019 01:36:14</t>
  </si>
  <si>
    <t>12/29/2019 01:32:03</t>
  </si>
  <si>
    <t>12/29/2019 01:35:48</t>
  </si>
  <si>
    <t>12/29/2019 01:38:14</t>
  </si>
  <si>
    <t>12/29/2019 01:36:27</t>
  </si>
  <si>
    <t>12/29/2019 01:40:03</t>
  </si>
  <si>
    <t>12/29/2019 01:41:13</t>
  </si>
  <si>
    <t>12/29/2019 01:43:05</t>
  </si>
  <si>
    <t>12/29/2019 01:44:14</t>
  </si>
  <si>
    <t>12/29/2019 01:43:16</t>
  </si>
  <si>
    <t>12/29/2019 01:47:14</t>
  </si>
  <si>
    <t>12/29/2019 01:48:14</t>
  </si>
  <si>
    <t>12/29/2019 01:52:14</t>
  </si>
  <si>
    <t>12/29/2019 01:51:39</t>
  </si>
  <si>
    <t>12/29/2019 01:54:14</t>
  </si>
  <si>
    <t>12/29/2019 01:50:03</t>
  </si>
  <si>
    <t>12/29/2019 01:55:14</t>
  </si>
  <si>
    <t>12/29/2019 01:58:23</t>
  </si>
  <si>
    <t>12/29/2019 02:03:14</t>
  </si>
  <si>
    <t>12/29/2019 02:02:45</t>
  </si>
  <si>
    <t>12/29/2019 02:06:14</t>
  </si>
  <si>
    <t>12/29/2019 02:06:02</t>
  </si>
  <si>
    <t>12/29/2019 02:07:14</t>
  </si>
  <si>
    <t>12/29/2019 02:09:55</t>
  </si>
  <si>
    <t>12/29/2019 02:11:14</t>
  </si>
  <si>
    <t>12/29/2019 02:12:02</t>
  </si>
  <si>
    <t>12/29/2019 02:16:14</t>
  </si>
  <si>
    <t>12/29/2019 02:13:53</t>
  </si>
  <si>
    <t>12/29/2019 02:18:53</t>
  </si>
  <si>
    <t>12/29/2019 02:20:14</t>
  </si>
  <si>
    <t>12/29/2019 02:17:37</t>
  </si>
  <si>
    <t>12/29/2019 02:22:14</t>
  </si>
  <si>
    <t>12/29/2019 02:17:28</t>
  </si>
  <si>
    <t>12/29/2019 02:34:09</t>
  </si>
  <si>
    <t>12/29/2019 02:35:14</t>
  </si>
  <si>
    <t>12/29/2019 02:34:36</t>
  </si>
  <si>
    <t>12/29/2019 02:37:14</t>
  </si>
  <si>
    <t>12/29/2019 02:36:22</t>
  </si>
  <si>
    <t>12/29/2019 02:38:14</t>
  </si>
  <si>
    <t>12/29/2019 02:36:10</t>
  </si>
  <si>
    <t>12/29/2019 02:38:04</t>
  </si>
  <si>
    <t>12/29/2019 02:39:14</t>
  </si>
  <si>
    <t>12/29/2019 02:42:56</t>
  </si>
  <si>
    <t>12/29/2019 02:45:14</t>
  </si>
  <si>
    <t>12/29/2019 02:54:36</t>
  </si>
  <si>
    <t>12/29/2019 02:56:14</t>
  </si>
  <si>
    <t>12/29/2019 02:53:49</t>
  </si>
  <si>
    <t>12/29/2019 02:57:14</t>
  </si>
  <si>
    <t>12/29/2019 02:59:11</t>
  </si>
  <si>
    <t>12/29/2019 03:02:14</t>
  </si>
  <si>
    <t>12/29/2019 03:06:15</t>
  </si>
  <si>
    <t>12/29/2019 03:07:13</t>
  </si>
  <si>
    <t>12/29/2019 03:02:35</t>
  </si>
  <si>
    <t>12/29/2019 03:09:53</t>
  </si>
  <si>
    <t>12/29/2019 03:11:14</t>
  </si>
  <si>
    <t>12/29/2019 03:15:05</t>
  </si>
  <si>
    <t>12/29/2019 03:16:14</t>
  </si>
  <si>
    <t>12/29/2019 03:16:52</t>
  </si>
  <si>
    <t>12/29/2019 03:18:14</t>
  </si>
  <si>
    <t>12/29/2019 03:17:45</t>
  </si>
  <si>
    <t>12/29/2019 03:22:14</t>
  </si>
  <si>
    <t>12/29/2019 03:23:21</t>
  </si>
  <si>
    <t>12/29/2019 03:24:14</t>
  </si>
  <si>
    <t>12/29/2019 03:22:18</t>
  </si>
  <si>
    <t>12/29/2019 03:26:14</t>
  </si>
  <si>
    <t>12/29/2019 03:28:45</t>
  </si>
  <si>
    <t>12/29/2019 03:31:14</t>
  </si>
  <si>
    <t>12/29/2019 03:27:00</t>
  </si>
  <si>
    <t>12/29/2019 03:32:14</t>
  </si>
  <si>
    <t>12/29/2019 03:29:55</t>
  </si>
  <si>
    <t>12/29/2019 03:32:53</t>
  </si>
  <si>
    <t>12/29/2019 03:34:14</t>
  </si>
  <si>
    <t>12/29/2019 03:30:50</t>
  </si>
  <si>
    <t>12/29/2019 03:39:31</t>
  </si>
  <si>
    <t>12/29/2019 03:44:14</t>
  </si>
  <si>
    <t>12/29/2019 03:45:33</t>
  </si>
  <si>
    <t>12/29/2019 03:46:14</t>
  </si>
  <si>
    <t>12/29/2019 03:44:55</t>
  </si>
  <si>
    <t>12/29/2019 03:47:14</t>
  </si>
  <si>
    <t>12/29/2019 03:49:24</t>
  </si>
  <si>
    <t>12/29/2019 03:50:14</t>
  </si>
  <si>
    <t>12/29/2019 03:49:14</t>
  </si>
  <si>
    <t>12/29/2019 03:51:14</t>
  </si>
  <si>
    <t>12/29/2019 03:47:57</t>
  </si>
  <si>
    <t>12/29/2019 03:50:51</t>
  </si>
  <si>
    <t>12/29/2019 03:52:13</t>
  </si>
  <si>
    <t>12/29/2019 03:50:05</t>
  </si>
  <si>
    <t>12/29/2019 03:51:18</t>
  </si>
  <si>
    <t>12/29/2019 03:48:07</t>
  </si>
  <si>
    <t>12/29/2019 03:53:14</t>
  </si>
  <si>
    <t>12/29/2019 03:52:39</t>
  </si>
  <si>
    <t>12/29/2019 03:57:13</t>
  </si>
  <si>
    <t>12/29/2019 03:55:26</t>
  </si>
  <si>
    <t>12/29/2019 03:58:14</t>
  </si>
  <si>
    <t>12/29/2019 03:55:31</t>
  </si>
  <si>
    <t>12/29/2019 04:01:14</t>
  </si>
  <si>
    <t>12/29/2019 03:56:32</t>
  </si>
  <si>
    <t>12/29/2019 04:01:03</t>
  </si>
  <si>
    <t>12/29/2019 04:03:14</t>
  </si>
  <si>
    <t>12/29/2019 04:01:21</t>
  </si>
  <si>
    <t>12/29/2019 04:05:14</t>
  </si>
  <si>
    <t>12/29/2019 04:01:47</t>
  </si>
  <si>
    <t>12/29/2019 04:06:14</t>
  </si>
  <si>
    <t>12/29/2019 04:02:39</t>
  </si>
  <si>
    <t>12/29/2019 04:04:57</t>
  </si>
  <si>
    <t>12/29/2019 04:07:14</t>
  </si>
  <si>
    <t>12/29/2019 04:03:23</t>
  </si>
  <si>
    <t>12/29/2019 04:08:14</t>
  </si>
  <si>
    <t>12/29/2019 04:08:06</t>
  </si>
  <si>
    <t>12/29/2019 04:11:15</t>
  </si>
  <si>
    <t>12/29/2019 04:09:01</t>
  </si>
  <si>
    <t>12/29/2019 04:12:14</t>
  </si>
  <si>
    <t>12/29/2019 04:11:51</t>
  </si>
  <si>
    <t>12/29/2019 04:15:15</t>
  </si>
  <si>
    <t>12/29/2019 04:20:58</t>
  </si>
  <si>
    <t>12/29/2019 04:24:15</t>
  </si>
  <si>
    <t>12/29/2019 04:25:00</t>
  </si>
  <si>
    <t>12/29/2019 04:25:15</t>
  </si>
  <si>
    <t>12/29/2019 04:22:03</t>
  </si>
  <si>
    <t>12/29/2019 04:26:15</t>
  </si>
  <si>
    <t>12/29/2019 04:23:53</t>
  </si>
  <si>
    <t>12/29/2019 04:24:31</t>
  </si>
  <si>
    <t>12/29/2019 04:27:15</t>
  </si>
  <si>
    <t>12/29/2019 04:24:25</t>
  </si>
  <si>
    <t>12/29/2019 04:29:15</t>
  </si>
  <si>
    <t>12/29/2019 04:25:32</t>
  </si>
  <si>
    <t>12/29/2019 04:30:16</t>
  </si>
  <si>
    <t>12/29/2019 04:30:01</t>
  </si>
  <si>
    <t>12/29/2019 04:31:15</t>
  </si>
  <si>
    <t>12/29/2019 04:26:28</t>
  </si>
  <si>
    <t>12/29/2019 04:28:04</t>
  </si>
  <si>
    <t>12/29/2019 04:32:15</t>
  </si>
  <si>
    <t>12/29/2019 04:32:08</t>
  </si>
  <si>
    <t>12/29/2019 04:36:15</t>
  </si>
  <si>
    <t>12/29/2019 04:34:56</t>
  </si>
  <si>
    <t>12/29/2019 04:37:15</t>
  </si>
  <si>
    <t>12/29/2019 04:33:26</t>
  </si>
  <si>
    <t>12/29/2019 04:38:15</t>
  </si>
  <si>
    <t>12/29/2019 04:34:53</t>
  </si>
  <si>
    <t>12/29/2019 04:38:53</t>
  </si>
  <si>
    <t>12/29/2019 04:41:16</t>
  </si>
  <si>
    <t>12/29/2019 04:37:27</t>
  </si>
  <si>
    <t>12/29/2019 04:45:02</t>
  </si>
  <si>
    <t>12/29/2019 04:49:16</t>
  </si>
  <si>
    <t>12/29/2019 04:46:49</t>
  </si>
  <si>
    <t>12/29/2019 04:50:17</t>
  </si>
  <si>
    <t>12/29/2019 04:47:51</t>
  </si>
  <si>
    <t>12/29/2019 04:51:16</t>
  </si>
  <si>
    <t>12/29/2019 04:53:33</t>
  </si>
  <si>
    <t>12/29/2019 04:56:16</t>
  </si>
  <si>
    <t>da7dbc37-d791-432b-8d41-6ee718791d87.tmp</t>
  </si>
  <si>
    <t>\\acsfs\profiles$\marlyannegdls\Downloads\da7dbc37-d791-432b-8d41-6ee718791d87.tmp</t>
  </si>
  <si>
    <t>12/29/2019 04:55:06</t>
  </si>
  <si>
    <t>4a593616-db70-4d41-b365-c9bfcf95a7fd.tmp</t>
  </si>
  <si>
    <t>\\acsfs\profiles$\marlyannegdls\Downloads\4a593616-db70-4d41-b365-c9bfcf95a7fd.tmp</t>
  </si>
  <si>
    <t>12/29/2019 04:56:28</t>
  </si>
  <si>
    <t>12/29/2019 04:57:16</t>
  </si>
  <si>
    <t>12/29/2019 04:54:26</t>
  </si>
  <si>
    <t>12/29/2019 05:00:16</t>
  </si>
  <si>
    <t>12/29/2019 05:03:20</t>
  </si>
  <si>
    <t>12/29/2019 05:05:16</t>
  </si>
  <si>
    <t>12/29/2019 05:05:02</t>
  </si>
  <si>
    <t>12/29/2019 05:06:16</t>
  </si>
  <si>
    <t>12/29/2019 05:03:19</t>
  </si>
  <si>
    <t>12/29/2019 05:05:04</t>
  </si>
  <si>
    <t>12/29/2019 05:10:16</t>
  </si>
  <si>
    <t>12/29/2019 05:12:03</t>
  </si>
  <si>
    <t>12/29/2019 05:16:17</t>
  </si>
  <si>
    <t>12/29/2019 05:13:06</t>
  </si>
  <si>
    <t>12/29/2019 05:17:14</t>
  </si>
  <si>
    <t>12/29/2019 05:20:17</t>
  </si>
  <si>
    <t>12/29/2019 05:25:26</t>
  </si>
  <si>
    <t>12/29/2019 05:26:17</t>
  </si>
  <si>
    <t>12/29/2019 05:23:09</t>
  </si>
  <si>
    <t>12/29/2019 05:28:17</t>
  </si>
  <si>
    <t>12/29/2019 05:30:13</t>
  </si>
  <si>
    <t>12/29/2019 05:31:17</t>
  </si>
  <si>
    <t>12/29/2019 05:30:47</t>
  </si>
  <si>
    <t>12/29/2019 05:35:17</t>
  </si>
  <si>
    <t>12/29/2019 05:35:19</t>
  </si>
  <si>
    <t>12/29/2019 05:36:17</t>
  </si>
  <si>
    <t>12/29/2019 05:34:23</t>
  </si>
  <si>
    <t>12/29/2019 05:37:16</t>
  </si>
  <si>
    <t>12/29/2019 05:36:06</t>
  </si>
  <si>
    <t>12/29/2019 05:41:49</t>
  </si>
  <si>
    <t>12/29/2019 05:44:17</t>
  </si>
  <si>
    <t>1ba7d31f-3b7b-4c70-86fa-94933ba3505c.tmp</t>
  </si>
  <si>
    <t>\\acsfs\profiles$\ROZENCAM\Downloads\1ba7d31f-3b7b-4c70-86fa-94933ba3505c.tmp</t>
  </si>
  <si>
    <t>12/29/2019 05:42:38</t>
  </si>
  <si>
    <t>12/29/2019 05:43:31</t>
  </si>
  <si>
    <t>12/29/2019 05:49:17</t>
  </si>
  <si>
    <t>fbc93195-711d-4724-a027-81b5d0b2f052.tmp</t>
  </si>
  <si>
    <t>\\acsfs\profiles$\ROZENCAM\Downloads\fbc93195-711d-4724-a027-81b5d0b2f052.tmp</t>
  </si>
  <si>
    <t>12/29/2019 05:48:47</t>
  </si>
  <si>
    <t>12/29/2019 05:51:17</t>
  </si>
  <si>
    <t>12/29/2019 05:55:44</t>
  </si>
  <si>
    <t>12/29/2019 05:57:16</t>
  </si>
  <si>
    <t>12/29/2019 06:01:00</t>
  </si>
  <si>
    <t>12/29/2019 06:05:16</t>
  </si>
  <si>
    <t>12/29/2019 06:06:26</t>
  </si>
  <si>
    <t>12/29/2019 06:09:16</t>
  </si>
  <si>
    <t>12/29/2019 06:08:30</t>
  </si>
  <si>
    <t>12/29/2019 06:13:17</t>
  </si>
  <si>
    <t>12/29/2019 06:26:29</t>
  </si>
  <si>
    <t>12/29/2019 06:27:17</t>
  </si>
  <si>
    <t>12/29/2019 06:46:18</t>
  </si>
  <si>
    <t>12/29/2019 06:51:17</t>
  </si>
  <si>
    <t>12/29/2019 06:47:30</t>
  </si>
  <si>
    <t>12/29/2019 06:52:17</t>
  </si>
  <si>
    <t>12/29/2019 06:48:38</t>
  </si>
  <si>
    <t>12/29/2019 06:52:13</t>
  </si>
  <si>
    <t>12/29/2019 06:55:17</t>
  </si>
  <si>
    <t>12/29/2019 07:03:33</t>
  </si>
  <si>
    <t>12/29/2019 07:07:18</t>
  </si>
  <si>
    <t>12/29/2019 07:05:36</t>
  </si>
  <si>
    <t>12/29/2019 07:09:17</t>
  </si>
  <si>
    <t>12/29/2019 07:08:35</t>
  </si>
  <si>
    <t>12/29/2019 07:10:18</t>
  </si>
  <si>
    <t>12/29/2019 07:10:29</t>
  </si>
  <si>
    <t>12/29/2019 07:11:18</t>
  </si>
  <si>
    <t>12/29/2019 07:10:26</t>
  </si>
  <si>
    <t>12/29/2019 07:12:18</t>
  </si>
  <si>
    <t>564dfa52-5a51-4a19-bb66-c58022d86adc.tmp</t>
  </si>
  <si>
    <t>\\acsfs\profiles$\jonatanls\Downloads\564dfa52-5a51-4a19-bb66-c58022d86adc.tmp</t>
  </si>
  <si>
    <t>12/29/2019 07:10:35</t>
  </si>
  <si>
    <t>12/29/2019 07:10:45</t>
  </si>
  <si>
    <t>31922ed4-6052-4d50-b95c-1776e4129798.tmp</t>
  </si>
  <si>
    <t>\\acsfs\profiles$\jonatanls\Downloads\31922ed4-6052-4d50-b95c-1776e4129798.tmp</t>
  </si>
  <si>
    <t>12/29/2019 07:20:13</t>
  </si>
  <si>
    <t>12/29/2019 07:21:17</t>
  </si>
  <si>
    <t>12/29/2019 07:23:55</t>
  </si>
  <si>
    <t>12/29/2019 07:25:17</t>
  </si>
  <si>
    <t>12/29/2019 07:22:32</t>
  </si>
  <si>
    <t>12/29/2019 07:27:17</t>
  </si>
  <si>
    <t>12/29/2019 07:23:51</t>
  </si>
  <si>
    <t>12/29/2019 07:27:11</t>
  </si>
  <si>
    <t>12/29/2019 07:28:18</t>
  </si>
  <si>
    <t>12/29/2019 07:28:39</t>
  </si>
  <si>
    <t>12/29/2019 07:29:17</t>
  </si>
  <si>
    <t>645a297f-58cb-43e0-b6f6-c95afab4e122.tmp</t>
  </si>
  <si>
    <t>\\acsfs\profiles$\cintiadcf\Downloads\645a297f-58cb-43e0-b6f6-c95afab4e122.tmp</t>
  </si>
  <si>
    <t>12/29/2019 07:28:09</t>
  </si>
  <si>
    <t>12/29/2019 07:31:17</t>
  </si>
  <si>
    <t>12/29/2019 07:27:23</t>
  </si>
  <si>
    <t>12/29/2019 07:33:22</t>
  </si>
  <si>
    <t>12/29/2019 07:34:18</t>
  </si>
  <si>
    <t>12/29/2019 07:28:43</t>
  </si>
  <si>
    <t>7039ae27-f152-4b55-9527-45cbe7c02f76.tmp</t>
  </si>
  <si>
    <t>\\acsfs\profiles$\cintiadcf\Downloads\7039ae27-f152-4b55-9527-45cbe7c02f76.tmp</t>
  </si>
  <si>
    <t>12/29/2019 07:29:13</t>
  </si>
  <si>
    <t>12/29/2019 07:31:31</t>
  </si>
  <si>
    <t>2e0b2594-a160-4ac1-a762-78949443a96c.tmp</t>
  </si>
  <si>
    <t>\\acsfs\profiles$\cintiadcf\Downloads\2e0b2594-a160-4ac1-a762-78949443a96c.tmp</t>
  </si>
  <si>
    <t>12/29/2019 07:33:23</t>
  </si>
  <si>
    <t>12/29/2019 07:36:18</t>
  </si>
  <si>
    <t>12/29/2019 07:35:34</t>
  </si>
  <si>
    <t>12/29/2019 07:38:18</t>
  </si>
  <si>
    <t>12/29/2019 07:35:57</t>
  </si>
  <si>
    <t>12/29/2019 07:39:18</t>
  </si>
  <si>
    <t>12/29/2019 07:37:48</t>
  </si>
  <si>
    <t>12/29/2019 07:41:18</t>
  </si>
  <si>
    <t>12/29/2019 07:37:43</t>
  </si>
  <si>
    <t>12/29/2019 07:42:18</t>
  </si>
  <si>
    <t>12/29/2019 07:41:21</t>
  </si>
  <si>
    <t>12/29/2019 07:40:25</t>
  </si>
  <si>
    <t>12/29/2019 07:45:18</t>
  </si>
  <si>
    <t>10.200.67.72</t>
  </si>
  <si>
    <t>D0-94-66-B5-7F-79</t>
  </si>
  <si>
    <t>VOTORANT-YB019</t>
  </si>
  <si>
    <t>12/29/2019 07:42:35</t>
  </si>
  <si>
    <t>9126f119-87d6-455a-9fa4-128aadc85850.tmp</t>
  </si>
  <si>
    <t>\\acsfs\profiles$\cintiadcf\Downloads\9126f119-87d6-455a-9fa4-128aadc85850.tmp</t>
  </si>
  <si>
    <t>12/29/2019 07:42:37</t>
  </si>
  <si>
    <t>72d86aa4-bea7-4d79-a5bb-7756ea18a4e9.tmp</t>
  </si>
  <si>
    <t>\\acsfs\profiles$\cintiadcf\Downloads\72d86aa4-bea7-4d79-a5bb-7756ea18a4e9.tmp</t>
  </si>
  <si>
    <t>12/29/2019 07:44:04</t>
  </si>
  <si>
    <t>eaf84bd6-a82d-4e56-b6bc-da8e4b260c4a.tmp</t>
  </si>
  <si>
    <t>\\acsfs\profiles$\cintiadcf\Downloads\eaf84bd6-a82d-4e56-b6bc-da8e4b260c4a.tmp</t>
  </si>
  <si>
    <t>12/29/2019 07:44:33</t>
  </si>
  <si>
    <t>12/29/2019 07:48:19</t>
  </si>
  <si>
    <t>12/29/2019 07:46:26</t>
  </si>
  <si>
    <t>12/29/2019 07:49:18</t>
  </si>
  <si>
    <t>12/29/2019 07:47:41</t>
  </si>
  <si>
    <t>12/29/2019 07:50:17</t>
  </si>
  <si>
    <t>12/29/2019 07:49:06</t>
  </si>
  <si>
    <t>12/29/2019 07:51:18</t>
  </si>
  <si>
    <t>12/29/2019 07:48:44</t>
  </si>
  <si>
    <t>12/29/2019 07:53:18</t>
  </si>
  <si>
    <t>12/29/2019 07:51:21</t>
  </si>
  <si>
    <t>12/28/2019 22:03:50</t>
  </si>
  <si>
    <t>12/29/2019 07:56:18</t>
  </si>
  <si>
    <t>12/29/2019 07:56:31</t>
  </si>
  <si>
    <t>12/29/2019 08:00:17</t>
  </si>
  <si>
    <t>12/29/2019 07:59:25</t>
  </si>
  <si>
    <t>12/29/2019 07:56:33</t>
  </si>
  <si>
    <t>12/29/2019 08:02:17</t>
  </si>
  <si>
    <t>12/29/2019 08:00:25</t>
  </si>
  <si>
    <t>12/29/2019 08:03:18</t>
  </si>
  <si>
    <t>12/29/2019 08:00:24</t>
  </si>
  <si>
    <t>12/29/2019 08:04:17</t>
  </si>
  <si>
    <t>12/29/2019 08:01:23</t>
  </si>
  <si>
    <t>12/29/2019 08:05:18</t>
  </si>
  <si>
    <t>12/29/2019 08:02:24</t>
  </si>
  <si>
    <t>c2bc868f-1b65-4903-825d-2e24690694c8.tmp</t>
  </si>
  <si>
    <t>\\acsfs\profiles$\rafaelamsv\Downloads\c2bc868f-1b65-4903-825d-2e24690694c8.tmp</t>
  </si>
  <si>
    <t>12/29/2019 08:02:38</t>
  </si>
  <si>
    <t>20ff3439-4c03-4603-9be1-d3bfa9b5352d.tmp</t>
  </si>
  <si>
    <t>\\acsfs\profiles$\rafaelamsv\Downloads\20ff3439-4c03-4603-9be1-d3bfa9b5352d.tmp</t>
  </si>
  <si>
    <t>12/29/2019 08:04:56</t>
  </si>
  <si>
    <t>12/29/2019 08:08:17</t>
  </si>
  <si>
    <t>12/29/2019 08:04:58</t>
  </si>
  <si>
    <t>12/29/2019 08:05:02</t>
  </si>
  <si>
    <t>12/29/2019 08:05:05</t>
  </si>
  <si>
    <t>12/29/2019 08:05:22</t>
  </si>
  <si>
    <t>12/29/2019 08:05:47</t>
  </si>
  <si>
    <t>12/29/2019 08:05:50</t>
  </si>
  <si>
    <t>12/29/2019 08:05:56</t>
  </si>
  <si>
    <t>12/29/2019 08:06:01</t>
  </si>
  <si>
    <t>12/29/2019 08:06:10</t>
  </si>
  <si>
    <t>12/29/2019 08:06:11</t>
  </si>
  <si>
    <t>12/29/2019 08:06:59</t>
  </si>
  <si>
    <t>12/29/2019 08:07:04</t>
  </si>
  <si>
    <t>12/29/2019 08:06:33</t>
  </si>
  <si>
    <t>12/29/2019 08:14:03</t>
  </si>
  <si>
    <t>12/29/2019 08:16:17</t>
  </si>
  <si>
    <t>12/29/2019 08:16:07</t>
  </si>
  <si>
    <t>12/29/2019 08:18:18</t>
  </si>
  <si>
    <t>NR 17.xlsx</t>
  </si>
  <si>
    <t>\\acsfs\DEPTOS\Operacao\PCP\5 - Comum\PLANEJAMENTO BV\14 - ACOMPANHAMENTO\1 - REPORT ACOMPANHAMENTO\2019\12 - Dezembro\CARTÕES\NR 17.xlsx</t>
  </si>
  <si>
    <t>12/29/2019 08:14:27</t>
  </si>
  <si>
    <t>12/29/2019 08:19:18</t>
  </si>
  <si>
    <t>12/29/2019 08:18:29</t>
  </si>
  <si>
    <t>12/29/2019 08:18:07</t>
  </si>
  <si>
    <t>12/29/2019 08:20:18</t>
  </si>
  <si>
    <t>c0e29684-a166-45e0-990c-b6f5222a9e92.tmp</t>
  </si>
  <si>
    <t>\\acsfs\profiles$\cintiadcf\Downloads\c0e29684-a166-45e0-990c-b6f5222a9e92.tmp</t>
  </si>
  <si>
    <t>12/29/2019 08:20:49</t>
  </si>
  <si>
    <t>12/29/2019 08:21:18</t>
  </si>
  <si>
    <t>12/29/2019 08:17:51</t>
  </si>
  <si>
    <t>12/29/2019 08:21:10</t>
  </si>
  <si>
    <t>12/29/2019 08:24:18</t>
  </si>
  <si>
    <t>12/29/2019 08:21:11</t>
  </si>
  <si>
    <t>lu152482hev4h.tmp</t>
  </si>
  <si>
    <t>\\acsfs\profiles$\jonathanwap\lu152482hev4h.tmp</t>
  </si>
  <si>
    <t>\\acsfs\profiles$\jonathanwap\lu152482hev4h.tmp\</t>
  </si>
  <si>
    <t>\\acsfs\profiles$\jonathanwap\lu152482hev4h.tmp\META-INF\</t>
  </si>
  <si>
    <t>\\acsfs\profiles$\jonathanwap\lu152482hev4h.tmp\Thumbnails\</t>
  </si>
  <si>
    <t>12/29/2019 08:27:36</t>
  </si>
  <si>
    <t>12/29/2019 08:30:18</t>
  </si>
  <si>
    <t>12/29/2019 08:27:37</t>
  </si>
  <si>
    <t>12/29/2019 08:27:38</t>
  </si>
  <si>
    <t>12/29/2019 08:27:39</t>
  </si>
  <si>
    <t>12/29/2019 08:27:40</t>
  </si>
  <si>
    <t>12/29/2019 08:27:42</t>
  </si>
  <si>
    <t>12/29/2019 08:27:43</t>
  </si>
  <si>
    <t>12/29/2019 08:27:46</t>
  </si>
  <si>
    <t>12/29/2019 08:27:47</t>
  </si>
  <si>
    <t>12/29/2019 08:27:49</t>
  </si>
  <si>
    <t>12/29/2019 08:27:52</t>
  </si>
  <si>
    <t>12/29/2019 08:27:54</t>
  </si>
  <si>
    <t>12/29/2019 08:27:55</t>
  </si>
  <si>
    <t>12/29/2019 08:27:58</t>
  </si>
  <si>
    <t>12/29/2019 08:27:59</t>
  </si>
  <si>
    <t>12/29/2019 08:28:00</t>
  </si>
  <si>
    <t>12/29/2019 08:28:02</t>
  </si>
  <si>
    <t>12/29/2019 08:28:03</t>
  </si>
  <si>
    <t>12/29/2019 08:28:08</t>
  </si>
  <si>
    <t>12/29/2019 08:28:11</t>
  </si>
  <si>
    <t>12/29/2019 08:28:14</t>
  </si>
  <si>
    <t>12/29/2019 08:28:16</t>
  </si>
  <si>
    <t>12/29/2019 08:28:18</t>
  </si>
  <si>
    <t>12/29/2019 08:28:20</t>
  </si>
  <si>
    <t>12/29/2019 08:28:23</t>
  </si>
  <si>
    <t>12/29/2019 08:28:25</t>
  </si>
  <si>
    <t>12/29/2019 08:28:27</t>
  </si>
  <si>
    <t>12/29/2019 08:28:29</t>
  </si>
  <si>
    <t>12/29/2019 08:28:33</t>
  </si>
  <si>
    <t>12/29/2019 08:28:35</t>
  </si>
  <si>
    <t>12/29/2019 08:28:38</t>
  </si>
  <si>
    <t>12/29/2019 08:28:41</t>
  </si>
  <si>
    <t>12/29/2019 08:28:42</t>
  </si>
  <si>
    <t>12/29/2019 08:28:45</t>
  </si>
  <si>
    <t>12/29/2019 08:28:48</t>
  </si>
  <si>
    <t>12/29/2019 08:28:50</t>
  </si>
  <si>
    <t>12/29/2019 08:28:52</t>
  </si>
  <si>
    <t>12/29/2019 08:28:55</t>
  </si>
  <si>
    <t>12/29/2019 08:28:56</t>
  </si>
  <si>
    <t>12/29/2019 08:28:58</t>
  </si>
  <si>
    <t>12/29/2019 08:29:00</t>
  </si>
  <si>
    <t>12/29/2019 08:29:02</t>
  </si>
  <si>
    <t>12/29/2019 08:29:03</t>
  </si>
  <si>
    <t>12/29/2019 08:29:08</t>
  </si>
  <si>
    <t>12/29/2019 08:29:33</t>
  </si>
  <si>
    <t>12/29/2019 08:34:09</t>
  </si>
  <si>
    <t>12/29/2019 08:34:18</t>
  </si>
  <si>
    <t>12/29/2019 08:31:53</t>
  </si>
  <si>
    <t>12/29/2019 08:35:18</t>
  </si>
  <si>
    <t>051fb1e5-8257-4c31-84d7-ad420c1c03e6.tmp</t>
  </si>
  <si>
    <t>\\acsfs\profiles$\YASMINSC\Downloads\051fb1e5-8257-4c31-84d7-ad420c1c03e6.tmp</t>
  </si>
  <si>
    <t>12/29/2019 08:33:06</t>
  </si>
  <si>
    <t>bb0761a7-6473-43c9-9e1a-2775dc34deea.tmp</t>
  </si>
  <si>
    <t>\\acsfs\profiles$\YASMINSC\Downloads\bb0761a7-6473-43c9-9e1a-2775dc34deea.tmp</t>
  </si>
  <si>
    <t>12/29/2019 08:35:29</t>
  </si>
  <si>
    <t>12/29/2019 08:38:17</t>
  </si>
  <si>
    <t>mirianppb@algartech.com;qualidadealgarbv@algartech.com;</t>
  </si>
  <si>
    <t>mirianppb@algartech.com,qualidadealgarbv@algartech.com</t>
  </si>
  <si>
    <t>12/29/2019 08:33:54</t>
  </si>
  <si>
    <t>FLAVIO JUNIO MENDES MOREIRA (8).contact</t>
  </si>
  <si>
    <t>\\acsfs\profiles$\Flaviojmm\Contacts\FLAVIO JUNIO MENDES MOREIRA (8).contact</t>
  </si>
  <si>
    <t>12/29/2019 08:34:19</t>
  </si>
  <si>
    <t>12/29/2019 08:34:20</t>
  </si>
  <si>
    <t>12/29/2019 08:34:21</t>
  </si>
  <si>
    <t>12/29/2019 08:34:22</t>
  </si>
  <si>
    <t>12/29/2019 08:34:23</t>
  </si>
  <si>
    <t>12/29/2019 08:34:24</t>
  </si>
  <si>
    <t>12/29/2019 08:34:25</t>
  </si>
  <si>
    <t>12/29/2019 08:34:26</t>
  </si>
  <si>
    <t>12/29/2019 08:34:27</t>
  </si>
  <si>
    <t>12/29/2019 08:34:29</t>
  </si>
  <si>
    <t>12/29/2019 08:34:30</t>
  </si>
  <si>
    <t>12/29/2019 08:34:31</t>
  </si>
  <si>
    <t>12/29/2019 08:34:32</t>
  </si>
  <si>
    <t>12/29/2019 08:34:33</t>
  </si>
  <si>
    <t>12/29/2019 08:34:34</t>
  </si>
  <si>
    <t>12/29/2019 08:34:58</t>
  </si>
  <si>
    <t>12/29/2019 08:34:59</t>
  </si>
  <si>
    <t>12/29/2019 08:35:00</t>
  </si>
  <si>
    <t>12/29/2019 08:36:50</t>
  </si>
  <si>
    <t>cc3f3b84-3e82-4d9e-b20a-dc0082d0101c.tmp</t>
  </si>
  <si>
    <t>\\acsfs\profiles$\Flaviojmm\Downloads\cc3f3b84-3e82-4d9e-b20a-dc0082d0101c.tmp</t>
  </si>
  <si>
    <t>12/29/2019 08:35:54</t>
  </si>
  <si>
    <t>12/29/2019 08:36:08</t>
  </si>
  <si>
    <t>12/29/2019 08:39:18</t>
  </si>
  <si>
    <t>12/29/2019 08:35:56</t>
  </si>
  <si>
    <t>10.200.66.161</t>
  </si>
  <si>
    <t>74-86-7A-FD-D1-73</t>
  </si>
  <si>
    <t>VOTORANT-VB016</t>
  </si>
  <si>
    <t>danielmlds</t>
  </si>
  <si>
    <t>\\acsfs\profiles$\danielmlds\Downloads\</t>
  </si>
  <si>
    <t>041be52d-6c6c-41ec-be86-a2eb53d3696c.tmp</t>
  </si>
  <si>
    <t>\\acsfs\profiles$\danielmlds\Downloads\041be52d-6c6c-41ec-be86-a2eb53d3696c.tmp</t>
  </si>
  <si>
    <t>12/29/2019 08:37:59</t>
  </si>
  <si>
    <t>68f7a2c9-8ac3-451b-b7d0-bd66281d8103.tmp</t>
  </si>
  <si>
    <t>\\acsfs\profiles$\danielmlds\Downloads\68f7a2c9-8ac3-451b-b7d0-bd66281d8103.tmp</t>
  </si>
  <si>
    <t>12/29/2019 08:37:14</t>
  </si>
  <si>
    <t>12/29/2019 08:40:17</t>
  </si>
  <si>
    <t>12/29/2019 08:36:39</t>
  </si>
  <si>
    <t>12/29/2019 08:41:18</t>
  </si>
  <si>
    <t>60323784-585b-4aa0-b516-5991b81fb705.tmp</t>
  </si>
  <si>
    <t>\\acsfs\profiles$\PEDROHAB\Downloads\60323784-585b-4aa0-b516-5991b81fb705.tmp</t>
  </si>
  <si>
    <t>12/29/2019 08:36:41</t>
  </si>
  <si>
    <t>da06dd18-a3cf-4f7d-8851-e7c4ad852d47.tmp</t>
  </si>
  <si>
    <t>\\acsfs\profiles$\PEDROHAB\Downloads\da06dd18-a3cf-4f7d-8851-e7c4ad852d47.tmp</t>
  </si>
  <si>
    <t>12/29/2019 08:37:36</t>
  </si>
  <si>
    <t>12/29/2019 08:43:18</t>
  </si>
  <si>
    <t>12/29/2019 08:37:43</t>
  </si>
  <si>
    <t>12/29/2019 08:38:00</t>
  </si>
  <si>
    <t>12/29/2019 08:38:12</t>
  </si>
  <si>
    <t>12/29/2019 08:38:28</t>
  </si>
  <si>
    <t>12/29/2019 08:40:52</t>
  </si>
  <si>
    <t>12/29/2019 08:40:56</t>
  </si>
  <si>
    <t>12/29/2019 08:41:02</t>
  </si>
  <si>
    <t>12/29/2019 08:41:14</t>
  </si>
  <si>
    <t>12/29/2019 08:41:22</t>
  </si>
  <si>
    <t>12/29/2019 08:41:25</t>
  </si>
  <si>
    <t>12/29/2019 08:41:38</t>
  </si>
  <si>
    <t>12/29/2019 08:41:40</t>
  </si>
  <si>
    <t>12/29/2019 08:38:06</t>
  </si>
  <si>
    <t>5816aaba-0158-40af-a61c-4e72bb43defa.tmp</t>
  </si>
  <si>
    <t>\\acsfs\profiles$\Flaviojmm\Downloads\5816aaba-0158-40af-a61c-4e72bb43defa.tmp</t>
  </si>
  <si>
    <t>12/29/2019 08:42:08</t>
  </si>
  <si>
    <t>12/29/2019 08:45:18</t>
  </si>
  <si>
    <t>12/29/2019 08:42:02</t>
  </si>
  <si>
    <t>12/29/2019 08:46:19</t>
  </si>
  <si>
    <t>12/29/2019 08:42:50</t>
  </si>
  <si>
    <t>12/29/2019 08:48:18</t>
  </si>
  <si>
    <t>12/29/2019 08:42:53</t>
  </si>
  <si>
    <t>12/29/2019 08:43:07</t>
  </si>
  <si>
    <t>12/29/2019 08:43:19</t>
  </si>
  <si>
    <t>12/29/2019 08:43:25</t>
  </si>
  <si>
    <t>12/29/2019 08:43:32</t>
  </si>
  <si>
    <t>12/29/2019 08:43:39</t>
  </si>
  <si>
    <t>andrelpsa@algartech.com;josiascdsj@algartech.com;leonardoao@algartech.com;marianadjc@algartech.com;paulacn@algartech.com;rafaelggs@algartech.com;taysdss@algartech.com;viniciussg@algartech.com;</t>
  </si>
  <si>
    <t>andrelpsa@algartech.com,josiascdsj@algartech.com,leonardoao@algartech.com,marianadjc@algartech.com,paulacn@algartech.com,rafaelggs@algartech.com,taysdss@algartech.com,viniciussg@algartech.com</t>
  </si>
  <si>
    <t>12/29/2019 08:43:46</t>
  </si>
  <si>
    <t>12/29/2019 08:43:49</t>
  </si>
  <si>
    <t>12/29/2019 09:02:18</t>
  </si>
  <si>
    <t>12/29/2019 09:05:19</t>
  </si>
  <si>
    <t>12/29/2019 09:03:30</t>
  </si>
  <si>
    <t>12/29/2019 09:01:15</t>
  </si>
  <si>
    <t>12/29/2019 09:06:18</t>
  </si>
  <si>
    <t>12/29/2019 09:06:11</t>
  </si>
  <si>
    <t>12/29/2019 09:07:19</t>
  </si>
  <si>
    <t>12/29/2019 09:04:10</t>
  </si>
  <si>
    <t>53fb0a84-1bab-46e4-8d84-1539308600c4.tmp</t>
  </si>
  <si>
    <t>\\acsfs\profiles$\kellzylenneasr\Downloads\53fb0a84-1bab-46e4-8d84-1539308600c4.tmp</t>
  </si>
  <si>
    <t>12/29/2019 09:04:47</t>
  </si>
  <si>
    <t>c9114515-04b1-4dd2-a45f-ea9730a3200f.tmp</t>
  </si>
  <si>
    <t>\\acsfs\profiles$\kellzylenneasr\Downloads\c9114515-04b1-4dd2-a45f-ea9730a3200f.tmp</t>
  </si>
  <si>
    <t>12/29/2019 09:05:46</t>
  </si>
  <si>
    <t>ef51bd8d-4248-4051-be85-4f7ba0c15122.tmp</t>
  </si>
  <si>
    <t>\\acsfs\profiles$\kellzylenneasr\Downloads\ef51bd8d-4248-4051-be85-4f7ba0c15122.tmp</t>
  </si>
  <si>
    <t>12/29/2019 09:04:11</t>
  </si>
  <si>
    <t>12/29/2019 09:09:19</t>
  </si>
  <si>
    <t>12/29/2019 09:10:07</t>
  </si>
  <si>
    <t>12/29/2019 09:13:18</t>
  </si>
  <si>
    <t>12/29/2019 09:09:17</t>
  </si>
  <si>
    <t>12/29/2019 09:14:19</t>
  </si>
  <si>
    <t>12/29/2019 09:14:55</t>
  </si>
  <si>
    <t>12/29/2019 09:17:19</t>
  </si>
  <si>
    <t>14175bbe-87be-407a-aae0-8c5df35c6c73.tmp</t>
  </si>
  <si>
    <t>\\acsfs\profiles$\kellzylenneasr\Downloads\14175bbe-87be-407a-aae0-8c5df35c6c73.tmp</t>
  </si>
  <si>
    <t>12/29/2019 09:14:12</t>
  </si>
  <si>
    <t>12/29/2019 09:18:19</t>
  </si>
  <si>
    <t>12/29/2019 09:13:57</t>
  </si>
  <si>
    <t>12/29/2019 09:13:58</t>
  </si>
  <si>
    <t>12/29/2019 09:14:20</t>
  </si>
  <si>
    <t>12/29/2019 09:17:43</t>
  </si>
  <si>
    <t>12/29/2019 09:22:18</t>
  </si>
  <si>
    <t>12/29/2019 09:21:42</t>
  </si>
  <si>
    <t>12/29/2019 09:24:19</t>
  </si>
  <si>
    <t>12/29/2019 09:20:47</t>
  </si>
  <si>
    <t>12/29/2019 09:26:19</t>
  </si>
  <si>
    <t>12/29/2019 09:23:10</t>
  </si>
  <si>
    <t>12/29/2019 09:27:19</t>
  </si>
  <si>
    <t>12/29/2019 09:28:17</t>
  </si>
  <si>
    <t>12/29/2019 09:32:19</t>
  </si>
  <si>
    <t>65be46d1-6dd3-41af-ab80-4b940059478a.tmp</t>
  </si>
  <si>
    <t>\\acsfs\profiles$\kellzylenneasr\Downloads\65be46d1-6dd3-41af-ab80-4b940059478a.tmp</t>
  </si>
  <si>
    <t>12/29/2019 09:35:03</t>
  </si>
  <si>
    <t>12/29/2019 09:40:19</t>
  </si>
  <si>
    <t>12/29/2019 09:35:33</t>
  </si>
  <si>
    <t>12/29/2019 09:41:45</t>
  </si>
  <si>
    <t>12/29/2019 09:42:19</t>
  </si>
  <si>
    <t>12/29/2019 09:43:41</t>
  </si>
  <si>
    <t>12/29/2019 09:45:18</t>
  </si>
  <si>
    <t>12/29/2019 09:40:40</t>
  </si>
  <si>
    <t>12/29/2019 09:42:08</t>
  </si>
  <si>
    <t>12/29/2019 09:47:18</t>
  </si>
  <si>
    <t>29d2470d-a41a-4679-9962-47f2bf47fe88.tmp</t>
  </si>
  <si>
    <t>\\acsfs\profiles$\jonatanls\Downloads\29d2470d-a41a-4679-9962-47f2bf47fe88.tmp</t>
  </si>
  <si>
    <t>12/29/2019 09:42:23</t>
  </si>
  <si>
    <t>12/29/2019 09:42:24</t>
  </si>
  <si>
    <t>lu599808o1vjj.tmp</t>
  </si>
  <si>
    <t>\\acsfs\profiles$\jonatanls\My Documents\lu599808o1vjj.tmp</t>
  </si>
  <si>
    <t>12/29/2019 09:45:01</t>
  </si>
  <si>
    <t>12/29/2019 09:44:12</t>
  </si>
  <si>
    <t>12/29/2019 09:48:19</t>
  </si>
  <si>
    <t>12/29/2019 09:42:48</t>
  </si>
  <si>
    <t>12/29/2019 09:47:49</t>
  </si>
  <si>
    <t>b4237bfb-2966-4c8d-a687-f8d3c61580ce.tmp</t>
  </si>
  <si>
    <t>\\acsfs\profiles$\Flaviojmm\Downloads\b4237bfb-2966-4c8d-a687-f8d3c61580ce.tmp</t>
  </si>
  <si>
    <t>12/29/2019 09:45:34</t>
  </si>
  <si>
    <t>12/29/2019 09:50:18</t>
  </si>
  <si>
    <t>12/29/2019 09:48:21</t>
  </si>
  <si>
    <t>12/29/2019 09:49:09</t>
  </si>
  <si>
    <t>12/29/2019 09:51:19</t>
  </si>
  <si>
    <t>12/29/2019 09:49:07</t>
  </si>
  <si>
    <t>12/29/2019 09:55:48</t>
  </si>
  <si>
    <t>12/29/2019 09:56:19</t>
  </si>
  <si>
    <t>12/29/2019 09:53:19</t>
  </si>
  <si>
    <t>12/29/2019 09:57:18</t>
  </si>
  <si>
    <t>TALITA SANTOS SILVA CASTRO (24318).contact</t>
  </si>
  <si>
    <t>\\acsfs\profiles$\talitassc\Contacts\TALITA SANTOS SILVA CASTRO (24318).contact</t>
  </si>
  <si>
    <t>12/29/2019 09:53:33</t>
  </si>
  <si>
    <t>12/29/2019 09:53:34</t>
  </si>
  <si>
    <t>12/29/2019 09:53:35</t>
  </si>
  <si>
    <t>12/29/2019 09:53:36</t>
  </si>
  <si>
    <t>12/29/2019 09:53:37</t>
  </si>
  <si>
    <t>12/29/2019 09:53:38</t>
  </si>
  <si>
    <t>12/29/2019 09:53:39</t>
  </si>
  <si>
    <t>12/29/2019 09:53:40</t>
  </si>
  <si>
    <t>12/29/2019 09:53:54</t>
  </si>
  <si>
    <t>12/29/2019 09:59:34</t>
  </si>
  <si>
    <t>12/29/2019 10:00:18</t>
  </si>
  <si>
    <t>12/29/2019 09:58:01</t>
  </si>
  <si>
    <t>12/29/2019 10:03:18</t>
  </si>
  <si>
    <t>12/29/2019 10:01:04</t>
  </si>
  <si>
    <t>12/29/2019 10:01:35</t>
  </si>
  <si>
    <t>12/29/2019 10:06:18</t>
  </si>
  <si>
    <t>12/29/2019 10:04:11</t>
  </si>
  <si>
    <t>142c6507-849f-4c03-8392-886d5ed357df.tmp</t>
  </si>
  <si>
    <t>\\acsfs\profiles$\MATEUSJM\Downloads\142c6507-849f-4c03-8392-886d5ed357df.tmp</t>
  </si>
  <si>
    <t>12/29/2019 10:04:17</t>
  </si>
  <si>
    <t>12/29/2019 10:03:09</t>
  </si>
  <si>
    <t>12/29/2019 10:07:18</t>
  </si>
  <si>
    <t>12/29/2019 10:02:28</t>
  </si>
  <si>
    <t>12/29/2019 10:02:38</t>
  </si>
  <si>
    <t>14f5a7c9-d9f0-40af-a624-16918612648c.tmp</t>
  </si>
  <si>
    <t>\\acsfs\profiles$\jonatanls\Downloads\14f5a7c9-d9f0-40af-a624-16918612648c.tmp</t>
  </si>
  <si>
    <t>12/29/2019 10:03:29</t>
  </si>
  <si>
    <t>$I0QGUWN.pdf</t>
  </si>
  <si>
    <t>\\acsfs\profiles$\jonatanls\Downloads\$RECYCLE.BIN\$I0QGUWN.pdf</t>
  </si>
  <si>
    <t>12/29/2019 10:03:30</t>
  </si>
  <si>
    <t>$ILHNHJP.pdf</t>
  </si>
  <si>
    <t>\\acsfs\profiles$\jonatanls\Downloads\$RECYCLE.BIN\$ILHNHJP.pdf</t>
  </si>
  <si>
    <t>$IK7HY67.pdf</t>
  </si>
  <si>
    <t>\\acsfs\profiles$\jonatanls\Downloads\$RECYCLE.BIN\$IK7HY67.pdf</t>
  </si>
  <si>
    <t>12/29/2019 10:05:01</t>
  </si>
  <si>
    <t>1f72fe1d-a35b-407f-a270-aba9669529ca.tmp</t>
  </si>
  <si>
    <t>\\acsfs\profiles$\jonatanls\Downloads\1f72fe1d-a35b-407f-a270-aba9669529ca.tmp</t>
  </si>
  <si>
    <t>12/29/2019 10:05:37</t>
  </si>
  <si>
    <t>$ITKMZGL.pdf</t>
  </si>
  <si>
    <t>\\acsfs\profiles$\jonatanls\Downloads\$RECYCLE.BIN\$ITKMZGL.pdf</t>
  </si>
  <si>
    <t>12/29/2019 10:05:58</t>
  </si>
  <si>
    <t>12/29/2019 10:11:18</t>
  </si>
  <si>
    <t>4f490d3a-6ea3-4a36-9bad-a0c1219d6b02.tmp</t>
  </si>
  <si>
    <t>\\acsfs\profiles$\MATEUSJM\Downloads\4f490d3a-6ea3-4a36-9bad-a0c1219d6b02.tmp</t>
  </si>
  <si>
    <t>12/29/2019 10:07:16</t>
  </si>
  <si>
    <t>12/29/2019 10:11:52</t>
  </si>
  <si>
    <t>12/29/2019 10:14:17</t>
  </si>
  <si>
    <t>12/29/2019 10:09:03</t>
  </si>
  <si>
    <t>12/29/2019 10:16:34</t>
  </si>
  <si>
    <t>12/29/2019 10:18:18</t>
  </si>
  <si>
    <t>12/29/2019 10:16:56</t>
  </si>
  <si>
    <t>12/29/2019 10:21:18</t>
  </si>
  <si>
    <t>12/29/2019 10:17:14</t>
  </si>
  <si>
    <t>12/29/2019 10:20:58</t>
  </si>
  <si>
    <t>12/29/2019 10:24:17</t>
  </si>
  <si>
    <t>12/29/2019 10:21:27</t>
  </si>
  <si>
    <t>12/29/2019 10:25:18</t>
  </si>
  <si>
    <t>6e8b9e4e-31d1-4cc6-94d9-4f5ee4dd2fd4.tmp</t>
  </si>
  <si>
    <t>\\acsfs\profiles$\cintiadcf\Downloads\6e8b9e4e-31d1-4cc6-94d9-4f5ee4dd2fd4.tmp</t>
  </si>
  <si>
    <t>12/29/2019 10:22:45</t>
  </si>
  <si>
    <t>12/29/2019 10:27:18</t>
  </si>
  <si>
    <t>12/29/2019 10:27:53</t>
  </si>
  <si>
    <t>12/29/2019 10:31:17</t>
  </si>
  <si>
    <t>12/29/2019 10:27:24</t>
  </si>
  <si>
    <t>12/29/2019 10:32:18</t>
  </si>
  <si>
    <t>12/29/2019 10:31:29</t>
  </si>
  <si>
    <t>12/29/2019 10:34:18</t>
  </si>
  <si>
    <t>12/29/2019 10:34:26</t>
  </si>
  <si>
    <t>12/29/2019 10:35:17</t>
  </si>
  <si>
    <t>12/29/2019 10:33:52</t>
  </si>
  <si>
    <t>12/29/2019 10:38:17</t>
  </si>
  <si>
    <t>12/29/2019 10:34:09</t>
  </si>
  <si>
    <t>12/29/2019 10:34:15</t>
  </si>
  <si>
    <t>12/29/2019 10:34:16</t>
  </si>
  <si>
    <t>12/29/2019 10:34:19</t>
  </si>
  <si>
    <t>12/29/2019 10:34:20</t>
  </si>
  <si>
    <t>12/29/2019 10:34:21</t>
  </si>
  <si>
    <t>12/29/2019 10:34:30</t>
  </si>
  <si>
    <t>12/29/2019 10:34:31</t>
  </si>
  <si>
    <t>12/29/2019 10:34:32</t>
  </si>
  <si>
    <t>12/29/2019 10:34:35</t>
  </si>
  <si>
    <t>12/29/2019 10:34:40</t>
  </si>
  <si>
    <t>12/29/2019 10:34:52</t>
  </si>
  <si>
    <t>12/29/2019 10:34:55</t>
  </si>
  <si>
    <t>12/29/2019 10:34:57</t>
  </si>
  <si>
    <t>12/29/2019 10:34:58</t>
  </si>
  <si>
    <t>12/29/2019 10:34:59</t>
  </si>
  <si>
    <t>12/29/2019 10:35:01</t>
  </si>
  <si>
    <t>12/29/2019 10:35:02</t>
  </si>
  <si>
    <t>12/29/2019 10:35:05</t>
  </si>
  <si>
    <t>12/29/2019 10:35:07</t>
  </si>
  <si>
    <t>12/29/2019 10:35:08</t>
  </si>
  <si>
    <t>12/29/2019 10:35:10</t>
  </si>
  <si>
    <t>12/29/2019 10:35:11</t>
  </si>
  <si>
    <t>12/29/2019 10:35:15</t>
  </si>
  <si>
    <t>12/29/2019 10:35:16</t>
  </si>
  <si>
    <t>12/29/2019 10:35:18</t>
  </si>
  <si>
    <t>12/29/2019 10:35:20</t>
  </si>
  <si>
    <t>12/29/2019 10:35:22</t>
  </si>
  <si>
    <t>12/29/2019 10:35:23</t>
  </si>
  <si>
    <t>12/29/2019 10:35:25</t>
  </si>
  <si>
    <t>12/29/2019 10:35:26</t>
  </si>
  <si>
    <t>12/29/2019 10:35:29</t>
  </si>
  <si>
    <t>12/29/2019 10:35:30</t>
  </si>
  <si>
    <t>12/29/2019 10:35:32</t>
  </si>
  <si>
    <t>12/29/2019 10:35:34</t>
  </si>
  <si>
    <t>12/29/2019 10:35:35</t>
  </si>
  <si>
    <t>12/29/2019 10:35:37</t>
  </si>
  <si>
    <t>12/29/2019 10:35:38</t>
  </si>
  <si>
    <t>12/29/2019 10:35:39</t>
  </si>
  <si>
    <t>12/29/2019 10:35:41</t>
  </si>
  <si>
    <t>12/29/2019 10:35:43</t>
  </si>
  <si>
    <t>12/29/2019 10:36:07</t>
  </si>
  <si>
    <t>12/29/2019 10:37:21</t>
  </si>
  <si>
    <t>12/29/2019 10:36:21</t>
  </si>
  <si>
    <t>12/29/2019 10:39:18</t>
  </si>
  <si>
    <t>12/29/2019 10:38:38</t>
  </si>
  <si>
    <t>12/29/2019 10:40:17</t>
  </si>
  <si>
    <t>\\acsfs\profiles$\ALEXANDREMM\</t>
  </si>
  <si>
    <t>.~lock.Vendas de dezembro.ods#</t>
  </si>
  <si>
    <t>\\acsfs\profiles$\ALEXANDREMM\.~lock.Vendas de dezembro.ods#</t>
  </si>
  <si>
    <t>12/29/2019 10:38:52</t>
  </si>
  <si>
    <t>12/29/2019 10:41:18</t>
  </si>
  <si>
    <t>12/29/2019 10:38:24</t>
  </si>
  <si>
    <t>12/29/2019 10:42:17</t>
  </si>
  <si>
    <t>bc8937d4-a40a-4aaa-8c63-1ce6bc98162b.tmp</t>
  </si>
  <si>
    <t>\\acsfs\profiles$\kellzylenneasr\Downloads\bc8937d4-a40a-4aaa-8c63-1ce6bc98162b.tmp</t>
  </si>
  <si>
    <t>12/29/2019 10:41:16</t>
  </si>
  <si>
    <t>12/29/2019 10:43:18</t>
  </si>
  <si>
    <t>12/29/2019 10:41:20</t>
  </si>
  <si>
    <t>12/29/2019 10:41:24</t>
  </si>
  <si>
    <t>12/29/2019 10:41:27</t>
  </si>
  <si>
    <t>12/29/2019 10:41:30</t>
  </si>
  <si>
    <t>12/29/2019 10:41:44</t>
  </si>
  <si>
    <t>12/29/2019 10:42:00</t>
  </si>
  <si>
    <t>joaogvc@algartech.com;josiascdsj@algartech.com;leonardoao@algartech.com;marianadjc@algartech.com;paulacn@algartech.com;rafaelggs@algartech.com;taysdss@algartech.com;viniciussg@algartech.com;</t>
  </si>
  <si>
    <t>joaogvc@algartech.com,josiascdsj@algartech.com,leonardoao@algartech.com,marianadjc@algartech.com,paulacn@algartech.com,rafaelggs@algartech.com,taysdss@algartech.com,viniciussg@algartech.com</t>
  </si>
  <si>
    <t>12/29/2019 10:38:40</t>
  </si>
  <si>
    <t>c6cc4231-ad6e-46e2-8695-c11f2be2411e.tmp</t>
  </si>
  <si>
    <t>\\acsfs\profiles$\jonatanls\Downloads\c6cc4231-ad6e-46e2-8695-c11f2be2411e.tmp</t>
  </si>
  <si>
    <t>12/29/2019 10:38:42</t>
  </si>
  <si>
    <t>0a346e52-fd05-4128-979b-8d3cb804702c.tmp</t>
  </si>
  <si>
    <t>\\acsfs\profiles$\jonatanls\Downloads\0a346e52-fd05-4128-979b-8d3cb804702c.tmp</t>
  </si>
  <si>
    <t>12/29/2019 10:42:44</t>
  </si>
  <si>
    <t>12/29/2019 10:48:18</t>
  </si>
  <si>
    <t>12/29/2019 10:42:47</t>
  </si>
  <si>
    <t>12/29/2019 10:46:08</t>
  </si>
  <si>
    <t>12/29/2019 10:50:18</t>
  </si>
  <si>
    <t>12/29/2019 10:48:40</t>
  </si>
  <si>
    <t>12/29/2019 10:53:18</t>
  </si>
  <si>
    <t>12/29/2019 10:48:45</t>
  </si>
  <si>
    <t>12/29/2019 10:52:10</t>
  </si>
  <si>
    <t>12/29/2019 10:55:18</t>
  </si>
  <si>
    <t>12/29/2019 10:50:30</t>
  </si>
  <si>
    <t>12/29/2019 10:56:18</t>
  </si>
  <si>
    <t>12/29/2019 10:54:08</t>
  </si>
  <si>
    <t>12/29/2019 10:54:06</t>
  </si>
  <si>
    <t>12/29/2019 10:58:18</t>
  </si>
  <si>
    <t>12/29/2019 11:00:52</t>
  </si>
  <si>
    <t>12/29/2019 11:05:18</t>
  </si>
  <si>
    <t>12/29/2019 11:06:43</t>
  </si>
  <si>
    <t>12/29/2019 11:10:18</t>
  </si>
  <si>
    <t>12/29/2019 11:09:09</t>
  </si>
  <si>
    <t>12/29/2019 11:12:18</t>
  </si>
  <si>
    <t>12/29/2019 11:09:43</t>
  </si>
  <si>
    <t>12/29/2019 11:14:18</t>
  </si>
  <si>
    <t>12/29/2019 11:22:03</t>
  </si>
  <si>
    <t>12/29/2019 11:25:18</t>
  </si>
  <si>
    <t>22b9732c-010f-465c-8c0e-1d8f0811f89d.tmp</t>
  </si>
  <si>
    <t>\\acsfs\profiles$\YASMINSC\Downloads\22b9732c-010f-465c-8c0e-1d8f0811f89d.tmp</t>
  </si>
  <si>
    <t>12/29/2019 11:21:58</t>
  </si>
  <si>
    <t>12/29/2019 11:26:13</t>
  </si>
  <si>
    <t>12/29/2019 11:30:18</t>
  </si>
  <si>
    <t>12/29/2019 11:29:24</t>
  </si>
  <si>
    <t>12/29/2019 11:33:18</t>
  </si>
  <si>
    <t>12/29/2019 11:30:19</t>
  </si>
  <si>
    <t>12/29/2019 11:35:18</t>
  </si>
  <si>
    <t>12/29/2019 11:33:43</t>
  </si>
  <si>
    <t>12/29/2019 11:37:18</t>
  </si>
  <si>
    <t>12/29/2019 11:34:50</t>
  </si>
  <si>
    <t>12/29/2019 11:35:29</t>
  </si>
  <si>
    <t>88a7a84a-ed40-477f-963f-cbabbd6e0ba1.tmp</t>
  </si>
  <si>
    <t>\\acsfs\profiles$\kellzylenneasr\Downloads\88a7a84a-ed40-477f-963f-cbabbd6e0ba1.tmp</t>
  </si>
  <si>
    <t>12/29/2019 11:36:56</t>
  </si>
  <si>
    <t>12/29/2019 11:38:18</t>
  </si>
  <si>
    <t>12/29/2019 11:34:10</t>
  </si>
  <si>
    <t>12/29/2019 11:36:24</t>
  </si>
  <si>
    <t>12/29/2019 11:39:18</t>
  </si>
  <si>
    <t>12/29/2019 11:40:27</t>
  </si>
  <si>
    <t>12/29/2019 11:43:19</t>
  </si>
  <si>
    <t>12/29/2019 11:40:38</t>
  </si>
  <si>
    <t>12/29/2019 11:44:18</t>
  </si>
  <si>
    <t>12/29/2019 11:42:02</t>
  </si>
  <si>
    <t>12/29/2019 11:46:18</t>
  </si>
  <si>
    <t>12/29/2019 11:43:49</t>
  </si>
  <si>
    <t>35de7c88-f25e-4448-839c-a2eb8e951aa9.tmp</t>
  </si>
  <si>
    <t>\\acsfs\profiles$\PEDROHAB\Downloads\35de7c88-f25e-4448-839c-a2eb8e951aa9.tmp</t>
  </si>
  <si>
    <t>12/29/2019 11:47:31</t>
  </si>
  <si>
    <t>12/29/2019 11:51:18</t>
  </si>
  <si>
    <t>12/29/2019 11:48:51</t>
  </si>
  <si>
    <t>12/29/2019 11:52:53</t>
  </si>
  <si>
    <t>12/29/2019 11:57:19</t>
  </si>
  <si>
    <t>12/29/2019 11:56:45</t>
  </si>
  <si>
    <t>12/29/2019 11:59:19</t>
  </si>
  <si>
    <t>12/29/2019 12:01:19</t>
  </si>
  <si>
    <t>12/29/2019 12:01:33</t>
  </si>
  <si>
    <t>12/29/2019 12:03:19</t>
  </si>
  <si>
    <t>12/29/2019 12:01:37</t>
  </si>
  <si>
    <t>12/29/2019 12:01:56</t>
  </si>
  <si>
    <t>12/29/2019 12:02:13</t>
  </si>
  <si>
    <t>12/29/2019 12:02:19</t>
  </si>
  <si>
    <t>12/29/2019 11:58:15</t>
  </si>
  <si>
    <t>12/29/2019 12:00:02</t>
  </si>
  <si>
    <t>12/29/2019 12:03:50</t>
  </si>
  <si>
    <t>12/29/2019 12:06:19</t>
  </si>
  <si>
    <t>12/29/2019 12:02:41</t>
  </si>
  <si>
    <t>12/29/2019 12:08:18</t>
  </si>
  <si>
    <t>12/29/2019 12:03:00</t>
  </si>
  <si>
    <t>12/29/2019 12:03:06</t>
  </si>
  <si>
    <t>12/29/2019 12:03:09</t>
  </si>
  <si>
    <t>12/29/2019 12:03:14</t>
  </si>
  <si>
    <t>12/29/2019 12:04:36</t>
  </si>
  <si>
    <t>\\acsfs\DEPTOS\EDUCACAO EMPRESARIAL\01 - Info\</t>
  </si>
  <si>
    <t>12/29/2019 12:04:39</t>
  </si>
  <si>
    <t>\\acsfs\DEPTOS\EDUCACAO EMPRESARIAL\00\</t>
  </si>
  <si>
    <t>\\acsfs\DEPTOS\EDUCACAO EMPRESARIAL\00\Thumbs.db</t>
  </si>
  <si>
    <t>12/29/2019 12:04:48</t>
  </si>
  <si>
    <t>12/29/2019 12:04:55</t>
  </si>
  <si>
    <t>\\acsfs\DEPTOS\EDUCACAO EMPRESARIAL\2 - Operações\0 - BV\1 - TREINADORES\</t>
  </si>
  <si>
    <t>\\acsfs\DEPTOS\EDUCACAO EMPRESARIAL\2 - Operações\0 - BV\1 - TREINADORES\Thumbs.db</t>
  </si>
  <si>
    <t>12/29/2019 12:04:58</t>
  </si>
  <si>
    <t>\\acsfs\DEPTOS\EDUCACAO EMPRESARIAL\2 - Operações\0 - BV\5 - QUALIDADE\Nice\</t>
  </si>
  <si>
    <t>12/29/2019 12:08:27</t>
  </si>
  <si>
    <t>12/29/2019 12:09:19</t>
  </si>
  <si>
    <t>12/29/2019 12:10:12</t>
  </si>
  <si>
    <t>12/29/2019 12:11:19</t>
  </si>
  <si>
    <t>12/29/2019 12:07:43</t>
  </si>
  <si>
    <t>12/29/2019 12:08:23</t>
  </si>
  <si>
    <t>12/29/2019 12:12:20</t>
  </si>
  <si>
    <t>12/29/2019 12:08:24</t>
  </si>
  <si>
    <t>12/29/2019 12:11:20</t>
  </si>
  <si>
    <t>12/29/2019 12:13:19</t>
  </si>
  <si>
    <t>12/29/2019 12:12:02</t>
  </si>
  <si>
    <t>12/29/2019 12:12:03</t>
  </si>
  <si>
    <t>12/29/2019 12:16:25</t>
  </si>
  <si>
    <t>12/29/2019 12:19:19</t>
  </si>
  <si>
    <t>12/29/2019 12:16:00</t>
  </si>
  <si>
    <t>12/29/2019 12:20:19</t>
  </si>
  <si>
    <t>12/29/2019 12:21:19</t>
  </si>
  <si>
    <t>12/29/2019 12:20:51</t>
  </si>
  <si>
    <t>12/29/2019 12:23:19</t>
  </si>
  <si>
    <t>\\acsfs\DEPTOS\EDUCACAO EMPRESARIAL\2 - Operações\0 - BV\5 - QUALIDADE\Nova pasta\</t>
  </si>
  <si>
    <t>Controle de Erros operacionais - Dezembro - Cópia.xlsb</t>
  </si>
  <si>
    <t>\\acsfs\DEPTOS\EDUCACAO EMPRESARIAL\2 - Operações\0 - BV\5 - QUALIDADE\Nova pasta\Controle de Erros operacionais - Dezembro - Cópia.xlsb</t>
  </si>
  <si>
    <t>12/29/2019 12:22:41</t>
  </si>
  <si>
    <t>12/29/2019 12:28:19</t>
  </si>
  <si>
    <t>12/29/2019 12:23:07</t>
  </si>
  <si>
    <t>12/29/2019 12:26:17</t>
  </si>
  <si>
    <t>12/29/2019 12:26:30</t>
  </si>
  <si>
    <t>12/29/2019 12:26:37</t>
  </si>
  <si>
    <t>12/29/2019 12:27:43</t>
  </si>
  <si>
    <t>12/29/2019 12:29:19</t>
  </si>
  <si>
    <t>12/29/2019 12:25:43</t>
  </si>
  <si>
    <t>12/29/2019 12:27:26</t>
  </si>
  <si>
    <t>12/29/2019 12:31:19</t>
  </si>
  <si>
    <t>12/29/2019 12:29:23</t>
  </si>
  <si>
    <t>12/29/2019 12:32:20</t>
  </si>
  <si>
    <t>12/29/2019 12:27:39</t>
  </si>
  <si>
    <t>12/29/2019 12:33:19</t>
  </si>
  <si>
    <t>12/29/2019 12:28:14</t>
  </si>
  <si>
    <t>12/29/2019 12:32:04</t>
  </si>
  <si>
    <t>12/29/2019 12:36:19</t>
  </si>
  <si>
    <t>12/29/2019 12:37:11</t>
  </si>
  <si>
    <t>12/29/2019 12:38:19</t>
  </si>
  <si>
    <t>12/29/2019 12:37:00</t>
  </si>
  <si>
    <t>12/29/2019 12:39:20</t>
  </si>
  <si>
    <t>12/29/2019 12:38:10</t>
  </si>
  <si>
    <t>12/29/2019 12:41:19</t>
  </si>
  <si>
    <t>12/29/2019 12:42:41</t>
  </si>
  <si>
    <t>12/29/2019 12:48:20</t>
  </si>
  <si>
    <t>12/29/2019 12:42:52</t>
  </si>
  <si>
    <t>12/29/2019 12:42:58</t>
  </si>
  <si>
    <t>12/29/2019 12:43:08</t>
  </si>
  <si>
    <t>12/29/2019 12:43:15</t>
  </si>
  <si>
    <t>12/29/2019 12:43:18</t>
  </si>
  <si>
    <t>12/29/2019 12:43:20</t>
  </si>
  <si>
    <t>12/29/2019 12:43:26</t>
  </si>
  <si>
    <t>12/29/2019 12:51:48</t>
  </si>
  <si>
    <t>12/29/2019 12:57:20</t>
  </si>
  <si>
    <t>12/29/2019 12:52:53</t>
  </si>
  <si>
    <t>1a566211-e2cf-498c-a764-43c54776e824.tmp</t>
  </si>
  <si>
    <t>\\acsfs\profiles$\mariagsg\Downloads\1a566211-e2cf-498c-a764-43c54776e824.tmp</t>
  </si>
  <si>
    <t>12/29/2019 12:52:55</t>
  </si>
  <si>
    <t>14381828-6edb-4241-a960-c7eacfe08b34.tmp</t>
  </si>
  <si>
    <t>\\acsfs\profiles$\mariagsg\Downloads\14381828-6edb-4241-a960-c7eacfe08b34.tmp</t>
  </si>
  <si>
    <t>12/29/2019 12:58:08</t>
  </si>
  <si>
    <t>12/29/2019 12:58:20</t>
  </si>
  <si>
    <t>12/29/2019 12:59:55</t>
  </si>
  <si>
    <t>12/29/2019 13:02:19</t>
  </si>
  <si>
    <t>12/29/2019 13:01:23</t>
  </si>
  <si>
    <t>6d8eb612-575a-4517-9074-720b90ba7805.tmp</t>
  </si>
  <si>
    <t>\\acsfs\profiles$\kellzylenneasr\Downloads\6d8eb612-575a-4517-9074-720b90ba7805.tmp</t>
  </si>
  <si>
    <t>12/29/2019 13:01:03</t>
  </si>
  <si>
    <t>12/29/2019 13:03:20</t>
  </si>
  <si>
    <t>12/29/2019 13:01:04</t>
  </si>
  <si>
    <t>12/29/2019 13:01:05</t>
  </si>
  <si>
    <t>12/29/2019 12:58:12</t>
  </si>
  <si>
    <t>12/29/2019 13:01:12</t>
  </si>
  <si>
    <t>12/29/2019 13:04:19</t>
  </si>
  <si>
    <t>12/29/2019 13:05:15</t>
  </si>
  <si>
    <t>12/29/2019 13:07:19</t>
  </si>
  <si>
    <t>12/29/2019 13:06:41</t>
  </si>
  <si>
    <t>12/29/2019 13:09:20</t>
  </si>
  <si>
    <t>12/29/2019 13:06:30</t>
  </si>
  <si>
    <t>12/29/2019 13:10:20</t>
  </si>
  <si>
    <t>12/29/2019 13:10:49</t>
  </si>
  <si>
    <t>12/29/2019 13:12:19</t>
  </si>
  <si>
    <t>215289f9-cabe-4e13-80e1-70242971344a.tmp</t>
  </si>
  <si>
    <t>\\acsfs\profiles$\mariagsg\Downloads\215289f9-cabe-4e13-80e1-70242971344a.tmp</t>
  </si>
  <si>
    <t>12/29/2019 13:15:23</t>
  </si>
  <si>
    <t>12/29/2019 13:16:19</t>
  </si>
  <si>
    <t>12/29/2019 13:11:49</t>
  </si>
  <si>
    <t>12/29/2019 13:15:32</t>
  </si>
  <si>
    <t>12/29/2019 13:20:20</t>
  </si>
  <si>
    <t>12/29/2019 13:17:45</t>
  </si>
  <si>
    <t>12/29/2019 13:22:21</t>
  </si>
  <si>
    <t>12/29/2019 13:23:41</t>
  </si>
  <si>
    <t>12/29/2019 13:26:21</t>
  </si>
  <si>
    <t>12/29/2019 13:26:40</t>
  </si>
  <si>
    <t>12/29/2019 13:28:21</t>
  </si>
  <si>
    <t>12/29/2019 13:29:17</t>
  </si>
  <si>
    <t>12/29/2019 13:32:21</t>
  </si>
  <si>
    <t>12/29/2019 13:33:58</t>
  </si>
  <si>
    <t>12/29/2019 13:35:21</t>
  </si>
  <si>
    <t>b7b8575e-a82c-499d-829a-116a709ffb23.tmp</t>
  </si>
  <si>
    <t>\\acsfs\profiles$\rafaelamsv\Downloads\b7b8575e-a82c-499d-829a-116a709ffb23.tmp</t>
  </si>
  <si>
    <t>12/29/2019 13:33:25</t>
  </si>
  <si>
    <t>12/29/2019 13:36:21</t>
  </si>
  <si>
    <t>12/29/2019 13:33:33</t>
  </si>
  <si>
    <t>12/29/2019 13:37:21</t>
  </si>
  <si>
    <t>12/29/2019 13:36:32</t>
  </si>
  <si>
    <t>12/29/2019 13:38:13</t>
  </si>
  <si>
    <t>12/29/2019 13:41:21</t>
  </si>
  <si>
    <t>12/29/2019 13:37:15</t>
  </si>
  <si>
    <t>12/29/2019 13:50:27</t>
  </si>
  <si>
    <t>12/29/2019 13:51:23</t>
  </si>
  <si>
    <t>12/29/2019 13:52:47</t>
  </si>
  <si>
    <t>12/29/2019 13:58:23</t>
  </si>
  <si>
    <t>12/29/2019 13:55:47</t>
  </si>
  <si>
    <t>12/29/2019 13:57:55</t>
  </si>
  <si>
    <t>12/29/2019 13:59:23</t>
  </si>
  <si>
    <t>12/29/2019 13:56:10</t>
  </si>
  <si>
    <t>12/29/2019 14:00:23</t>
  </si>
  <si>
    <t>12/29/2019 13:56:14</t>
  </si>
  <si>
    <t>12/29/2019 13:59:43</t>
  </si>
  <si>
    <t>12/29/2019 14:01:23</t>
  </si>
  <si>
    <t>12/29/2019 14:01:19</t>
  </si>
  <si>
    <t>12/29/2019 14:02:24</t>
  </si>
  <si>
    <t>12/29/2019 14:00:40</t>
  </si>
  <si>
    <t>12/29/2019 14:04:24</t>
  </si>
  <si>
    <t>12/29/2019 14:08:02</t>
  </si>
  <si>
    <t>12/29/2019 14:12:23</t>
  </si>
  <si>
    <t>12/29/2019 14:16:03</t>
  </si>
  <si>
    <t>12/29/2019 14:18:24</t>
  </si>
  <si>
    <t>12/29/2019 14:15:41</t>
  </si>
  <si>
    <t>12/29/2019 14:19:23</t>
  </si>
  <si>
    <t>12/29/2019 14:18:58</t>
  </si>
  <si>
    <t>12/29/2019 14:23:24</t>
  </si>
  <si>
    <t>12/29/2019 14:22:20</t>
  </si>
  <si>
    <t>12/29/2019 14:26:23</t>
  </si>
  <si>
    <t>12/29/2019 14:27:26</t>
  </si>
  <si>
    <t>12/29/2019 14:28:23</t>
  </si>
  <si>
    <t>12/29/2019 14:25:33</t>
  </si>
  <si>
    <t>12/29/2019 14:30:23</t>
  </si>
  <si>
    <t>12/29/2019 14:28:59</t>
  </si>
  <si>
    <t>12/29/2019 14:32:23</t>
  </si>
  <si>
    <t>dc21c9fa-b20d-4f97-966c-3169f2d8310a.tmp</t>
  </si>
  <si>
    <t>\\acsfs\profiles$\mariagsg\Downloads\dc21c9fa-b20d-4f97-966c-3169f2d8310a.tmp</t>
  </si>
  <si>
    <t>12/29/2019 14:28:45</t>
  </si>
  <si>
    <t>12/29/2019 14:33:23</t>
  </si>
  <si>
    <t>fb8f68e3-7e7a-4649-a762-78dfe3ebf381.tmp</t>
  </si>
  <si>
    <t>\\acsfs\profiles$\philipegsf\Downloads\fb8f68e3-7e7a-4649-a762-78dfe3ebf381.tmp</t>
  </si>
  <si>
    <t>12/29/2019 14:30:18</t>
  </si>
  <si>
    <t>9f1d0387-19fb-4343-ab6c-b309c15c4f0a.tmp</t>
  </si>
  <si>
    <t>\\acsfs\profiles$\philipegsf\Downloads\9f1d0387-19fb-4343-ab6c-b309c15c4f0a.tmp</t>
  </si>
  <si>
    <t>12/29/2019 14:33:01</t>
  </si>
  <si>
    <t>12/29/2019 14:36:23</t>
  </si>
  <si>
    <t>12/29/2019 14:33:42</t>
  </si>
  <si>
    <t>12/29/2019 14:32:41</t>
  </si>
  <si>
    <t>12/29/2019 14:37:23</t>
  </si>
  <si>
    <t>12/29/2019 14:37:52</t>
  </si>
  <si>
    <t>12/29/2019 14:42:23</t>
  </si>
  <si>
    <t>12/29/2019 14:38:13</t>
  </si>
  <si>
    <t>f8f33029-cc9a-49de-a0c9-8b5ba7279210.tmp</t>
  </si>
  <si>
    <t>\\acsfs\profiles$\fabianafv\Downloads\f8f33029-cc9a-49de-a0c9-8b5ba7279210.tmp</t>
  </si>
  <si>
    <t>12/29/2019 14:38:18</t>
  </si>
  <si>
    <t>7e266e53-c74d-46b6-96f6-ccd9aa1764ec.tmp</t>
  </si>
  <si>
    <t>\\acsfs\profiles$\fabianafv\Downloads\7e266e53-c74d-46b6-96f6-ccd9aa1764ec.tmp</t>
  </si>
  <si>
    <t>12/29/2019 14:39:34</t>
  </si>
  <si>
    <t>90746ad1-6d52-4a63-81a6-757321118be1.tmp</t>
  </si>
  <si>
    <t>\\acsfs\profiles$\fabianafv\Downloads\90746ad1-6d52-4a63-81a6-757321118be1.tmp</t>
  </si>
  <si>
    <t>12/29/2019 14:40:06</t>
  </si>
  <si>
    <t>12/29/2019 14:44:22</t>
  </si>
  <si>
    <t>12/29/2019 14:43:33</t>
  </si>
  <si>
    <t>12/29/2019 14:48:22</t>
  </si>
  <si>
    <t>80fe98e9-09e9-49a1-9a26-2f2a713121d5.tmp</t>
  </si>
  <si>
    <t>\\acsfs\profiles$\brunalas\Downloads\80fe98e9-09e9-49a1-9a26-2f2a713121d5.tmp</t>
  </si>
  <si>
    <t>12/29/2019 14:43:37</t>
  </si>
  <si>
    <t>12/29/2019 14:44:47</t>
  </si>
  <si>
    <t>206f8aef-7379-47ca-8434-d27c18b77335.tmp</t>
  </si>
  <si>
    <t>\\acsfs\profiles$\brunalas\Downloads\206f8aef-7379-47ca-8434-d27c18b77335.tmp</t>
  </si>
  <si>
    <t>12/29/2019 14:49:35</t>
  </si>
  <si>
    <t>12/29/2019 14:52:22</t>
  </si>
  <si>
    <t>054525b3-ae44-4509-b123-273c2dda5423.tmp</t>
  </si>
  <si>
    <t>\\acsfs\profiles$\fabianafv\Downloads\054525b3-ae44-4509-b123-273c2dda5423.tmp</t>
  </si>
  <si>
    <t>12/29/2019 14:49:14</t>
  </si>
  <si>
    <t>12/29/2019 14:53:44</t>
  </si>
  <si>
    <t>12/29/2019 14:56:21</t>
  </si>
  <si>
    <t>12/29/2019 14:54:24</t>
  </si>
  <si>
    <t>12/29/2019 14:57:22</t>
  </si>
  <si>
    <t>5ba6c341-dc4d-4515-b875-d4a0228647b0.tmp</t>
  </si>
  <si>
    <t>\\acsfs\profiles$\fabianafv\Downloads\5ba6c341-dc4d-4515-b875-d4a0228647b0.tmp</t>
  </si>
  <si>
    <t>12/29/2019 14:54:42</t>
  </si>
  <si>
    <t>f2294a1f-d257-458c-a8f7-10ede011055e.tmp</t>
  </si>
  <si>
    <t>\\acsfs\profiles$\fabianafv\Downloads\f2294a1f-d257-458c-a8f7-10ede011055e.tmp</t>
  </si>
  <si>
    <t>12/29/2019 14:53:23</t>
  </si>
  <si>
    <t>12/29/2019 14:58:21</t>
  </si>
  <si>
    <t>12/29/2019 14:56:32</t>
  </si>
  <si>
    <t>12/29/2019 14:59:22</t>
  </si>
  <si>
    <t>10.200.66.94</t>
  </si>
  <si>
    <t>34-E6-D7-FC-BF-1F</t>
  </si>
  <si>
    <t>VOTORANT-ZB004</t>
  </si>
  <si>
    <t>martala</t>
  </si>
  <si>
    <t>12/29/2019 15:00:50</t>
  </si>
  <si>
    <t>12/29/2019 15:03:21</t>
  </si>
  <si>
    <t>12/29/2019 15:05:49</t>
  </si>
  <si>
    <t>12/29/2019 15:08:21</t>
  </si>
  <si>
    <t>12/29/2019 15:05:33</t>
  </si>
  <si>
    <t>12/29/2019 15:09:22</t>
  </si>
  <si>
    <t>12/29/2019 15:08:14</t>
  </si>
  <si>
    <t>12/29/2019 15:11:21</t>
  </si>
  <si>
    <t>12/29/2019 15:07:16</t>
  </si>
  <si>
    <t>12/29/2019 15:07:45</t>
  </si>
  <si>
    <t>adccafd8-17f0-4de7-91c2-2841eed202fa.tmp</t>
  </si>
  <si>
    <t>\\acsfs\profiles$\welidicdj\Downloads\adccafd8-17f0-4de7-91c2-2841eed202fa.tmp</t>
  </si>
  <si>
    <t>12/29/2019 15:07:52</t>
  </si>
  <si>
    <t>67dd3940-8b81-476d-9246-88881dd92add.tmp</t>
  </si>
  <si>
    <t>\\acsfs\profiles$\welidicdj\Downloads\67dd3940-8b81-476d-9246-88881dd92add.tmp</t>
  </si>
  <si>
    <t>12/29/2019 15:09:35</t>
  </si>
  <si>
    <t>12/29/2019 15:12:22</t>
  </si>
  <si>
    <t>.~lock.vendas HJ.ods#</t>
  </si>
  <si>
    <t>\\acsfs\profiles$\KELLZYLENNEASR\My Documents\.~lock.vendas HJ.ods#</t>
  </si>
  <si>
    <t>12/29/2019 15:09:47</t>
  </si>
  <si>
    <t>12/29/2019 15:10:10</t>
  </si>
  <si>
    <t>lu11560mmlo.tmp</t>
  </si>
  <si>
    <t>\\acsfs\profiles$\KELLZYLENNEASR\My Documents\lu11560mmlo.tmp</t>
  </si>
  <si>
    <t>\\acsfs\profiles$\KELLZYLENNEASR\My Documents\lu11560mmlo.tmp\</t>
  </si>
  <si>
    <t>\\acsfs\profiles$\KELLZYLENNEASR\My Documents\lu11560mmlo.tmp\META-INF\</t>
  </si>
  <si>
    <t>\\acsfs\profiles$\KELLZYLENNEASR\My Documents\lu11560mmlo.tmp\Thumbnails\</t>
  </si>
  <si>
    <t>12/29/2019 15:10:15</t>
  </si>
  <si>
    <t>\\acsfs\profiles$\kellzylenneasr\My Documents\$RECYCLE.BIN\</t>
  </si>
  <si>
    <t>$I4B3OKN.ods</t>
  </si>
  <si>
    <t>\\acsfs\profiles$\kellzylenneasr\My Documents\$RECYCLE.BIN\$I4B3OKN.ods</t>
  </si>
  <si>
    <t>12/29/2019 15:08:59</t>
  </si>
  <si>
    <t>12/29/2019 15:14:21</t>
  </si>
  <si>
    <t>12/29/2019 15:09:00</t>
  </si>
  <si>
    <t>12/29/2019 15:09:07</t>
  </si>
  <si>
    <t>12/29/2019 15:09:09</t>
  </si>
  <si>
    <t>12/29/2019 15:09:10</t>
  </si>
  <si>
    <t>12/29/2019 15:09:14</t>
  </si>
  <si>
    <t>12/29/2019 15:09:16</t>
  </si>
  <si>
    <t>12/29/2019 15:09:18</t>
  </si>
  <si>
    <t>12/29/2019 15:09:33</t>
  </si>
  <si>
    <t>12/29/2019 15:09:38</t>
  </si>
  <si>
    <t>12/29/2019 15:09:40</t>
  </si>
  <si>
    <t>12/29/2019 15:09:42</t>
  </si>
  <si>
    <t>12/29/2019 15:09:44</t>
  </si>
  <si>
    <t>12/29/2019 15:09:45</t>
  </si>
  <si>
    <t>12/29/2019 15:09:46</t>
  </si>
  <si>
    <t>12/29/2019 15:09:49</t>
  </si>
  <si>
    <t>12/29/2019 15:09:51</t>
  </si>
  <si>
    <t>12/29/2019 15:09:53</t>
  </si>
  <si>
    <t>12/29/2019 15:09:54</t>
  </si>
  <si>
    <t>12/29/2019 15:09:57</t>
  </si>
  <si>
    <t>12/29/2019 15:09:58</t>
  </si>
  <si>
    <t>12/29/2019 15:09:59</t>
  </si>
  <si>
    <t>12/29/2019 15:10:01</t>
  </si>
  <si>
    <t>12/29/2019 15:10:04</t>
  </si>
  <si>
    <t>12/29/2019 15:10:05</t>
  </si>
  <si>
    <t>12/29/2019 15:10:07</t>
  </si>
  <si>
    <t>12/29/2019 15:10:08</t>
  </si>
  <si>
    <t>12/29/2019 15:10:11</t>
  </si>
  <si>
    <t>12/29/2019 15:10:13</t>
  </si>
  <si>
    <t>12/29/2019 15:10:14</t>
  </si>
  <si>
    <t>12/29/2019 15:10:16</t>
  </si>
  <si>
    <t>12/29/2019 15:10:17</t>
  </si>
  <si>
    <t>12/29/2019 15:10:18</t>
  </si>
  <si>
    <t>12/29/2019 15:10:20</t>
  </si>
  <si>
    <t>12/29/2019 15:10:22</t>
  </si>
  <si>
    <t>12/29/2019 15:10:23</t>
  </si>
  <si>
    <t>12/29/2019 15:10:25</t>
  </si>
  <si>
    <t>12/29/2019 15:10:29</t>
  </si>
  <si>
    <t>12/29/2019 15:10:30</t>
  </si>
  <si>
    <t>12/29/2019 15:11:56</t>
  </si>
  <si>
    <t>12/29/2019 15:11:57</t>
  </si>
  <si>
    <t>12/29/2019 15:11:58</t>
  </si>
  <si>
    <t>12/29/2019 15:11:59</t>
  </si>
  <si>
    <t>12/29/2019 15:12:01</t>
  </si>
  <si>
    <t>12/29/2019 15:12:02</t>
  </si>
  <si>
    <t>12/29/2019 15:12:03</t>
  </si>
  <si>
    <t>12/29/2019 15:12:04</t>
  </si>
  <si>
    <t>12/29/2019 15:12:06</t>
  </si>
  <si>
    <t>12/29/2019 15:12:07</t>
  </si>
  <si>
    <t>12/29/2019 15:12:08</t>
  </si>
  <si>
    <t>12/29/2019 15:12:09</t>
  </si>
  <si>
    <t>12/29/2019 15:12:10</t>
  </si>
  <si>
    <t>12/29/2019 15:12:11</t>
  </si>
  <si>
    <t>12/29/2019 15:12:13</t>
  </si>
  <si>
    <t>12/29/2019 15:12:14</t>
  </si>
  <si>
    <t>12/29/2019 15:12:16</t>
  </si>
  <si>
    <t>12/29/2019 15:12:17</t>
  </si>
  <si>
    <t>12/29/2019 15:12:18</t>
  </si>
  <si>
    <t>12/29/2019 15:12:19</t>
  </si>
  <si>
    <t>12/29/2019 15:12:20</t>
  </si>
  <si>
    <t>12/29/2019 15:12:21</t>
  </si>
  <si>
    <t>12/29/2019 15:14:22</t>
  </si>
  <si>
    <t>12/29/2019 15:12:23</t>
  </si>
  <si>
    <t>12/29/2019 15:12:25</t>
  </si>
  <si>
    <t>12/29/2019 15:12:27</t>
  </si>
  <si>
    <t>12/29/2019 15:12:29</t>
  </si>
  <si>
    <t>12/29/2019 15:12:30</t>
  </si>
  <si>
    <t>12/29/2019 15:12:31</t>
  </si>
  <si>
    <t>12/29/2019 15:12:33</t>
  </si>
  <si>
    <t>12/29/2019 15:12:34</t>
  </si>
  <si>
    <t>12/29/2019 15:12:36</t>
  </si>
  <si>
    <t>12/29/2019 15:12:37</t>
  </si>
  <si>
    <t>12/29/2019 15:12:39</t>
  </si>
  <si>
    <t>12/29/2019 15:12:40</t>
  </si>
  <si>
    <t>12/29/2019 15:12:42</t>
  </si>
  <si>
    <t>12/29/2019 15:12:43</t>
  </si>
  <si>
    <t>12/29/2019 15:12:47</t>
  </si>
  <si>
    <t>12/29/2019 15:12:48</t>
  </si>
  <si>
    <t>12/29/2019 15:13:21</t>
  </si>
  <si>
    <t>12/29/2019 15:15:25</t>
  </si>
  <si>
    <t>12/29/2019 15:17:22</t>
  </si>
  <si>
    <t>https://vimeo.com/manage/videos?action=action_log_performance</t>
  </si>
  <si>
    <t>12/29/2019 15:15:30</t>
  </si>
  <si>
    <t>12/29/2019 15:15:20</t>
  </si>
  <si>
    <t>12/29/2019 15:19:22</t>
  </si>
  <si>
    <t>26a0c7e3-36d7-4df0-870e-08af6b47a4ef.tmp</t>
  </si>
  <si>
    <t>\\acsfs\profiles$\erichds\Downloads\26a0c7e3-36d7-4df0-870e-08af6b47a4ef.tmp</t>
  </si>
  <si>
    <t>12/29/2019 15:17:37</t>
  </si>
  <si>
    <t>12/29/2019 15:13:41</t>
  </si>
  <si>
    <t>12/29/2019 15:13:43</t>
  </si>
  <si>
    <t>12/29/2019 15:13:44</t>
  </si>
  <si>
    <t>12/29/2019 15:13:45</t>
  </si>
  <si>
    <t>12/29/2019 15:13:46</t>
  </si>
  <si>
    <t>12/29/2019 15:13:49</t>
  </si>
  <si>
    <t>12/29/2019 15:13:50</t>
  </si>
  <si>
    <t>12/29/2019 15:13:52</t>
  </si>
  <si>
    <t>12/29/2019 15:13:53</t>
  </si>
  <si>
    <t>12/29/2019 15:13:56</t>
  </si>
  <si>
    <t>12/29/2019 15:13:57</t>
  </si>
  <si>
    <t>12/29/2019 15:13:58</t>
  </si>
  <si>
    <t>12/29/2019 15:14:00</t>
  </si>
  <si>
    <t>12/29/2019 15:14:01</t>
  </si>
  <si>
    <t>12/29/2019 15:14:03</t>
  </si>
  <si>
    <t>12/29/2019 15:14:04</t>
  </si>
  <si>
    <t>12/29/2019 15:14:06</t>
  </si>
  <si>
    <t>12/29/2019 15:14:07</t>
  </si>
  <si>
    <t>12/29/2019 15:14:09</t>
  </si>
  <si>
    <t>12/29/2019 15:14:10</t>
  </si>
  <si>
    <t>12/29/2019 15:14:12</t>
  </si>
  <si>
    <t>12/29/2019 15:14:13</t>
  </si>
  <si>
    <t>12/29/2019 15:14:15</t>
  </si>
  <si>
    <t>12/29/2019 15:14:16</t>
  </si>
  <si>
    <t>12/29/2019 15:14:17</t>
  </si>
  <si>
    <t>12/29/2019 15:14:19</t>
  </si>
  <si>
    <t>12/29/2019 15:14:20</t>
  </si>
  <si>
    <t>12/29/2019 15:14:23</t>
  </si>
  <si>
    <t>12/29/2019 15:14:25</t>
  </si>
  <si>
    <t>12/29/2019 15:14:26</t>
  </si>
  <si>
    <t>12/29/2019 15:14:27</t>
  </si>
  <si>
    <t>12/29/2019 15:14:28</t>
  </si>
  <si>
    <t>12/29/2019 15:14:30</t>
  </si>
  <si>
    <t>12/29/2019 15:14:32</t>
  </si>
  <si>
    <t>12/29/2019 15:14:34</t>
  </si>
  <si>
    <t>12/29/2019 15:14:35</t>
  </si>
  <si>
    <t>12/29/2019 15:14:36</t>
  </si>
  <si>
    <t>12/29/2019 15:14:38</t>
  </si>
  <si>
    <t>12/29/2019 15:14:40</t>
  </si>
  <si>
    <t>12/29/2019 15:14:43</t>
  </si>
  <si>
    <t>12/29/2019 15:14:45</t>
  </si>
  <si>
    <t>12/29/2019 15:15:09</t>
  </si>
  <si>
    <t>12/29/2019 15:17:48</t>
  </si>
  <si>
    <t>12/29/2019 15:22:21</t>
  </si>
  <si>
    <t>12/29/2019 15:19:23</t>
  </si>
  <si>
    <t>lu11560mmls.tmp</t>
  </si>
  <si>
    <t>\\acsfs\profiles$\KELLZYLENNEASR\My Documents\lu11560mmls.tmp</t>
  </si>
  <si>
    <t>\\acsfs\profiles$\KELLZYLENNEASR\My Documents\lu11560mmls.tmp\</t>
  </si>
  <si>
    <t>\\acsfs\profiles$\KELLZYLENNEASR\My Documents\lu11560mmls.tmp\META-INF\</t>
  </si>
  <si>
    <t>\\acsfs\profiles$\KELLZYLENNEASR\My Documents\lu11560mmls.tmp\Thumbnails\</t>
  </si>
  <si>
    <t>12/29/2019 15:19:32</t>
  </si>
  <si>
    <t>12/29/2019 15:24:22</t>
  </si>
  <si>
    <t>6e501aec-1135-44c6-956a-25e9573adfaa.tmp</t>
  </si>
  <si>
    <t>\\acsfs\profiles$\erichds\Downloads\6e501aec-1135-44c6-956a-25e9573adfaa.tmp</t>
  </si>
  <si>
    <t>12/29/2019 15:19:47</t>
  </si>
  <si>
    <t>a447e62f-0b0b-458b-8d95-bf18f6d694e9.tmp</t>
  </si>
  <si>
    <t>\\acsfs\profiles$\erichds\Downloads\a447e62f-0b0b-458b-8d95-bf18f6d694e9.tmp</t>
  </si>
  <si>
    <t>12/29/2019 15:23:24</t>
  </si>
  <si>
    <t>12/29/2019 15:26:22</t>
  </si>
  <si>
    <t>12/29/2019 15:21:36</t>
  </si>
  <si>
    <t>12/29/2019 15:27:22</t>
  </si>
  <si>
    <t>12/29/2019 15:23:02</t>
  </si>
  <si>
    <t>12/29/2019 15:27:04</t>
  </si>
  <si>
    <t>12/29/2019 15:29:22</t>
  </si>
  <si>
    <t>12/29/2019 15:28:03</t>
  </si>
  <si>
    <t>12/29/2019 15:32:22</t>
  </si>
  <si>
    <t>12/29/2019 15:32:55</t>
  </si>
  <si>
    <t>12/29/2019 15:34:22</t>
  </si>
  <si>
    <t>12/29/2019 15:33:40</t>
  </si>
  <si>
    <t>12/29/2019 15:34:59</t>
  </si>
  <si>
    <t>12/29/2019 15:37:22</t>
  </si>
  <si>
    <t>12/29/2019 15:36:07</t>
  </si>
  <si>
    <t>12/29/2019 15:38:45</t>
  </si>
  <si>
    <t>12/29/2019 15:41:21</t>
  </si>
  <si>
    <t>12/29/2019 15:40:58</t>
  </si>
  <si>
    <t>12/29/2019 15:42:21</t>
  </si>
  <si>
    <t>12/29/2019 15:36:48</t>
  </si>
  <si>
    <t>261b49fe-a962-4ed8-8bc2-686d124da6c8.tmp</t>
  </si>
  <si>
    <t>\\acsfs\profiles$\fabianafv\Downloads\261b49fe-a962-4ed8-8bc2-686d124da6c8.tmp</t>
  </si>
  <si>
    <t>12/29/2019 15:39:41</t>
  </si>
  <si>
    <t>12/29/2019 15:43:22</t>
  </si>
  <si>
    <t>\\acsfs\profiles$\myllenardl\Contacts\</t>
  </si>
  <si>
    <t>MYLLENA RIBEIRO DE LIMA (9).contact</t>
  </si>
  <si>
    <t>\\acsfs\profiles$\myllenardl\Contacts\MYLLENA RIBEIRO DE LIMA (9).contact</t>
  </si>
  <si>
    <t>12/29/2019 15:39:52</t>
  </si>
  <si>
    <t>\\acsfs\profiles$\myllenardl\My Documents\My Videos\</t>
  </si>
  <si>
    <t>\\acsfs\profiles$\myllenardl\My Documents\My Videos\desktop.ini</t>
  </si>
  <si>
    <t>12/29/2019 15:39:53</t>
  </si>
  <si>
    <t>\\acsfs\profiles$\myllenardl\My Documents\My Pictures\</t>
  </si>
  <si>
    <t>\\acsfs\profiles$\myllenardl\My Documents\My Pictures\desktop.ini</t>
  </si>
  <si>
    <t>12/29/2019 15:39:54</t>
  </si>
  <si>
    <t>\\acsfs\profiles$\myllenardl\Contacts\desktop.ini</t>
  </si>
  <si>
    <t>12/29/2019 15:39:55</t>
  </si>
  <si>
    <t>\\acsfs\profiles$\myllenardl\Favorites\</t>
  </si>
  <si>
    <t>\\acsfs\profiles$\myllenardl\Favorites\desktop.ini</t>
  </si>
  <si>
    <t>12/29/2019 15:39:56</t>
  </si>
  <si>
    <t>\\acsfs\profiles$\myllenardl\My Documents\My Music\</t>
  </si>
  <si>
    <t>\\acsfs\profiles$\myllenardl\My Documents\My Music\desktop.ini</t>
  </si>
  <si>
    <t>12/29/2019 15:39:57</t>
  </si>
  <si>
    <t>\\acsfs\profiles$\myllenardl\Searches\</t>
  </si>
  <si>
    <t>\\acsfs\profiles$\myllenardl\Searches\desktop.ini</t>
  </si>
  <si>
    <t>12/29/2019 15:39:58</t>
  </si>
  <si>
    <t>\\acsfs\profiles$\myllenardl\Downloads\desktop.ini</t>
  </si>
  <si>
    <t>12/29/2019 15:39:59</t>
  </si>
  <si>
    <t>\\acsfs\profiles$\myllenardl\My Documents\desktop.ini</t>
  </si>
  <si>
    <t>12/29/2019 15:40:00</t>
  </si>
  <si>
    <t>\\acsfs\profiles$\myllenardl\Saved Games\</t>
  </si>
  <si>
    <t>\\acsfs\profiles$\myllenardl\Saved Games\desktop.ini</t>
  </si>
  <si>
    <t>12/29/2019 15:40:14</t>
  </si>
  <si>
    <t>\\acsfs\profiles$\myllenardl\Favorites\Links for Brasil\</t>
  </si>
  <si>
    <t>\\acsfs\profiles$\myllenardl\Favorites\Links for Brasil\desktop.ini</t>
  </si>
  <si>
    <t>12/29/2019 15:40:15</t>
  </si>
  <si>
    <t>\\acsfs\profiles$\myllenardl\Favorites\Links for Brasil\Microsoft Brasil.url</t>
  </si>
  <si>
    <t>\\acsfs\profiles$\myllenardl\Favorites\Links for Brasil\Windows Brasil.url</t>
  </si>
  <si>
    <t>12/29/2019 15:40:16</t>
  </si>
  <si>
    <t>\\acsfs\profiles$\myllenardl\Favorites\Links for Brasil\MSN Brasil.url</t>
  </si>
  <si>
    <t>12/29/2019 15:43:04</t>
  </si>
  <si>
    <t>2092d600-87b0-4410-a9e7-5ac175a18040.tmp</t>
  </si>
  <si>
    <t>\\acsfs\profiles$\myllenardl\Downloads\2092d600-87b0-4410-a9e7-5ac175a18040.tmp</t>
  </si>
  <si>
    <t>12/29/2019 15:43:09</t>
  </si>
  <si>
    <t>Q29udHJvbGxlci5QYXl3YXJl (43).ica</t>
  </si>
  <si>
    <t>\\acsfs\profiles$\myllenardl\Downloads\Q29udHJvbGxlci5QYXl3YXJl (43).ica</t>
  </si>
  <si>
    <t>12/29/2019 15:39:42</t>
  </si>
  <si>
    <t>12/29/2019 15:44:21</t>
  </si>
  <si>
    <t>nycolleemdj</t>
  </si>
  <si>
    <t>\\acsfs\profiles$\nycolleemdj\Contacts\</t>
  </si>
  <si>
    <t>NYCOLLE EDUARDA MARTINS DE JESUS (12).contact</t>
  </si>
  <si>
    <t>\\acsfs\profiles$\nycolleemdj\Contacts\NYCOLLE EDUARDA MARTINS DE JESUS (12).contact</t>
  </si>
  <si>
    <t>\\acsfs\profiles$\nycolleemdj\My Documents\My Videos\</t>
  </si>
  <si>
    <t>\\acsfs\profiles$\nycolleemdj\My Documents\My Videos\desktop.ini</t>
  </si>
  <si>
    <t>\\acsfs\profiles$\nycolleemdj\My Documents\My Pictures\</t>
  </si>
  <si>
    <t>\\acsfs\profiles$\nycolleemdj\My Documents\My Pictures\desktop.ini</t>
  </si>
  <si>
    <t>\\acsfs\profiles$\nycolleemdj\Contacts\desktop.ini</t>
  </si>
  <si>
    <t>\\acsfs\profiles$\nycolleemdj\Favorites\</t>
  </si>
  <si>
    <t>\\acsfs\profiles$\nycolleemdj\Favorites\desktop.ini</t>
  </si>
  <si>
    <t>12/29/2019 15:39:02</t>
  </si>
  <si>
    <t>29940232-ab43-423c-9fef-d73b6b4c448d.tmp</t>
  </si>
  <si>
    <t>\\acsfs\profiles$\erichds\Downloads\29940232-ab43-423c-9fef-d73b6b4c448d.tmp</t>
  </si>
  <si>
    <t>\\acsfs\profiles$\nycolleemdj\My Documents\My Music\</t>
  </si>
  <si>
    <t>\\acsfs\profiles$\nycolleemdj\My Documents\My Music\desktop.ini</t>
  </si>
  <si>
    <t>\\acsfs\profiles$\nycolleemdj\Searches\</t>
  </si>
  <si>
    <t>\\acsfs\profiles$\nycolleemdj\Searches\desktop.ini</t>
  </si>
  <si>
    <t>\\acsfs\profiles$\nycolleemdj\Downloads\</t>
  </si>
  <si>
    <t>\\acsfs\profiles$\nycolleemdj\Downloads\desktop.ini</t>
  </si>
  <si>
    <t>\\acsfs\profiles$\nycolleemdj\My Documents\</t>
  </si>
  <si>
    <t>\\acsfs\profiles$\nycolleemdj\My Documents\desktop.ini</t>
  </si>
  <si>
    <t>\\acsfs\profiles$\nycolleemdj\Saved Games\</t>
  </si>
  <si>
    <t>\\acsfs\profiles$\nycolleemdj\Saved Games\desktop.ini</t>
  </si>
  <si>
    <t>12/29/2019 15:40:10</t>
  </si>
  <si>
    <t>\\acsfs\profiles$\nycolleemdj\Favorites\Links for Brasil\</t>
  </si>
  <si>
    <t>\\acsfs\profiles$\nycolleemdj\Favorites\Links for Brasil\desktop.ini</t>
  </si>
  <si>
    <t>12/29/2019 15:40:11</t>
  </si>
  <si>
    <t>\\acsfs\profiles$\nycolleemdj\Favorites\Links for Brasil\Microsoft Brasil.url</t>
  </si>
  <si>
    <t>\\acsfs\profiles$\nycolleemdj\Favorites\Links for Brasil\Windows Brasil.url</t>
  </si>
  <si>
    <t>\\acsfs\profiles$\nycolleemdj\Favorites\Links for Brasil\MSN Brasil.url</t>
  </si>
  <si>
    <t>12/29/2019 15:40:12</t>
  </si>
  <si>
    <t>12/29/2019 15:41:55</t>
  </si>
  <si>
    <t>8138ea98-d8c3-42b1-99ee-7a7d30ea5421.tmp</t>
  </si>
  <si>
    <t>\\acsfs\profiles$\nycolleemdj\Downloads\8138ea98-d8c3-42b1-99ee-7a7d30ea5421.tmp</t>
  </si>
  <si>
    <t>12/29/2019 15:43:05</t>
  </si>
  <si>
    <t>be12c09b-eb28-4e4b-a331-994be6983760.tmp</t>
  </si>
  <si>
    <t>\\acsfs\profiles$\nycolleemdj\Downloads\be12c09b-eb28-4e4b-a331-994be6983760.tmp</t>
  </si>
  <si>
    <t>12/29/2019 15:45:13</t>
  </si>
  <si>
    <t>12/29/2019 15:46:22</t>
  </si>
  <si>
    <t>12/29/2019 15:43:39</t>
  </si>
  <si>
    <t>12/29/2019 15:48:21</t>
  </si>
  <si>
    <t>12/29/2019 15:45:33</t>
  </si>
  <si>
    <t>ee6ef697-6e74-4d17-9ff0-e1f553ffe3b4.tmp</t>
  </si>
  <si>
    <t>\\acsfs\profiles$\myllenardl\Downloads\ee6ef697-6e74-4d17-9ff0-e1f553ffe3b4.tmp</t>
  </si>
  <si>
    <t>12/29/2019 15:45:57</t>
  </si>
  <si>
    <t>41d40da6-d0d0-4f60-adf9-e7df75dd7557.tmp</t>
  </si>
  <si>
    <t>\\acsfs\profiles$\myllenardl\Downloads\41d40da6-d0d0-4f60-adf9-e7df75dd7557.tmp</t>
  </si>
  <si>
    <t>12/29/2019 15:47:25</t>
  </si>
  <si>
    <t>12/29/2019 15:51:22</t>
  </si>
  <si>
    <t>12/29/2019 15:48:58</t>
  </si>
  <si>
    <t>12/29/2019 15:49:43</t>
  </si>
  <si>
    <t>12/29/2019 15:50:01</t>
  </si>
  <si>
    <t>12/29/2019 15:50:52</t>
  </si>
  <si>
    <t>12/29/2019 15:48:59</t>
  </si>
  <si>
    <t>12/29/2019 15:47:04</t>
  </si>
  <si>
    <t>12/29/2019 15:52:22</t>
  </si>
  <si>
    <t>12/29/2019 15:52:20</t>
  </si>
  <si>
    <t>12/29/2019 15:56:22</t>
  </si>
  <si>
    <t>12/29/2019 15:54:42</t>
  </si>
  <si>
    <t>12/29/2019 15:54:40</t>
  </si>
  <si>
    <t>12/29/2019 15:53:01</t>
  </si>
  <si>
    <t>12/29/2019 15:57:22</t>
  </si>
  <si>
    <t>12/29/2019 15:58:06</t>
  </si>
  <si>
    <t>12/29/2019 16:01:22</t>
  </si>
  <si>
    <t>12/29/2019 15:59:01</t>
  </si>
  <si>
    <t>12/29/2019 16:02:22</t>
  </si>
  <si>
    <t>12/29/2019 16:00:50</t>
  </si>
  <si>
    <t>12/29/2019 16:03:22</t>
  </si>
  <si>
    <t>12/29/2019 16:01:52</t>
  </si>
  <si>
    <t>12/29/2019 16:02:09</t>
  </si>
  <si>
    <t>12/29/2019 16:05:22</t>
  </si>
  <si>
    <t>12/29/2019 16:05:44</t>
  </si>
  <si>
    <t>12/29/2019 16:06:22</t>
  </si>
  <si>
    <t>12/29/2019 16:05:07</t>
  </si>
  <si>
    <t>12/29/2019 16:07:22</t>
  </si>
  <si>
    <t>12/29/2019 16:04:05</t>
  </si>
  <si>
    <t>12/29/2019 16:06:00</t>
  </si>
  <si>
    <t>12/29/2019 16:08:22</t>
  </si>
  <si>
    <t>12/29/2019 16:06:58</t>
  </si>
  <si>
    <t>12/29/2019 16:09:22</t>
  </si>
  <si>
    <t>12/29/2019 16:04:55</t>
  </si>
  <si>
    <t>12/29/2019 16:07:28</t>
  </si>
  <si>
    <t>12/29/2019 16:10:21</t>
  </si>
  <si>
    <t>a0728d4a-feb2-4149-ae73-965cf94c76ec.tmp</t>
  </si>
  <si>
    <t>\\acsfs\profiles$\paulohaf\Downloads\a0728d4a-feb2-4149-ae73-965cf94c76ec.tmp</t>
  </si>
  <si>
    <t>12/29/2019 16:08:48</t>
  </si>
  <si>
    <t>27b867c5-6130-4e2a-9c87-86f21aecd366.tmp</t>
  </si>
  <si>
    <t>\\acsfs\profiles$\paulohaf\Downloads\27b867c5-6130-4e2a-9c87-86f21aecd366.tmp</t>
  </si>
  <si>
    <t>12/29/2019 16:08:56</t>
  </si>
  <si>
    <t>6e7b0d66-0e10-4193-8c63-67d11793a250.tmp</t>
  </si>
  <si>
    <t>\\acsfs\profiles$\paulohaf\Downloads\6e7b0d66-0e10-4193-8c63-67d11793a250.tmp</t>
  </si>
  <si>
    <t>12/29/2019 16:07:47</t>
  </si>
  <si>
    <t>12/29/2019 16:12:23</t>
  </si>
  <si>
    <t>ffdbaf47-9fdf-43a7-83e8-b38293fc6020.tmp</t>
  </si>
  <si>
    <t>\\acsfs\profiles$\fabianafv\Downloads\ffdbaf47-9fdf-43a7-83e8-b38293fc6020.tmp</t>
  </si>
  <si>
    <t>12/29/2019 16:10:59</t>
  </si>
  <si>
    <t>12/29/2019 16:11:20</t>
  </si>
  <si>
    <t>12/29/2019 16:15:23</t>
  </si>
  <si>
    <t>064e524f-0ae0-436c-a588-43f7228c0bc1.tmp</t>
  </si>
  <si>
    <t>\\acsfs\profiles$\paulohaf\Downloads\064e524f-0ae0-436c-a588-43f7228c0bc1.tmp</t>
  </si>
  <si>
    <t>12/29/2019 16:11:56</t>
  </si>
  <si>
    <t>12/29/2019 16:16:24</t>
  </si>
  <si>
    <t>12/29/2019 16:17:19</t>
  </si>
  <si>
    <t>12/29/2019 16:19:23</t>
  </si>
  <si>
    <t>12/29/2019 16:20:26</t>
  </si>
  <si>
    <t>12/29/2019 16:22:23</t>
  </si>
  <si>
    <t>12/29/2019 16:20:56</t>
  </si>
  <si>
    <t>12/29/2019 16:17:15</t>
  </si>
  <si>
    <t>12/29/2019 16:20:24</t>
  </si>
  <si>
    <t>12/29/2019 16:23:24</t>
  </si>
  <si>
    <t>12/29/2019 16:19:51</t>
  </si>
  <si>
    <t>12/29/2019 16:25:24</t>
  </si>
  <si>
    <t>12/29/2019 16:29:44</t>
  </si>
  <si>
    <t>12/29/2019 16:31:22</t>
  </si>
  <si>
    <t>5a476973-5068-4238-97b6-e6751b76810d.tmp</t>
  </si>
  <si>
    <t>\\acsfs\profiles$\welidicdj\Downloads\5a476973-5068-4238-97b6-e6751b76810d.tmp</t>
  </si>
  <si>
    <t>12/29/2019 16:26:58</t>
  </si>
  <si>
    <t>10.200.67.61</t>
  </si>
  <si>
    <t>D0-94-66-B5-5E-10</t>
  </si>
  <si>
    <t>VOTORANT-YB018</t>
  </si>
  <si>
    <t>12/29/2019 16:26:33</t>
  </si>
  <si>
    <t>12/29/2019 16:32:24</t>
  </si>
  <si>
    <t>12/29/2019 16:29:58</t>
  </si>
  <si>
    <t>12/29/2019 16:34:09</t>
  </si>
  <si>
    <t>12/29/2019 16:36:23</t>
  </si>
  <si>
    <t>12/29/2019 16:32:40</t>
  </si>
  <si>
    <t>12/29/2019 16:37:23</t>
  </si>
  <si>
    <t>12/29/2019 16:35:50</t>
  </si>
  <si>
    <t>12/29/2019 16:36:00</t>
  </si>
  <si>
    <t>12/29/2019 16:39:38</t>
  </si>
  <si>
    <t>12/29/2019 16:41:23</t>
  </si>
  <si>
    <t>12/29/2019 16:36:31</t>
  </si>
  <si>
    <t>12/29/2019 16:42:23</t>
  </si>
  <si>
    <t>12/29/2019 16:38:21</t>
  </si>
  <si>
    <t>12/29/2019 16:42:54</t>
  </si>
  <si>
    <t>12/29/2019 16:43:23</t>
  </si>
  <si>
    <t>12/29/2019 16:44:27</t>
  </si>
  <si>
    <t>12/29/2019 16:47:23</t>
  </si>
  <si>
    <t>12/29/2019 16:51:27</t>
  </si>
  <si>
    <t>12/29/2019 16:52:24</t>
  </si>
  <si>
    <t>12/29/2019 16:49:32</t>
  </si>
  <si>
    <t>12/29/2019 16:53:24</t>
  </si>
  <si>
    <t>12/29/2019 16:51:31</t>
  </si>
  <si>
    <t>12/29/2019 16:54:05</t>
  </si>
  <si>
    <t>12/29/2019 16:56:25</t>
  </si>
  <si>
    <t>12/29/2019 16:52:09</t>
  </si>
  <si>
    <t>12/29/2019 16:57:24</t>
  </si>
  <si>
    <t>12/29/2019 16:52:03</t>
  </si>
  <si>
    <t>12/29/2019 17:03:51</t>
  </si>
  <si>
    <t>12/29/2019 17:06:24</t>
  </si>
  <si>
    <t>12/29/2019 17:03:56</t>
  </si>
  <si>
    <t>12/29/2019 17:07:25</t>
  </si>
  <si>
    <t>12/29/2019 17:04:27</t>
  </si>
  <si>
    <t>12/29/2019 17:08:25</t>
  </si>
  <si>
    <t>12/29/2019 17:07:27</t>
  </si>
  <si>
    <t>12/29/2019 17:10:24</t>
  </si>
  <si>
    <t>192f12dc-e41f-4c7f-8428-ff2e4335afe2.tmp</t>
  </si>
  <si>
    <t>\\acsfs\profiles$\paulohaf\Downloads\192f12dc-e41f-4c7f-8428-ff2e4335afe2.tmp</t>
  </si>
  <si>
    <t>50dd24bf-80d8-466e-bbae-ed26a335ff71.tmp</t>
  </si>
  <si>
    <t>\\acsfs\profiles$\paulohaf\Downloads\50dd24bf-80d8-466e-bbae-ed26a335ff71.tmp</t>
  </si>
  <si>
    <t>12/29/2019 17:12:06</t>
  </si>
  <si>
    <t>12/29/2019 17:17:24</t>
  </si>
  <si>
    <t>12/29/2019 17:17:19</t>
  </si>
  <si>
    <t>12/29/2019 17:19:25</t>
  </si>
  <si>
    <t>12/29/2019 17:19:58</t>
  </si>
  <si>
    <t>12/29/2019 17:22:24</t>
  </si>
  <si>
    <t>12/29/2019 17:21:27</t>
  </si>
  <si>
    <t>12/29/2019 17:25:35</t>
  </si>
  <si>
    <t>12/29/2019 17:26:25</t>
  </si>
  <si>
    <t>12/29/2019 17:25:17</t>
  </si>
  <si>
    <t>12/29/2019 17:27:24</t>
  </si>
  <si>
    <t>12/29/2019 17:26:05</t>
  </si>
  <si>
    <t>12/29/2019 17:28:23</t>
  </si>
  <si>
    <t>12/29/2019 17:26:30</t>
  </si>
  <si>
    <t>12/29/2019 17:29:24</t>
  </si>
  <si>
    <t>12/29/2019 17:29:55</t>
  </si>
  <si>
    <t>12/29/2019 17:32:24</t>
  </si>
  <si>
    <t>12/29/2019 17:32:05</t>
  </si>
  <si>
    <t>12/29/2019 17:34:24</t>
  </si>
  <si>
    <t>\\acsfs\profiles$\leonardocb\My Documents\My Pictures\</t>
  </si>
  <si>
    <t>\\acsfs\profiles$\leonardocb\My Documents\My Videos\desktop.ini</t>
  </si>
  <si>
    <t>12/29/2019 17:32:15</t>
  </si>
  <si>
    <t>\\acsfs\profiles$\leonardocb\My Documents\My Videos\</t>
  </si>
  <si>
    <t>12/29/2019 17:32:16</t>
  </si>
  <si>
    <t>12/29/2019 17:32:17</t>
  </si>
  <si>
    <t>12/29/2019 17:32:23</t>
  </si>
  <si>
    <t>12/29/2019 17:32:25</t>
  </si>
  <si>
    <t>\\acsfs\profiles$\leonardocb\My Documents\My Music\</t>
  </si>
  <si>
    <t>\\acsfs\profiles$\leonardocb\My Documents\My Pictures\desktop.ini</t>
  </si>
  <si>
    <t>12/29/2019 17:32:26</t>
  </si>
  <si>
    <t>12/29/2019 17:32:29</t>
  </si>
  <si>
    <t>12/29/2019 17:32:30</t>
  </si>
  <si>
    <t>12/29/2019 17:32:33</t>
  </si>
  <si>
    <t>12/29/2019 17:32:37</t>
  </si>
  <si>
    <t>\\acsfs\profiles$\leonardocb\Contacts\</t>
  </si>
  <si>
    <t>\\acsfs\profiles$\leonardocb\Contacts\desktop.ini</t>
  </si>
  <si>
    <t>12/29/2019 17:32:44</t>
  </si>
  <si>
    <t>12/29/2019 17:32:45</t>
  </si>
  <si>
    <t>12/29/2019 17:32:46</t>
  </si>
  <si>
    <t>12/29/2019 17:32:47</t>
  </si>
  <si>
    <t>12/29/2019 17:32:56</t>
  </si>
  <si>
    <t>12/29/2019 17:32:58</t>
  </si>
  <si>
    <t>\\acsfs\profiles$\leonardocb\My Documents\</t>
  </si>
  <si>
    <t>\\acsfs\profiles$\leonardocb\Favorites\desktop.ini</t>
  </si>
  <si>
    <t>12/29/2019 17:33:06</t>
  </si>
  <si>
    <t>12/29/2019 17:33:09</t>
  </si>
  <si>
    <t>12/29/2019 17:33:12</t>
  </si>
  <si>
    <t>12/29/2019 17:33:14</t>
  </si>
  <si>
    <t>12/29/2019 17:33:15</t>
  </si>
  <si>
    <t>12/29/2019 17:33:16</t>
  </si>
  <si>
    <t>12/29/2019 17:33:18</t>
  </si>
  <si>
    <t>\\acsfs\profiles$\leonardocb\My Documents\My Music\desktop.ini</t>
  </si>
  <si>
    <t>12/29/2019 17:33:19</t>
  </si>
  <si>
    <t>12/29/2019 17:33:20</t>
  </si>
  <si>
    <t>12/29/2019 17:33:22</t>
  </si>
  <si>
    <t>12/29/2019 17:33:24</t>
  </si>
  <si>
    <t>\\acsfs\profiles$\leonardocb\Searches\</t>
  </si>
  <si>
    <t>\\acsfs\profiles$\leonardocb\Searches\desktop.ini</t>
  </si>
  <si>
    <t>12/29/2019 17:33:26</t>
  </si>
  <si>
    <t>12/29/2019 17:33:27</t>
  </si>
  <si>
    <t>12/29/2019 17:33:28</t>
  </si>
  <si>
    <t>12/29/2019 17:33:30</t>
  </si>
  <si>
    <t>\\acsfs\profiles$\leonardocb\Downloads\desktop.ini</t>
  </si>
  <si>
    <t>12/29/2019 17:33:31</t>
  </si>
  <si>
    <t>12/29/2019 17:33:32</t>
  </si>
  <si>
    <t>\\acsfs\profiles$\leonardocb\Favorites\</t>
  </si>
  <si>
    <t>\\acsfs\profiles$\leonardocb\My Documents\desktop.ini</t>
  </si>
  <si>
    <t>12/29/2019 17:33:33</t>
  </si>
  <si>
    <t>12/29/2019 17:33:35</t>
  </si>
  <si>
    <t>12/29/2019 17:33:36</t>
  </si>
  <si>
    <t>12/29/2019 17:33:38</t>
  </si>
  <si>
    <t>12/29/2019 17:33:40</t>
  </si>
  <si>
    <t>12/29/2019 17:39:23</t>
  </si>
  <si>
    <t>\\acsfs\profiles$\leonardocb\Saved Games\desktop.ini</t>
  </si>
  <si>
    <t>12/29/2019 17:33:41</t>
  </si>
  <si>
    <t>12/29/2019 17:34:42</t>
  </si>
  <si>
    <t>12/29/2019 17:35:38</t>
  </si>
  <si>
    <t>c13c53a7-ecdc-45b9-9503-66521377899b.tmp</t>
  </si>
  <si>
    <t>\\acsfs\profiles$\leonardocb\Downloads\c13c53a7-ecdc-45b9-9503-66521377899b.tmp</t>
  </si>
  <si>
    <t>12/29/2019 17:38:44</t>
  </si>
  <si>
    <t>12/29/2019 17:40:22</t>
  </si>
  <si>
    <t>12/29/2019 17:42:24</t>
  </si>
  <si>
    <t>12/29/2019 17:40:47</t>
  </si>
  <si>
    <t>12/29/2019 17:38:37</t>
  </si>
  <si>
    <t>12/29/2019 17:44:24</t>
  </si>
  <si>
    <t>12/29/2019 17:42:10</t>
  </si>
  <si>
    <t>457106ba-2707-47c7-bfa2-ceb2043d8af9.tmp</t>
  </si>
  <si>
    <t>\\acsfs\profiles$\leonardocb\Downloads\457106ba-2707-47c7-bfa2-ceb2043d8af9.tmp</t>
  </si>
  <si>
    <t>12/29/2019 17:41:21</t>
  </si>
  <si>
    <t>12/29/2019 17:46:23</t>
  </si>
  <si>
    <t>12/29/2019 17:41:38</t>
  </si>
  <si>
    <t>12/29/2019 17:47:24</t>
  </si>
  <si>
    <t>12/29/2019 17:44:35</t>
  </si>
  <si>
    <t>12/29/2019 17:45:01</t>
  </si>
  <si>
    <t>12/29/2019 17:45:00</t>
  </si>
  <si>
    <t>12/29/2019 17:48:24</t>
  </si>
  <si>
    <t>12/29/2019 17:48:37</t>
  </si>
  <si>
    <t>12/29/2019 17:51:24</t>
  </si>
  <si>
    <t>12/29/2019 17:54:32</t>
  </si>
  <si>
    <t>12/29/2019 17:56:24</t>
  </si>
  <si>
    <t>12/29/2019 17:55:27</t>
  </si>
  <si>
    <t>12/29/2019 17:57:24</t>
  </si>
  <si>
    <t>12/29/2019 17:58:26</t>
  </si>
  <si>
    <t>12/29/2019 18:01:25</t>
  </si>
  <si>
    <t>12/29/2019 18:00:18</t>
  </si>
  <si>
    <t>12/29/2019 18:02:26</t>
  </si>
  <si>
    <t>12/29/2019 18:06:14</t>
  </si>
  <si>
    <t>12/29/2019 18:09:25</t>
  </si>
  <si>
    <t>12/29/2019 18:06:51</t>
  </si>
  <si>
    <t>12/29/2019 18:08:18</t>
  </si>
  <si>
    <t>12/29/2019 18:12:25</t>
  </si>
  <si>
    <t>12/29/2019 18:16:32</t>
  </si>
  <si>
    <t>12/29/2019 18:21:26</t>
  </si>
  <si>
    <t>915fa1db-ab92-492a-a88e-4d09a5be8ebb.tmp</t>
  </si>
  <si>
    <t>\\acsfs\profiles$\welidicdj\Downloads\915fa1db-ab92-492a-a88e-4d09a5be8ebb.tmp</t>
  </si>
  <si>
    <t>12/29/2019 18:21:38</t>
  </si>
  <si>
    <t>12/29/2019 18:23:26</t>
  </si>
  <si>
    <t>12/29/2019 18:25:17</t>
  </si>
  <si>
    <t>12/29/2019 18:26:26</t>
  </si>
  <si>
    <t>12/29/2019 18:30:40</t>
  </si>
  <si>
    <t>12/29/2019 18:32:27</t>
  </si>
  <si>
    <t>12/29/2019 18:29:42</t>
  </si>
  <si>
    <t>12/29/2019 18:33:27</t>
  </si>
  <si>
    <t>12/29/2019 18:31:02</t>
  </si>
  <si>
    <t>12/29/2019 18:35:27</t>
  </si>
  <si>
    <t>12/29/2019 18:30:30</t>
  </si>
  <si>
    <t>12/29/2019 18:33:47</t>
  </si>
  <si>
    <t>12/29/2019 18:37:27</t>
  </si>
  <si>
    <t>12/29/2019 18:45:03</t>
  </si>
  <si>
    <t>12/29/2019 18:46:25</t>
  </si>
  <si>
    <t>12/29/2019 18:41:50</t>
  </si>
  <si>
    <t>12/29/2019 18:47:26</t>
  </si>
  <si>
    <t>12/29/2019 18:44:19</t>
  </si>
  <si>
    <t>12/29/2019 18:47:07</t>
  </si>
  <si>
    <t>12/29/2019 18:49:26</t>
  </si>
  <si>
    <t>12/29/2019 18:48:42</t>
  </si>
  <si>
    <t>12/29/2019 18:52:25</t>
  </si>
  <si>
    <t>12/29/2019 18:51:52</t>
  </si>
  <si>
    <t>12/29/2019 18:54:45</t>
  </si>
  <si>
    <t>12/29/2019 18:57:26</t>
  </si>
  <si>
    <t>12/29/2019 18:55:52</t>
  </si>
  <si>
    <t>12/29/2019 19:01:26</t>
  </si>
  <si>
    <t>12/29/2019 18:58:45</t>
  </si>
  <si>
    <t>12/29/2019 19:02:25</t>
  </si>
  <si>
    <t>12/29/2019 19:04:57</t>
  </si>
  <si>
    <t>12/29/2019 19:07:25</t>
  </si>
  <si>
    <t>12/29/2019 19:05:23</t>
  </si>
  <si>
    <t>12/29/2019 19:05:48</t>
  </si>
  <si>
    <t>12/29/2019 19:07:22</t>
  </si>
  <si>
    <t>12/29/2019 19:11:26</t>
  </si>
  <si>
    <t>12/29/2019 19:09:33</t>
  </si>
  <si>
    <t>12/29/2019 19:11:32</t>
  </si>
  <si>
    <t>12/29/2019 19:12:25</t>
  </si>
  <si>
    <t>12/29/2019 19:09:05</t>
  </si>
  <si>
    <t>12/29/2019 19:09:50</t>
  </si>
  <si>
    <t>12/29/2019 19:10:00</t>
  </si>
  <si>
    <t>12/29/2019 19:15:13</t>
  </si>
  <si>
    <t>12/29/2019 19:17:25</t>
  </si>
  <si>
    <t>12/29/2019 19:12:53</t>
  </si>
  <si>
    <t>12/29/2019 19:11:59</t>
  </si>
  <si>
    <t>12/29/2019 19:13:55</t>
  </si>
  <si>
    <t>12/29/2019 19:18:26</t>
  </si>
  <si>
    <t>12/29/2019 19:17:13</t>
  </si>
  <si>
    <t>12/29/2019 19:19:25</t>
  </si>
  <si>
    <t>12/29/2019 19:19:45</t>
  </si>
  <si>
    <t>12/29/2019 19:22:25</t>
  </si>
  <si>
    <t>12/29/2019 19:21:14</t>
  </si>
  <si>
    <t>12/29/2019 19:25:25</t>
  </si>
  <si>
    <t>12/29/2019 19:33:49</t>
  </si>
  <si>
    <t>12/29/2019 19:34:25</t>
  </si>
  <si>
    <t>12/29/2019 19:31:53</t>
  </si>
  <si>
    <t>12/29/2019 19:37:25</t>
  </si>
  <si>
    <t>12/29/2019 19:32:52</t>
  </si>
  <si>
    <t>12/29/2019 19:35:15</t>
  </si>
  <si>
    <t>12/29/2019 19:38:25</t>
  </si>
  <si>
    <t>12/29/2019 19:35:27</t>
  </si>
  <si>
    <t>12/29/2019 19:39:25</t>
  </si>
  <si>
    <t>12/29/2019 19:43:13</t>
  </si>
  <si>
    <t>12/29/2019 19:44:26</t>
  </si>
  <si>
    <t>df67b948-dc20-470b-ae52-320450253194.tmp</t>
  </si>
  <si>
    <t>\\acsfs\profiles$\nycolleemdj\Downloads\df67b948-dc20-470b-ae52-320450253194.tmp</t>
  </si>
  <si>
    <t>12/29/2019 19:44:17</t>
  </si>
  <si>
    <t>12/29/2019 19:49:25</t>
  </si>
  <si>
    <t>459f5807-26eb-4c4d-9a32-20ee11d46477.tmp</t>
  </si>
  <si>
    <t>\\acsfs\profiles$\nycolleemdj\Downloads\459f5807-26eb-4c4d-9a32-20ee11d46477.tmp</t>
  </si>
  <si>
    <t>12/29/2019 19:44:35</t>
  </si>
  <si>
    <t>11ab8014-2194-4256-b292-abdaae26ebbc.tmp</t>
  </si>
  <si>
    <t>\\acsfs\profiles$\nycolleemdj\Downloads\11ab8014-2194-4256-b292-abdaae26ebbc.tmp</t>
  </si>
  <si>
    <t>12/29/2019 19:44:48</t>
  </si>
  <si>
    <t>12/29/2019 19:50:13</t>
  </si>
  <si>
    <t>12/29/2019 19:51:26</t>
  </si>
  <si>
    <t>12/29/2019 19:47:49</t>
  </si>
  <si>
    <t>12/29/2019 19:52:26</t>
  </si>
  <si>
    <t>12/29/2019 19:47:55</t>
  </si>
  <si>
    <t>12/29/2019 19:48:16</t>
  </si>
  <si>
    <t>12/29/2019 19:48:29</t>
  </si>
  <si>
    <t>12/29/2019 19:49:26</t>
  </si>
  <si>
    <t>12/29/2019 19:47:30</t>
  </si>
  <si>
    <t>12/29/2019 19:51:23</t>
  </si>
  <si>
    <t>12/29/2019 19:53:26</t>
  </si>
  <si>
    <t>12/29/2019 19:55:28</t>
  </si>
  <si>
    <t>12/29/2019 19:57:26</t>
  </si>
  <si>
    <t>12/29/2019 19:57:47</t>
  </si>
  <si>
    <t>12/29/2019 20:01:26</t>
  </si>
  <si>
    <t>12/29/2019 20:00:27</t>
  </si>
  <si>
    <t>12/29/2019 20:02:25</t>
  </si>
  <si>
    <t>12/29/2019 20:03:24</t>
  </si>
  <si>
    <t>12/29/2019 20:06:26</t>
  </si>
  <si>
    <t>12/29/2019 20:01:47</t>
  </si>
  <si>
    <t>12/29/2019 20:02:33</t>
  </si>
  <si>
    <t>12/29/2019 20:07:26</t>
  </si>
  <si>
    <t>12/29/2019 20:05:11</t>
  </si>
  <si>
    <t>12/29/2019 20:03:35</t>
  </si>
  <si>
    <t>12/29/2019 20:06:23</t>
  </si>
  <si>
    <t>12/29/2019 20:08:26</t>
  </si>
  <si>
    <t>7c85130b-3028-4a04-a603-5bed34300f67.tmp</t>
  </si>
  <si>
    <t>\\acsfs\profiles$\philipegsf\Downloads\7c85130b-3028-4a04-a603-5bed34300f67.tmp</t>
  </si>
  <si>
    <t>12/29/2019 20:08:29</t>
  </si>
  <si>
    <t>12/29/2019 20:12:25</t>
  </si>
  <si>
    <t>6323be5d-b36d-4db8-b283-00b4ea8c1e75.tmp</t>
  </si>
  <si>
    <t>\\acsfs\profiles$\fabianafv\Downloads\6323be5d-b36d-4db8-b283-00b4ea8c1e75.tmp</t>
  </si>
  <si>
    <t>12/29/2019 20:07:14</t>
  </si>
  <si>
    <t>12/29/2019 20:13:11</t>
  </si>
  <si>
    <t>12/29/2019 20:14:25</t>
  </si>
  <si>
    <t>12/29/2019 20:13:12</t>
  </si>
  <si>
    <t>12/29/2019 20:15:26</t>
  </si>
  <si>
    <t>12/29/2019 20:14:09</t>
  </si>
  <si>
    <t>12/29/2019 20:16:27</t>
  </si>
  <si>
    <t>12/29/2019 20:11:09</t>
  </si>
  <si>
    <t>12/29/2019 20:12:45</t>
  </si>
  <si>
    <t>12/29/2019 20:13:29</t>
  </si>
  <si>
    <t>12/29/2019 20:17:26</t>
  </si>
  <si>
    <t>12/29/2019 20:15:28</t>
  </si>
  <si>
    <t>12/29/2019 20:18:25</t>
  </si>
  <si>
    <t>12/29/2019 20:15:51</t>
  </si>
  <si>
    <t>12/29/2019 20:17:35</t>
  </si>
  <si>
    <t>12/29/2019 20:22:26</t>
  </si>
  <si>
    <t>12/29/2019 20:17:51</t>
  </si>
  <si>
    <t>12/29/2019 20:20:22</t>
  </si>
  <si>
    <t>12/29/2019 20:20:47</t>
  </si>
  <si>
    <t>12/29/2019 20:25:26</t>
  </si>
  <si>
    <t>e5ad07b4-125f-46a3-88bf-e798bf304ed0.tmp</t>
  </si>
  <si>
    <t>\\acsfs\profiles$\paulohaf\Downloads\e5ad07b4-125f-46a3-88bf-e798bf304ed0.tmp</t>
  </si>
  <si>
    <t>12/29/2019 20:21:23</t>
  </si>
  <si>
    <t>Não confirmado 202789.crdownload</t>
  </si>
  <si>
    <t>\\acsfs\profiles$\paulohaf\Downloads\Não confirmado 202789.crdownload</t>
  </si>
  <si>
    <t>12/29/2019 20:23:20</t>
  </si>
  <si>
    <t>12/29/2019 20:26:26</t>
  </si>
  <si>
    <t>12/29/2019 20:24:37</t>
  </si>
  <si>
    <t>12/29/2019 20:30:25</t>
  </si>
  <si>
    <t>54afe8a8-04b5-4092-9bd7-bad165389e43.tmp</t>
  </si>
  <si>
    <t>\\acsfs\profiles$\paulohaf\Downloads\54afe8a8-04b5-4092-9bd7-bad165389e43.tmp</t>
  </si>
  <si>
    <t>12/29/2019 20:24:39</t>
  </si>
  <si>
    <t>e8ccfe90-7dc0-478f-8a0c-68f0ac2d5bd9.tmp</t>
  </si>
  <si>
    <t>\\acsfs\profiles$\paulohaf\Downloads\e8ccfe90-7dc0-478f-8a0c-68f0ac2d5bd9.tmp</t>
  </si>
  <si>
    <t>12/29/2019 20:25:24</t>
  </si>
  <si>
    <t>Não confirmado 123166.crdownload</t>
  </si>
  <si>
    <t>\\acsfs\profiles$\paulohaf\Downloads\Não confirmado 123166.crdownload</t>
  </si>
  <si>
    <t>12/29/2019 20:25:31</t>
  </si>
  <si>
    <t>ed34d76a-4f19-44a3-b4ca-a8ae45f95989.tmp</t>
  </si>
  <si>
    <t>\\acsfs\profiles$\paulohaf\Downloads\ed34d76a-4f19-44a3-b4ca-a8ae45f95989.tmp</t>
  </si>
  <si>
    <t>12/29/2019 20:29:42</t>
  </si>
  <si>
    <t>12/29/2019 20:31:26</t>
  </si>
  <si>
    <t>12/29/2019 20:27:19</t>
  </si>
  <si>
    <t>12/29/2019 20:32:26</t>
  </si>
  <si>
    <t>12/29/2019 20:31:11</t>
  </si>
  <si>
    <t>12/29/2019 20:35:26</t>
  </si>
  <si>
    <t>12/29/2019 20:36:13</t>
  </si>
  <si>
    <t>12/29/2019 20:38:26</t>
  </si>
  <si>
    <t>12/29/2019 20:37:20</t>
  </si>
  <si>
    <t>12/29/2019 20:39:26</t>
  </si>
  <si>
    <t>12/29/2019 20:38:23</t>
  </si>
  <si>
    <t>12/29/2019 20:43:26</t>
  </si>
  <si>
    <t>12/29/2019 20:47:45</t>
  </si>
  <si>
    <t>12/29/2019 20:48:26</t>
  </si>
  <si>
    <t>12/29/2019 20:47:51</t>
  </si>
  <si>
    <t>12/29/2019 20:51:26</t>
  </si>
  <si>
    <t>12/29/2019 20:52:54</t>
  </si>
  <si>
    <t>12/29/2019 20:53:27</t>
  </si>
  <si>
    <t>a1e9da58-8ac1-473c-86f3-a895b6d41df8.tmp</t>
  </si>
  <si>
    <t>\\acsfs\profiles$\myllenardl\Downloads\a1e9da58-8ac1-473c-86f3-a895b6d41df8.tmp</t>
  </si>
  <si>
    <t>12/29/2019 20:49:23</t>
  </si>
  <si>
    <t>12/29/2019 20:54:26</t>
  </si>
  <si>
    <t>1cc5bb79-9d6e-4c2f-bb5a-e4f15d327b2f.tmp</t>
  </si>
  <si>
    <t>\\acsfs\profiles$\erichds\Downloads\1cc5bb79-9d6e-4c2f-bb5a-e4f15d327b2f.tmp</t>
  </si>
  <si>
    <t>12/29/2019 20:54:35</t>
  </si>
  <si>
    <t>12/29/2019 20:56:26</t>
  </si>
  <si>
    <t>12/29/2019 20:55:55</t>
  </si>
  <si>
    <t>12/29/2019 20:54:46</t>
  </si>
  <si>
    <t>12/29/2019 20:55:16</t>
  </si>
  <si>
    <t>12/29/2019 20:59:26</t>
  </si>
  <si>
    <t>12/29/2019 20:59:35</t>
  </si>
  <si>
    <t>12/29/2019 21:01:27</t>
  </si>
  <si>
    <t>12/29/2019 20:57:17</t>
  </si>
  <si>
    <t>12/29/2019 21:00:02</t>
  </si>
  <si>
    <t>12/29/2019 21:02:26</t>
  </si>
  <si>
    <t>12/29/2019 21:04:58</t>
  </si>
  <si>
    <t>12/29/2019 21:06:26</t>
  </si>
  <si>
    <t>12/29/2019 21:07:36</t>
  </si>
  <si>
    <t>12/29/2019 21:08:26</t>
  </si>
  <si>
    <t>12/29/2019 21:07:11</t>
  </si>
  <si>
    <t>12/29/2019 21:10:26</t>
  </si>
  <si>
    <t>12/29/2019 21:06:54</t>
  </si>
  <si>
    <t>12/29/2019 21:11:26</t>
  </si>
  <si>
    <t>12/29/2019 21:09:08</t>
  </si>
  <si>
    <t>12/29/2019 21:11:59</t>
  </si>
  <si>
    <t>12/29/2019 21:15:27</t>
  </si>
  <si>
    <t>12/29/2019 21:14:04</t>
  </si>
  <si>
    <t>12/29/2019 21:16:26</t>
  </si>
  <si>
    <t>12/29/2019 21:15:34</t>
  </si>
  <si>
    <t>12/29/2019 21:15:23</t>
  </si>
  <si>
    <t>12/29/2019 21:17:26</t>
  </si>
  <si>
    <t>12/29/2019 21:18:34</t>
  </si>
  <si>
    <t>12/29/2019 21:21:26</t>
  </si>
  <si>
    <t>12/29/2019 21:19:28</t>
  </si>
  <si>
    <t>12/29/2019 21:20:53</t>
  </si>
  <si>
    <t>12/29/2019 21:17:06</t>
  </si>
  <si>
    <t>12/29/2019 21:22:26</t>
  </si>
  <si>
    <t>12/29/2019 21:17:24</t>
  </si>
  <si>
    <t>12/29/2019 21:19:58</t>
  </si>
  <si>
    <t>12/29/2019 21:24:27</t>
  </si>
  <si>
    <t>12/29/2019 21:21:50</t>
  </si>
  <si>
    <t>12/29/2019 21:26:26</t>
  </si>
  <si>
    <t>12/29/2019 21:23:40</t>
  </si>
  <si>
    <t>12/29/2019 21:25:33</t>
  </si>
  <si>
    <t>12/29/2019 21:21:53</t>
  </si>
  <si>
    <t>12/29/2019 21:27:27</t>
  </si>
  <si>
    <t>12/29/2019 21:22:10</t>
  </si>
  <si>
    <t>12/29/2019 21:22:34</t>
  </si>
  <si>
    <t>12/29/2019 21:25:34</t>
  </si>
  <si>
    <t>12/29/2019 21:27:33</t>
  </si>
  <si>
    <t>12/29/2019 21:32:26</t>
  </si>
  <si>
    <t>12/29/2019 21:27:49</t>
  </si>
  <si>
    <t>12/29/2019 21:29:54</t>
  </si>
  <si>
    <t>12/29/2019 21:30:16</t>
  </si>
  <si>
    <t>12/29/2019 21:27:32</t>
  </si>
  <si>
    <t>12/29/2019 21:32:49</t>
  </si>
  <si>
    <t>12/29/2019 21:36:25</t>
  </si>
  <si>
    <t>12/29/2019 21:33:44</t>
  </si>
  <si>
    <t>12/29/2019 21:34:54</t>
  </si>
  <si>
    <t>12/29/2019 21:37:26</t>
  </si>
  <si>
    <t>12/29/2019 21:36:04</t>
  </si>
  <si>
    <t>12/29/2019 21:34:06</t>
  </si>
  <si>
    <t>12/29/2019 21:39:26</t>
  </si>
  <si>
    <t>12/29/2019 21:36:19</t>
  </si>
  <si>
    <t>12/29/2019 21:41:25</t>
  </si>
  <si>
    <t>12/29/2019 21:38:21</t>
  </si>
  <si>
    <t>12/29/2019 21:40:50</t>
  </si>
  <si>
    <t>12/29/2019 21:40:29</t>
  </si>
  <si>
    <t>12/29/2019 21:42:26</t>
  </si>
  <si>
    <t>12/29/2019 21:44:06</t>
  </si>
  <si>
    <t>12/29/2019 21:46:26</t>
  </si>
  <si>
    <t>12/29/2019 21:47:58</t>
  </si>
  <si>
    <t>12/29/2019 21:49:25</t>
  </si>
  <si>
    <t>12/29/2019 21:46:56</t>
  </si>
  <si>
    <t>12/29/2019 21:51:26</t>
  </si>
  <si>
    <t>12/29/2019 21:47:38</t>
  </si>
  <si>
    <t>12/29/2019 21:48:40</t>
  </si>
  <si>
    <t>12/29/2019 21:48:58</t>
  </si>
  <si>
    <t>12/29/2019 21:50:53</t>
  </si>
  <si>
    <t>12/29/2019 21:52:26</t>
  </si>
  <si>
    <t>12/29/2019 21:53:22</t>
  </si>
  <si>
    <t>12/29/2019 21:56:26</t>
  </si>
  <si>
    <t>12/29/2019 21:51:54</t>
  </si>
  <si>
    <t>12/29/2019 21:57:26</t>
  </si>
  <si>
    <t>12/29/2019 21:56:48</t>
  </si>
  <si>
    <t>12/29/2019 22:02:26</t>
  </si>
  <si>
    <t>12/29/2019 21:58:13</t>
  </si>
  <si>
    <t>12/29/2019 22:02:10</t>
  </si>
  <si>
    <t>12/29/2019 22:03:26</t>
  </si>
  <si>
    <t>12/29/2019 22:05:07</t>
  </si>
  <si>
    <t>12/29/2019 22:07:26</t>
  </si>
  <si>
    <t>12/29/2019 22:13:30</t>
  </si>
  <si>
    <t>12/29/2019 22:14:25</t>
  </si>
  <si>
    <t>12/29/2019 22:13:57</t>
  </si>
  <si>
    <t>12/29/2019 22:15:26</t>
  </si>
  <si>
    <t>12/29/2019 22:13:17</t>
  </si>
  <si>
    <t>12/29/2019 22:18:26</t>
  </si>
  <si>
    <t>12/29/2019 22:19:57</t>
  </si>
  <si>
    <t>12/29/2019 22:21:26</t>
  </si>
  <si>
    <t>12/29/2019 22:20:59</t>
  </si>
  <si>
    <t>12/29/2019 22:24:26</t>
  </si>
  <si>
    <t>12/29/2019 22:19:29</t>
  </si>
  <si>
    <t>12/29/2019 22:32:27</t>
  </si>
  <si>
    <t>12/29/2019 22:35:26</t>
  </si>
  <si>
    <t>12/29/2019 22:38:52</t>
  </si>
  <si>
    <t>12/29/2019 22:41:27</t>
  </si>
  <si>
    <t>12/29/2019 22:43:44</t>
  </si>
  <si>
    <t>12/29/2019 22:47:26</t>
  </si>
  <si>
    <t>12/29/2019 22:53:53</t>
  </si>
  <si>
    <t>12/29/2019 22:56:27</t>
  </si>
  <si>
    <t>12/29/2019 22:58:27</t>
  </si>
  <si>
    <t>12/29/2019 22:55:44</t>
  </si>
  <si>
    <t>12/29/2019 22:57:40</t>
  </si>
  <si>
    <t>12/29/2019 23:01:27</t>
  </si>
  <si>
    <t>12/29/2019 22:59:18</t>
  </si>
  <si>
    <t>12/29/2019 23:02:27</t>
  </si>
  <si>
    <t>12/29/2019 23:14:56</t>
  </si>
  <si>
    <t>12/29/2019 23:16:26</t>
  </si>
  <si>
    <t>12/29/2019 23:17:17</t>
  </si>
  <si>
    <t>12/29/2019 23:19:27</t>
  </si>
  <si>
    <t>12/29/2019 23:21:24</t>
  </si>
  <si>
    <t>12/29/2019 23:26:26</t>
  </si>
  <si>
    <t>12/29/2019 23:24:39</t>
  </si>
  <si>
    <t>12/29/2019 23:28:29</t>
  </si>
  <si>
    <t>12/29/2019 23:31:26</t>
  </si>
  <si>
    <t>12/29/2019 23:35:33</t>
  </si>
  <si>
    <t>12/29/2019 23:36:26</t>
  </si>
  <si>
    <t>12/29/2019 23:33:00</t>
  </si>
  <si>
    <t>12/29/2019 23:38:26</t>
  </si>
  <si>
    <t>12/29/2019 23:37:54</t>
  </si>
  <si>
    <t>12/29/2019 23:39:26</t>
  </si>
  <si>
    <t>12/29/2019 23:36:28</t>
  </si>
  <si>
    <t>12/29/2019 23:41:25</t>
  </si>
  <si>
    <t>240d382a-edb6-4f87-b509-7a282c3dad15.tmp</t>
  </si>
  <si>
    <t>\\acsfs\profiles$\marlyannegdls\Downloads\240d382a-edb6-4f87-b509-7a282c3dad15.tmp</t>
  </si>
  <si>
    <t>12/29/2019 23:37:22</t>
  </si>
  <si>
    <t>b3e17729-3e3a-4300-a463-7f61957a5faa.tmp</t>
  </si>
  <si>
    <t>\\acsfs\profiles$\marlyannegdls\Downloads\b3e17729-3e3a-4300-a463-7f61957a5faa.tmp</t>
  </si>
  <si>
    <t>12/29/2019 23:37:59</t>
  </si>
  <si>
    <t>12/29/2019 23:41:04</t>
  </si>
  <si>
    <t>12/29/2019 23:45:26</t>
  </si>
  <si>
    <t>12/29/2019 23:48:50</t>
  </si>
  <si>
    <t>12/29/2019 23:51:27</t>
  </si>
  <si>
    <t>12/29/2019 23:47:36</t>
  </si>
  <si>
    <t>12/29/2019 23:52:26</t>
  </si>
  <si>
    <t>3abdb16c-25b4-4681-a60c-bea26985f336.tmp</t>
  </si>
  <si>
    <t>\\acsfs\profiles$\rogeriofd\Downloads\3abdb16c-25b4-4681-a60c-bea26985f336.tmp</t>
  </si>
  <si>
    <t>12/29/2019 23:48:19</t>
  </si>
  <si>
    <t>313384ef-781c-460a-a935-fb318f8e24e4.tmp</t>
  </si>
  <si>
    <t>\\acsfs\profiles$\rogeriofd\Downloads\313384ef-781c-460a-a935-fb318f8e24e4.tmp</t>
  </si>
  <si>
    <t>12/29/2019 14:15:11</t>
  </si>
  <si>
    <t>12/29/2019 14:15:12</t>
  </si>
  <si>
    <t>lu108565vvtp.tmp</t>
  </si>
  <si>
    <t>\\acsfs\profiles$\ALEXANDREMM\lu108565vvtp.tmp</t>
  </si>
  <si>
    <t>\\acsfs\profiles$\ALEXANDREMM\lu108565vvtp.tmp\</t>
  </si>
  <si>
    <t>\\acsfs\profiles$\ALEXANDREMM\lu108565vvtp.tmp\META-INF\</t>
  </si>
  <si>
    <t>\\acsfs\profiles$\ALEXANDREMM\lu108565vvtp.tmp\Thumbnails\</t>
  </si>
  <si>
    <t>12/29/2019 23:51:09</t>
  </si>
  <si>
    <t>12/29/2019 23:50:46</t>
  </si>
  <si>
    <t>a9647781-1d55-41e7-a9bb-f24e0246c17b.tmp</t>
  </si>
  <si>
    <t>\\acsfs\profiles$\Adrieledgc\Downloads\a9647781-1d55-41e7-a9bb-f24e0246c17b.tmp</t>
  </si>
  <si>
    <t>12/29/2019 23:51:32</t>
  </si>
  <si>
    <t>5423f84f-cb93-46c1-b774-b57516c102a8.tmp</t>
  </si>
  <si>
    <t>\\acsfs\profiles$\Adrieledgc\Downloads\5423f84f-cb93-46c1-b774-b57516c102a8.tmp</t>
  </si>
  <si>
    <t>12/29/2019 23:59:43</t>
  </si>
  <si>
    <t>12/30/2019 00:01:27</t>
  </si>
  <si>
    <t>12/30/2019 00:01:38</t>
  </si>
  <si>
    <t>12/30/2019 00:02:26</t>
  </si>
  <si>
    <t>12/30/2019 00:01:30</t>
  </si>
  <si>
    <t>12/30/2019 00:04:26</t>
  </si>
  <si>
    <t>12/30/2019 00:02:46</t>
  </si>
  <si>
    <t>12/30/2019 00:02:31</t>
  </si>
  <si>
    <t>12/30/2019 00:04:20</t>
  </si>
  <si>
    <t>12/30/2019 00:06:26</t>
  </si>
  <si>
    <t>12/30/2019 00:04:13</t>
  </si>
  <si>
    <t>12/30/2019 00:04:50</t>
  </si>
  <si>
    <t>12/30/2019 00:05:54</t>
  </si>
  <si>
    <t>12/30/2019 00:03:09</t>
  </si>
  <si>
    <t>12/30/2019 00:04:03</t>
  </si>
  <si>
    <t>12/30/2019 00:07:27</t>
  </si>
  <si>
    <t>12/30/2019 00:04:00</t>
  </si>
  <si>
    <t>12/30/2019 00:05:07</t>
  </si>
  <si>
    <t>12/30/2019 00:05:35</t>
  </si>
  <si>
    <t>12/30/2019 00:03:25</t>
  </si>
  <si>
    <t>12/30/2019 00:06:34</t>
  </si>
  <si>
    <t>12/30/2019 00:08:26</t>
  </si>
  <si>
    <t>12/30/2019 00:05:21</t>
  </si>
  <si>
    <t>12/30/2019 00:03:50</t>
  </si>
  <si>
    <t>12/30/2019 00:06:36</t>
  </si>
  <si>
    <t>12/30/2019 00:06:35</t>
  </si>
  <si>
    <t>12/30/2019 00:08:09</t>
  </si>
  <si>
    <t>12/30/2019 00:09:27</t>
  </si>
  <si>
    <t>12/30/2019 00:09:31</t>
  </si>
  <si>
    <t>12/30/2019 00:11:27</t>
  </si>
  <si>
    <t>12/30/2019 00:09:58</t>
  </si>
  <si>
    <t>12/30/2019 00:06:32</t>
  </si>
  <si>
    <t>12/30/2019 00:07:54</t>
  </si>
  <si>
    <t>12/30/2019 00:12:26</t>
  </si>
  <si>
    <t>12/30/2019 00:09:24</t>
  </si>
  <si>
    <t>12/30/2019 00:08:58</t>
  </si>
  <si>
    <t>12/30/2019 00:12:01</t>
  </si>
  <si>
    <t>12/30/2019 00:15:27</t>
  </si>
  <si>
    <t>12/30/2019 00:13:15</t>
  </si>
  <si>
    <t>12/30/2019 00:14:36</t>
  </si>
  <si>
    <t>12/30/2019 00:16:26</t>
  </si>
  <si>
    <t>12/30/2019 00:13:59</t>
  </si>
  <si>
    <t>12/30/2019 00:12:59</t>
  </si>
  <si>
    <t>12/30/2019 00:18:27</t>
  </si>
  <si>
    <t>12/30/2019 00:13:58</t>
  </si>
  <si>
    <t>12/30/2019 00:18:23</t>
  </si>
  <si>
    <t>12/30/2019 00:19:27</t>
  </si>
  <si>
    <t>12/30/2019 00:25:22</t>
  </si>
  <si>
    <t>12/30/2019 00:26:28</t>
  </si>
  <si>
    <t>12/30/2019 00:28:21</t>
  </si>
  <si>
    <t>12/30/2019 00:32:28</t>
  </si>
  <si>
    <t>eeb811a5-f9a2-4804-bad2-6b1f050cb53f.tmp</t>
  </si>
  <si>
    <t>\\acsfs\profiles$\rogeriofd\Downloads\eeb811a5-f9a2-4804-bad2-6b1f050cb53f.tmp</t>
  </si>
  <si>
    <t>12/30/2019 00:30:37</t>
  </si>
  <si>
    <t>12/30/2019 00:35:28</t>
  </si>
  <si>
    <t>12/30/2019 00:32:16</t>
  </si>
  <si>
    <t>12/30/2019 00:37:27</t>
  </si>
  <si>
    <t>12/30/2019 00:50:16</t>
  </si>
  <si>
    <t>12/30/2019 00:50:27</t>
  </si>
  <si>
    <t>12/30/2019 00:51:24</t>
  </si>
  <si>
    <t>12/30/2019 00:52:27</t>
  </si>
  <si>
    <t>12/30/2019 00:48:12</t>
  </si>
  <si>
    <t>12/30/2019 00:53:28</t>
  </si>
  <si>
    <t>12/30/2019 01:03:20</t>
  </si>
  <si>
    <t>12/30/2019 01:13:28</t>
  </si>
  <si>
    <t>12/30/2019 01:06:34</t>
  </si>
  <si>
    <t>12/30/2019 01:08:42</t>
  </si>
  <si>
    <t>12/30/2019 01:12:47</t>
  </si>
  <si>
    <t>12/30/2019 01:16:28</t>
  </si>
  <si>
    <t>12/30/2019 01:17:27</t>
  </si>
  <si>
    <t>12/30/2019 01:17:40</t>
  </si>
  <si>
    <t>12/30/2019 01:18:28</t>
  </si>
  <si>
    <t>12/30/2019 01:14:34</t>
  </si>
  <si>
    <t>12/30/2019 01:19:27</t>
  </si>
  <si>
    <t>12/30/2019 01:17:42</t>
  </si>
  <si>
    <t>12/30/2019 01:22:28</t>
  </si>
  <si>
    <t>12/30/2019 01:27:50</t>
  </si>
  <si>
    <t>12/30/2019 01:31:27</t>
  </si>
  <si>
    <t>12/30/2019 01:35:47</t>
  </si>
  <si>
    <t>12/30/2019 01:36:27</t>
  </si>
  <si>
    <t>12/30/2019 01:35:14</t>
  </si>
  <si>
    <t>12/30/2019 01:38:27</t>
  </si>
  <si>
    <t>12/30/2019 01:43:19</t>
  </si>
  <si>
    <t>12/30/2019 01:47:26</t>
  </si>
  <si>
    <t>12/30/2019 01:45:11</t>
  </si>
  <si>
    <t>12/30/2019 01:48:27</t>
  </si>
  <si>
    <t>12/30/2019 01:50:12</t>
  </si>
  <si>
    <t>12/30/2019 01:51:27</t>
  </si>
  <si>
    <t>12/30/2019 01:50:58</t>
  </si>
  <si>
    <t>12/30/2019 01:52:27</t>
  </si>
  <si>
    <t>12/30/2019 01:51:21</t>
  </si>
  <si>
    <t>12/30/2019 01:53:27</t>
  </si>
  <si>
    <t>12/30/2019 01:50:08</t>
  </si>
  <si>
    <t>12/30/2019 02:01:12</t>
  </si>
  <si>
    <t>12/30/2019 02:06:27</t>
  </si>
  <si>
    <t>12/30/2019 02:02:33</t>
  </si>
  <si>
    <t>12/30/2019 02:03:18</t>
  </si>
  <si>
    <t>12/30/2019 02:08:27</t>
  </si>
  <si>
    <t>12/30/2019 02:10:18</t>
  </si>
  <si>
    <t>12/30/2019 02:12:27</t>
  </si>
  <si>
    <t>12/30/2019 02:12:10</t>
  </si>
  <si>
    <t>12/30/2019 02:14:27</t>
  </si>
  <si>
    <t>12/30/2019 02:14:08</t>
  </si>
  <si>
    <t>12/30/2019 02:16:27</t>
  </si>
  <si>
    <t>12/30/2019 02:15:12</t>
  </si>
  <si>
    <t>12/30/2019 02:28:57</t>
  </si>
  <si>
    <t>12/30/2019 02:34:29</t>
  </si>
  <si>
    <t>12/30/2019 02:33:23</t>
  </si>
  <si>
    <t>12/30/2019 02:37:29</t>
  </si>
  <si>
    <t>12/30/2019 02:36:09</t>
  </si>
  <si>
    <t>12/30/2019 02:38:29</t>
  </si>
  <si>
    <t>12/30/2019 02:35:20</t>
  </si>
  <si>
    <t>12/30/2019 02:39:29</t>
  </si>
  <si>
    <t>12/30/2019 02:38:37</t>
  </si>
  <si>
    <t>12/30/2019 02:42:29</t>
  </si>
  <si>
    <t>12/30/2019 02:43:49</t>
  </si>
  <si>
    <t>12/30/2019 02:45:29</t>
  </si>
  <si>
    <t>12/30/2019 02:41:27</t>
  </si>
  <si>
    <t>12/30/2019 02:46:28</t>
  </si>
  <si>
    <t>12/30/2019 02:44:26</t>
  </si>
  <si>
    <t>12/30/2019 02:48:29</t>
  </si>
  <si>
    <t>12/30/2019 02:47:19</t>
  </si>
  <si>
    <t>12/30/2019 02:47:14</t>
  </si>
  <si>
    <t>12/30/2019 02:52:29</t>
  </si>
  <si>
    <t>12/30/2019 02:47:53</t>
  </si>
  <si>
    <t>12/30/2019 02:54:45</t>
  </si>
  <si>
    <t>12/30/2019 02:56:29</t>
  </si>
  <si>
    <t>12/30/2019 02:57:44</t>
  </si>
  <si>
    <t>12/30/2019 03:02:28</t>
  </si>
  <si>
    <t>12/30/2019 03:01:26</t>
  </si>
  <si>
    <t>12/30/2019 03:03:29</t>
  </si>
  <si>
    <t>12/30/2019 03:03:12</t>
  </si>
  <si>
    <t>12/30/2019 03:06:28</t>
  </si>
  <si>
    <t>12/30/2019 03:07:09</t>
  </si>
  <si>
    <t>12/30/2019 03:10:28</t>
  </si>
  <si>
    <t>12/30/2019 03:12:02</t>
  </si>
  <si>
    <t>12/30/2019 03:15:28</t>
  </si>
  <si>
    <t>12/30/2019 03:15:38</t>
  </si>
  <si>
    <t>12/30/2019 03:16:28</t>
  </si>
  <si>
    <t>12/30/2019 03:12:55</t>
  </si>
  <si>
    <t>12/30/2019 03:18:28</t>
  </si>
  <si>
    <t>12/30/2019 03:15:27</t>
  </si>
  <si>
    <t>12/30/2019 03:18:37</t>
  </si>
  <si>
    <t>12/30/2019 03:20:27</t>
  </si>
  <si>
    <t>12/30/2019 03:19:33</t>
  </si>
  <si>
    <t>12/30/2019 03:22:27</t>
  </si>
  <si>
    <t>12/30/2019 03:25:28</t>
  </si>
  <si>
    <t>12/30/2019 03:26:27</t>
  </si>
  <si>
    <t>12/30/2019 03:21:42</t>
  </si>
  <si>
    <t>12/30/2019 03:25:26</t>
  </si>
  <si>
    <t>12/30/2019 03:27:28</t>
  </si>
  <si>
    <t>12/30/2019 03:25:43</t>
  </si>
  <si>
    <t>12/30/2019 03:23:10</t>
  </si>
  <si>
    <t>12/30/2019 03:25:40</t>
  </si>
  <si>
    <t>12/30/2019 03:28:28</t>
  </si>
  <si>
    <t>12/30/2019 03:30:28</t>
  </si>
  <si>
    <t>12/30/2019 03:31:28</t>
  </si>
  <si>
    <t>12/30/2019 03:30:41</t>
  </si>
  <si>
    <t>12/30/2019 03:32:29</t>
  </si>
  <si>
    <t>4335d302-36c2-4b2c-a73d-418087acb291.tmp</t>
  </si>
  <si>
    <t>\\acsfs\profiles$\rogeriofd\Downloads\4335d302-36c2-4b2c-a73d-418087acb291.tmp</t>
  </si>
  <si>
    <t>12/30/2019 03:30:55</t>
  </si>
  <si>
    <t>725a90ee-44f7-4d0f-a86d-5019c73b0db8.tmp</t>
  </si>
  <si>
    <t>\\acsfs\profiles$\rogeriofd\Downloads\725a90ee-44f7-4d0f-a86d-5019c73b0db8.tmp</t>
  </si>
  <si>
    <t>12/30/2019 03:32:19</t>
  </si>
  <si>
    <t>12/30/2019 03:34:29</t>
  </si>
  <si>
    <t>12/30/2019 03:30:34</t>
  </si>
  <si>
    <t>12/30/2019 03:35:29</t>
  </si>
  <si>
    <t>12/30/2019 03:37:28</t>
  </si>
  <si>
    <t>12/30/2019 03:39:29</t>
  </si>
  <si>
    <t>12/30/2019 03:40:16</t>
  </si>
  <si>
    <t>12/30/2019 03:41:29</t>
  </si>
  <si>
    <t>12/30/2019 03:44:30</t>
  </si>
  <si>
    <t>12/30/2019 03:45:28</t>
  </si>
  <si>
    <t>12/30/2019 03:45:24</t>
  </si>
  <si>
    <t>12/30/2019 03:48:29</t>
  </si>
  <si>
    <t>12/30/2019 03:48:38</t>
  </si>
  <si>
    <t>12/30/2019 03:53:28</t>
  </si>
  <si>
    <t>12/30/2019 03:52:24</t>
  </si>
  <si>
    <t>12/30/2019 03:54:29</t>
  </si>
  <si>
    <t>12/30/2019 03:57:52</t>
  </si>
  <si>
    <t>12/30/2019 04:01:29</t>
  </si>
  <si>
    <t>12/30/2019 04:01:23</t>
  </si>
  <si>
    <t>12/30/2019 04:02:28</t>
  </si>
  <si>
    <t>12/30/2019 03:59:24</t>
  </si>
  <si>
    <t>12/30/2019 04:04:29</t>
  </si>
  <si>
    <t>12/30/2019 04:04:06</t>
  </si>
  <si>
    <t>12/30/2019 04:06:27</t>
  </si>
  <si>
    <t>12/30/2019 04:03:18</t>
  </si>
  <si>
    <t>12/30/2019 04:07:28</t>
  </si>
  <si>
    <t>12/30/2019 04:04:53</t>
  </si>
  <si>
    <t>12/30/2019 04:10:16</t>
  </si>
  <si>
    <t>12/30/2019 04:10:29</t>
  </si>
  <si>
    <t>12/30/2019 04:06:20</t>
  </si>
  <si>
    <t>12/30/2019 04:11:28</t>
  </si>
  <si>
    <t>12/30/2019 04:11:14</t>
  </si>
  <si>
    <t>12/30/2019 04:13:28</t>
  </si>
  <si>
    <t>12/30/2019 04:13:51</t>
  </si>
  <si>
    <t>12/30/2019 04:16:28</t>
  </si>
  <si>
    <t>12/30/2019 04:14:28</t>
  </si>
  <si>
    <t>12/30/2019 04:14:30</t>
  </si>
  <si>
    <t>12/30/2019 04:18:28</t>
  </si>
  <si>
    <t>12/30/2019 04:14:58</t>
  </si>
  <si>
    <t>12/30/2019 04:19:28</t>
  </si>
  <si>
    <t>12/30/2019 04:14:19</t>
  </si>
  <si>
    <t>12/30/2019 04:17:44</t>
  </si>
  <si>
    <t>12/30/2019 04:22:28</t>
  </si>
  <si>
    <t>12/30/2019 04:22:54</t>
  </si>
  <si>
    <t>12/30/2019 04:23:28</t>
  </si>
  <si>
    <t>12/30/2019 04:20:58</t>
  </si>
  <si>
    <t>12/30/2019 04:24:27</t>
  </si>
  <si>
    <t>12/30/2019 04:20:10</t>
  </si>
  <si>
    <t>12/30/2019 04:24:21</t>
  </si>
  <si>
    <t>12/30/2019 04:28:28</t>
  </si>
  <si>
    <t>12/30/2019 04:29:05</t>
  </si>
  <si>
    <t>12/30/2019 04:29:28</t>
  </si>
  <si>
    <t>12/30/2019 04:30:46</t>
  </si>
  <si>
    <t>12/30/2019 04:33:29</t>
  </si>
  <si>
    <t>12/30/2019 04:30:01</t>
  </si>
  <si>
    <t>12/30/2019 04:34:28</t>
  </si>
  <si>
    <t>12/30/2019 04:35:51</t>
  </si>
  <si>
    <t>12/30/2019 04:36:28</t>
  </si>
  <si>
    <t>12/30/2019 04:34:08</t>
  </si>
  <si>
    <t>12/30/2019 04:37:28</t>
  </si>
  <si>
    <t>12/30/2019 04:37:13</t>
  </si>
  <si>
    <t>12/30/2019 04:38:51</t>
  </si>
  <si>
    <t>12/30/2019 04:41:28</t>
  </si>
  <si>
    <t>12/30/2019 04:38:14</t>
  </si>
  <si>
    <t>12/30/2019 04:42:27</t>
  </si>
  <si>
    <t>3954e40e-a3c8-4a3e-9634-360ac726bb7b.tmp</t>
  </si>
  <si>
    <t>\\acsfs\profiles$\Adrieledgc\Downloads\3954e40e-a3c8-4a3e-9634-360ac726bb7b.tmp</t>
  </si>
  <si>
    <t>12/30/2019 04:46:19</t>
  </si>
  <si>
    <t>12/30/2019 04:47:28</t>
  </si>
  <si>
    <t>12/30/2019 04:46:54</t>
  </si>
  <si>
    <t>12/30/2019 04:49:28</t>
  </si>
  <si>
    <t>12/30/2019 04:46:32</t>
  </si>
  <si>
    <t>12/30/2019 04:51:28</t>
  </si>
  <si>
    <t>12/30/2019 04:51:19</t>
  </si>
  <si>
    <t>12/30/2019 04:56:27</t>
  </si>
  <si>
    <t>12/30/2019 04:54:06</t>
  </si>
  <si>
    <t>12/30/2019 04:57:35</t>
  </si>
  <si>
    <t>12/30/2019 04:58:28</t>
  </si>
  <si>
    <t>12/30/2019 04:57:59</t>
  </si>
  <si>
    <t>12/30/2019 05:03:28</t>
  </si>
  <si>
    <t>12/30/2019 04:57:38</t>
  </si>
  <si>
    <t>12/30/2019 04:58:53</t>
  </si>
  <si>
    <t>12/30/2019 04:59:53</t>
  </si>
  <si>
    <t>12/30/2019 05:04:27</t>
  </si>
  <si>
    <t>12/30/2019 05:05:28</t>
  </si>
  <si>
    <t>12/30/2019 05:07:28</t>
  </si>
  <si>
    <t>12/30/2019 05:06:12</t>
  </si>
  <si>
    <t>12/30/2019 05:09:28</t>
  </si>
  <si>
    <t>12/30/2019 05:08:21</t>
  </si>
  <si>
    <t>12/30/2019 05:13:27</t>
  </si>
  <si>
    <t>12/30/2019 05:17:09</t>
  </si>
  <si>
    <t>12/30/2019 05:19:28</t>
  </si>
  <si>
    <t>12/30/2019 05:28:26</t>
  </si>
  <si>
    <t>12/30/2019 05:32:28</t>
  </si>
  <si>
    <t>12/30/2019 05:28:36</t>
  </si>
  <si>
    <t>12/30/2019 05:35:54</t>
  </si>
  <si>
    <t>12/30/2019 05:36:28</t>
  </si>
  <si>
    <t>12/30/2019 05:37:27</t>
  </si>
  <si>
    <t>12/30/2019 05:42:28</t>
  </si>
  <si>
    <t>2eaa1bbc-5085-4818-88c1-abe8b1ef71da.tmp</t>
  </si>
  <si>
    <t>\\acsfs\profiles$\rogeriofd\Downloads\2eaa1bbc-5085-4818-88c1-abe8b1ef71da.tmp</t>
  </si>
  <si>
    <t>12/30/2019 05:38:21</t>
  </si>
  <si>
    <t>12/30/2019 05:43:28</t>
  </si>
  <si>
    <t>12/30/2019 05:44:12</t>
  </si>
  <si>
    <t>12/30/2019 05:48:28</t>
  </si>
  <si>
    <t>b61668f6-e739-47bf-aa5a-4ba9301d5f83.tmp</t>
  </si>
  <si>
    <t>\\acsfs\profiles$\ROZENCAM\Downloads\b61668f6-e739-47bf-aa5a-4ba9301d5f83.tmp</t>
  </si>
  <si>
    <t>12/30/2019 05:48:15</t>
  </si>
  <si>
    <t>044296ca-fe24-4733-a479-768e52d6c667.tmp</t>
  </si>
  <si>
    <t>\\acsfs\profiles$\ROZENCAM\Downloads\044296ca-fe24-4733-a479-768e52d6c667.tmp</t>
  </si>
  <si>
    <t>12/30/2019 05:49:31</t>
  </si>
  <si>
    <t>12/30/2019 05:53:28</t>
  </si>
  <si>
    <t>12/30/2019 05:53:59</t>
  </si>
  <si>
    <t>12/30/2019 05:56:28</t>
  </si>
  <si>
    <t>30e18128-5161-4b70-8a3a-cc13fa5bc822.tmp</t>
  </si>
  <si>
    <t>\\acsfs\profiles$\andressagr\Downloads\30e18128-5161-4b70-8a3a-cc13fa5bc822.tmp</t>
  </si>
  <si>
    <t>12/30/2019 05:55:14</t>
  </si>
  <si>
    <t>c097b6d3-a601-4a8c-9d83-a468b8828eec.tmp</t>
  </si>
  <si>
    <t>\\acsfs\profiles$\andressagr\Downloads\c097b6d3-a601-4a8c-9d83-a468b8828eec.tmp</t>
  </si>
  <si>
    <t>12/30/2019 05:56:47</t>
  </si>
  <si>
    <t>12/30/2019 05:57:28</t>
  </si>
  <si>
    <t>12/30/2019 05:55:24</t>
  </si>
  <si>
    <t>12/30/2019 05:58:28</t>
  </si>
  <si>
    <t>9439c662-927c-42dd-8081-2f2df0dbd288.tmp</t>
  </si>
  <si>
    <t>\\acsfs\profiles$\ROZENCAM\Downloads\9439c662-927c-42dd-8081-2f2df0dbd288.tmp</t>
  </si>
  <si>
    <t>12/30/2019 05:58:40</t>
  </si>
  <si>
    <t>12/30/2019 06:00:29</t>
  </si>
  <si>
    <t>12/30/2019 05:59:01</t>
  </si>
  <si>
    <t>afdf0ff3-93aa-4181-aa57-aa4153012b87.tmp</t>
  </si>
  <si>
    <t>\\acsfs\profiles$\mariliafplb\Downloads\afdf0ff3-93aa-4181-aa57-aa4153012b87.tmp</t>
  </si>
  <si>
    <t>12/30/2019 05:59:37</t>
  </si>
  <si>
    <t>e4d8d734-8f30-445c-9de0-209fe130e79a.tmp</t>
  </si>
  <si>
    <t>\\acsfs\profiles$\mariliafplb\Downloads\e4d8d734-8f30-445c-9de0-209fe130e79a.tmp</t>
  </si>
  <si>
    <t>12/30/2019 05:58:46</t>
  </si>
  <si>
    <t>12/30/2019 06:02:29</t>
  </si>
  <si>
    <t>0799e5f3-7e32-44c3-b2fd-923143e2262b.tmp</t>
  </si>
  <si>
    <t>\\acsfs\profiles$\rogeriofd\Downloads\0799e5f3-7e32-44c3-b2fd-923143e2262b.tmp</t>
  </si>
  <si>
    <t>12/30/2019 06:01:34</t>
  </si>
  <si>
    <t>12/30/2019 06:00:20</t>
  </si>
  <si>
    <t>12/30/2019 06:05:28</t>
  </si>
  <si>
    <t>9a12f2f3-8907-49a7-b563-e793d63b7d3c.tmp</t>
  </si>
  <si>
    <t>\\acsfs\profiles$\mariliafplb\Downloads\9a12f2f3-8907-49a7-b563-e793d63b7d3c.tmp</t>
  </si>
  <si>
    <t>12/30/2019 06:04:26</t>
  </si>
  <si>
    <t>12/30/2019 06:06:28</t>
  </si>
  <si>
    <t>12/30/2019 06:02:52</t>
  </si>
  <si>
    <t>12/30/2019 06:07:29</t>
  </si>
  <si>
    <t>12/30/2019 06:05:27</t>
  </si>
  <si>
    <t>12/30/2019 06:08:29</t>
  </si>
  <si>
    <t>12/30/2019 06:05:21</t>
  </si>
  <si>
    <t>12/30/2019 06:10:29</t>
  </si>
  <si>
    <t>12/30/2019 06:09:31</t>
  </si>
  <si>
    <t>12/30/2019 06:11:29</t>
  </si>
  <si>
    <t>12/30/2019 06:15:55</t>
  </si>
  <si>
    <t>12/30/2019 06:19:29</t>
  </si>
  <si>
    <t>12/30/2019 06:16:22</t>
  </si>
  <si>
    <t>12/30/2019 06:21:30</t>
  </si>
  <si>
    <t>12/30/2019 06:22:29</t>
  </si>
  <si>
    <t>12/30/2019 06:25:47</t>
  </si>
  <si>
    <t>12/30/2019 06:29:29</t>
  </si>
  <si>
    <t>12/30/2019 06:32:38</t>
  </si>
  <si>
    <t>12/30/2019 06:36:30</t>
  </si>
  <si>
    <t>12/30/2019 06:38:29</t>
  </si>
  <si>
    <t>12/30/2019 06:39:30</t>
  </si>
  <si>
    <t>12/30/2019 06:47:14</t>
  </si>
  <si>
    <t>12/30/2019 06:47:31</t>
  </si>
  <si>
    <t>bdc1fcff-8419-4c69-b5c5-5d299bd58528.tmp</t>
  </si>
  <si>
    <t>\\acsfs\profiles$\vivianealda\Downloads\bdc1fcff-8419-4c69-b5c5-5d299bd58528.tmp</t>
  </si>
  <si>
    <t>12/30/2019 06:47:24</t>
  </si>
  <si>
    <t>12/30/2019 06:49:30</t>
  </si>
  <si>
    <t>12/30/2019 06:47:25</t>
  </si>
  <si>
    <t>12/30/2019 06:48:31</t>
  </si>
  <si>
    <t>12/30/2019 06:51:30</t>
  </si>
  <si>
    <t>5783f1c5-91ff-4531-8dee-7dff615ae174.tmp</t>
  </si>
  <si>
    <t>\\acsfs\profiles$\nathaliadf\Downloads\5783f1c5-91ff-4531-8dee-7dff615ae174.tmp</t>
  </si>
  <si>
    <t>12/30/2019 06:49:03</t>
  </si>
  <si>
    <t>97899c00-097f-4104-a677-c35ba1eb75ad.tmp</t>
  </si>
  <si>
    <t>\\acsfs\profiles$\nathaliadf\Downloads\97899c00-097f-4104-a677-c35ba1eb75ad.tmp</t>
  </si>
  <si>
    <t>12/30/2019 06:50:12</t>
  </si>
  <si>
    <t>5d2f47d3-a821-4516-b5f2-1d1041b794e3.tmp</t>
  </si>
  <si>
    <t>\\acsfs\profiles$\nathaliadf\Downloads\5d2f47d3-a821-4516-b5f2-1d1041b794e3.tmp</t>
  </si>
  <si>
    <t>12/30/2019 06:47:20</t>
  </si>
  <si>
    <t>12/30/2019 06:52:30</t>
  </si>
  <si>
    <t>523608f4-b110-4847-8520-ea82d45aff84.tmp</t>
  </si>
  <si>
    <t>\\acsfs\profiles$\vivianealda\Downloads\523608f4-b110-4847-8520-ea82d45aff84.tmp</t>
  </si>
  <si>
    <t>12/30/2019 06:48:21</t>
  </si>
  <si>
    <t>855a790d-ea5d-4024-ac7f-86be1bd05db0.tmp</t>
  </si>
  <si>
    <t>\\acsfs\profiles$\vivianealda\Downloads\855a790d-ea5d-4024-ac7f-86be1bd05db0.tmp</t>
  </si>
  <si>
    <t>12/30/2019 06:51:23</t>
  </si>
  <si>
    <t>eb8f3cc2-a9c2-42d6-b7b4-1b1681c5a38f.tmp</t>
  </si>
  <si>
    <t>\\acsfs\profiles$\vivianealda\Downloads\eb8f3cc2-a9c2-42d6-b7b4-1b1681c5a38f.tmp</t>
  </si>
  <si>
    <t>12/30/2019 06:52:25</t>
  </si>
  <si>
    <t>12/30/2019 06:54:30</t>
  </si>
  <si>
    <t>12/30/2019 06:49:41</t>
  </si>
  <si>
    <t>12/30/2019 06:53:22</t>
  </si>
  <si>
    <t>12/30/2019 06:56:30</t>
  </si>
  <si>
    <t>12/30/2019 06:52:42</t>
  </si>
  <si>
    <t>8421e33c-c157-44cf-be64-c5959528e47d.tmp</t>
  </si>
  <si>
    <t>\\acsfs\profiles$\nathaliadf\Downloads\8421e33c-c157-44cf-be64-c5959528e47d.tmp</t>
  </si>
  <si>
    <t>12/30/2019 06:56:34</t>
  </si>
  <si>
    <t>12/30/2019 06:57:31</t>
  </si>
  <si>
    <t>67e67bd1-776d-4dd7-82a5-64f208fb52c4.tmp</t>
  </si>
  <si>
    <t>\\acsfs\profiles$\vivianealda\Downloads\67e67bd1-776d-4dd7-82a5-64f208fb52c4.tmp</t>
  </si>
  <si>
    <t>12/30/2019 06:57:22</t>
  </si>
  <si>
    <t>12/30/2019 06:58:31</t>
  </si>
  <si>
    <t>12/30/2019 06:55:14</t>
  </si>
  <si>
    <t>12/30/2019 07:00:30</t>
  </si>
  <si>
    <t>12/30/2019 06:55:21</t>
  </si>
  <si>
    <t>12/30/2019 06:55:23</t>
  </si>
  <si>
    <t>12/30/2019 06:55:31</t>
  </si>
  <si>
    <t>12/30/2019 06:56:05</t>
  </si>
  <si>
    <t>12/30/2019 06:56:12</t>
  </si>
  <si>
    <t>12/30/2019 06:57:33</t>
  </si>
  <si>
    <t>12/30/2019 06:57:38</t>
  </si>
  <si>
    <t>12/30/2019 06:57:41</t>
  </si>
  <si>
    <t>12/30/2019 06:57:44</t>
  </si>
  <si>
    <t>12/30/2019 06:58:37</t>
  </si>
  <si>
    <t>12/30/2019 06:58:58</t>
  </si>
  <si>
    <t>12/30/2019 06:59:01</t>
  </si>
  <si>
    <t>12/30/2019 06:55:57</t>
  </si>
  <si>
    <t>12/30/2019 06:58:15</t>
  </si>
  <si>
    <t>12/30/2019 07:02:31</t>
  </si>
  <si>
    <t>12/30/2019 06:58:05</t>
  </si>
  <si>
    <t>12/30/2019 07:03:31</t>
  </si>
  <si>
    <t>237eb5aa-6b17-4867-b747-03be21fc90c2.tmp</t>
  </si>
  <si>
    <t>\\acsfs\profiles$\BRUNAAR\Downloads\237eb5aa-6b17-4867-b747-03be21fc90c2.tmp</t>
  </si>
  <si>
    <t>12/30/2019 06:59:25</t>
  </si>
  <si>
    <t>253ec593-e543-4f72-b2eb-c5b33b985c61.tmp</t>
  </si>
  <si>
    <t>\\acsfs\profiles$\BRUNAAR\Downloads\253ec593-e543-4f72-b2eb-c5b33b985c61.tmp</t>
  </si>
  <si>
    <t>12/30/2019 06:59:51</t>
  </si>
  <si>
    <t>12/30/2019 07:00:40</t>
  </si>
  <si>
    <t>12/30/2019 07:05:31</t>
  </si>
  <si>
    <t>12/30/2019 07:00:48</t>
  </si>
  <si>
    <t>12/30/2019 07:00:52</t>
  </si>
  <si>
    <t>12/30/2019 07:00:59</t>
  </si>
  <si>
    <t>12/30/2019 07:01:03</t>
  </si>
  <si>
    <t>12/30/2019 07:01:08</t>
  </si>
  <si>
    <t>12/30/2019 07:01:15</t>
  </si>
  <si>
    <t>12/30/2019 07:01:23</t>
  </si>
  <si>
    <t>12/30/2019 07:02:15</t>
  </si>
  <si>
    <t>12/30/2019 07:02:24</t>
  </si>
  <si>
    <t>12/30/2019 07:02:28</t>
  </si>
  <si>
    <t>12/30/2019 07:03:21</t>
  </si>
  <si>
    <t>12/30/2019 07:03:24</t>
  </si>
  <si>
    <t>12/30/2019 07:03:32</t>
  </si>
  <si>
    <t>12/30/2019 07:03:25</t>
  </si>
  <si>
    <t>12/30/2019 07:08:31</t>
  </si>
  <si>
    <t>12/30/2019 07:07:00</t>
  </si>
  <si>
    <t>12/30/2019 07:05:52</t>
  </si>
  <si>
    <t>12/30/2019 07:04:00</t>
  </si>
  <si>
    <t>d8468b1a-a7a1-4f4d-823a-5c4c1af98af8.tmp</t>
  </si>
  <si>
    <t>\\acsfs\profiles$\danielac\Downloads\d8468b1a-a7a1-4f4d-823a-5c4c1af98af8.tmp</t>
  </si>
  <si>
    <t>12/30/2019 07:05:07</t>
  </si>
  <si>
    <t>05d09811-158b-43a8-896e-05676a1ec5ef.tmp</t>
  </si>
  <si>
    <t>\\acsfs\profiles$\danielac\Downloads\05d09811-158b-43a8-896e-05676a1ec5ef.tmp</t>
  </si>
  <si>
    <t>12/30/2019 07:04:46</t>
  </si>
  <si>
    <t>12/30/2019 07:10:30</t>
  </si>
  <si>
    <t>12/30/2019 07:08:38</t>
  </si>
  <si>
    <t>CBDAC74D.tmp</t>
  </si>
  <si>
    <t>\\acsfs\DEPTOS\Operacao\PCP\5 - Comum\PLANEJAMENTO BV\14 - ACOMPANHAMENTO\1 - REPORT ACOMPANHAMENTO\2019\12 - Dezembro\CARTÕES\SHORTCALLS\CBDAC74D.tmp</t>
  </si>
  <si>
    <t>12/30/2019 07:07:22</t>
  </si>
  <si>
    <t>12/30/2019 07:11:30</t>
  </si>
  <si>
    <t>12/30/2019 07:06:11</t>
  </si>
  <si>
    <t>12/30/2019 07:12:12</t>
  </si>
  <si>
    <t>12/30/2019 07:13:30</t>
  </si>
  <si>
    <t>leonardoamf@algartech.com.br;renatass@algartech.com.br;</t>
  </si>
  <si>
    <t>leonardoamf@algartech.com.br,renatass@algartech.com.br</t>
  </si>
  <si>
    <t>12/30/2019 07:10:59</t>
  </si>
  <si>
    <t>12/30/2019 07:15:29</t>
  </si>
  <si>
    <t>8FC12AE9.tmp</t>
  </si>
  <si>
    <t>\\acsfs\DEPTOS\Operacao\PCP\5 - Comum\PLANEJAMENTO BV\14 - ACOMPANHAMENTO\1 - REPORT ACOMPANHAMENTO\2019\12 - Dezembro\CARTÕES\SHORTCALLS\8FC12AE9.tmp</t>
  </si>
  <si>
    <t>12/30/2019 07:14:10</t>
  </si>
  <si>
    <t>12/30/2019 07:14:14</t>
  </si>
  <si>
    <t>12/30/2019 07:14:21</t>
  </si>
  <si>
    <t>12/30/2019 07:14:27</t>
  </si>
  <si>
    <t>12/30/2019 07:14:32</t>
  </si>
  <si>
    <t>12/30/2019 07:14:25</t>
  </si>
  <si>
    <t>12/30/2019 07:18:29</t>
  </si>
  <si>
    <t>12/30/2019 07:16:19</t>
  </si>
  <si>
    <t>ENC: Inclusão Empresas na UNE Amex e CRC AMEX - 24/12</t>
  </si>
  <si>
    <t>16- CONSOLIDADO INCLUSÃO ALGAR -23.12.19.xlsx</t>
  </si>
  <si>
    <t>12/30/2019 07:15:07</t>
  </si>
  <si>
    <t>12/30/2019 07:19:29</t>
  </si>
  <si>
    <t>12/30/2019 07:15:17</t>
  </si>
  <si>
    <t>12/30/2019 07:20:29</t>
  </si>
  <si>
    <t>12/30/2019 07:15:20</t>
  </si>
  <si>
    <t>12/30/2019 07:15:26</t>
  </si>
  <si>
    <t>D1DDD654.tmp</t>
  </si>
  <si>
    <t>\\acsfs\DEPTOS\Operacao\PCP\5 - Comum\PLANEJAMENTO BV\14 - ACOMPANHAMENTO\1 - REPORT ACOMPANHAMENTO\2019\12 - Dezembro\CARTÕES\SHORTCALLS\D1DDD654.tmp</t>
  </si>
  <si>
    <t>12/30/2019 07:15:27</t>
  </si>
  <si>
    <t>~$Shortcalls.xlsx</t>
  </si>
  <si>
    <t>\\acsfs\DEPTOS\Operacao\PCP\5 - Comum\PLANEJAMENTO BV\14 - ACOMPANHAMENTO\1 - REPORT ACOMPANHAMENTO\2019\12 - Dezembro\CARTÕES\SHORTCALLS\~$Shortcalls.xlsx</t>
  </si>
  <si>
    <t>12/30/2019 07:18:33</t>
  </si>
  <si>
    <t>12/30/2019 07:19:54</t>
  </si>
  <si>
    <t>12/30/2019 07:22:29</t>
  </si>
  <si>
    <t>12/30/2019 07:19:58</t>
  </si>
  <si>
    <t>12/30/2019 07:20:03</t>
  </si>
  <si>
    <t>f859b69d-9c01-478f-94e4-c3d790b9ba9a.tmp</t>
  </si>
  <si>
    <t>\\acsfs\profiles$\deboraaa\Downloads\f859b69d-9c01-478f-94e4-c3d790b9ba9a.tmp</t>
  </si>
  <si>
    <t>12/30/2019 07:21:32</t>
  </si>
  <si>
    <t>82f9f8e0-210b-4583-ac14-6f20ac2867b5.tmp</t>
  </si>
  <si>
    <t>\\acsfs\profiles$\deboraaa\Downloads\82f9f8e0-210b-4583-ac14-6f20ac2867b5.tmp</t>
  </si>
  <si>
    <t>12/30/2019 07:17:04</t>
  </si>
  <si>
    <t>12/30/2019 07:17:41</t>
  </si>
  <si>
    <t>12/27/2019 15:25:24</t>
  </si>
  <si>
    <t>12/30/2019 07:24:29</t>
  </si>
  <si>
    <t>192.168.1.131</t>
  </si>
  <si>
    <t>mail.google.com/_/upload?authuser=0&amp;dcp=asu-n&amp;upload_id=AEnB2UpW2nVwukB6o2iTfRMOqob35jSGmPW5CQjJ5pjAcmyNeTKadIhfDFotL65AVV6XRKf7PeI608BVNoWuNZLR6qEIP0Y2hflF7zoDQVW4kG38QA32Qu4&amp;upload_protocol=resumable</t>
  </si>
  <si>
    <t>Orçamentos executados PENDENTES INFORMAÇÃO.xlsx</t>
  </si>
  <si>
    <t>12/30/2019 07:20:55</t>
  </si>
  <si>
    <t>12/30/2019 07:25:29</t>
  </si>
  <si>
    <t>12/30/2019 07:21:00</t>
  </si>
  <si>
    <t>12/30/2019 07:21:08</t>
  </si>
  <si>
    <t>12/30/2019 07:21:12</t>
  </si>
  <si>
    <t>12/30/2019 07:21:16</t>
  </si>
  <si>
    <t>12/30/2019 07:21:24</t>
  </si>
  <si>
    <t>12/30/2019 07:21:30</t>
  </si>
  <si>
    <t>12/30/2019 07:21:46</t>
  </si>
  <si>
    <t>12/30/2019 07:22:04</t>
  </si>
  <si>
    <t>12/30/2019 07:22:10</t>
  </si>
  <si>
    <t>12/30/2019 07:22:16</t>
  </si>
  <si>
    <t>12/30/2019 07:22:19</t>
  </si>
  <si>
    <t>12/30/2019 07:22:36</t>
  </si>
  <si>
    <t>12/30/2019 07:22:46</t>
  </si>
  <si>
    <t>12/30/2019 07:23:01</t>
  </si>
  <si>
    <t>12/30/2019 07:23:09</t>
  </si>
  <si>
    <t>12/30/2019 07:23:14</t>
  </si>
  <si>
    <t>12/30/2019 07:23:23</t>
  </si>
  <si>
    <t>12/30/2019 07:23:27</t>
  </si>
  <si>
    <t>12/30/2019 07:23:28</t>
  </si>
  <si>
    <t>12/30/2019 07:23:30</t>
  </si>
  <si>
    <t>12/30/2019 07:23:58</t>
  </si>
  <si>
    <t>12/30/2019 07:24:01</t>
  </si>
  <si>
    <t>12/30/2019 07:24:04</t>
  </si>
  <si>
    <t>12/30/2019 07:24:14</t>
  </si>
  <si>
    <t>mail.google.com/_/upload?authuser=0&amp;dcp=asu-n&amp;upload_id=AEnB2UrdHjJ26dlrCki2WKoWzoMRAm4Y064-Y3_9NLPUioD44QcdypEJN7fk-fZuc5Mqq8PAEuggTeOHUZNjpABZ-H63Qbr31Q&amp;upload_protocol=resumable</t>
  </si>
  <si>
    <t>12/30/2019 07:25:58</t>
  </si>
  <si>
    <t>12/30/2019 07:26:29</t>
  </si>
  <si>
    <t>6ca02d5e-6b59-47d5-ba57-68ccf349bab8.tmp</t>
  </si>
  <si>
    <t>\\acsfs\profiles$\websondsa\Downloads\6ca02d5e-6b59-47d5-ba57-68ccf349bab8.tmp</t>
  </si>
  <si>
    <t>12/30/2019 07:27:28</t>
  </si>
  <si>
    <t>e3011bc8-2a47-4cf9-9f73-19b5d6843847.tmp</t>
  </si>
  <si>
    <t>\\acsfs\profiles$\deboraaa\Downloads\e3011bc8-2a47-4cf9-9f73-19b5d6843847.tmp</t>
  </si>
  <si>
    <t>12/30/2019 07:24:11</t>
  </si>
  <si>
    <t>e84383d5-c206-407e-8c5f-49fef73bedf1.tmp</t>
  </si>
  <si>
    <t>\\acsfs\profiles$\deboraaa\Downloads\e84383d5-c206-407e-8c5f-49fef73bedf1.tmp</t>
  </si>
  <si>
    <t>12/30/2019 07:26:32</t>
  </si>
  <si>
    <t>12/30/2019 07:28:29</t>
  </si>
  <si>
    <t>12/30/2019 07:25:30</t>
  </si>
  <si>
    <t>6a80c1cb-ca7e-4426-a300-bd8139ab6c3c.tmp</t>
  </si>
  <si>
    <t>\\acsfs\profiles$\sarahbal\Downloads\6a80c1cb-ca7e-4426-a300-bd8139ab6c3c.tmp</t>
  </si>
  <si>
    <t>12/30/2019 07:26:48</t>
  </si>
  <si>
    <t>d430e540-b9fb-41fe-96c7-2bf2e92b250d.tmp</t>
  </si>
  <si>
    <t>\\acsfs\profiles$\sarahbal\Downloads\d430e540-b9fb-41fe-96c7-2bf2e92b250d.tmp</t>
  </si>
  <si>
    <t>12/30/2019 07:27:00</t>
  </si>
  <si>
    <t>9b5c20f6-bb65-47a9-9a8b-ef6dc16f9a0b.tmp</t>
  </si>
  <si>
    <t>\\acsfs\profiles$\sarahbal\Downloads\9b5c20f6-bb65-47a9-9a8b-ef6dc16f9a0b.tmp</t>
  </si>
  <si>
    <t>12/30/2019 07:27:16</t>
  </si>
  <si>
    <t>c0f29869-56d1-47d9-936b-96678ef48939.tmp</t>
  </si>
  <si>
    <t>\\acsfs\profiles$\sarahbal\Downloads\c0f29869-56d1-47d9-936b-96678ef48939.tmp</t>
  </si>
  <si>
    <t>12/30/2019 07:25:34</t>
  </si>
  <si>
    <t>12/30/2019 07:29:28</t>
  </si>
  <si>
    <t>ROGERIO FONSECA DUARTE_1_6771611379312959546_1_32.wav</t>
  </si>
  <si>
    <t>\\acsfs\Deptos\EDUCACAO EMPRESARIAL\KÉSIA\Ligações 3º ciclo - Késia\ROGERIO FONSECA DUARTE_1_6771611379312959546_1_32.wav</t>
  </si>
  <si>
    <t>12/30/2019 07:28:57</t>
  </si>
  <si>
    <t>12/30/2019 07:30:29</t>
  </si>
  <si>
    <t>9ec42427-f8e8-4e43-bc0a-fa607e33f6e5.tmp</t>
  </si>
  <si>
    <t>\\acsfs\profiles$\mariliafplb\Downloads\9ec42427-f8e8-4e43-bc0a-fa607e33f6e5.tmp</t>
  </si>
  <si>
    <t>12/30/2019 07:26:01</t>
  </si>
  <si>
    <t>12/30/2019 07:31:29</t>
  </si>
  <si>
    <t>d96411c8-7816-460f-9b14-c19ce905e5b8.tmp</t>
  </si>
  <si>
    <t>\\acsfs\profiles$\websondsa\Downloads\d96411c8-7816-460f-9b14-c19ce905e5b8.tmp</t>
  </si>
  <si>
    <t>12/30/2019 07:27:24</t>
  </si>
  <si>
    <t>12/30/2019 07:26:43</t>
  </si>
  <si>
    <t>66ed771e-c81c-437d-9e7e-2b1af73f4365.tmp</t>
  </si>
  <si>
    <t>\\acsfs\profiles$\websondsa\Downloads\66ed771e-c81c-437d-9e7e-2b1af73f4365.tmp</t>
  </si>
  <si>
    <t>12/30/2019 07:28:34</t>
  </si>
  <si>
    <t>156b124d-ec3b-4c41-9083-1945ae0560b2.tmp</t>
  </si>
  <si>
    <t>\\acsfs\profiles$\websondsa\Downloads\156b124d-ec3b-4c41-9083-1945ae0560b2.tmp</t>
  </si>
  <si>
    <t>12/30/2019 07:28:38</t>
  </si>
  <si>
    <t>12/30/2019 07:28:05</t>
  </si>
  <si>
    <t>12/30/2019 07:29:13</t>
  </si>
  <si>
    <t>alynya</t>
  </si>
  <si>
    <t>\\acsfs\profiles$\ALYNYA\Downloads\</t>
  </si>
  <si>
    <t>8d6ecfd4-5b2a-43a2-9115-a4328fde7a64.tmp</t>
  </si>
  <si>
    <t>\\acsfs\profiles$\ALYNYA\Downloads\8d6ecfd4-5b2a-43a2-9115-a4328fde7a64.tmp</t>
  </si>
  <si>
    <t>ec51db7b-b43b-472f-a5c3-8362703b7534.tmp</t>
  </si>
  <si>
    <t>\\acsfs\profiles$\ALYNYA\Downloads\ec51db7b-b43b-472f-a5c3-8362703b7534.tmp</t>
  </si>
  <si>
    <t>12/30/2019 07:28:12</t>
  </si>
  <si>
    <t>12/30/2019 07:32:28</t>
  </si>
  <si>
    <t>708c82d2-d564-4886-af84-4de19c3f39c7.tmp</t>
  </si>
  <si>
    <t>\\acsfs\profiles$\cintiadcf\Downloads\708c82d2-d564-4886-af84-4de19c3f39c7.tmp</t>
  </si>
  <si>
    <t>12/30/2019 07:28:18</t>
  </si>
  <si>
    <t>58a2a444-8a4b-4b56-9cac-6d90a22be9a4.tmp</t>
  </si>
  <si>
    <t>\\acsfs\profiles$\cintiadcf\Downloads\58a2a444-8a4b-4b56-9cac-6d90a22be9a4.tmp</t>
  </si>
  <si>
    <t>12/30/2019 07:28:48</t>
  </si>
  <si>
    <t>12/30/2019 07:29:29</t>
  </si>
  <si>
    <t>d3fb34e3-adad-45ea-abda-db3c609e1f08.tmp</t>
  </si>
  <si>
    <t>\\acsfs\profiles$\cintiadcf\Downloads\d3fb34e3-adad-45ea-abda-db3c609e1f08.tmp</t>
  </si>
  <si>
    <t>12/30/2019 07:31:39</t>
  </si>
  <si>
    <t>12/30/2019 07:35:29</t>
  </si>
  <si>
    <t>12/30/2019 07:31:50</t>
  </si>
  <si>
    <t>12/30/2019 07:31:53</t>
  </si>
  <si>
    <t>12/30/2019 07:32:01</t>
  </si>
  <si>
    <t>12/30/2019 07:32:14</t>
  </si>
  <si>
    <t>12/30/2019 07:32:19</t>
  </si>
  <si>
    <t>12/30/2019 07:32:29</t>
  </si>
  <si>
    <t>12/30/2019 07:32:32</t>
  </si>
  <si>
    <t>12/30/2019 07:30:39</t>
  </si>
  <si>
    <t>9d6c1725-a978-475b-92fe-073e16805819.tmp</t>
  </si>
  <si>
    <t>\\acsfs\profiles$\mariliafplb\Downloads\9d6c1725-a978-475b-92fe-073e16805819.tmp</t>
  </si>
  <si>
    <t>12/30/2019 07:31:37</t>
  </si>
  <si>
    <t>12/30/2019 07:36:28</t>
  </si>
  <si>
    <t>\\acsfs\profiles$\ALYNYA\My Documents\</t>
  </si>
  <si>
    <t>.~lock.controle de vendas alyny.ods#</t>
  </si>
  <si>
    <t>\\acsfs\profiles$\ALYNYA\My Documents\.~lock.controle de vendas alyny.ods#</t>
  </si>
  <si>
    <t>12/30/2019 07:34:10</t>
  </si>
  <si>
    <t>b3683330-7285-417e-a508-f826839a469a.tmp</t>
  </si>
  <si>
    <t>\\acsfs\profiles$\ALYNYA\Downloads\b3683330-7285-417e-a508-f826839a469a.tmp</t>
  </si>
  <si>
    <t>12/30/2019 07:34:28</t>
  </si>
  <si>
    <t>1ef657b6-fbf1-474b-85ba-6df65974b61e.tmp</t>
  </si>
  <si>
    <t>\\acsfs\profiles$\ALYNYA\Downloads\1ef657b6-fbf1-474b-85ba-6df65974b61e.tmp</t>
  </si>
  <si>
    <t>117969db-e686-4c67-b3b2-d95855b32212.tmp</t>
  </si>
  <si>
    <t>\\acsfs\profiles$\andressagr\Downloads\117969db-e686-4c67-b3b2-d95855b32212.tmp</t>
  </si>
  <si>
    <t>12/30/2019 07:37:39</t>
  </si>
  <si>
    <t>12/30/2019 07:38:29</t>
  </si>
  <si>
    <t>12/30/2019 07:36:13</t>
  </si>
  <si>
    <t>12/30/2019 07:38:42</t>
  </si>
  <si>
    <t>12/30/2019 07:41:29</t>
  </si>
  <si>
    <t>2855bf6a-5925-4e8d-8822-d0ac9587db4a.tmp</t>
  </si>
  <si>
    <t>\\acsfs\profiles$\lucasqdss\Downloads\2855bf6a-5925-4e8d-8822-d0ac9587db4a.tmp</t>
  </si>
  <si>
    <t>12/30/2019 07:38:34</t>
  </si>
  <si>
    <t>12/30/2019 07:41:02</t>
  </si>
  <si>
    <t>12/30/2019 07:41:37</t>
  </si>
  <si>
    <t>12/30/2019 07:42:29</t>
  </si>
  <si>
    <t>12/30/2019 07:40:53</t>
  </si>
  <si>
    <t>nathaliaos</t>
  </si>
  <si>
    <t>\\acsfs\profiles$\nathaliaos\My Documents\My Pictures\</t>
  </si>
  <si>
    <t>\\acsfs\profiles$\nathaliaos\My Documents\My Videos\desktop.ini</t>
  </si>
  <si>
    <t>12/30/2019 07:40:54</t>
  </si>
  <si>
    <t>\\acsfs\profiles$\nathaliaos\My Documents\My Videos\</t>
  </si>
  <si>
    <t>12/30/2019 07:40:56</t>
  </si>
  <si>
    <t>12/30/2019 07:40:57</t>
  </si>
  <si>
    <t>12/30/2019 07:40:58</t>
  </si>
  <si>
    <t>12/30/2019 07:41:00</t>
  </si>
  <si>
    <t>\\acsfs\profiles$\nathaliaos\My Documents\My Music\</t>
  </si>
  <si>
    <t>\\acsfs\profiles$\nathaliaos\My Documents\My Pictures\desktop.ini</t>
  </si>
  <si>
    <t>12/30/2019 07:41:03</t>
  </si>
  <si>
    <t>12/30/2019 07:41:04</t>
  </si>
  <si>
    <t>12/30/2019 07:41:05</t>
  </si>
  <si>
    <t>12/30/2019 07:41:06</t>
  </si>
  <si>
    <t>\\acsfs\profiles$\nathaliaos\Contacts\</t>
  </si>
  <si>
    <t>\\acsfs\profiles$\nathaliaos\Contacts\desktop.ini</t>
  </si>
  <si>
    <t>12/30/2019 07:41:07</t>
  </si>
  <si>
    <t>12/30/2019 07:41:08</t>
  </si>
  <si>
    <t>12/30/2019 07:41:09</t>
  </si>
  <si>
    <t>12/30/2019 07:41:10</t>
  </si>
  <si>
    <t>\\acsfs\profiles$\nathaliaos\My Documents\</t>
  </si>
  <si>
    <t>\\acsfs\profiles$\nathaliaos\Favorites\desktop.ini</t>
  </si>
  <si>
    <t>12/30/2019 07:41:11</t>
  </si>
  <si>
    <t>12/30/2019 07:41:12</t>
  </si>
  <si>
    <t>12/30/2019 07:41:14</t>
  </si>
  <si>
    <t>12/30/2019 07:41:16</t>
  </si>
  <si>
    <t>12/30/2019 07:41:17</t>
  </si>
  <si>
    <t>\\acsfs\profiles$\nathaliaos\My Documents\My Music\desktop.ini</t>
  </si>
  <si>
    <t>12/30/2019 07:41:20</t>
  </si>
  <si>
    <t>12/30/2019 07:41:21</t>
  </si>
  <si>
    <t>12/30/2019 07:41:22</t>
  </si>
  <si>
    <t>12/30/2019 07:41:23</t>
  </si>
  <si>
    <t>\\acsfs\profiles$\nathaliaos\Searches\</t>
  </si>
  <si>
    <t>\\acsfs\profiles$\nathaliaos\Searches\desktop.ini</t>
  </si>
  <si>
    <t>12/30/2019 07:41:24</t>
  </si>
  <si>
    <t>12/30/2019 07:41:25</t>
  </si>
  <si>
    <t>12/30/2019 07:41:26</t>
  </si>
  <si>
    <t>12/30/2019 07:41:28</t>
  </si>
  <si>
    <t>\\acsfs\profiles$\nathaliaos\Downloads\</t>
  </si>
  <si>
    <t>\\acsfs\profiles$\nathaliaos\Downloads\desktop.ini</t>
  </si>
  <si>
    <t>12/30/2019 07:41:31</t>
  </si>
  <si>
    <t>\\acsfs\profiles$\nathaliaos\Favorites\</t>
  </si>
  <si>
    <t>\\acsfs\profiles$\nathaliaos\My Documents\desktop.ini</t>
  </si>
  <si>
    <t>12/30/2019 07:41:32</t>
  </si>
  <si>
    <t>12/30/2019 07:41:33</t>
  </si>
  <si>
    <t>12/30/2019 07:41:34</t>
  </si>
  <si>
    <t>12/30/2019 07:41:35</t>
  </si>
  <si>
    <t>12/30/2019 07:41:36</t>
  </si>
  <si>
    <t>12/30/2019 07:41:38</t>
  </si>
  <si>
    <t>\\acsfs\profiles$\nathaliaos\Saved Games\desktop.ini</t>
  </si>
  <si>
    <t>12/30/2019 07:41:39</t>
  </si>
  <si>
    <t>12/30/2019 07:43:29</t>
  </si>
  <si>
    <t>lorraynevam</t>
  </si>
  <si>
    <t>\\acsfs\profiles$\lorraynevam\Downloads\</t>
  </si>
  <si>
    <t>cd3c8259-235a-41d0-990b-b2e3fc1be276.tmp</t>
  </si>
  <si>
    <t>\\acsfs\profiles$\lorraynevam\Downloads\cd3c8259-235a-41d0-990b-b2e3fc1be276.tmp</t>
  </si>
  <si>
    <t>12/30/2019 07:40:08</t>
  </si>
  <si>
    <t>a6f1232d-c1c6-4104-8c8b-a16bbef50b10.tmp</t>
  </si>
  <si>
    <t>\\acsfs\profiles$\lorraynevam\Downloads\a6f1232d-c1c6-4104-8c8b-a16bbef50b10.tmp</t>
  </si>
  <si>
    <t>12/30/2019 07:43:54</t>
  </si>
  <si>
    <t>12/30/2019 07:46:29</t>
  </si>
  <si>
    <t>12/30/2019 07:41:54</t>
  </si>
  <si>
    <t>12/30/2019 07:47:29</t>
  </si>
  <si>
    <t>.~lock.Apresentação para rodar na TV.pptx#</t>
  </si>
  <si>
    <t>\\acsfs\DEPTOS\Operacao\Banco_Votorantim\Comum\.~lock.Apresentação para rodar na TV.pptx#</t>
  </si>
  <si>
    <t>12/27/2019 16:45:56</t>
  </si>
  <si>
    <t>12/29/2019 13:19:22</t>
  </si>
  <si>
    <t>12/29/2019 13:41:36</t>
  </si>
  <si>
    <t>"mimet,ancestorhasaugmented,ancestorhasaugmentedp,ancestorhasaugmentedpermissions,containsunsubscribedchildren,displ,displa,displayname,domain,emailaddr,emailaddre,emailaddress,explicitlytrashed�,explicitlytrashed�,file(kind,fileid,filesize,hasthumbnail,hasvisitorpermissions,id,id),items(deleted,ken,kind,lastmodifyinguser(kind,lastviewedbymedate,modifiedbymedate,modifieddate,ontainsunsubscribedchildren,owners(kind,permissionid,picture,rpermissions,s 2020 ",shared,sharedwithmedate,thumbnailversion,title,userpermission(role),z===== content-ty</t>
  </si>
  <si>
    <t>12/29/2019 13:42:16</t>
  </si>
  <si>
    <t>Budget 2020 v1.xlsx</t>
  </si>
  <si>
    <t>12/29/2019 15:08:01</t>
  </si>
  <si>
    <t>ancestorhasaugmentedpermissions,containsunsubscribedchildren,displa,displayname,domain,emailaddress,explicitlytrashed�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</t>
  </si>
  <si>
    <t>12/29/2019 16:05:16</t>
  </si>
  <si>
    <t>Goals til 2020 - 30 Years Old.xlsx</t>
  </si>
  <si>
    <t>12/30/2019 07:45:55</t>
  </si>
  <si>
    <t>12/30/2019 07:45:14</t>
  </si>
  <si>
    <t>12/30/2019 07:48:28</t>
  </si>
  <si>
    <t>12/30/2019 07:46:44</t>
  </si>
  <si>
    <t>12/30/2019 07:47:14</t>
  </si>
  <si>
    <t>1d55aa60-5edd-41c7-a142-e423a12b6e60.tmp</t>
  </si>
  <si>
    <t>\\acsfs\profiles$\anafsb\Downloads\1d55aa60-5edd-41c7-a142-e423a12b6e60.tmp</t>
  </si>
  <si>
    <t>12/30/2019 07:47:16</t>
  </si>
  <si>
    <t>21d785d1-5340-4347-9489-0cf74b95011e.tmp</t>
  </si>
  <si>
    <t>\\acsfs\profiles$\anafsb\Downloads\21d785d1-5340-4347-9489-0cf74b95011e.tmp</t>
  </si>
  <si>
    <t>12/30/2019 07:47:19</t>
  </si>
  <si>
    <t>26aa6ddd-b827-4298-aac3-1acc4e2e167f.tmp</t>
  </si>
  <si>
    <t>\\acsfs\profiles$\anafsb\Downloads\26aa6ddd-b827-4298-aac3-1acc4e2e167f.tmp</t>
  </si>
  <si>
    <t>12/30/2019 07:47:24</t>
  </si>
  <si>
    <t>658e5383-f108-4d91-b035-088142acc2d4.tmp</t>
  </si>
  <si>
    <t>\\acsfs\profiles$\anafsb\Downloads\658e5383-f108-4d91-b035-088142acc2d4.tmp</t>
  </si>
  <si>
    <t>12/30/2019 07:49:45</t>
  </si>
  <si>
    <t>12/30/2019 07:50:29</t>
  </si>
  <si>
    <t>fdf1ec88-69a1-44a8-80fb-a6f36d19d5d2.tmp</t>
  </si>
  <si>
    <t>\\acsfs\profiles$\mariajra\Downloads\fdf1ec88-69a1-44a8-80fb-a6f36d19d5d2.tmp</t>
  </si>
  <si>
    <t>12/30/2019 07:45:57</t>
  </si>
  <si>
    <t>12/30/2019 07:51:28</t>
  </si>
  <si>
    <t>12/30/2019 07:46:35</t>
  </si>
  <si>
    <t>be04edb5-2ba0-4111-a169-ebe8887979bb.tmp</t>
  </si>
  <si>
    <t>\\acsfs\profiles$\lucasqdss\Downloads\be04edb5-2ba0-4111-a169-ebe8887979bb.tmp</t>
  </si>
  <si>
    <t>12/30/2019 07:50:15</t>
  </si>
  <si>
    <t>12/30/2019 07:47:33</t>
  </si>
  <si>
    <t>12/30/2019 07:52:29</t>
  </si>
  <si>
    <t>AMEX HOTEL CARD</t>
  </si>
  <si>
    <t>10.200.66.170</t>
  </si>
  <si>
    <t>74-86-7A-FB-19-8D</t>
  </si>
  <si>
    <t>VOTORANT-ABB009</t>
  </si>
  <si>
    <t>anapfdj</t>
  </si>
  <si>
    <t>https://udpwfmniceap02/web/guest/home?p_auth=s1w2fhvv&amp;p_p_id=58&amp;p_p_lifecycle=1&amp;p_p_state=maximized&amp;p_p_mode=view&amp;savelastpath=0&amp;_58_struts_action=/login/forgot_password</t>
  </si>
  <si>
    <t>12/30/2019 07:47:36</t>
  </si>
  <si>
    <t>12/30/2019 07:47:54</t>
  </si>
  <si>
    <t>12/30/2019 07:47:56</t>
  </si>
  <si>
    <t>12/30/2019 07:48:07</t>
  </si>
  <si>
    <t>12/30/2019 07:48:08</t>
  </si>
  <si>
    <t>12/30/2019 07:48:58</t>
  </si>
  <si>
    <t>https://udpwfmniceap02/pt_br/web/guest/home?p_auth=s1w2fhvv&amp;p_p_id=58&amp;p_p_lifecycle=1&amp;p_p_state=maximized&amp;p_p_mode=view&amp;savelastpath=0&amp;_58_struts_action=/login/forgot_password</t>
  </si>
  <si>
    <t>12/30/2019 07:49:15</t>
  </si>
  <si>
    <t>12/30/2019 07:51:03</t>
  </si>
  <si>
    <t>12/30/2019 07:53:29</t>
  </si>
  <si>
    <t>12/30/2019 07:48:47</t>
  </si>
  <si>
    <t>b0114ce0-7ba2-4689-9e10-253f51a6d1d8.tmp</t>
  </si>
  <si>
    <t>\\acsfs\profiles$\anafsb\Downloads\b0114ce0-7ba2-4689-9e10-253f51a6d1d8.tmp</t>
  </si>
  <si>
    <t>12/30/2019 07:48:49</t>
  </si>
  <si>
    <t>bcf63ee2-e0b5-4d59-a842-c86d089e6625.tmp</t>
  </si>
  <si>
    <t>\\acsfs\profiles$\anafsb\Downloads\bcf63ee2-e0b5-4d59-a842-c86d089e6625.tmp</t>
  </si>
  <si>
    <t>12/30/2019 07:49:38</t>
  </si>
  <si>
    <t>c4cb0c5f-981f-43d6-95a1-a0d78427d283.tmp</t>
  </si>
  <si>
    <t>\\acsfs\profiles$\anafsb\Downloads\c4cb0c5f-981f-43d6-95a1-a0d78427d283.tmp</t>
  </si>
  <si>
    <t>12/30/2019 07:49:41</t>
  </si>
  <si>
    <t>12/30/2019 07:54:29</t>
  </si>
  <si>
    <t>192.168.1.101</t>
  </si>
  <si>
    <t>mail.google.com/_/upload?authuser=1&amp;dcp=asu-n&amp;upload_id=AEnB2UpPQ8bkbkSPeNVR_PgYPSOilD0aEPqPbE24cHTZoA1Jmc5ZWNzu2_VevUiQf30emLEFPiW6vgZf_cDGhIvTz9b1PLPZpa439NHXiDBN0tFqNc79btU&amp;upload_protocol=resumable</t>
  </si>
  <si>
    <t>Modelo sobreaviso janeiro.xlsx</t>
  </si>
  <si>
    <t>12/30/2019 07:48:57</t>
  </si>
  <si>
    <t>12/30/2019 07:50:17</t>
  </si>
  <si>
    <t>12/30/2019 07:52:31</t>
  </si>
  <si>
    <t>12/30/2019 07:55:29</t>
  </si>
  <si>
    <t>68e24f83-c340-472c-85c7-37a007162f5f.tmp</t>
  </si>
  <si>
    <t>\\acsfs\profiles$\mariajra\Downloads\68e24f83-c340-472c-85c7-37a007162f5f.tmp</t>
  </si>
  <si>
    <t>12/30/2019 07:51:19</t>
  </si>
  <si>
    <t>12/30/2019 07:56:29</t>
  </si>
  <si>
    <t>466b94b0-acf3-4029-9ba5-aac4c326f1d9.tmp</t>
  </si>
  <si>
    <t>\\acsfs\profiles$\luanarda\Downloads\466b94b0-acf3-4029-9ba5-aac4c326f1d9.tmp</t>
  </si>
  <si>
    <t>12/30/2019 07:53:14</t>
  </si>
  <si>
    <t>05e13102-532b-4644-b139-e9deda42b9aa.tmp</t>
  </si>
  <si>
    <t>\\acsfs\profiles$\luanarda\Downloads\05e13102-532b-4644-b139-e9deda42b9aa.tmp</t>
  </si>
  <si>
    <t>12/30/2019 07:52:28</t>
  </si>
  <si>
    <t>12/30/2019 07:57:28</t>
  </si>
  <si>
    <t>2bc48ec5-369e-4d39-a990-398e54f15afe.tmp</t>
  </si>
  <si>
    <t>\\acsfs\profiles$\gabrielarb\Downloads\2bc48ec5-369e-4d39-a990-398e54f15afe.tmp</t>
  </si>
  <si>
    <t>12/30/2019 07:53:30</t>
  </si>
  <si>
    <t>1179e7d3-7a99-4717-bede-18f0e26e29b8.tmp</t>
  </si>
  <si>
    <t>\\acsfs\profiles$\gabrielarb\Downloads\1179e7d3-7a99-4717-bede-18f0e26e29b8.tmp</t>
  </si>
  <si>
    <t>12/30/2019 07:54:06</t>
  </si>
  <si>
    <t>dc9f979b-11c0-44ca-9eb6-2560e20221ab.tmp</t>
  </si>
  <si>
    <t>\\acsfs\profiles$\gabrielarb\Downloads\dc9f979b-11c0-44ca-9eb6-2560e20221ab.tmp</t>
  </si>
  <si>
    <t>12/30/2019 07:55:02</t>
  </si>
  <si>
    <t>c4f7b182-1e11-4792-8272-3fe0a04d3e24.tmp</t>
  </si>
  <si>
    <t>\\acsfs\profiles$\gabrielarb\Downloads\c4f7b182-1e11-4792-8272-3fe0a04d3e24.tmp</t>
  </si>
  <si>
    <t>12/30/2019 07:55:17</t>
  </si>
  <si>
    <t>f8e660c9-2682-4a6f-bc8a-0e07d9243ec7.tmp</t>
  </si>
  <si>
    <t>\\acsfs\profiles$\gabrielarb\Downloads\f8e660c9-2682-4a6f-bc8a-0e07d9243ec7.tmp</t>
  </si>
  <si>
    <t>12/30/2019 07:54:32</t>
  </si>
  <si>
    <t>085075dc-092c-4b40-93e5-70a2ed00906b.tmp</t>
  </si>
  <si>
    <t>\\acsfs\profiles$\deborahsi\Downloads\085075dc-092c-4b40-93e5-70a2ed00906b.tmp</t>
  </si>
  <si>
    <t>12/30/2019 07:56:27</t>
  </si>
  <si>
    <t>16e9fc34-7be5-4025-b1c7-6de4ae064140.tmp</t>
  </si>
  <si>
    <t>\\acsfs\profiles$\deborahsi\Downloads\16e9fc34-7be5-4025-b1c7-6de4ae064140.tmp</t>
  </si>
  <si>
    <t>12/27/2019 22:08:17</t>
  </si>
  <si>
    <t>12/30/2019 07:57:09</t>
  </si>
  <si>
    <t>12/30/2019 07:58:28</t>
  </si>
  <si>
    <t>12/30/2019 07:58:06</t>
  </si>
  <si>
    <t>f277092c-89c0-4ac1-9daa-b11efba0962c.tmp</t>
  </si>
  <si>
    <t>\\acsfs\profiles$\felipetds\Downloads\f277092c-89c0-4ac1-9daa-b11efba0962c.tmp</t>
  </si>
  <si>
    <t>12/30/2019 07:54:23</t>
  </si>
  <si>
    <t>12/30/2019 07:54:27</t>
  </si>
  <si>
    <t>12/30/2019 07:59:28</t>
  </si>
  <si>
    <t>JOYCE MARIA MENDES DIAS LOPES_1_6771174014203272129_1_32.wav</t>
  </si>
  <si>
    <t>\\acsfs\Deptos\EDUCACAO EMPRESARIAL\KÉSIA\Ligações 3º ciclo - Késia\JOYCE MARIA MENDES DIAS LOPES_1_6771174014203272129_1_32.wav</t>
  </si>
  <si>
    <t>12/30/2019 07:55:47</t>
  </si>
  <si>
    <t>12/30/2019 07:57:25</t>
  </si>
  <si>
    <t>f4ccde32-426e-4c5f-9dd1-ddd143612499.tmp</t>
  </si>
  <si>
    <t>\\acsfs\profiles$\paulovadc\Downloads\f4ccde32-426e-4c5f-9dd1-ddd143612499.tmp</t>
  </si>
  <si>
    <t>12/30/2019 07:55:40</t>
  </si>
  <si>
    <t>12/30/2019 08:00:28</t>
  </si>
  <si>
    <t>714e378e-e74d-47fa-a43e-e2c632dac2bb.tmp</t>
  </si>
  <si>
    <t>\\acsfs\profiles$\mariajra\Downloads\714e378e-e74d-47fa-a43e-e2c632dac2bb.tmp</t>
  </si>
  <si>
    <t>12/30/2019 07:56:36</t>
  </si>
  <si>
    <t>12/30/2019 08:01:29</t>
  </si>
  <si>
    <t>1d0c12e4-3318-40e8-98f6-1934cfa44a28.tmp</t>
  </si>
  <si>
    <t>\\acsfs\profiles$\valeriasda\Downloads\1d0c12e4-3318-40e8-98f6-1934cfa44a28.tmp</t>
  </si>
  <si>
    <t>12/30/2019 07:56:39</t>
  </si>
  <si>
    <t>388aaf48-1052-459a-9fb6-ecf19c30b302.tmp</t>
  </si>
  <si>
    <t>\\acsfs\profiles$\valeriasda\Downloads\388aaf48-1052-459a-9fb6-ecf19c30b302.tmp</t>
  </si>
  <si>
    <t>12/30/2019 07:57:10</t>
  </si>
  <si>
    <t>12/30/2019 07:58:01</t>
  </si>
  <si>
    <t>f0ed2e82-bc64-408e-a50c-a28f2bac1c2b.tmp</t>
  </si>
  <si>
    <t>\\acsfs\profiles$\valeriasda\Downloads\f0ed2e82-bc64-408e-a50c-a28f2bac1c2b.tmp</t>
  </si>
  <si>
    <t>12/30/2019 07:57:46</t>
  </si>
  <si>
    <t>12/30/2019 08:00:06</t>
  </si>
  <si>
    <t>8baac2dc-14c6-4ed3-bbc8-58dd31b05b63.tmp</t>
  </si>
  <si>
    <t>\\acsfs\profiles$\websondsa\Downloads\8baac2dc-14c6-4ed3-bbc8-58dd31b05b63.tmp</t>
  </si>
  <si>
    <t>12/30/2019 07:56:57</t>
  </si>
  <si>
    <t>9393c6d8-eca9-424c-838f-069813b3ee3d.tmp</t>
  </si>
  <si>
    <t>\\acsfs\profiles$\milenaas\Downloads\9393c6d8-eca9-424c-838f-069813b3ee3d.tmp</t>
  </si>
  <si>
    <t>12/30/2019 07:59:01</t>
  </si>
  <si>
    <t>31936c88-2a1d-4616-a151-63916b9c6ad0.tmp</t>
  </si>
  <si>
    <t>\\acsfs\profiles$\milenaas\Downloads\31936c88-2a1d-4616-a151-63916b9c6ad0.tmp</t>
  </si>
  <si>
    <t>12/30/2019 07:59:49</t>
  </si>
  <si>
    <t>12/30/2019 08:02:28</t>
  </si>
  <si>
    <t>ulog_AcroARM2_Reader_22bb18ef-a0cc-4985-b2f1-d8449a05e1d0_fbf4b1cf-5089-4b67-b400-069962dbfb62_0.log</t>
  </si>
  <si>
    <t>C:\Users\Jordanarb\AppData\Roaming\Adobe\LogTransport2\Logs\ulog_AcroARM2_Reader_22bb18ef-a0cc-4985-b2f1-d8449a05e1d0_fbf4b1cf-5089-4b67-b400-069962dbfb62_0.log\</t>
  </si>
  <si>
    <t>12/30/2019 08:00:26</t>
  </si>
  <si>
    <t>4b283c6d-ac74-40b9-8058-1aa62bec49a8.tmp</t>
  </si>
  <si>
    <t>\\acsfs\profiles$\deborahsi\Downloads\4b283c6d-ac74-40b9-8058-1aa62bec49a8.tmp</t>
  </si>
  <si>
    <t>12/30/2019 07:59:29</t>
  </si>
  <si>
    <t>12/30/2019 07:58:10</t>
  </si>
  <si>
    <t>12/30/2019 07:59:34</t>
  </si>
  <si>
    <t>d5ccaa61-cf6d-4d8a-97b3-5820fe6176ba.tmp</t>
  </si>
  <si>
    <t>\\acsfs\profiles$\marcellewdl\Downloads\d5ccaa61-cf6d-4d8a-97b3-5820fe6176ba.tmp</t>
  </si>
  <si>
    <t>12/30/2019 08:01:28</t>
  </si>
  <si>
    <t>12/30/2019 08:03:29</t>
  </si>
  <si>
    <t>d92527e5-6bb3-45b7-b5a0-6977ae766c16.tmp</t>
  </si>
  <si>
    <t>\\acsfs\profiles$\LUCASNS\Downloads\d92527e5-6bb3-45b7-b5a0-6977ae766c16.tmp</t>
  </si>
  <si>
    <t>12/30/2019 08:01:31</t>
  </si>
  <si>
    <t>bb1951b5-aa17-4ca7-9a01-0a56a4ff7cdf.tmp</t>
  </si>
  <si>
    <t>\\acsfs\profiles$\LUCASNS\Downloads\bb1951b5-aa17-4ca7-9a01-0a56a4ff7cdf.tmp</t>
  </si>
  <si>
    <t>12/30/2019 08:02:23</t>
  </si>
  <si>
    <t>5228dd58-a46e-4a00-87dc-c277129deff3.tmp</t>
  </si>
  <si>
    <t>\\acsfs\profiles$\LUCASNS\Downloads\5228dd58-a46e-4a00-87dc-c277129deff3.tmp</t>
  </si>
  <si>
    <t>12/30/2019 07:59:07</t>
  </si>
  <si>
    <t>12/30/2019 08:00:38</t>
  </si>
  <si>
    <t>0222e8b7-78a1-4216-b3a7-8c800a41fb70.tmp</t>
  </si>
  <si>
    <t>\\acsfs\profiles$\vivianalds\Downloads\0222e8b7-78a1-4216-b3a7-8c800a41fb70.tmp</t>
  </si>
  <si>
    <t>12/30/2019 08:00:53</t>
  </si>
  <si>
    <t>32266d36-dfd9-4446-b6c7-e65006819756.tmp</t>
  </si>
  <si>
    <t>\\acsfs\profiles$\vivianalds\Downloads\32266d36-dfd9-4446-b6c7-e65006819756.tmp</t>
  </si>
  <si>
    <t>12/30/2019 08:02:01</t>
  </si>
  <si>
    <t>25333019-dc65-4a3b-9564-92c36fdf693a.tmp</t>
  </si>
  <si>
    <t>\\acsfs\profiles$\vivianalds\Downloads\25333019-dc65-4a3b-9564-92c36fdf693a.tmp</t>
  </si>
  <si>
    <t>12/30/2019 08:02:12</t>
  </si>
  <si>
    <t>12/30/2019 07:59:40</t>
  </si>
  <si>
    <t>4bdce624-7520-41b1-bce2-6683d1e27a58.tmp</t>
  </si>
  <si>
    <t>\\acsfs\profiles$\danielac\Downloads\4bdce624-7520-41b1-bce2-6683d1e27a58.tmp</t>
  </si>
  <si>
    <t>12/30/2019 07:59:14</t>
  </si>
  <si>
    <t>12/30/2019 08:00:29</t>
  </si>
  <si>
    <t>thyagosp</t>
  </si>
  <si>
    <t>\\acsfs\profiles$\THYAGOSP\Downloads\</t>
  </si>
  <si>
    <t>60f8fa5c-5bb1-4a15-8674-fe6384950152.tmp</t>
  </si>
  <si>
    <t>\\acsfs\profiles$\THYAGOSP\Downloads\60f8fa5c-5bb1-4a15-8674-fe6384950152.tmp</t>
  </si>
  <si>
    <t>12/30/2019 08:02:08</t>
  </si>
  <si>
    <t>15ecfaf7-261b-491b-867e-fe8119224006.tmp</t>
  </si>
  <si>
    <t>\\acsfs\profiles$\THYAGOSP\Downloads\15ecfaf7-261b-491b-867e-fe8119224006.tmp</t>
  </si>
  <si>
    <t>12/30/2019 07:59:32</t>
  </si>
  <si>
    <t>cbaccfba-def0-404f-930b-53e6b07ce6d2.tmp</t>
  </si>
  <si>
    <t>\\acsfs\profiles$\felipetds\Downloads\cbaccfba-def0-404f-930b-53e6b07ce6d2.tmp</t>
  </si>
  <si>
    <t>12/30/2019 08:01:52</t>
  </si>
  <si>
    <t>12/30/2019 08:04:29</t>
  </si>
  <si>
    <t>3fd4fac9-da81-451e-891a-558b0eb13222.tmp</t>
  </si>
  <si>
    <t>\\acsfs\profiles$\paulovadc\Downloads\3fd4fac9-da81-451e-891a-558b0eb13222.tmp</t>
  </si>
  <si>
    <t>12/30/2019 08:03:11</t>
  </si>
  <si>
    <t>12/30/2019 08:02:24</t>
  </si>
  <si>
    <t>12/30/2019 08:02:25</t>
  </si>
  <si>
    <t>12/30/2019 08:02:26</t>
  </si>
  <si>
    <t>12/30/2019 08:02:27</t>
  </si>
  <si>
    <t>12/30/2019 08:02:36</t>
  </si>
  <si>
    <t>12/30/2019 08:02:37</t>
  </si>
  <si>
    <t>12/30/2019 08:02:38</t>
  </si>
  <si>
    <t>12/30/2019 08:02:39</t>
  </si>
  <si>
    <t>12/30/2019 08:02:51</t>
  </si>
  <si>
    <t>12/30/2019 08:02:52</t>
  </si>
  <si>
    <t>12/30/2019 08:02:53</t>
  </si>
  <si>
    <t>12/30/2019 08:02:54</t>
  </si>
  <si>
    <t>12/30/2019 08:02:57</t>
  </si>
  <si>
    <t>12/30/2019 08:03:03</t>
  </si>
  <si>
    <t>12/30/2019 08:02:29</t>
  </si>
  <si>
    <t>12/30/2019 08:05:29</t>
  </si>
  <si>
    <t>60d347e8-940a-4f73-8432-38dbc3da3fb6.tmp</t>
  </si>
  <si>
    <t>\\acsfs\profiles$\mariajra\Downloads\60d347e8-940a-4f73-8432-38dbc3da3fb6.tmp</t>
  </si>
  <si>
    <t>12/30/2019 08:02:31</t>
  </si>
  <si>
    <t>21405dbf-79f7-416d-9b3f-f189a1605b90.tmp</t>
  </si>
  <si>
    <t>\\acsfs\profiles$\mariajra\Downloads\21405dbf-79f7-416d-9b3f-f189a1605b90.tmp</t>
  </si>
  <si>
    <t>d8de62eb-42e0-4ac7-87a2-cd29494e8346.tmp</t>
  </si>
  <si>
    <t>\\acsfs\profiles$\mariajra\Downloads\d8de62eb-42e0-4ac7-87a2-cd29494e8346.tmp</t>
  </si>
  <si>
    <t>12/30/2019 08:01:05</t>
  </si>
  <si>
    <t>12/30/2019 08:06:29</t>
  </si>
  <si>
    <t>12/30/2019 08:01:30</t>
  </si>
  <si>
    <t>6e3b7a1f-9a2f-4477-abef-78fd03ab06f8.tmp</t>
  </si>
  <si>
    <t>\\acsfs\profiles$\quindaizaagds\Downloads\6e3b7a1f-9a2f-4477-abef-78fd03ab06f8.tmp</t>
  </si>
  <si>
    <t>12/30/2019 08:04:15</t>
  </si>
  <si>
    <t>bfdea215-a76b-469f-8cf1-4f6492a316ee.tmp</t>
  </si>
  <si>
    <t>\\acsfs\profiles$\quindaizaagds\Downloads\bfdea215-a76b-469f-8cf1-4f6492a316ee.tmp</t>
  </si>
  <si>
    <t>12/30/2019 08:01:21</t>
  </si>
  <si>
    <t>feb56a8c-a5ae-4d12-a360-7a244c4f75cf.tmp</t>
  </si>
  <si>
    <t>\\acsfs\profiles$\milenaas\Downloads\feb56a8c-a5ae-4d12-a360-7a244c4f75cf.tmp</t>
  </si>
  <si>
    <t>12/30/2019 08:04:17</t>
  </si>
  <si>
    <t>b31c934b-fb49-4f4e-9d49-aa28a09e816c.tmp</t>
  </si>
  <si>
    <t>\\acsfs\profiles$\milenaas\Downloads\b31c934b-fb49-4f4e-9d49-aa28a09e816c.tmp</t>
  </si>
  <si>
    <t>12/30/2019 08:07:28</t>
  </si>
  <si>
    <t>.~lock.Layout TV Vendas 3.1.ppt#</t>
  </si>
  <si>
    <t>\\acsfs\DEPTOS\Operacao\Banco_Votorantim\Supervisao\SUPERS BV CARTÕES\.~lock.Layout TV Vendas 3.1.ppt#</t>
  </si>
  <si>
    <t>12/30/2019 08:03:43</t>
  </si>
  <si>
    <t>a9f55fa1-c3b2-4de2-b917-c52644979907.tmp</t>
  </si>
  <si>
    <t>\\acsfs\profiles$\dhiulliananads\Downloads\a9f55fa1-c3b2-4de2-b917-c52644979907.tmp</t>
  </si>
  <si>
    <t>12/30/2019 08:04:16</t>
  </si>
  <si>
    <t>0bee9561-b0be-4689-8a1c-c32040aa7f54.tmp</t>
  </si>
  <si>
    <t>\\acsfs\profiles$\dhiulliananads\Downloads\0bee9561-b0be-4689-8a1c-c32040aa7f54.tmp</t>
  </si>
  <si>
    <t>12/30/2019 08:02:46</t>
  </si>
  <si>
    <t>2134369a-876f-40e7-a623-8935f9264b79.tmp</t>
  </si>
  <si>
    <t>\\acsfs\profiles$\henriquehmdo\Downloads\2134369a-876f-40e7-a623-8935f9264b79.tmp</t>
  </si>
  <si>
    <t>12/30/2019 08:03:41</t>
  </si>
  <si>
    <t>12/30/2019 08:04:04</t>
  </si>
  <si>
    <t>63704279-700f-4f88-b11f-b64ef593c0d0.tmp</t>
  </si>
  <si>
    <t>\\acsfs\profiles$\marcellewdl\Downloads\63704279-700f-4f88-b11f-b64ef593c0d0.tmp</t>
  </si>
  <si>
    <t>12/30/2019 08:06:46</t>
  </si>
  <si>
    <t>7d20676c-492b-4c9b-aa83-44b951cd16f9.tmp</t>
  </si>
  <si>
    <t>\\acsfs\profiles$\luanaagl\Downloads\7d20676c-492b-4c9b-aa83-44b951cd16f9.tmp</t>
  </si>
  <si>
    <t>12/30/2019 08:05:11</t>
  </si>
  <si>
    <t>12/30/2019 08:08:29</t>
  </si>
  <si>
    <t>12/30/2019 08:03:17</t>
  </si>
  <si>
    <t>0079012f-1d65-4865-bda4-3260e028d4db.tmp</t>
  </si>
  <si>
    <t>\\acsfs\profiles$\lorraynevam\Downloads\0079012f-1d65-4865-bda4-3260e028d4db.tmp</t>
  </si>
  <si>
    <t>12/30/2019 08:07:53</t>
  </si>
  <si>
    <t>12/30/2019 08:03:33</t>
  </si>
  <si>
    <t>12/30/2019 08:06:19</t>
  </si>
  <si>
    <t>12/30/2019 08:06:24</t>
  </si>
  <si>
    <t>\\acsfs\profiles$\THYAGOSP\My Documents\</t>
  </si>
  <si>
    <t>.~lock.Planilha 2019 CR.ods#</t>
  </si>
  <si>
    <t>\\acsfs\profiles$\THYAGOSP\My Documents\.~lock.Planilha 2019 CR.ods#</t>
  </si>
  <si>
    <t>12/30/2019 08:08:40</t>
  </si>
  <si>
    <t>12/30/2019 08:09:29</t>
  </si>
  <si>
    <t>12/30/2019 08:07:42</t>
  </si>
  <si>
    <t>12/30/2019 08:08:43</t>
  </si>
  <si>
    <t>12/30/2019 08:08:32</t>
  </si>
  <si>
    <t>12/30/2019 08:11:29</t>
  </si>
  <si>
    <t>12/30/2019 08:11:11</t>
  </si>
  <si>
    <t>12/30/2019 08:12:29</t>
  </si>
  <si>
    <t>12/30/2019 08:07:49</t>
  </si>
  <si>
    <t>ef643b16-d640-4929-843c-bbda103e8651.tmp</t>
  </si>
  <si>
    <t>\\acsfs\profiles$\luanaagl\Downloads\ef643b16-d640-4929-843c-bbda103e8651.tmp</t>
  </si>
  <si>
    <t>4375d20f-1a0f-420e-a8d4-395e27ab1825.tmp</t>
  </si>
  <si>
    <t>\\acsfs\profiles$\luanaagl\Downloads\4375d20f-1a0f-420e-a8d4-395e27ab1825.tmp</t>
  </si>
  <si>
    <t>12/30/2019 08:10:50</t>
  </si>
  <si>
    <t>12/30/2019 08:13:29</t>
  </si>
  <si>
    <t>cb979e40-04f0-4532-b169-5ed5eb830276.tmp</t>
  </si>
  <si>
    <t>\\acsfs\profiles$\LUCASNS\Downloads\cb979e40-04f0-4532-b169-5ed5eb830276.tmp</t>
  </si>
  <si>
    <t>12/30/2019 08:10:53</t>
  </si>
  <si>
    <t>e060f59d-be3b-41d5-ac71-6ebb3972c0ec.tmp</t>
  </si>
  <si>
    <t>\\acsfs\profiles$\LUCASNS\Downloads\e060f59d-be3b-41d5-ac71-6ebb3972c0ec.tmp</t>
  </si>
  <si>
    <t>12/30/2019 08:09:20</t>
  </si>
  <si>
    <t>12/30/2019 08:08:38</t>
  </si>
  <si>
    <t>625283a2-04fb-476a-a1eb-856ad1739dfa.tmp</t>
  </si>
  <si>
    <t>\\acsfs\profiles$\sarahbal\Downloads\625283a2-04fb-476a-a1eb-856ad1739dfa.tmp</t>
  </si>
  <si>
    <t>12/30/2019 08:12:00</t>
  </si>
  <si>
    <t>12/30/2019 08:11:13</t>
  </si>
  <si>
    <t>12/30/2019 08:09:56</t>
  </si>
  <si>
    <t>12/30/2019 08:13:42</t>
  </si>
  <si>
    <t>12/30/2019 08:14:29</t>
  </si>
  <si>
    <t>12/30/2019 08:13:52</t>
  </si>
  <si>
    <t>12/30/2019 08:15:29</t>
  </si>
  <si>
    <t>12/28/2019 14:50:26</t>
  </si>
  <si>
    <t>12/30/2019 08:14:24</t>
  </si>
  <si>
    <t>12/29/2019 07:57:45</t>
  </si>
  <si>
    <t>12/30/2019 08:16:29</t>
  </si>
  <si>
    <t>12/29/2019 07:58:07</t>
  </si>
  <si>
    <t>0e01f77a-d9fa-4e0e-9e01-7d51880a82c6.tmp</t>
  </si>
  <si>
    <t>\\acsfs\profiles$\rafaelamsv\Downloads\0e01f77a-d9fa-4e0e-9e01-7d51880a82c6.tmp</t>
  </si>
  <si>
    <t>12/30/2019 08:16:20</t>
  </si>
  <si>
    <t>0c19d0e2-7db8-4d3b-9512-7cec882bc34d.tmp</t>
  </si>
  <si>
    <t>\\acsfs\profiles$\andressagr\Downloads\0c19d0e2-7db8-4d3b-9512-7cec882bc34d.tmp</t>
  </si>
  <si>
    <t>12/30/2019 08:12:24</t>
  </si>
  <si>
    <t>12/30/2019 08:17:29</t>
  </si>
  <si>
    <t>9bbb194e-0b01-47d1-8c15-7bb2d23cf18a.tmp</t>
  </si>
  <si>
    <t>\\acsfs\profiles$\cintiadcf\Downloads\9bbb194e-0b01-47d1-8c15-7bb2d23cf18a.tmp</t>
  </si>
  <si>
    <t>12/30/2019 08:15:20</t>
  </si>
  <si>
    <t>25486d15-9c14-4d31-87a4-503927f2b275.tmp</t>
  </si>
  <si>
    <t>\\acsfs\profiles$\nayarasds\Downloads\25486d15-9c14-4d31-87a4-503927f2b275.tmp</t>
  </si>
  <si>
    <t>12/30/2019 08:16:16</t>
  </si>
  <si>
    <t>31bddd4d-663b-4d90-a3f7-8934c7b75b6c.tmp</t>
  </si>
  <si>
    <t>\\acsfs\profiles$\nayarasds\Downloads\31bddd4d-663b-4d90-a3f7-8934c7b75b6c.tmp</t>
  </si>
  <si>
    <t>12/30/2019 08:16:35</t>
  </si>
  <si>
    <t>03ca8714-a236-45c1-93f5-88a64cc25d93.tmp</t>
  </si>
  <si>
    <t>\\acsfs\profiles$\nayarasds\Downloads\03ca8714-a236-45c1-93f5-88a64cc25d93.tmp</t>
  </si>
  <si>
    <t>12/30/2019 08:13:00</t>
  </si>
  <si>
    <t>12/30/2019 08:18:29</t>
  </si>
  <si>
    <t>\\acsfs\profiles$\LORRAYNEVAM\</t>
  </si>
  <si>
    <t>.~lock.CONTROLE DE VENDAS NOVO.ods#</t>
  </si>
  <si>
    <t>\\acsfs\profiles$\LORRAYNEVAM\.~lock.CONTROLE DE VENDAS NOVO.ods#</t>
  </si>
  <si>
    <t>12/30/2019 08:14:23</t>
  </si>
  <si>
    <t>12/30/2019 08:18:04</t>
  </si>
  <si>
    <t>12/30/2019 08:19:30</t>
  </si>
  <si>
    <t>12/30/2019 08:14:42</t>
  </si>
  <si>
    <t>12/30/2019 08:15:58</t>
  </si>
  <si>
    <t>12/30/2019 08:20:29</t>
  </si>
  <si>
    <t>24f2d6be-b43f-43da-98fa-113f103ddb8a.tmp</t>
  </si>
  <si>
    <t>\\acsfs\profiles$\mariajra\Downloads\24f2d6be-b43f-43da-98fa-113f103ddb8a.tmp</t>
  </si>
  <si>
    <t>12/30/2019 08:18:57</t>
  </si>
  <si>
    <t>12/30/2019 08:18:09</t>
  </si>
  <si>
    <t>12/30/2019 08:21:29</t>
  </si>
  <si>
    <t>bd15d244-fb76-4c4d-b6b0-a64def7307a1.tmp</t>
  </si>
  <si>
    <t>\\acsfs\profiles$\ayalabfi\Downloads\bd15d244-fb76-4c4d-b6b0-a64def7307a1.tmp</t>
  </si>
  <si>
    <t>12/30/2019 08:18:10</t>
  </si>
  <si>
    <t>5a989723-cae9-43c3-8289-4cbebae4b62a.tmp</t>
  </si>
  <si>
    <t>\\acsfs\profiles$\ayalabfi\Downloads\5a989723-cae9-43c3-8289-4cbebae4b62a.tmp</t>
  </si>
  <si>
    <t>12/30/2019 08:18:14</t>
  </si>
  <si>
    <t>53a1fa9c-e868-467c-b02f-e57b25e14e96.tmp</t>
  </si>
  <si>
    <t>\\acsfs\profiles$\ayalabfi\Downloads\53a1fa9c-e868-467c-b02f-e57b25e14e96.tmp</t>
  </si>
  <si>
    <t>12/30/2019 08:19:17</t>
  </si>
  <si>
    <t>49d45795-6f18-4495-92fd-299d6ac7a610.tmp</t>
  </si>
  <si>
    <t>\\acsfs\profiles$\ayalabfi\Downloads\49d45795-6f18-4495-92fd-299d6ac7a610.tmp</t>
  </si>
  <si>
    <t>12/30/2019 08:18:00</t>
  </si>
  <si>
    <t>12/30/2019 08:19:07</t>
  </si>
  <si>
    <t>50071128-8952-43a9-8472-95b6ba4ebc06.tmp</t>
  </si>
  <si>
    <t>\\acsfs\profiles$\nathaliadf\Downloads\50071128-8952-43a9-8472-95b6ba4ebc06.tmp</t>
  </si>
  <si>
    <t>12/30/2019 08:20:19</t>
  </si>
  <si>
    <t>d5c0ae49-a51d-4903-8873-ebfb9efb202a.tmp</t>
  </si>
  <si>
    <t>\\acsfs\profiles$\nathaliadf\Downloads\d5c0ae49-a51d-4903-8873-ebfb9efb202a.tmp</t>
  </si>
  <si>
    <t>60bf2f90-3eef-4a59-9956-ea38371e7673.tmp</t>
  </si>
  <si>
    <t>\\acsfs\profiles$\nathaliadf\Downloads\60bf2f90-3eef-4a59-9956-ea38371e7673.tmp</t>
  </si>
  <si>
    <t>7a223b0f-8030-4a24-982d-5721f864226a.tmp</t>
  </si>
  <si>
    <t>\\acsfs\profiles$\nathaliadf\Downloads\7a223b0f-8030-4a24-982d-5721f864226a.tmp</t>
  </si>
  <si>
    <t>010809de-9b5c-4876-b030-2ee0cd1d6a28.tmp</t>
  </si>
  <si>
    <t>\\acsfs\profiles$\nathaliadf\Downloads\010809de-9b5c-4876-b030-2ee0cd1d6a28.tmp</t>
  </si>
  <si>
    <t>77537686-0348-451d-8794-73cc47cd2193.tmp</t>
  </si>
  <si>
    <t>\\acsfs\profiles$\nathaliadf\Downloads\77537686-0348-451d-8794-73cc47cd2193.tmp</t>
  </si>
  <si>
    <t>d347821b-a28e-4e23-a08c-16e7bb4975b7.tmp</t>
  </si>
  <si>
    <t>\\acsfs\profiles$\nathaliadf\Downloads\d347821b-a28e-4e23-a08c-16e7bb4975b7.tmp</t>
  </si>
  <si>
    <t>a1d0529f-ef6a-42b6-b77f-04f03eb758a6.tmp</t>
  </si>
  <si>
    <t>\\acsfs\profiles$\nathaliadf\Downloads\a1d0529f-ef6a-42b6-b77f-04f03eb758a6.tmp</t>
  </si>
  <si>
    <t>12/30/2019 08:17:11</t>
  </si>
  <si>
    <t>12/30/2019 08:22:28</t>
  </si>
  <si>
    <t>.~lock.LAYOUT BV Cartoes.xlsx#</t>
  </si>
  <si>
    <t>\\acsfs\DEPTOS\Operacao\Banco_Votorantim\Supervisao\SUPERS BV CARTÕES\.~lock.LAYOUT BV Cartoes.xlsx#</t>
  </si>
  <si>
    <t>12/30/2019 08:17:45</t>
  </si>
  <si>
    <t>.~lock.Layout TV Vendas 2.1.ppt#</t>
  </si>
  <si>
    <t>\\acsfs\DEPTOS\Operacao\Banco_Votorantim\Supervisao\SUPERS BV CARTÕES\.~lock.Layout TV Vendas 2.1.ppt#</t>
  </si>
  <si>
    <t>12/30/2019 08:18:49</t>
  </si>
  <si>
    <t>.~lock.Layout TV Vendas 2.ppt#</t>
  </si>
  <si>
    <t>\\acsfs\DEPTOS\Operacao\Banco_Votorantim\Supervisao\SUPERS BV CARTÕES\.~lock.Layout TV Vendas 2.ppt#</t>
  </si>
  <si>
    <t>12/30/2019 08:17:28</t>
  </si>
  <si>
    <t>a26ad837-af97-49fc-90ea-a6e76f9a9fd2.tmp</t>
  </si>
  <si>
    <t>\\acsfs\profiles$\nayarasds\Downloads\a26ad837-af97-49fc-90ea-a6e76f9a9fd2.tmp</t>
  </si>
  <si>
    <t>12/30/2019 08:18:59</t>
  </si>
  <si>
    <t>3d00be02-42ad-4f56-b6a9-3b4daceae491.tmp</t>
  </si>
  <si>
    <t>\\acsfs\profiles$\nayarasds\Downloads\3d00be02-42ad-4f56-b6a9-3b4daceae491.tmp</t>
  </si>
  <si>
    <t>12/30/2019 08:20:04</t>
  </si>
  <si>
    <t>24cc125c-203e-4fab-932b-60093af3a5ad.tmp</t>
  </si>
  <si>
    <t>\\acsfs\profiles$\nayarasds\Downloads\24cc125c-203e-4fab-932b-60093af3a5ad.tmp</t>
  </si>
  <si>
    <t>12/30/2019 08:20:08</t>
  </si>
  <si>
    <t>12/30/2019 08:21:28</t>
  </si>
  <si>
    <t>932de199-74b7-455e-b68f-419709fb4131.tmp</t>
  </si>
  <si>
    <t>\\acsfs\profiles$\luanaagl\Downloads\932de199-74b7-455e-b68f-419709fb4131.tmp</t>
  </si>
  <si>
    <t>12/30/2019 08:22:18</t>
  </si>
  <si>
    <t>12/30/2019 08:23:29</t>
  </si>
  <si>
    <t>12/30/2019 08:20:43</t>
  </si>
  <si>
    <t>10e2ddf1-3471-486d-ae78-a5251c5231d0.tmp</t>
  </si>
  <si>
    <t>\\acsfs\profiles$\LUCASNS\Downloads\10e2ddf1-3471-486d-ae78-a5251c5231d0.tmp</t>
  </si>
  <si>
    <t>12/30/2019 08:20:45</t>
  </si>
  <si>
    <t>17f0dec3-9afa-4f4c-bbb6-af3d17b549a0.tmp</t>
  </si>
  <si>
    <t>\\acsfs\profiles$\LUCASNS\Downloads\17f0dec3-9afa-4f4c-bbb6-af3d17b549a0.tmp</t>
  </si>
  <si>
    <t>12/30/2019 08:18:46</t>
  </si>
  <si>
    <t>12/30/2019 08:21:13</t>
  </si>
  <si>
    <t>12/30/2019 08:22:07</t>
  </si>
  <si>
    <t>12/30/2019 08:24:29</t>
  </si>
  <si>
    <t>12/30/2019 08:22:08</t>
  </si>
  <si>
    <t>12/30/2019 08:22:09</t>
  </si>
  <si>
    <t>12/30/2019 08:22:10</t>
  </si>
  <si>
    <t>12/30/2019 08:22:11</t>
  </si>
  <si>
    <t>12/30/2019 08:22:12</t>
  </si>
  <si>
    <t>12/30/2019 08:22:24</t>
  </si>
  <si>
    <t>12/30/2019 08:22:13</t>
  </si>
  <si>
    <t>12/30/2019 08:22:14</t>
  </si>
  <si>
    <t>12/30/2019 08:22:15</t>
  </si>
  <si>
    <t>12/30/2019 08:22:16</t>
  </si>
  <si>
    <t>12/30/2019 08:22:17</t>
  </si>
  <si>
    <t>12/30/2019 08:22:19</t>
  </si>
  <si>
    <t>12/30/2019 08:22:20</t>
  </si>
  <si>
    <t>12/30/2019 08:22:21</t>
  </si>
  <si>
    <t>12/30/2019 08:22:22</t>
  </si>
  <si>
    <t>12/30/2019 08:22:23</t>
  </si>
  <si>
    <t>12/30/2019 08:22:25</t>
  </si>
  <si>
    <t>12/30/2019 08:22:26</t>
  </si>
  <si>
    <t>12/30/2019 08:22:27</t>
  </si>
  <si>
    <t>12/30/2019 08:24:14</t>
  </si>
  <si>
    <t>12/30/2019 08:19:42</t>
  </si>
  <si>
    <t>12/30/2019 08:20:42</t>
  </si>
  <si>
    <t>12/30/2019 08:21:09</t>
  </si>
  <si>
    <t>12/30/2019 08:23:10</t>
  </si>
  <si>
    <t>12/30/2019 08:25:29</t>
  </si>
  <si>
    <t>fdaba32d-2452-4d2e-909a-3cdbbc395eba.tmp</t>
  </si>
  <si>
    <t>\\acsfs\profiles$\mariajra\Downloads\fdaba32d-2452-4d2e-909a-3cdbbc395eba.tmp</t>
  </si>
  <si>
    <t>12/30/2019 08:23:11</t>
  </si>
  <si>
    <t>7c025fa2-c94f-42a9-b7d6-44bd9eb12b5e.tmp</t>
  </si>
  <si>
    <t>\\acsfs\profiles$\geovannasm\Downloads\7c025fa2-c94f-42a9-b7d6-44bd9eb12b5e.tmp</t>
  </si>
  <si>
    <t>12/30/2019 08:24:26</t>
  </si>
  <si>
    <t>12/30/2019 08:25:01</t>
  </si>
  <si>
    <t>12/30/2019 08:23:07</t>
  </si>
  <si>
    <t>12/30/2019 08:26:29</t>
  </si>
  <si>
    <t>12/30/2019 08:25:07</t>
  </si>
  <si>
    <t>12/30/2019 08:26:10</t>
  </si>
  <si>
    <t>12/30/2019 08:27:29</t>
  </si>
  <si>
    <t>12/30/2019 08:25:41</t>
  </si>
  <si>
    <t>\\acsfs\profiles$\talitafdc\Contacts\</t>
  </si>
  <si>
    <t>TALITA FERNANDES DA COSTA (8).contact</t>
  </si>
  <si>
    <t>\\acsfs\profiles$\talitafdc\Contacts\TALITA FERNANDES DA COSTA (8).contact</t>
  </si>
  <si>
    <t>12/30/2019 08:25:52</t>
  </si>
  <si>
    <t>\\acsfs\profiles$\talitafdc\My Documents\My Videos\</t>
  </si>
  <si>
    <t>\\acsfs\profiles$\talitafdc\My Documents\My Videos\desktop.ini</t>
  </si>
  <si>
    <t>12/30/2019 08:25:53</t>
  </si>
  <si>
    <t>\\acsfs\profiles$\talitafdc\My Documents\My Pictures\</t>
  </si>
  <si>
    <t>\\acsfs\profiles$\talitafdc\My Documents\My Pictures\desktop.ini</t>
  </si>
  <si>
    <t>12/30/2019 08:25:54</t>
  </si>
  <si>
    <t>\\acsfs\profiles$\talitafdc\Contacts\desktop.ini</t>
  </si>
  <si>
    <t>\\acsfs\profiles$\talitafdc\Favorites\</t>
  </si>
  <si>
    <t>\\acsfs\profiles$\talitafdc\Favorites\desktop.ini</t>
  </si>
  <si>
    <t>12/30/2019 08:25:55</t>
  </si>
  <si>
    <t>\\acsfs\profiles$\talitafdc\My Documents\My Music\</t>
  </si>
  <si>
    <t>\\acsfs\profiles$\talitafdc\My Documents\My Music\desktop.ini</t>
  </si>
  <si>
    <t>12/30/2019 08:25:56</t>
  </si>
  <si>
    <t>12/30/2019 08:25:57</t>
  </si>
  <si>
    <t>\\acsfs\profiles$\talitafdc\Searches\</t>
  </si>
  <si>
    <t>\\acsfs\profiles$\talitafdc\Searches\desktop.ini</t>
  </si>
  <si>
    <t>\\acsfs\profiles$\talitafdc\Downloads\</t>
  </si>
  <si>
    <t>\\acsfs\profiles$\talitafdc\Downloads\desktop.ini</t>
  </si>
  <si>
    <t>12/30/2019 08:25:58</t>
  </si>
  <si>
    <t>\\acsfs\profiles$\talitafdc\My Documents\</t>
  </si>
  <si>
    <t>\\acsfs\profiles$\talitafdc\My Documents\desktop.ini</t>
  </si>
  <si>
    <t>12/30/2019 08:25:59</t>
  </si>
  <si>
    <t>12/30/2019 08:26:00</t>
  </si>
  <si>
    <t>\\acsfs\profiles$\talitafdc\Saved Games\</t>
  </si>
  <si>
    <t>\\acsfs\profiles$\talitafdc\Saved Games\desktop.ini</t>
  </si>
  <si>
    <t>12/30/2019 08:26:11</t>
  </si>
  <si>
    <t>\\acsfs\profiles$\talitafdc\Favorites\Links for Brasil\</t>
  </si>
  <si>
    <t>\\acsfs\profiles$\talitafdc\Favorites\Links for Brasil\desktop.ini</t>
  </si>
  <si>
    <t>\\acsfs\profiles$\talitafdc\Favorites\Links for Brasil\Microsoft Brasil.url</t>
  </si>
  <si>
    <t>12/30/2019 08:26:12</t>
  </si>
  <si>
    <t>\\acsfs\profiles$\talitafdc\Favorites\Links for Brasil\Windows Brasil.url</t>
  </si>
  <si>
    <t>\\acsfs\profiles$\talitafdc\Favorites\Links for Brasil\MSN Brasil.url</t>
  </si>
  <si>
    <t>12/30/2019 08:24:36</t>
  </si>
  <si>
    <t>edc9c5d3-5119-4392-91bf-39a4193732b5.tmp</t>
  </si>
  <si>
    <t>\\acsfs\profiles$\nayarasds\Downloads\edc9c5d3-5119-4392-91bf-39a4193732b5.tmp</t>
  </si>
  <si>
    <t>12/30/2019 08:26:21</t>
  </si>
  <si>
    <t>eded9eec-402c-448a-843e-cb59c531be84.tmp</t>
  </si>
  <si>
    <t>\\acsfs\profiles$\ERICALSR\Downloads\eded9eec-402c-448a-843e-cb59c531be84.tmp</t>
  </si>
  <si>
    <t>12/30/2019 08:26:44</t>
  </si>
  <si>
    <t>d124b499-7d2e-43b9-885c-17c80dc778b6.tmp</t>
  </si>
  <si>
    <t>\\acsfs\profiles$\ERICALSR\Downloads\d124b499-7d2e-43b9-885c-17c80dc778b6.tmp</t>
  </si>
  <si>
    <t>12/30/2019 08:27:21</t>
  </si>
  <si>
    <t>e2ecf2a7-774c-4803-87f6-c394e060ef38.tmp</t>
  </si>
  <si>
    <t>\\acsfs\profiles$\ERICALSR\Downloads\e2ecf2a7-774c-4803-87f6-c394e060ef38.tmp</t>
  </si>
  <si>
    <t>12/30/2019 08:22:54</t>
  </si>
  <si>
    <t>12/30/2019 08:28:29</t>
  </si>
  <si>
    <t>429cbb72-e555-47fc-a076-3d9db80d8257.tmp</t>
  </si>
  <si>
    <t>\\acsfs\profiles$\laianear\Downloads\429cbb72-e555-47fc-a076-3d9db80d8257.tmp</t>
  </si>
  <si>
    <t>12/30/2019 08:26:27</t>
  </si>
  <si>
    <t>c57f1763-4937-4372-8260-8b6183b08e66.tmp</t>
  </si>
  <si>
    <t>\\acsfs\profiles$\laianear\Downloads\c57f1763-4937-4372-8260-8b6183b08e66.tmp</t>
  </si>
  <si>
    <t>12/30/2019 08:27:09</t>
  </si>
  <si>
    <t>12/30/2019 08:25:36</t>
  </si>
  <si>
    <t>5ec94a53-b435-4698-8de9-03e7562be68e.tmp</t>
  </si>
  <si>
    <t>\\acsfs\profiles$\anafsb\Downloads\5ec94a53-b435-4698-8de9-03e7562be68e.tmp</t>
  </si>
  <si>
    <t>12/30/2019 08:24:24</t>
  </si>
  <si>
    <t>12/30/2019 08:29:29</t>
  </si>
  <si>
    <t>12/30/2019 08:25:42</t>
  </si>
  <si>
    <t>12/30/2019 08:26:42</t>
  </si>
  <si>
    <t>12/20/2019 10:20:37</t>
  </si>
  <si>
    <t>12/30/2019 08:30:29</t>
  </si>
  <si>
    <t>10.200.57.22</t>
  </si>
  <si>
    <t>mail.google.com/_/upload?authuser=3&amp;dcp=asu-n&amp;upload_id=AEnB2UrmAtWo3ITSDxH8c6juVeyCuha36mH6KEi884aEVQyQTV1FllYh7LwLRggn8cELVSDOKSrDf7bA6JsBGgDLVFC7mAD_8iuHfXQELN60UhYaqDvRlWY&amp;upload_protocol=resumable</t>
  </si>
  <si>
    <t>Informações de Apoio - Envio Alessandra e Deborah.xlsx</t>
  </si>
  <si>
    <t>12/27/2019 17:17:26</t>
  </si>
  <si>
    <t>mail.google.com/_/upload?authuser=3&amp;dcp=asu-n&amp;upload_id=AEnB2UpW7NZ0RFTGhjSXosn3-dL1Is-z2A8eI1Qf9oxqDe8UQnEZETYrD532UQbu9-nubsC1nv17dJrJ45lh3_eOWnIfFLp6_fdvQET7tAHx-7MFTGLY888&amp;upload_protocol=resumable</t>
  </si>
  <si>
    <t>Planilha Geral - Gabi.xlsx</t>
  </si>
  <si>
    <t>12/30/2019 08:28:40</t>
  </si>
  <si>
    <t>12/30/2019 08:27:55</t>
  </si>
  <si>
    <t>810f1151-09f9-4228-a00d-ce3c43fa58cd.tmp</t>
  </si>
  <si>
    <t>\\acsfs\profiles$\geovannasm\Downloads\810f1151-09f9-4228-a00d-ce3c43fa58cd.tmp</t>
  </si>
  <si>
    <t>ADEQUAÇÃO SEDE 12ª ETAPA X FMC - 41 PAS TELECOM RCV, HD E RETENÇÃO.xlsx</t>
  </si>
  <si>
    <t>12/30/2019 08:06:50</t>
  </si>
  <si>
    <t>ADEQUAÇÃO SEDE 11ª ETAPA X FMC - 64 PAS TELECOM.xlsx</t>
  </si>
  <si>
    <t>12/30/2019 08:26:18</t>
  </si>
  <si>
    <t>12/30/2019 08:28:37</t>
  </si>
  <si>
    <t>12/30/2019 08:31:30</t>
  </si>
  <si>
    <t>0c5a0fff-fc8b-4e3c-9f50-4a1b86e0df7b.tmp</t>
  </si>
  <si>
    <t>\\acsfs\profiles$\ayalabfi\Downloads\0c5a0fff-fc8b-4e3c-9f50-4a1b86e0df7b.tmp</t>
  </si>
  <si>
    <t>12/30/2019 08:28:16</t>
  </si>
  <si>
    <t>771d297b-a49d-480e-9132-18402dcfc637.tmp</t>
  </si>
  <si>
    <t>\\acsfs\profiles$\rafaelamsv\Downloads\771d297b-a49d-480e-9132-18402dcfc637.tmp</t>
  </si>
  <si>
    <t>0cb1f793-0f3c-4f56-adb4-03615782b77f.tmp</t>
  </si>
  <si>
    <t>\\acsfs\profiles$\rafaelamsv\Downloads\0cb1f793-0f3c-4f56-adb4-03615782b77f.tmp</t>
  </si>
  <si>
    <t>12/30/2019 08:28:33</t>
  </si>
  <si>
    <t>12/30/2019 08:28:25</t>
  </si>
  <si>
    <t>12/30/2019 08:32:29</t>
  </si>
  <si>
    <t>196b7d35-c540-46f1-befd-b8d8850eef67.tmp</t>
  </si>
  <si>
    <t>\\acsfs\profiles$\talitafdc\Downloads\196b7d35-c540-46f1-befd-b8d8850eef67.tmp</t>
  </si>
  <si>
    <t>Não confirmado 775643.crdownload</t>
  </si>
  <si>
    <t>\\acsfs\profiles$\talitafdc\Downloads\Não confirmado 775643.crdownload</t>
  </si>
  <si>
    <t>12/30/2019 08:30:08</t>
  </si>
  <si>
    <t>179d05e9-c67c-439e-b629-8b5f0001f9a9.tmp</t>
  </si>
  <si>
    <t>\\acsfs\profiles$\deborahsi\Downloads\179d05e9-c67c-439e-b629-8b5f0001f9a9.tmp</t>
  </si>
  <si>
    <t>12/30/2019 08:27:38</t>
  </si>
  <si>
    <t>12/30/2019 08:33:29</t>
  </si>
  <si>
    <t>12/30/2019 08:32:38</t>
  </si>
  <si>
    <t>/o=exchangelabs/ou=exchange administrative group (fydibohf23spdlt)/cn=recipients/cn=8b5b63d67af648d081a40c45cc800804-fabiana per;camiladps@algartech.com.br;claudineiavc@algartech.com.br;elidapol@algartech.com.br;equipefabi@algartech.com.br;ideniraa@algartech.com.br;tecnicospj@algartech.com.br;thaismo@algartech.com.br;</t>
  </si>
  <si>
    <t>URGENTE _ TRN MIGRAÇÃO FULL</t>
  </si>
  <si>
    <t>/o=exchangelabs/ou=exchange administrative group (fydibohf23spdlt)/cn=recipients/cn=8b5b63d67af648d081a40c45cc800804-fabiana per,camiladps@algartech.com.br,claudineiavc@algartech.com.br,elidapol@algartech.com.br,equipefabi@algartech.com.br,ideniraa@algartech.com.br,tecnicospj@algartech.com.br,thaismo@algartech.com.br</t>
  </si>
  <si>
    <t>12/30/2019 08:31:57</t>
  </si>
  <si>
    <t>12/30/2019 08:34:30</t>
  </si>
  <si>
    <t>12/30/2019 08:31:43</t>
  </si>
  <si>
    <t>12/30/2019 08:32:44</t>
  </si>
  <si>
    <t>12/30/2019 08:33:41</t>
  </si>
  <si>
    <t>alexandre.junior@call.neobpo.com.br;aline.toledo@call.neobpo.com.br;cs@bv.com.br;valquiria.ghirotti@call.neobpo.com.br;</t>
  </si>
  <si>
    <t>alexandre.junior@call.neobpo.com.br,aline.toledo@call.neobpo.com.br,cs@bv.com.br,valquiria.ghirotti@call.neobpo.com.br</t>
  </si>
  <si>
    <t>12/30/2019 08:33:44</t>
  </si>
  <si>
    <t>12/30/2019 08:34:15</t>
  </si>
  <si>
    <t>12/30/2019 08:34:16</t>
  </si>
  <si>
    <t>12/30/2019 08:33:07</t>
  </si>
  <si>
    <t>12/30/2019 08:35:29</t>
  </si>
  <si>
    <t>d4cbe1f6-9aaf-4cf8-afd7-4e466c96cefc.tmp</t>
  </si>
  <si>
    <t>\\acsfs\profiles$\nataliacsl\Downloads\d4cbe1f6-9aaf-4cf8-afd7-4e466c96cefc.tmp</t>
  </si>
  <si>
    <t>12/30/2019 08:33:21</t>
  </si>
  <si>
    <t>12/30/2019 08:34:13</t>
  </si>
  <si>
    <t>49e27f20-0f5b-4c8c-9320-9cd80a22f75d.tmp</t>
  </si>
  <si>
    <t>\\acsfs\profiles$\nataliacsl\Downloads\49e27f20-0f5b-4c8c-9320-9cd80a22f75d.tmp</t>
  </si>
  <si>
    <t>12/30/2019 08:30:07</t>
  </si>
  <si>
    <t>fd5303ae-9525-40a6-b3bd-d15a52353258.tmp</t>
  </si>
  <si>
    <t>\\acsfs\profiles$\geovannasm\Downloads\fd5303ae-9525-40a6-b3bd-d15a52353258.tmp</t>
  </si>
  <si>
    <t>4601810f-82b4-41da-ae83-1ad2b049f09d.tmp</t>
  </si>
  <si>
    <t>\\acsfs\profiles$\geovannasm\Downloads\4601810f-82b4-41da-ae83-1ad2b049f09d.tmp</t>
  </si>
  <si>
    <t>12/30/2019 08:31:08</t>
  </si>
  <si>
    <t>12/30/2019 08:36:30</t>
  </si>
  <si>
    <t>c39359d1-a5ce-4f16-8372-64bcdd8c4e62.tmp</t>
  </si>
  <si>
    <t>\\acsfs\profiles$\larissaad\Downloads\c39359d1-a5ce-4f16-8372-64bcdd8c4e62.tmp</t>
  </si>
  <si>
    <t>12/30/2019 08:31:13</t>
  </si>
  <si>
    <t>8190225b-14b4-4dd5-8460-b387c701a962.tmp</t>
  </si>
  <si>
    <t>\\acsfs\profiles$\larissaad\Downloads\8190225b-14b4-4dd5-8460-b387c701a962.tmp</t>
  </si>
  <si>
    <t>12/30/2019 08:32:16</t>
  </si>
  <si>
    <t>4587cc92-33a8-44d0-b291-70f14e96d15b.tmp</t>
  </si>
  <si>
    <t>\\acsfs\profiles$\larissaad\Downloads\4587cc92-33a8-44d0-b291-70f14e96d15b.tmp</t>
  </si>
  <si>
    <t>12/30/2019 08:33:30</t>
  </si>
  <si>
    <t>6c5fbfb2-460f-42a2-97db-2b9e4d8985e7.tmp</t>
  </si>
  <si>
    <t>\\acsfs\profiles$\larissaad\Downloads\6c5fbfb2-460f-42a2-97db-2b9e4d8985e7.tmp</t>
  </si>
  <si>
    <t>12/30/2019 08:31:19</t>
  </si>
  <si>
    <t>4872bc74-bc8b-4a43-946b-631c8639601b.tmp</t>
  </si>
  <si>
    <t>\\acsfs\profiles$\quindaizaagds\Downloads\4872bc74-bc8b-4a43-946b-631c8639601b.tmp</t>
  </si>
  <si>
    <t>65821edf-12c4-40e6-90fa-7bbf21a01f06.tmp</t>
  </si>
  <si>
    <t>\\acsfs\profiles$\quindaizaagds\Downloads\65821edf-12c4-40e6-90fa-7bbf21a01f06.tmp</t>
  </si>
  <si>
    <t>12/30/2019 08:35:32</t>
  </si>
  <si>
    <t>12/30/2019 08:35:47</t>
  </si>
  <si>
    <t>12/30/2019 08:38:30</t>
  </si>
  <si>
    <t>12/30/2019 08:35:42</t>
  </si>
  <si>
    <t>12/30/2019 08:36:48</t>
  </si>
  <si>
    <t>08fe6e27-8ba9-4588-af83-65cce742c3b5.tmp</t>
  </si>
  <si>
    <t>\\acsfs\profiles$\BRUNAAR\Downloads\08fe6e27-8ba9-4588-af83-65cce742c3b5.tmp</t>
  </si>
  <si>
    <t>12/30/2019 08:35:55</t>
  </si>
  <si>
    <t>12/30/2019 08:36:14</t>
  </si>
  <si>
    <t>12/30/2019 08:34:54</t>
  </si>
  <si>
    <t>12/30/2019 08:34:55</t>
  </si>
  <si>
    <t>12/30/2019 08:34:56</t>
  </si>
  <si>
    <t>12/30/2019 08:34:57</t>
  </si>
  <si>
    <t>12/30/2019 08:34:58</t>
  </si>
  <si>
    <t>12/30/2019 08:34:59</t>
  </si>
  <si>
    <t>12/30/2019 08:35:00</t>
  </si>
  <si>
    <t>12/30/2019 08:35:01</t>
  </si>
  <si>
    <t>12/30/2019 08:35:02</t>
  </si>
  <si>
    <t>12/30/2019 08:35:03</t>
  </si>
  <si>
    <t>12/30/2019 08:35:04</t>
  </si>
  <si>
    <t>12/30/2019 08:35:05</t>
  </si>
  <si>
    <t>12/30/2019 08:35:06</t>
  </si>
  <si>
    <t>12/30/2019 08:35:07</t>
  </si>
  <si>
    <t>12/30/2019 08:35:08</t>
  </si>
  <si>
    <t>12/30/2019 08:35:09</t>
  </si>
  <si>
    <t>12/30/2019 08:35:10</t>
  </si>
  <si>
    <t>12/30/2019 08:35:14</t>
  </si>
  <si>
    <t>12/30/2019 08:39:31</t>
  </si>
  <si>
    <t>12/30/2019 08:35:15</t>
  </si>
  <si>
    <t>12/30/2019 08:35:16</t>
  </si>
  <si>
    <t>12/30/2019 08:35:17</t>
  </si>
  <si>
    <t>12/30/2019 08:35:18</t>
  </si>
  <si>
    <t>12/30/2019 08:35:19</t>
  </si>
  <si>
    <t>12/30/2019 08:35:20</t>
  </si>
  <si>
    <t>12/30/2019 08:35:21</t>
  </si>
  <si>
    <t>12/30/2019 08:35:22</t>
  </si>
  <si>
    <t>12/30/2019 08:36:23</t>
  </si>
  <si>
    <t>87994112-ada2-4cb8-b8b0-c44221c29ae4.tmp</t>
  </si>
  <si>
    <t>\\acsfs\profiles$\danielmlds\Downloads\87994112-ada2-4cb8-b8b0-c44221c29ae4.tmp</t>
  </si>
  <si>
    <t>12/30/2019 08:37:27</t>
  </si>
  <si>
    <t>0f92cbd6-bea8-4bbb-a7fc-b75df1b9f759.tmp</t>
  </si>
  <si>
    <t>\\acsfs\profiles$\danielmlds\Downloads\0f92cbd6-bea8-4bbb-a7fc-b75df1b9f759.tmp</t>
  </si>
  <si>
    <t>12/30/2019 08:34:34</t>
  </si>
  <si>
    <t>12/30/2019 08:34:49</t>
  </si>
  <si>
    <t>12/30/2019 08:37:42</t>
  </si>
  <si>
    <t>12/30/2019 08:38:42</t>
  </si>
  <si>
    <t>12/30/2019 08:38:20</t>
  </si>
  <si>
    <t>12/30/2019 08:40:30</t>
  </si>
  <si>
    <t>12/30/2019 08:38:02</t>
  </si>
  <si>
    <t>Acessos SAC Algar login UAT.xlsx</t>
  </si>
  <si>
    <t>\\acsfs\DEPTOS\Operacao\PCP\5 - Comum\JUKA\Josias\Acessos SAC Algar login UAT.xlsx</t>
  </si>
  <si>
    <t>\\acsfs\DEPTOS\Operacao\Banco_Votorantim\Qualidade\Josias\Acompanhamento de Qualidade.xlsx\</t>
  </si>
  <si>
    <t>image1.emf</t>
  </si>
  <si>
    <t>\\acsfs\DEPTOS\Operacao\PCP\5 - Comum\JUKA\Josias\Acompanhamento de Qualidade.xlsx</t>
  </si>
  <si>
    <t>Acompanhamento de Qualidade.xlsx</t>
  </si>
  <si>
    <t>12/30/2019 08:38:03</t>
  </si>
  <si>
    <t>ATENÇÃO JOSIAS, APRESENTAÇÃO ---- MODELO DE MONITORIA - BV - CRBV.pptx</t>
  </si>
  <si>
    <t>\\acsfs\DEPTOS\Operacao\PCP\5 - Comum\JUKA\Josias\ATENÇÃO JOSIAS, APRESENTAÇÃO ---- MODELO DE MONITORIA - BV - CRBV.pptx</t>
  </si>
  <si>
    <t>AUDI (1).xlsx</t>
  </si>
  <si>
    <t>\\acsfs\DEPTOS\Operacao\PCP\5 - Comum\JUKA\Josias\AUDI (1).xlsx</t>
  </si>
  <si>
    <t>\\acsfs\DEPTOS\Operacao\PCP\5 - Comum\JUKA\Josias\AUDI (1).xlsx\</t>
  </si>
  <si>
    <t>\\acsfs\DEPTOS\Operacao\PCP\5 - Comum\JUKA\Josias\AUDI (1).xlsx\:Zone.Identifier:$DATA</t>
  </si>
  <si>
    <t>12/30/2019 08:38:04</t>
  </si>
  <si>
    <t>BASE DE TELEFONES JANEIRO.xlsx</t>
  </si>
  <si>
    <t>\\acsfs\DEPTOS\Operacao\PCP\5 - Comum\JUKA\Josias\BASE DE TELEFONES JANEIRO.xlsx</t>
  </si>
  <si>
    <t>BLITZ INFORMA.pptx</t>
  </si>
  <si>
    <t>\\acsfs\DEPTOS\Operacao\PCP\5 - Comum\JUKA\Josias\BLITZ INFORMA.pptx</t>
  </si>
  <si>
    <t>\\acsfs\DEPTOS\Operacao\PCP\5 - Comum\JUKA\Josias\BLITZ INFORMA.pptx\</t>
  </si>
  <si>
    <t>\\acsfs\DEPTOS\Operacao\PCP\5 - Comum\JUKA\Josias\BLITZ INFORMA.pptx\:Zone.Identifier:$DATA</t>
  </si>
  <si>
    <t>BV Dental - Check list - Planilha - 05.10.xls</t>
  </si>
  <si>
    <t>\\acsfs\DEPTOS\Operacao\PCP\5 - Comum\JUKA\Josias\BV Dental - Check list - Planilha - 05.10.xls</t>
  </si>
  <si>
    <t>BV Dental - Check list - Planilha.xlsx</t>
  </si>
  <si>
    <t>\\acsfs\DEPTOS\Operacao\PCP\5 - Comum\JUKA\Josias\BV Dental - Check list - Planilha.xlsx</t>
  </si>
  <si>
    <t>12/30/2019 08:38:05</t>
  </si>
  <si>
    <t>\\acsfs\DEPTOS\Operacao\Banco_Votorantim\Qualidade\Josias\Consolidado de vendas ABRIL (1).xlsx\</t>
  </si>
  <si>
    <t>\\acsfs\DEPTOS\Operacao\PCP\5 - Comum\JUKA\Josias\Consolidado de vendas ABRIL (1).xlsx</t>
  </si>
  <si>
    <t>image12.svg</t>
  </si>
  <si>
    <t>image4.svg</t>
  </si>
  <si>
    <t>image8.svg</t>
  </si>
  <si>
    <t>Consolidado de vendas ABRIL (1).xlsx</t>
  </si>
  <si>
    <t>\\acsfs\DEPTOS\Operacao\PCP\5 - Comum\JUKA\Josias\Consolidado de vendas ABRIL (1).xlsx\</t>
  </si>
  <si>
    <t>\\acsfs\DEPTOS\Operacao\PCP\5 - Comum\JUKA\Josias\Consolidado de vendas ABRIL (1).xlsx\:Zone.Identifier:$DATA</t>
  </si>
  <si>
    <t>12/30/2019 08:38:06</t>
  </si>
  <si>
    <t>Controle de Erros operacionais - Novembro.xlsb</t>
  </si>
  <si>
    <t>\\acsfs\DEPTOS\Operacao\PCP\5 - Comum\JUKA\Josias\Controle de Erros operacionais - Novembro.xlsb</t>
  </si>
  <si>
    <t>12/30/2019 08:38:08</t>
  </si>
  <si>
    <t>Corrida da Maluca - Campanha Fevereiro.pdf</t>
  </si>
  <si>
    <t>\\acsfs\DEPTOS\Operacao\PCP\5 - Comum\JUKA\Josias\Corrida da Maluca - Campanha Fevereiro.pdf</t>
  </si>
  <si>
    <t>12/30/2019 08:38:13</t>
  </si>
  <si>
    <t>\\acsfs\DEPTOS\Operacao\PCP\5 - Comum\JUKA\Josias\Corrida da Maluca - Campanha Fevereiro.pdf\</t>
  </si>
  <si>
    <t>\\acsfs\DEPTOS\Operacao\PCP\5 - Comum\JUKA\Josias\Corrida da Maluca - Campanha Fevereiro.pdf\:Zone.Identifier:$DATA</t>
  </si>
  <si>
    <t>\\acsfs\DEPTOS\Operacao\Banco_Votorantim\Qualidade\Josias\Cópia de Acompanhamento Erros QUALIDADE - ALGAR.xlsm\</t>
  </si>
  <si>
    <t>\\acsfs\DEPTOS\Operacao\PCP\5 - Comum\JUKA\Josias\Cópia de Acompanhamento Erros QUALIDADE - ALGAR.xlsm</t>
  </si>
  <si>
    <t>image2.emf</t>
  </si>
  <si>
    <t>12/30/2019 08:38:14</t>
  </si>
  <si>
    <t>Cópia de Acompanhamento Erros QUALIDADE - ALGAR.xlsm</t>
  </si>
  <si>
    <t>desconexões.csv</t>
  </si>
  <si>
    <t>\\acsfs\DEPTOS\Operacao\PCP\5 - Comum\JUKA\Josias\desconexões.csv</t>
  </si>
  <si>
    <t>12/30/2019 08:38:15</t>
  </si>
  <si>
    <t>Dimensionamento_Fevereiro (1).xlsx</t>
  </si>
  <si>
    <t>\\acsfs\DEPTOS\Operacao\PCP\5 - Comum\JUKA\Josias\Dimensionamento_Fevereiro (1).xlsx</t>
  </si>
  <si>
    <t>\\acsfs\DEPTOS\Operacao\PCP\5 - Comum\JUKA\Josias\Dimensionamento_Fevereiro (1).xlsx\</t>
  </si>
  <si>
    <t>\\acsfs\DEPTOS\Operacao\PCP\5 - Comum\JUKA\Josias\Dimensionamento_Fevereiro (1).xlsx\:Zone.Identifier:$DATA</t>
  </si>
  <si>
    <t>FAROL QUALIDADE.pptx</t>
  </si>
  <si>
    <t>\\acsfs\DEPTOS\Operacao\PCP\5 - Comum\JUKA\Josias\FAROL QUALIDADE.pptx</t>
  </si>
  <si>
    <t>fffff.txt</t>
  </si>
  <si>
    <t>\\acsfs\DEPTOS\Operacao\PCP\5 - Comum\JUKA\Josias\fffff.txt</t>
  </si>
  <si>
    <t>Formulário Laudo - BV.xlsx</t>
  </si>
  <si>
    <t>\\acsfs\DEPTOS\Operacao\PCP\5 - Comum\JUKA\Josias\Formulário Laudo - BV.xlsx</t>
  </si>
  <si>
    <t>ICATU(1).xlsx</t>
  </si>
  <si>
    <t>\\acsfs\DEPTOS\Operacao\PCP\5 - Comum\JUKA\Josias\ICATU(1).xlsx</t>
  </si>
  <si>
    <t>12/30/2019 08:38:16</t>
  </si>
  <si>
    <t>Laudo de Atendimento.docx</t>
  </si>
  <si>
    <t>\\acsfs\DEPTOS\Operacao\PCP\5 - Comum\JUKA\Josias\Laudo de Atendimento.docx</t>
  </si>
  <si>
    <t>lixo (1).xlsx</t>
  </si>
  <si>
    <t>\\acsfs\DEPTOS\Operacao\PCP\5 - Comum\JUKA\Josias\lixo (1).xlsx</t>
  </si>
  <si>
    <t>\\acsfs\DEPTOS\Operacao\PCP\5 - Comum\JUKA\Josias\lixo (1).xlsx\</t>
  </si>
  <si>
    <t>\\acsfs\DEPTOS\Operacao\PCP\5 - Comum\JUKA\Josias\lixo (1).xlsx\:Zone.Identifier:$DATA</t>
  </si>
  <si>
    <t>Login Logout.xlsx</t>
  </si>
  <si>
    <t>\\acsfs\DEPTOS\Operacao\PCP\5 - Comum\JUKA\Josias\Login Logout.xlsx</t>
  </si>
  <si>
    <t>Pasta qualidade rede.xlsx</t>
  </si>
  <si>
    <t>\\acsfs\DEPTOS\Operacao\PCP\5 - Comum\JUKA\Josias\Pasta qualidade rede.xlsx</t>
  </si>
  <si>
    <t>12/30/2019 08:38:24</t>
  </si>
  <si>
    <t>\\acsfs\DEPTOS\Operacao\PCP\5 - Comum\JUKA\Josias\Pausas Financeira.xlsx</t>
  </si>
  <si>
    <t>12/30/2019 08:37:07</t>
  </si>
  <si>
    <t>12/30/2019 08:41:30</t>
  </si>
  <si>
    <t>749c0690-d3dc-433d-a5d5-99dcb87ee67f.tmp</t>
  </si>
  <si>
    <t>\\acsfs\profiles$\quindaizaagds\Downloads\749c0690-d3dc-433d-a5d5-99dcb87ee67f.tmp</t>
  </si>
  <si>
    <t>12/30/2019 08:39:26</t>
  </si>
  <si>
    <t>0b8e035a-6568-4966-85a8-513d6797c2c5.tmp</t>
  </si>
  <si>
    <t>\\acsfs\profiles$\quindaizaagds\Downloads\0b8e035a-6568-4966-85a8-513d6797c2c5.tmp</t>
  </si>
  <si>
    <t>12/30/2019 08:37:08</t>
  </si>
  <si>
    <t>61294030-fc39-47eb-a7bd-2402e6f9a2de.tmp</t>
  </si>
  <si>
    <t>\\acsfs\profiles$\wedersonbadr\My Documents\My Music\61294030-fc39-47eb-a7bd-2402e6f9a2de.tmp</t>
  </si>
  <si>
    <t>12/30/2019 08:38:21</t>
  </si>
  <si>
    <t>f992116c-6ea6-4dec-8dcb-eea09d4bcbc0.tmp</t>
  </si>
  <si>
    <t>\\acsfs\profiles$\wedersonbadr\My Documents\My Music\f992116c-6ea6-4dec-8dcb-eea09d4bcbc0.tmp</t>
  </si>
  <si>
    <t>12/30/2019 08:36:19</t>
  </si>
  <si>
    <t>93417ad7-8500-43ef-9748-4a2232c40b67.tmp</t>
  </si>
  <si>
    <t>\\acsfs\profiles$\PEDROHAB\Downloads\93417ad7-8500-43ef-9748-4a2232c40b67.tmp</t>
  </si>
  <si>
    <t>12/30/2019 08:36:20</t>
  </si>
  <si>
    <t>2713ee46-2610-4f6c-b2b1-fa8793553527.tmp</t>
  </si>
  <si>
    <t>\\acsfs\profiles$\PEDROHAB\Downloads\2713ee46-2610-4f6c-b2b1-fa8793553527.tmp</t>
  </si>
  <si>
    <t>12/30/2019 08:38:52</t>
  </si>
  <si>
    <t>110268ef-632f-47cc-84e5-e2270af7d47a.tmp</t>
  </si>
  <si>
    <t>\\acsfs\profiles$\PEDROHAB\Downloads\110268ef-632f-47cc-84e5-e2270af7d47a.tmp</t>
  </si>
  <si>
    <t>12/29/2019 13:23:14</t>
  </si>
  <si>
    <t>12/30/2019 08:42:30</t>
  </si>
  <si>
    <t>mail.google.com/_/upload?authuser=1&amp;dcp=asu-n&amp;upload_id=AEnB2Up-tXfJnN6RSLqwJxrzH5GyOyCKoJJcaxZ6rUNMfCCc4y3X2nLIr2Az4b2deJfCMJFcUjUb5Ur5yKtuUanvPur9_hJa5tJgLfVNLy9h8oQLIRMecqE&amp;upload_protocol=resumable</t>
  </si>
  <si>
    <t>\\acsfs\DEPTOS\Operacao\PCP\3 - Corporativo\RFP´s (Request for Proposal)\2019\RFP Banco Honda\</t>
  </si>
  <si>
    <t>FAIXAS GERAL.xlsx</t>
  </si>
  <si>
    <t>12/30/2019 08:40:53</t>
  </si>
  <si>
    <t>46116385-a9ee-4ce3-bed3-4a7a650175e3.tmp</t>
  </si>
  <si>
    <t>\\acsfs\profiles$\wenderbnm\Downloads\46116385-a9ee-4ce3-bed3-4a7a650175e3.tmp</t>
  </si>
  <si>
    <t>12/30/2019 08:37:10</t>
  </si>
  <si>
    <t>\\acsfs\profiles$\talitafdc\VENDAS.txt</t>
  </si>
  <si>
    <t>12/30/2019 08:40:34</t>
  </si>
  <si>
    <t>4585be4d-8a9f-47f8-832d-da4b516b91d1.tmp</t>
  </si>
  <si>
    <t>\\acsfs\profiles$\lucasgpe\Downloads\4585be4d-8a9f-47f8-832d-da4b516b91d1.tmp</t>
  </si>
  <si>
    <t>12/30/2019 08:40:54</t>
  </si>
  <si>
    <t>cfb163f2-64e9-438f-a886-575737bd24d0.tmp</t>
  </si>
  <si>
    <t>\\acsfs\profiles$\lucasgpe\Downloads\cfb163f2-64e9-438f-a886-575737bd24d0.tmp</t>
  </si>
  <si>
    <t>12/30/2019 08:37:36</t>
  </si>
  <si>
    <t>12/30/2019 08:37:37</t>
  </si>
  <si>
    <t>12/30/2019 08:37:38</t>
  </si>
  <si>
    <t>12/30/2019 08:37:39</t>
  </si>
  <si>
    <t>12/30/2019 08:37:40</t>
  </si>
  <si>
    <t>12/30/2019 08:37:41</t>
  </si>
  <si>
    <t>12/30/2019 08:37:43</t>
  </si>
  <si>
    <t>12/30/2019 08:37:44</t>
  </si>
  <si>
    <t>12/30/2019 08:37:45</t>
  </si>
  <si>
    <t>12/30/2019 08:37:46</t>
  </si>
  <si>
    <t>12/30/2019 08:37:47</t>
  </si>
  <si>
    <t>12/30/2019 08:37:48</t>
  </si>
  <si>
    <t>12/30/2019 08:37:49</t>
  </si>
  <si>
    <t>12/30/2019 08:37:50</t>
  </si>
  <si>
    <t>12/30/2019 08:37:51</t>
  </si>
  <si>
    <t>12/30/2019 08:37:52</t>
  </si>
  <si>
    <t>12/30/2019 08:37:53</t>
  </si>
  <si>
    <t>12/30/2019 08:37:54</t>
  </si>
  <si>
    <t>12/30/2019 08:37:55</t>
  </si>
  <si>
    <t>12/30/2019 08:37:56</t>
  </si>
  <si>
    <t>12/30/2019 08:37:21</t>
  </si>
  <si>
    <t>12/30/2019 08:41:53</t>
  </si>
  <si>
    <t>12/30/2019 08:43:31</t>
  </si>
  <si>
    <t>12/30/2019 08:42:39</t>
  </si>
  <si>
    <t>aab09079-9c35-4fb1-8e8b-bb2a8f19a6a6.tmp</t>
  </si>
  <si>
    <t>\\acsfs\profiles$\laianear\Downloads\aab09079-9c35-4fb1-8e8b-bb2a8f19a6a6.tmp</t>
  </si>
  <si>
    <t>12/30/2019 08:42:44</t>
  </si>
  <si>
    <t>d07dbbdc-a14d-4bfa-a164-e1a8a4071d68.tmp</t>
  </si>
  <si>
    <t>\\acsfs\profiles$\laianear\Downloads\d07dbbdc-a14d-4bfa-a164-e1a8a4071d68.tmp</t>
  </si>
  <si>
    <t>12/30/2019 08:42:41</t>
  </si>
  <si>
    <t>f4e8ad03-a8ed-4e07-ac94-c38a129d17fe.tmp</t>
  </si>
  <si>
    <t>\\acsfs\profiles$\KARENDSR\Downloads\f4e8ad03-a8ed-4e07-ac94-c38a129d17fe.tmp</t>
  </si>
  <si>
    <t>12/30/2019 08:39:30</t>
  </si>
  <si>
    <t>12/30/2019 08:44:30</t>
  </si>
  <si>
    <t>821d1bd7-61b1-49cc-8036-c5577c2ee69c.tmp</t>
  </si>
  <si>
    <t>\\acsfs\profiles$\YASMINSC\Downloads\821d1bd7-61b1-49cc-8036-c5577c2ee69c.tmp</t>
  </si>
  <si>
    <t>529f482c-de06-42e9-91df-d94a941cf123.tmp</t>
  </si>
  <si>
    <t>\\acsfs\profiles$\YASMINSC\Downloads\529f482c-de06-42e9-91df-d94a941cf123.tmp</t>
  </si>
  <si>
    <t>12/30/2019 08:43:42</t>
  </si>
  <si>
    <t>12/30/2019 08:40:14</t>
  </si>
  <si>
    <t>12/30/2019 08:45:31</t>
  </si>
  <si>
    <t>62927afe-ebd9-46a3-8d9b-738eafbaf0c9.tmp</t>
  </si>
  <si>
    <t>\\acsfs\profiles$\geovannasm\Downloads\62927afe-ebd9-46a3-8d9b-738eafbaf0c9.tmp</t>
  </si>
  <si>
    <t>12/30/2019 08:43:14</t>
  </si>
  <si>
    <t>vivianercu@algartech.com</t>
  </si>
  <si>
    <t>\\ACSFS\Engeset\FINANCEIRO_ULA\CONTROLA\SG\00 - Aplicações\05- Forecast\</t>
  </si>
  <si>
    <t>012020_Forecast de Receita Oficial_2020.xlsx</t>
  </si>
  <si>
    <t>12/30/2019 08:43:32</t>
  </si>
  <si>
    <t>12/30/2019 08:46:30</t>
  </si>
  <si>
    <t>79ef2ba4-4ddc-4452-97ca-2319e73d3bae.tmp</t>
  </si>
  <si>
    <t>\\acsfs\profiles$\larissaad\Downloads\79ef2ba4-4ddc-4452-97ca-2319e73d3bae.tmp</t>
  </si>
  <si>
    <t>12/30/2019 08:42:46</t>
  </si>
  <si>
    <t>12/30/2019 08:47:31</t>
  </si>
  <si>
    <t>6dee377b-f1a4-4de2-af6e-f3f16a969e6e.tmp</t>
  </si>
  <si>
    <t>\\acsfs\profiles$\adelvinsonle\Downloads\6dee377b-f1a4-4de2-af6e-f3f16a969e6e.tmp</t>
  </si>
  <si>
    <t>12/30/2019 08:42:51</t>
  </si>
  <si>
    <t>12/30/2019 08:41:54</t>
  </si>
  <si>
    <t>d472e3c7-f786-43c1-bc00-e6e4104a89a1.tmp</t>
  </si>
  <si>
    <t>\\acsfs\profiles$\wenderbnm\Downloads\d472e3c7-f786-43c1-bc00-e6e4104a89a1.tmp</t>
  </si>
  <si>
    <t>12/30/2019 08:42:01</t>
  </si>
  <si>
    <t>048ea719-07fa-4683-9ea3-687320bdbb55.tmp</t>
  </si>
  <si>
    <t>\\acsfs\profiles$\lucasgpe\Downloads\048ea719-07fa-4683-9ea3-687320bdbb55.tmp</t>
  </si>
  <si>
    <t>12/30/2019 08:46:19</t>
  </si>
  <si>
    <t>33a6ce63-dba4-4d07-810c-64f6af20ee87.tmp</t>
  </si>
  <si>
    <t>\\acsfs\profiles$\nayarasds\Downloads\33a6ce63-dba4-4d07-810c-64f6af20ee87.tmp</t>
  </si>
  <si>
    <t>12/30/2019 08:42:56</t>
  </si>
  <si>
    <t>fbf3f8d4-91a1-4743-be6f-2447d106a9ea.tmp</t>
  </si>
  <si>
    <t>\\acsfs\profiles$\nayarasds\Downloads\fbf3f8d4-91a1-4743-be6f-2447d106a9ea.tmp</t>
  </si>
  <si>
    <t>12/30/2019 07:42:02</t>
  </si>
  <si>
    <t>winrt--{S-1-5-21-602162358-764733703-839522115-330507}-.searchconnector-ms</t>
  </si>
  <si>
    <t>\\acsfs\profiles$\nathaliaos\Searches\winrt--{S-1-5-21-602162358-764733703-839522115-330507}-.searchconnector-ms</t>
  </si>
  <si>
    <t>12/30/2019 08:45:51</t>
  </si>
  <si>
    <t>12/30/2019 08:47:36</t>
  </si>
  <si>
    <t>12/30/2019 08:48:30</t>
  </si>
  <si>
    <t>12/30/2019 08:43:50</t>
  </si>
  <si>
    <t>lu13564rum7.tmp</t>
  </si>
  <si>
    <t>\\acsfs\profiles$\VIVIANALDS\My Documents\lu13564rum7.tmp</t>
  </si>
  <si>
    <t>\\acsfs\profiles$\VIVIANALDS\My Documents\lu13564rum7.tmp\</t>
  </si>
  <si>
    <t>\\acsfs\profiles$\VIVIANALDS\My Documents\lu13564rum7.tmp\META-INF\</t>
  </si>
  <si>
    <t>\\acsfs\profiles$\VIVIANALDS\My Documents\lu13564rum7.tmp\Thumbnails\</t>
  </si>
  <si>
    <t>12/30/2019 08:44:00</t>
  </si>
  <si>
    <t>lu13564rumb.tmp</t>
  </si>
  <si>
    <t>\\acsfs\profiles$\VIVIANALDS\My Documents\lu13564rumb.tmp</t>
  </si>
  <si>
    <t>\\acsfs\profiles$\VIVIANALDS\My Documents\lu13564rumb.tmp\</t>
  </si>
  <si>
    <t>\\acsfs\profiles$\VIVIANALDS\My Documents\lu13564rumb.tmp\META-INF\</t>
  </si>
  <si>
    <t>\\acsfs\profiles$\VIVIANALDS\My Documents\lu13564rumb.tmp\Thumbnails\</t>
  </si>
  <si>
    <t>12/30/2019 08:45:02</t>
  </si>
  <si>
    <t>12/30/2019 08:45:03</t>
  </si>
  <si>
    <t>lu13564rumf.tmp</t>
  </si>
  <si>
    <t>\\acsfs\profiles$\VIVIANALDS\My Documents\lu13564rumf.tmp</t>
  </si>
  <si>
    <t>\\acsfs\profiles$\VIVIANALDS\My Documents\lu13564rumf.tmp\</t>
  </si>
  <si>
    <t>\\acsfs\profiles$\VIVIANALDS\My Documents\lu13564rumf.tmp\META-INF\</t>
  </si>
  <si>
    <t>\\acsfs\profiles$\VIVIANALDS\My Documents\lu13564rumf.tmp\Thumbnails\</t>
  </si>
  <si>
    <t>12/30/2019 08:46:23</t>
  </si>
  <si>
    <t>caac45cf-f5b5-4ff5-846a-bbbd0be1c3b0.tmp</t>
  </si>
  <si>
    <t>\\acsfs\profiles$\danielac\Downloads\caac45cf-f5b5-4ff5-846a-bbbd0be1c3b0.tmp</t>
  </si>
  <si>
    <t>12/30/2019 08:45:36</t>
  </si>
  <si>
    <t>d032498d-4267-400d-adc5-751dcb4c81d5.tmp</t>
  </si>
  <si>
    <t>\\acsfs\profiles$\KARENDSR\Downloads\d032498d-4267-400d-adc5-751dcb4c81d5.tmp</t>
  </si>
  <si>
    <t>12/30/2019 08:46:02</t>
  </si>
  <si>
    <t>3f3b6772-f4be-4ea8-9b17-20eebe01e3be.tmp</t>
  </si>
  <si>
    <t>\\acsfs\profiles$\KARENDSR\Downloads\3f3b6772-f4be-4ea8-9b17-20eebe01e3be.tmp</t>
  </si>
  <si>
    <t>12/30/2019 08:45:53</t>
  </si>
  <si>
    <t>12/30/2019 08:49:30</t>
  </si>
  <si>
    <t>ROMARIO SILVA DE MEDEIROS_1_6770905260919692375_1_32.wav</t>
  </si>
  <si>
    <t>\\acsfs\Deptos\EDUCACAO EMPRESARIAL\KÉSIA\Ligações 3º ciclo - Késia\ROMARIO SILVA DE MEDEIROS_1_6770905260919692375_1_32.wav</t>
  </si>
  <si>
    <t>12/30/2019 08:45:35</t>
  </si>
  <si>
    <t>dcdf205f-d5f7-4205-a593-fd90f1fc2730.tmp</t>
  </si>
  <si>
    <t>\\acsfs\profiles$\danielmlds\Downloads\dcdf205f-d5f7-4205-a593-fd90f1fc2730.tmp</t>
  </si>
  <si>
    <t>12/30/2019 08:44:42</t>
  </si>
  <si>
    <t>12/30/2019 08:49:05</t>
  </si>
  <si>
    <t>12/30/2019 08:50:30</t>
  </si>
  <si>
    <t>12/30/2019 08:45:08</t>
  </si>
  <si>
    <t>a5391fab-590a-40f5-9e91-1e7ebe8b5c7e.tmp</t>
  </si>
  <si>
    <t>\\acsfs\profiles$\mariajra\Downloads\a5391fab-590a-40f5-9e91-1e7ebe8b5c7e.tmp</t>
  </si>
  <si>
    <t>12/30/2019 08:48:25</t>
  </si>
  <si>
    <t>12/30/2019 08:52:30</t>
  </si>
  <si>
    <t>838ec761-daca-4e93-b8e7-f5e55c8466ce.tmp</t>
  </si>
  <si>
    <t>\\acsfs\profiles$\adelvinsonle\Downloads\838ec761-daca-4e93-b8e7-f5e55c8466ce.tmp</t>
  </si>
  <si>
    <t>12/30/2019 08:47:23</t>
  </si>
  <si>
    <t>fe142fa5-8c3a-4a3a-908c-62961c168771.tmp</t>
  </si>
  <si>
    <t>\\acsfs\profiles$\victoriaksr\Downloads\fe142fa5-8c3a-4a3a-908c-62961c168771.tmp</t>
  </si>
  <si>
    <t>12/30/2019 08:50:38</t>
  </si>
  <si>
    <t>.~lock.1724 ate 27122019.xlsx#</t>
  </si>
  <si>
    <t>\\acsfs\profiles$\victoriaksr\Downloads\.~lock.1724 ate 27122019.xlsx#</t>
  </si>
  <si>
    <t>12/30/2019 08:48:59</t>
  </si>
  <si>
    <t>12/30/2019 08:53:30</t>
  </si>
  <si>
    <t>12/30/2019 08:49:00</t>
  </si>
  <si>
    <t>12/30/2019 08:49:01</t>
  </si>
  <si>
    <t>12/30/2019 08:49:02</t>
  </si>
  <si>
    <t>12/30/2019 08:49:03</t>
  </si>
  <si>
    <t>12/30/2019 08:49:04</t>
  </si>
  <si>
    <t>12/30/2019 08:54:30</t>
  </si>
  <si>
    <t>12/30/2019 08:49:06</t>
  </si>
  <si>
    <t>12/30/2019 08:49:07</t>
  </si>
  <si>
    <t>12/30/2019 08:49:08</t>
  </si>
  <si>
    <t>12/30/2019 08:49:09</t>
  </si>
  <si>
    <t>12/30/2019 08:49:10</t>
  </si>
  <si>
    <t>12/30/2019 08:49:11</t>
  </si>
  <si>
    <t>12/30/2019 08:49:12</t>
  </si>
  <si>
    <t>12/30/2019 08:49:13</t>
  </si>
  <si>
    <t>12/30/2019 08:49:42</t>
  </si>
  <si>
    <t>12/30/2019 08:50:43</t>
  </si>
  <si>
    <t>12/30/2019 08:54:48</t>
  </si>
  <si>
    <t>12/30/2019 08:56:30</t>
  </si>
  <si>
    <t>12/30/2019 08:54:27</t>
  </si>
  <si>
    <t>12/30/2019 08:53:14</t>
  </si>
  <si>
    <t>12/30/2019 08:57:30</t>
  </si>
  <si>
    <t>76ec54e5-1858-429f-9c2b-678a2d845552.tmp</t>
  </si>
  <si>
    <t>\\acsfs\profiles$\gabrielarb\Downloads\76ec54e5-1858-429f-9c2b-678a2d845552.tmp</t>
  </si>
  <si>
    <t>12/30/2019 08:52:49</t>
  </si>
  <si>
    <t>12/30/2019 08:53:02</t>
  </si>
  <si>
    <t>3a996203-7bc2-4cc6-a596-fc5b8192c9cb.tmp</t>
  </si>
  <si>
    <t>\\acsfs\profiles$\claudiajca\Downloads\3a996203-7bc2-4cc6-a596-fc5b8192c9cb.tmp</t>
  </si>
  <si>
    <t>12/30/2019 08:54:32</t>
  </si>
  <si>
    <t>fe62f2e9-ce5c-4d98-828a-f3c054c5429f.tmp</t>
  </si>
  <si>
    <t>\\acsfs\profiles$\claudiajca\Downloads\fe62f2e9-ce5c-4d98-828a-f3c054c5429f.tmp</t>
  </si>
  <si>
    <t>12/30/2019 08:53:19</t>
  </si>
  <si>
    <t>12/30/2019 08:58:29</t>
  </si>
  <si>
    <t>5d267710-316b-4efd-bb59-376e6b3c1eca.tmp</t>
  </si>
  <si>
    <t>\\acsfs\profiles$\laianear\Downloads\5d267710-316b-4efd-bb59-376e6b3c1eca.tmp</t>
  </si>
  <si>
    <t>12/30/2019 08:54:19</t>
  </si>
  <si>
    <t>56d621e9-005c-46f5-8758-aa3de45ec6b3.tmp</t>
  </si>
  <si>
    <t>\\acsfs\profiles$\eduardofss\Downloads\56d621e9-005c-46f5-8758-aa3de45ec6b3.tmp</t>
  </si>
  <si>
    <t>12/30/2019 08:54:24</t>
  </si>
  <si>
    <t>12/30/2019 08:54:50</t>
  </si>
  <si>
    <t>12/30/2019 08:53:54</t>
  </si>
  <si>
    <t>0428bbb3-e6ed-47b1-95bb-e1100b8dcc73.tmp</t>
  </si>
  <si>
    <t>\\acsfs\profiles$\sarahbal\Downloads\0428bbb3-e6ed-47b1-95bb-e1100b8dcc73.tmp</t>
  </si>
  <si>
    <t>12/30/2019 08:57:02</t>
  </si>
  <si>
    <t>12/30/2019 08:59:30</t>
  </si>
  <si>
    <t>2ccca493-42d4-435a-84c5-1f003b87ba71.tmp</t>
  </si>
  <si>
    <t>\\acsfs\profiles$\isabellegtds\Downloads\2ccca493-42d4-435a-84c5-1f003b87ba71.tmp</t>
  </si>
  <si>
    <t>12/30/2019 08:58:01</t>
  </si>
  <si>
    <t>12/30/2019 08:57:28</t>
  </si>
  <si>
    <t>c1febc3b-2b07-4655-8a9b-769698176a41.tmp</t>
  </si>
  <si>
    <t>\\acsfs\profiles$\paulovadc\Downloads\c1febc3b-2b07-4655-8a9b-769698176a41.tmp</t>
  </si>
  <si>
    <t>12/30/2019 08:56:12</t>
  </si>
  <si>
    <t>4e240f86-3e33-4c43-8da9-91eb1a295337.tmp</t>
  </si>
  <si>
    <t>\\acsfs\profiles$\Flaviojmm\Downloads\4e240f86-3e33-4c43-8da9-91eb1a295337.tmp</t>
  </si>
  <si>
    <t>12/30/2019 08:55:42</t>
  </si>
  <si>
    <t>12/30/2019 08:56:42</t>
  </si>
  <si>
    <t>12/30/2019 08:57:35</t>
  </si>
  <si>
    <t>f59f90e6-ca57-496b-9238-cf5f8a8f97bb.tmp</t>
  </si>
  <si>
    <t>\\acsfs\profiles$\Flaviojmm\Downloads\f59f90e6-ca57-496b-9238-cf5f8a8f97bb.tmp</t>
  </si>
  <si>
    <t>12/30/2019 08:59:14</t>
  </si>
  <si>
    <t>12/30/2019 08:59:05</t>
  </si>
  <si>
    <t>12/30/2019 09:01:30</t>
  </si>
  <si>
    <t>fded629c-c110-4f80-8b87-d603e7ef2382.tmp</t>
  </si>
  <si>
    <t>\\acsfs\profiles$\larissaad\Downloads\fded629c-c110-4f80-8b87-d603e7ef2382.tmp</t>
  </si>
  <si>
    <t>12/30/2019 08:58:21</t>
  </si>
  <si>
    <t>22a3b457-a0c5-4071-be47-b9a860a92e07.tmp</t>
  </si>
  <si>
    <t>\\acsfs\profiles$\geovanaasa\Downloads\22a3b457-a0c5-4071-be47-b9a860a92e07.tmp</t>
  </si>
  <si>
    <t>12/30/2019 09:00:49</t>
  </si>
  <si>
    <t>2314e403-ac46-43ce-a7a3-eaf7fa542833.tmp</t>
  </si>
  <si>
    <t>\\acsfs\profiles$\geovanaasa\Downloads\2314e403-ac46-43ce-a7a3-eaf7fa542833.tmp</t>
  </si>
  <si>
    <t>12/30/2019 08:58:48</t>
  </si>
  <si>
    <t>12/30/2019 09:02:29</t>
  </si>
  <si>
    <t>696c2a7e-4964-48bf-9a98-b653363b7c78.tmp</t>
  </si>
  <si>
    <t>\\acsfs\profiles$\lucasgpe\Downloads\696c2a7e-4964-48bf-9a98-b653363b7c78.tmp</t>
  </si>
  <si>
    <t>12/30/2019 08:59:51</t>
  </si>
  <si>
    <t>12/30/2019 08:59:54</t>
  </si>
  <si>
    <t>12/30/2019 09:01:44</t>
  </si>
  <si>
    <t>12/30/2019 09:01:45</t>
  </si>
  <si>
    <t>lu168722jg4u4.tmp</t>
  </si>
  <si>
    <t>\\acsfs\profiles$\dhiulliananads\My Documents\lu168722jg4u4.tmp</t>
  </si>
  <si>
    <t>\\acsfs\profiles$\dhiulliananads\My Documents\lu168722jg4u4.tmp\</t>
  </si>
  <si>
    <t>\\acsfs\profiles$\dhiulliananads\My Documents\lu168722jg4u4.tmp\META-INF\</t>
  </si>
  <si>
    <t>\\acsfs\profiles$\dhiulliananads\My Documents\lu168722jg4u4.tmp\Thumbnails\</t>
  </si>
  <si>
    <t>12/30/2019 08:59:40</t>
  </si>
  <si>
    <t>12/30/2019 08:59:58</t>
  </si>
  <si>
    <t>de9f2d06-aa9c-48d6-8210-805dde7419b4.tmp</t>
  </si>
  <si>
    <t>\\acsfs\profiles$\victoriaksr\Downloads\de9f2d06-aa9c-48d6-8210-805dde7419b4.tmp</t>
  </si>
  <si>
    <t>12/30/2019 08:58:26</t>
  </si>
  <si>
    <t>12/30/2019 08:59:13</t>
  </si>
  <si>
    <t>2a84f808-86f2-47d3-afa4-2b0fe2327c43.tmp</t>
  </si>
  <si>
    <t>\\acsfs\profiles$\LUCASBS\Downloads\2a84f808-86f2-47d3-afa4-2b0fe2327c43.tmp</t>
  </si>
  <si>
    <t>12/30/2019 09:01:06</t>
  </si>
  <si>
    <t>00de1b4f-7208-464c-90a2-9c836f722be2.tmp</t>
  </si>
  <si>
    <t>\\acsfs\profiles$\LUCASBS\Downloads\00de1b4f-7208-464c-90a2-9c836f722be2.tmp</t>
  </si>
  <si>
    <t>12/30/2019 09:02:12</t>
  </si>
  <si>
    <t>12/30/2019 09:03:29</t>
  </si>
  <si>
    <t>12/30/2019 09:01:26</t>
  </si>
  <si>
    <t>12/30/2019 09:04:30</t>
  </si>
  <si>
    <t>12/30/2019 09:01:43</t>
  </si>
  <si>
    <t>12/30/2019 09:02:42</t>
  </si>
  <si>
    <t>12/30/2019 09:01:17</t>
  </si>
  <si>
    <t>12/30/2019 09:05:29</t>
  </si>
  <si>
    <t>12/30/2019 09:00:33</t>
  </si>
  <si>
    <t>12/30/2019 09:02:14</t>
  </si>
  <si>
    <t>12/30/2019 09:06:29</t>
  </si>
  <si>
    <t>12/30/2019 09:03:34</t>
  </si>
  <si>
    <t>12/30/2019 09:03:36</t>
  </si>
  <si>
    <t>12/30/2019 09:03:37</t>
  </si>
  <si>
    <t>12/30/2019 09:03:39</t>
  </si>
  <si>
    <t>12/30/2019 09:03:44</t>
  </si>
  <si>
    <t>12/30/2019 09:03:46</t>
  </si>
  <si>
    <t>12/30/2019 09:03:56</t>
  </si>
  <si>
    <t>12/30/2019 09:03:57</t>
  </si>
  <si>
    <t>12/30/2019 09:03:58</t>
  </si>
  <si>
    <t>12/30/2019 09:04:06</t>
  </si>
  <si>
    <t>12/30/2019 09:04:18</t>
  </si>
  <si>
    <t>12/30/2019 09:04:19</t>
  </si>
  <si>
    <t>12/30/2019 09:04:20</t>
  </si>
  <si>
    <t>12/30/2019 09:04:27</t>
  </si>
  <si>
    <t>12/30/2019 09:04:28</t>
  </si>
  <si>
    <t>12/30/2019 09:04:35</t>
  </si>
  <si>
    <t>12/30/2019 09:04:36</t>
  </si>
  <si>
    <t>12/30/2019 09:04:45</t>
  </si>
  <si>
    <t>12/30/2019 09:04:46</t>
  </si>
  <si>
    <t>12/30/2019 09:05:18</t>
  </si>
  <si>
    <t>12/30/2019 09:05:20</t>
  </si>
  <si>
    <t>12/30/2019 09:05:48</t>
  </si>
  <si>
    <t>12/30/2019 09:05:50</t>
  </si>
  <si>
    <t>12/30/2019 09:02:41</t>
  </si>
  <si>
    <t>12/30/2019 09:05:30</t>
  </si>
  <si>
    <t>12/30/2019 09:07:29</t>
  </si>
  <si>
    <t>524f6a82-04de-4af3-969f-66f146ddffc4.tmp</t>
  </si>
  <si>
    <t>\\acsfs\profiles$\gabrielhca\Downloads\524f6a82-04de-4af3-969f-66f146ddffc4.tmp</t>
  </si>
  <si>
    <t>12/30/2019 09:02:24</t>
  </si>
  <si>
    <t>334c5a04-05a6-44e5-9ff5-6a4f833fca81.tmp</t>
  </si>
  <si>
    <t>\\acsfs\profiles$\gabrielhca\Downloads\334c5a04-05a6-44e5-9ff5-6a4f833fca81.tmp</t>
  </si>
  <si>
    <t>12/30/2019 09:04:32</t>
  </si>
  <si>
    <t>9d8449fb-9aaa-42f2-aadf-855884dffea9.tmp</t>
  </si>
  <si>
    <t>\\acsfs\profiles$\gabrielhca\Downloads\9d8449fb-9aaa-42f2-aadf-855884dffea9.tmp</t>
  </si>
  <si>
    <t>12/30/2019 09:02:52</t>
  </si>
  <si>
    <t>12/30/2019 09:05:02</t>
  </si>
  <si>
    <t>589e40a7-196a-4c0f-8963-99164f86d00b.tmp</t>
  </si>
  <si>
    <t>\\acsfs\profiles$\jonatanls\Downloads\589e40a7-196a-4c0f-8963-99164f86d00b.tmp</t>
  </si>
  <si>
    <t>c710d310-a3ff-406e-ae15-e30ef88ce20d.tmp</t>
  </si>
  <si>
    <t>\\acsfs\profiles$\jonatanls\Downloads\c710d310-a3ff-406e-ae15-e30ef88ce20d.tmp</t>
  </si>
  <si>
    <t>12/30/2019 09:05:58</t>
  </si>
  <si>
    <t>985e95f2-572b-4460-b54f-c26c79f06191.tmp</t>
  </si>
  <si>
    <t>\\acsfs\profiles$\jonatanls\Downloads\985e95f2-572b-4460-b54f-c26c79f06191.tmp</t>
  </si>
  <si>
    <t>12/30/2019 09:06:31</t>
  </si>
  <si>
    <t>5237d809-c1df-41e3-ac55-4f2505286c20.tmp</t>
  </si>
  <si>
    <t>\\acsfs\profiles$\jonatanls\Downloads\5237d809-c1df-41e3-ac55-4f2505286c20.tmp</t>
  </si>
  <si>
    <t>12/30/2019 09:06:50</t>
  </si>
  <si>
    <t>0d5c928d-db1f-44bd-9d63-b5574640708e.tmp</t>
  </si>
  <si>
    <t>\\acsfs\profiles$\victoriaksr\Downloads\0d5c928d-db1f-44bd-9d63-b5574640708e.tmp</t>
  </si>
  <si>
    <t>\\acsfs\profiles$\LUCASBS\RENEG BV\</t>
  </si>
  <si>
    <t>.~lock.RENEG BV - 30.12 - Venc 01.01.2019.ods#</t>
  </si>
  <si>
    <t>\\acsfs\profiles$\LUCASBS\RENEG BV\.~lock.RENEG BV - 30.12 - Venc 01.01.2019.ods#</t>
  </si>
  <si>
    <t>12/30/2019 09:06:57</t>
  </si>
  <si>
    <t>12/30/2019 09:08:29</t>
  </si>
  <si>
    <t>a2b2e90e-d55c-4024-8725-920253cd0707.tmp</t>
  </si>
  <si>
    <t>\\acsfs\profiles$\laianear\Downloads\a2b2e90e-d55c-4024-8725-920253cd0707.tmp</t>
  </si>
  <si>
    <t>12/30/2019 09:05:56</t>
  </si>
  <si>
    <t>12/30/2019 09:09:29</t>
  </si>
  <si>
    <t>12/30/2019 09:07:42</t>
  </si>
  <si>
    <t>12/30/2019 09:10:29</t>
  </si>
  <si>
    <t>12/30/2019 09:08:42</t>
  </si>
  <si>
    <t>12/30/2019 09:07:44</t>
  </si>
  <si>
    <t>RELATORIO DE LOGIN - FINANCEIRA - 26-12 - Cópia.xlsm</t>
  </si>
  <si>
    <t>\\acsfs\DEPTOS\Operacao\PCP\5 - Comum\PLANEJAMENTO BV\14 - ACOMPANHAMENTO\1 - REPORT ACOMPANHAMENTO\2019\12 - Dezembro\FINANCEIRA\Login Logout Financeira\RELATORIO DE LOGIN - FINANCEIRA - 26-12 - Cópia.xlsm</t>
  </si>
  <si>
    <t>12/30/2019 09:08:24</t>
  </si>
  <si>
    <t>12/30/2019 09:06:22</t>
  </si>
  <si>
    <t>12/30/2019 09:11:29</t>
  </si>
  <si>
    <t>8622b996-f185-451d-9d35-d11f67a87235.tmp</t>
  </si>
  <si>
    <t>\\acsfs\profiles$\geovanaasa\Downloads\8622b996-f185-451d-9d35-d11f67a87235.tmp</t>
  </si>
  <si>
    <t>12/30/2019 09:09:38</t>
  </si>
  <si>
    <t>12/30/2019 09:12:29</t>
  </si>
  <si>
    <t>be273f6b-dc87-4466-9363-8496d0a415c0.tmp</t>
  </si>
  <si>
    <t>\\acsfs\profiles$\gabrielhca\Downloads\be273f6b-dc87-4466-9363-8496d0a415c0.tmp</t>
  </si>
  <si>
    <t>12/30/2019 09:09:05</t>
  </si>
  <si>
    <t>12/30/2019 09:10:44</t>
  </si>
  <si>
    <t>1ff1d330-3db1-4b8b-abec-cd3f7985e8fe.tmp</t>
  </si>
  <si>
    <t>\\acsfs\profiles$\claudiajca\Downloads\1ff1d330-3db1-4b8b-abec-cd3f7985e8fe.tmp</t>
  </si>
  <si>
    <t>12/30/2019 09:11:38</t>
  </si>
  <si>
    <t>.~lock.Contato Reneg 30-12.ods#</t>
  </si>
  <si>
    <t>\\acsfs\profiles$\CLAUDIAJCA\.~lock.Contato Reneg 30-12.ods#</t>
  </si>
  <si>
    <t>12/30/2019 09:11:39</t>
  </si>
  <si>
    <t>lu715849mfds8.tmp</t>
  </si>
  <si>
    <t>\\acsfs\profiles$\CLAUDIAJCA\lu715849mfds8.tmp</t>
  </si>
  <si>
    <t>\\acsfs\profiles$\CLAUDIAJCA\lu715849mfds8.tmp\</t>
  </si>
  <si>
    <t>\\acsfs\profiles$\CLAUDIAJCA\lu715849mfds8.tmp\META-INF\</t>
  </si>
  <si>
    <t>\\acsfs\profiles$\CLAUDIAJCA\lu715849mfds8.tmp\Thumbnails\</t>
  </si>
  <si>
    <t>12/30/2019 09:10:58</t>
  </si>
  <si>
    <t>12/30/2019 09:13:29</t>
  </si>
  <si>
    <t>1c0fc0a0-e673-431c-b444-0ade30c79f96.tmp</t>
  </si>
  <si>
    <t>\\acsfs\profiles$\antoniosva\Downloads\1c0fc0a0-e673-431c-b444-0ade30c79f96.tmp</t>
  </si>
  <si>
    <t>12/30/2019 09:11:34</t>
  </si>
  <si>
    <t>14759b8b-2514-4f16-95ed-f1186c63e74e.tmp</t>
  </si>
  <si>
    <t>\\acsfs\profiles$\antoniosva\Downloads\14759b8b-2514-4f16-95ed-f1186c63e74e.tmp</t>
  </si>
  <si>
    <t>12/30/2019 09:13:42</t>
  </si>
  <si>
    <t>12/30/2019 09:15:29</t>
  </si>
  <si>
    <t>12/30/2019 09:11:56</t>
  </si>
  <si>
    <t>e180b8ea-4c4e-4dbf-8a23-2a57a508996e.tmp</t>
  </si>
  <si>
    <t>\\acsfs\profiles$\claudiajca\Downloads\e180b8ea-4c4e-4dbf-8a23-2a57a508996e.tmp</t>
  </si>
  <si>
    <t>12/30/2019 09:14:33</t>
  </si>
  <si>
    <t>12/29/2019 21:01:15</t>
  </si>
  <si>
    <t>12/30/2019 09:16:29</t>
  </si>
  <si>
    <t>C:\Users\wanessabds\Desktop\</t>
  </si>
  <si>
    <t>Bolao da Mega.xlsx</t>
  </si>
  <si>
    <t>12/30/2019 09:13:25</t>
  </si>
  <si>
    <t>12/30/2019 09:17:29</t>
  </si>
  <si>
    <t>10.200.66.159</t>
  </si>
  <si>
    <t>78-2B-CB-C1-05-20</t>
  </si>
  <si>
    <t>VOTORANT-ABB003</t>
  </si>
  <si>
    <t>3d72a74d-526a-4c66-815f-55415d868211.tmp</t>
  </si>
  <si>
    <t>\\acsfs\profiles$\gabrielhca\Downloads\3d72a74d-526a-4c66-815f-55415d868211.tmp</t>
  </si>
  <si>
    <t>12/30/2019 09:05:53</t>
  </si>
  <si>
    <t>12/30/2019 09:05:55</t>
  </si>
  <si>
    <t>12/30/2019 09:05:57</t>
  </si>
  <si>
    <t>12/30/2019 09:05:59</t>
  </si>
  <si>
    <t>12/30/2019 09:06:01</t>
  </si>
  <si>
    <t>12/30/2019 09:06:02</t>
  </si>
  <si>
    <t>12/30/2019 09:06:03</t>
  </si>
  <si>
    <t>12/30/2019 09:06:04</t>
  </si>
  <si>
    <t>12/30/2019 09:06:06</t>
  </si>
  <si>
    <t>12/30/2019 09:06:07</t>
  </si>
  <si>
    <t>12/30/2019 09:06:08</t>
  </si>
  <si>
    <t>12/30/2019 09:06:10</t>
  </si>
  <si>
    <t>12/30/2019 09:06:12</t>
  </si>
  <si>
    <t>12/30/2019 09:06:13</t>
  </si>
  <si>
    <t>12/30/2019 09:06:36</t>
  </si>
  <si>
    <t>12/30/2019 09:13:32</t>
  </si>
  <si>
    <t>728ab729-7e4b-486d-99ef-e9417ae588b1.tmp</t>
  </si>
  <si>
    <t>\\acsfs\profiles$\lucasgpe\Downloads\728ab729-7e4b-486d-99ef-e9417ae588b1.tmp</t>
  </si>
  <si>
    <t>12/30/2019 09:13:50</t>
  </si>
  <si>
    <t>748e8d57-ab98-47b5-b826-838369d50718.tmp</t>
  </si>
  <si>
    <t>\\acsfs\profiles$\lucasgpe\Downloads\748e8d57-ab98-47b5-b826-838369d50718.tmp</t>
  </si>
  <si>
    <t>12/30/2019 09:13:35</t>
  </si>
  <si>
    <t>0a068e5c-b053-4b43-9e97-3b1da2bee2ba.tmp</t>
  </si>
  <si>
    <t>\\acsfs\profiles$\jonatanls\Downloads\0a068e5c-b053-4b43-9e97-3b1da2bee2ba.tmp</t>
  </si>
  <si>
    <t>12/30/2019 09:13:58</t>
  </si>
  <si>
    <t>12/30/2019 09:15:20</t>
  </si>
  <si>
    <t>mail.google.com/_/upload?authuser=0&amp;dcp=asu-n&amp;upload_id=AEnB2UqEH3x5puT4Qrrvr57BhAqXv6XgT_KUTsffNLpjs0woGI2gtQHi80enp54SJ-PvgGGImxL5M1-hkenTiQcjxLGLpbTibg&amp;upload_protocol=resumable</t>
  </si>
  <si>
    <t>\\aCSFS\Deptos\Operacao\Unica\1. Gestão da Área\1.1 Administrativo\1.1.3 Reports\Daily Report\Dezembro\</t>
  </si>
  <si>
    <t>12/30/2019 09:16:56</t>
  </si>
  <si>
    <t>6592e6f5-4c24-48df-8b89-1c72842a2f9a.tmp</t>
  </si>
  <si>
    <t>\\acsfs\profiles$\henriquehmdo\Downloads\6592e6f5-4c24-48df-8b89-1c72842a2f9a.tmp</t>
  </si>
  <si>
    <t>12/30/2019 09:15:41</t>
  </si>
  <si>
    <t>12/30/2019 09:15:42</t>
  </si>
  <si>
    <t>lu363123wvw79.tmp</t>
  </si>
  <si>
    <t>\\acsfs\profiles$\LUCASBS\RENEG BV\lu363123wvw79.tmp</t>
  </si>
  <si>
    <t>\\acsfs\profiles$\LUCASBS\RENEG BV\lu363123wvw79.tmp\</t>
  </si>
  <si>
    <t>\\acsfs\profiles$\LUCASBS\RENEG BV\lu363123wvw79.tmp\META-INF\</t>
  </si>
  <si>
    <t>\\acsfs\profiles$\LUCASBS\RENEG BV\lu363123wvw79.tmp\Thumbnails\</t>
  </si>
  <si>
    <t>12/30/2019 09:12:48</t>
  </si>
  <si>
    <t>12/30/2019 09:18:28</t>
  </si>
  <si>
    <t>9991dbcc-6536-4d98-ad03-29ea5514b0a2.tmp</t>
  </si>
  <si>
    <t>\\acsfs\profiles$\antoniosva\Downloads\9991dbcc-6536-4d98-ad03-29ea5514b0a2.tmp</t>
  </si>
  <si>
    <t>5966a79f-40cb-403f-a8c0-d455442a0321.tmp</t>
  </si>
  <si>
    <t>\\acsfs\profiles$\antoniosva\Downloads\5966a79f-40cb-403f-a8c0-d455442a0321.tmp</t>
  </si>
  <si>
    <t>12/30/2019 09:16:09</t>
  </si>
  <si>
    <t>7acb76b2-c97b-46c9-b0e1-d307b8b7cc05.tmp</t>
  </si>
  <si>
    <t>\\acsfs\profiles$\antoniosva\Downloads\7acb76b2-c97b-46c9-b0e1-d307b8b7cc05.tmp</t>
  </si>
  <si>
    <t>12/30/2019 09:13:34</t>
  </si>
  <si>
    <t>12/30/2019 09:17:05</t>
  </si>
  <si>
    <t>12/30/2019 09:15:30</t>
  </si>
  <si>
    <t>12/30/2019 09:14:43</t>
  </si>
  <si>
    <t>12/30/2019 09:20:29</t>
  </si>
  <si>
    <t>12/30/2019 09:17:43</t>
  </si>
  <si>
    <t>12/30/2019 09:18:44</t>
  </si>
  <si>
    <t>87475fda-fc39-44b3-8d6c-0d5739678157.tmp</t>
  </si>
  <si>
    <t>\\acsfs\profiles$\claudiajca\Downloads\87475fda-fc39-44b3-8d6c-0d5739678157.tmp</t>
  </si>
  <si>
    <t>12/30/2019 09:17:08</t>
  </si>
  <si>
    <t>12/30/2019 09:21:29</t>
  </si>
  <si>
    <t>bef53ae8-f5fe-4226-870f-737a5b817e03.tmp</t>
  </si>
  <si>
    <t>\\acsfs\profiles$\PEDROHAB\Downloads\bef53ae8-f5fe-4226-870f-737a5b817e03.tmp</t>
  </si>
  <si>
    <t>12/30/2019 09:21:23</t>
  </si>
  <si>
    <t>12/30/2019 09:22:29</t>
  </si>
  <si>
    <t>12/30/2019 09:21:35</t>
  </si>
  <si>
    <t>12/30/2019 09:23:28</t>
  </si>
  <si>
    <t>12/30/2019 09:21:58</t>
  </si>
  <si>
    <t>e2bd5700-3f9b-43d1-9b5d-45bd854723bf.tmp</t>
  </si>
  <si>
    <t>\\acsfs\profiles$\LAISLG\Downloads\e2bd5700-3f9b-43d1-9b5d-45bd854723bf.tmp</t>
  </si>
  <si>
    <t>12/30/2019 09:21:20</t>
  </si>
  <si>
    <t>12/30/2019 09:18:45</t>
  </si>
  <si>
    <t>df61d2db-ee77-4a4f-8a90-0efd5ebed400.tmp</t>
  </si>
  <si>
    <t>\\acsfs\profiles$\sarahbal\Downloads\df61d2db-ee77-4a4f-8a90-0efd5ebed400.tmp</t>
  </si>
  <si>
    <t>12/30/2019 09:20:52</t>
  </si>
  <si>
    <t>12/30/2019 09:24:29</t>
  </si>
  <si>
    <t>12/30/2019 09:21:33</t>
  </si>
  <si>
    <t>12/30/2019 09:21:45</t>
  </si>
  <si>
    <t>12/30/2019 09:22:14</t>
  </si>
  <si>
    <t>12/30/2019 09:22:26</t>
  </si>
  <si>
    <t>12/30/2019 09:22:28</t>
  </si>
  <si>
    <t>12/30/2019 09:22:31</t>
  </si>
  <si>
    <t>12/30/2019 09:22:41</t>
  </si>
  <si>
    <t>12/30/2019 09:23:21</t>
  </si>
  <si>
    <t>12/30/2019 09:23:33</t>
  </si>
  <si>
    <t>12/30/2019 09:19:43</t>
  </si>
  <si>
    <t>12/30/2019 09:25:28</t>
  </si>
  <si>
    <t>12/30/2019 09:20:43</t>
  </si>
  <si>
    <t>12/30/2019 09:22:40</t>
  </si>
  <si>
    <t>7098cb90-eb32-4879-9d1f-0519e8b4cb2a.tmp</t>
  </si>
  <si>
    <t>\\acsfs\profiles$\mariajra\Downloads\7098cb90-eb32-4879-9d1f-0519e8b4cb2a.tmp</t>
  </si>
  <si>
    <t>12/30/2019 09:23:43</t>
  </si>
  <si>
    <t>12/30/2019 09:26:29</t>
  </si>
  <si>
    <t>8bfef8e1-bdc4-4475-8857-12616731678b.tmp</t>
  </si>
  <si>
    <t>\\acsfs\profiles$\ayalabfi\Downloads\8bfef8e1-bdc4-4475-8857-12616731678b.tmp</t>
  </si>
  <si>
    <t>12/30/2019 09:23:31</t>
  </si>
  <si>
    <t>12/30/2019 09:27:29</t>
  </si>
  <si>
    <t>12/30/2019 09:25:49</t>
  </si>
  <si>
    <t>lu363123wvw7e.tmp</t>
  </si>
  <si>
    <t>\\acsfs\profiles$\LUCASBS\RENEG BV\lu363123wvw7e.tmp</t>
  </si>
  <si>
    <t>\\acsfs\profiles$\LUCASBS\RENEG BV\lu363123wvw7e.tmp\</t>
  </si>
  <si>
    <t>\\acsfs\profiles$\LUCASBS\RENEG BV\lu363123wvw7e.tmp\META-INF\</t>
  </si>
  <si>
    <t>\\acsfs\profiles$\LUCASBS\RENEG BV\lu363123wvw7e.tmp\Thumbnails\</t>
  </si>
  <si>
    <t>12/30/2019 09:26:00</t>
  </si>
  <si>
    <t>12/30/2019 09:27:40</t>
  </si>
  <si>
    <t>12/30/2019 09:28:29</t>
  </si>
  <si>
    <t>12/30/2019 09:22:59</t>
  </si>
  <si>
    <t>bb8e939d-064a-49bc-8b33-3273cfd55470.tmp</t>
  </si>
  <si>
    <t>\\acsfs\profiles$\LAISLG\Downloads\bb8e939d-064a-49bc-8b33-3273cfd55470.tmp</t>
  </si>
  <si>
    <t>12/30/2019 09:24:17</t>
  </si>
  <si>
    <t>12/30/2019 09:28:52</t>
  </si>
  <si>
    <t>12/30/2019 09:30:29</t>
  </si>
  <si>
    <t>12/30/2019 09:28:53</t>
  </si>
  <si>
    <t>lu246123wyp2t.tmp</t>
  </si>
  <si>
    <t>\\acsfs\profiles$\FLAVIOJMM\My Documents\lu246123wyp2t.tmp</t>
  </si>
  <si>
    <t>\\acsfs\profiles$\FLAVIOJMM\My Documents\lu246123wyp2t.tmp\</t>
  </si>
  <si>
    <t>12/30/2019 09:25:43</t>
  </si>
  <si>
    <t>12/30/2019 09:26:43</t>
  </si>
  <si>
    <t>\\acsfs\profiles$\FLAVIOJMM\My Documents\lu246123wyp2t.tmp\META-INF\</t>
  </si>
  <si>
    <t>\\acsfs\profiles$\FLAVIOJMM\My Documents\lu246123wyp2t.tmp\Thumbnails\</t>
  </si>
  <si>
    <t>12/30/2019 09:27:01</t>
  </si>
  <si>
    <t>bd atualizado.xlsx</t>
  </si>
  <si>
    <t>\\acsfs\DEPTOS\Operacao\PCP\5 - Comum\PLANEJAMENTO BV\14 - ACOMPANHAMENTO\1 - REPORT ACOMPANHAMENTO\2019\12 - Dezembro\FINANCEIRA\Login Logout Financeira\bd atualizado.xlsx</t>
  </si>
  <si>
    <t>12/30/2019 09:26:39</t>
  </si>
  <si>
    <t>12/30/2019 09:31:29</t>
  </si>
  <si>
    <t>643fc0cb-dfbd-44b7-a3f0-1c5e6387e7c3.tmp</t>
  </si>
  <si>
    <t>\\acsfs\profiles$\wedersonbadr\My Documents\My Music\643fc0cb-dfbd-44b7-a3f0-1c5e6387e7c3.tmp</t>
  </si>
  <si>
    <t>12/30/2019 09:27:21</t>
  </si>
  <si>
    <t>17a3ba5b-87c9-4ee1-9cc9-b5adddf8dcdd.tmp</t>
  </si>
  <si>
    <t>\\acsfs\profiles$\wedersonbadr\My Documents\My Music\17a3ba5b-87c9-4ee1-9cc9-b5adddf8dcdd.tmp</t>
  </si>
  <si>
    <t>12/30/2019 09:27:26</t>
  </si>
  <si>
    <t>5925da22-97de-452d-8e6b-0a664dc07400.tmp</t>
  </si>
  <si>
    <t>\\acsfs\profiles$\wedersonbadr\My Documents\My Music\5925da22-97de-452d-8e6b-0a664dc07400.tmp</t>
  </si>
  <si>
    <t>12/30/2019 09:30:12</t>
  </si>
  <si>
    <t>.~lock.Controle de Erros operacionais - Dezembro -ATUALIZADA.xlsb#</t>
  </si>
  <si>
    <t>\\acsfs\profiles$\wedersonbadr\Downloads\.~lock.Controle de Erros operacionais - Dezembro -ATUALIZADA.xlsb#</t>
  </si>
  <si>
    <t>12/30/2019 09:26:28</t>
  </si>
  <si>
    <t>4adf13c0-05be-48ec-a105-8f6fbf01a5a7.tmp</t>
  </si>
  <si>
    <t>\\acsfs\profiles$\ayalabfi\Downloads\4adf13c0-05be-48ec-a105-8f6fbf01a5a7.tmp</t>
  </si>
  <si>
    <t>12/30/2019 09:30:46</t>
  </si>
  <si>
    <t>12/30/2019 09:32:29</t>
  </si>
  <si>
    <t>1122a269-ada9-4966-a32b-434d55f0f79f.tmp</t>
  </si>
  <si>
    <t>\\acsfs\profiles$\gabrielarb\Downloads\1122a269-ada9-4966-a32b-434d55f0f79f.tmp</t>
  </si>
  <si>
    <t>12/30/2019 09:30:51</t>
  </si>
  <si>
    <t>12/30/2019 09:31:21</t>
  </si>
  <si>
    <t>12/30/2019 09:31:22</t>
  </si>
  <si>
    <t>lu70096a2i0u3.tmp</t>
  </si>
  <si>
    <t>\\acsfs\profiles$\jonatanls\My Documents\lu70096a2i0u3.tmp</t>
  </si>
  <si>
    <t>12/30/2019 09:31:49</t>
  </si>
  <si>
    <t>lu321723xo96r.tmp</t>
  </si>
  <si>
    <t>\\acsfs\profiles$\LUCASBS\RENEG BV\lu321723xo96r.tmp</t>
  </si>
  <si>
    <t>\\acsfs\profiles$\LUCASBS\RENEG BV\lu321723xo96r.tmp\</t>
  </si>
  <si>
    <t>\\acsfs\profiles$\LUCASBS\RENEG BV\lu321723xo96r.tmp\META-INF\</t>
  </si>
  <si>
    <t>\\acsfs\profiles$\LUCASBS\RENEG BV\lu321723xo96r.tmp\Thumbnails\</t>
  </si>
  <si>
    <t>12/30/2019 09:33:29</t>
  </si>
  <si>
    <t>19f6060e-3120-494a-96ae-9ece7ff563e3.tmp</t>
  </si>
  <si>
    <t>\\acsfs\profiles$\antoniosva\Downloads\19f6060e-3120-494a-96ae-9ece7ff563e3.tmp</t>
  </si>
  <si>
    <t>12/30/2019 09:30:03</t>
  </si>
  <si>
    <t>12/30/2019 09:34:29</t>
  </si>
  <si>
    <t>74-86-7A-FD-D6-20</t>
  </si>
  <si>
    <t>VOTORANT-MB017</t>
  </si>
  <si>
    <t>mariellecs</t>
  </si>
  <si>
    <t>\\acsfs\profiles$\mariellecs\Downloads\</t>
  </si>
  <si>
    <t>c5c3b329-499c-4caf-b477-73ad565a16b0.tmp</t>
  </si>
  <si>
    <t>\\acsfs\profiles$\mariellecs\Downloads\c5c3b329-499c-4caf-b477-73ad565a16b0.tmp</t>
  </si>
  <si>
    <t>12/30/2019 09:31:24</t>
  </si>
  <si>
    <t>ea6f0c60-9071-4231-b597-01a60e56c668.tmp</t>
  </si>
  <si>
    <t>\\acsfs\profiles$\mariellecs\Downloads\ea6f0c60-9071-4231-b597-01a60e56c668.tmp</t>
  </si>
  <si>
    <t>12/30/2019 09:32:11</t>
  </si>
  <si>
    <t>53d7b1fb-ce46-4ce5-a4c8-feba87a6b3b0.tmp</t>
  </si>
  <si>
    <t>\\acsfs\profiles$\mariellecs\Downloads\53d7b1fb-ce46-4ce5-a4c8-feba87a6b3b0.tmp</t>
  </si>
  <si>
    <t>12/30/2019 09:32:57</t>
  </si>
  <si>
    <t>4768410c-3bca-45b1-ad54-7504bf1ea4b0.tmp</t>
  </si>
  <si>
    <t>\\acsfs\profiles$\mariellecs\Downloads\4768410c-3bca-45b1-ad54-7504bf1ea4b0.tmp</t>
  </si>
  <si>
    <t>12/30/2019 09:32:41</t>
  </si>
  <si>
    <t>deb81494-7220-4ae4-be75-fd05eda9a972.tmp</t>
  </si>
  <si>
    <t>\\acsfs\profiles$\YASMINSC\Downloads\deb81494-7220-4ae4-be75-fd05eda9a972.tmp</t>
  </si>
  <si>
    <t>12/30/2019 09:30:34</t>
  </si>
  <si>
    <t>db8a3c42-c1b8-4ac7-bf82-c6b4888f2d9f.tmp</t>
  </si>
  <si>
    <t>\\acsfs\profiles$\leticiala\Downloads\db8a3c42-c1b8-4ac7-bf82-c6b4888f2d9f.tmp</t>
  </si>
  <si>
    <t>12/30/2019 09:30:35</t>
  </si>
  <si>
    <t>5f57fc8a-ce17-45bb-be3a-605ac6409943.tmp</t>
  </si>
  <si>
    <t>\\acsfs\profiles$\leticiala\Downloads\5f57fc8a-ce17-45bb-be3a-605ac6409943.tmp</t>
  </si>
  <si>
    <t>12/30/2019 09:31:43</t>
  </si>
  <si>
    <t>12/30/2019 09:35:29</t>
  </si>
  <si>
    <t>12/30/2019 09:32:43</t>
  </si>
  <si>
    <t>12/30/2019 09:30:41</t>
  </si>
  <si>
    <t>dfd2c3cc-379b-4a58-bb2e-e0cd6823b673.tmp</t>
  </si>
  <si>
    <t>\\acsfs\profiles$\claudiajca\Downloads\dfd2c3cc-379b-4a58-bb2e-e0cd6823b673.tmp</t>
  </si>
  <si>
    <t>12/30/2019 09:33:21</t>
  </si>
  <si>
    <t>2047a489-1b67-430f-b79e-d53485c593c8.tmp</t>
  </si>
  <si>
    <t>\\acsfs\profiles$\mariajra\Downloads\2047a489-1b67-430f-b79e-d53485c593c8.tmp</t>
  </si>
  <si>
    <t>12/30/2019 09:30:56</t>
  </si>
  <si>
    <t>Jaqueline Coimbra Perez_1_6770275575764431297_1_32.wav</t>
  </si>
  <si>
    <t>\\acsfs\Deptos\EDUCACAO EMPRESARIAL\FERNANDA MONIT\Ligação para Mutant terceiro Ciclo\Jaqueline Coimbra Perez_1_6770275575764431297_1_32.wav</t>
  </si>
  <si>
    <t>12/30/2019 09:35:09</t>
  </si>
  <si>
    <t>12/30/2019 09:36:29</t>
  </si>
  <si>
    <t>f1664881-71d7-4c6d-bb8b-7a969aecf1ed.tmp</t>
  </si>
  <si>
    <t>\\acsfs\profiles$\alessandraan\Downloads\f1664881-71d7-4c6d-bb8b-7a969aecf1ed.tmp</t>
  </si>
  <si>
    <t>12/30/2019 09:35:12</t>
  </si>
  <si>
    <t>ab98b370-f1ec-4455-a267-a6d2b19088da.tmp</t>
  </si>
  <si>
    <t>\\acsfs\profiles$\alessandraan\Downloads\ab98b370-f1ec-4455-a267-a6d2b19088da.tmp</t>
  </si>
  <si>
    <t>12/30/2019 09:35:14</t>
  </si>
  <si>
    <t>87e1cedb-6150-480a-9b5a-a2986dd4398f.tmp</t>
  </si>
  <si>
    <t>\\acsfs\profiles$\alessandraan\Downloads\87e1cedb-6150-480a-9b5a-a2986dd4398f.tmp</t>
  </si>
  <si>
    <t>12/30/2019 09:35:20</t>
  </si>
  <si>
    <t>97f535cb-a564-49d1-a3b7-5fda3d39f186.tmp</t>
  </si>
  <si>
    <t>\\acsfs\profiles$\alessandraan\Downloads\97f535cb-a564-49d1-a3b7-5fda3d39f186.tmp</t>
  </si>
  <si>
    <t>12/30/2019 09:35:19</t>
  </si>
  <si>
    <t>danielarsc@algartech.com.br;eliamardo@algartech.com.br;flaviamas@algartech.com.br;iarasp@algartech.com.br;jessicapdsi@algartech.com.br;jessicarr@algartech.com.br;pollyanafm@algartech.com.br;</t>
  </si>
  <si>
    <t>ENC: NEXT - Clientes Reenvio</t>
  </si>
  <si>
    <t>1TLMK_NEXT_2019-12-26 - LIMPA.xlsx</t>
  </si>
  <si>
    <t>danielarsc@algartech.com.br,eliamardo@algartech.com.br,flaviamas@algartech.com.br,iarasp@algartech.com.br,jessicapdsi@algartech.com.br,jessicarr@algartech.com.br,pollyanafm@algartech.com.br</t>
  </si>
  <si>
    <t>12/30/2019 09:36:42</t>
  </si>
  <si>
    <t>12/30/2019 09:37:29</t>
  </si>
  <si>
    <t>12/30/2019 09:31:59</t>
  </si>
  <si>
    <t>d61bca46-6e80-4e9b-9deb-7ba3c87b84db.tmp</t>
  </si>
  <si>
    <t>\\acsfs\profiles$\gabrielhca\Downloads\d61bca46-6e80-4e9b-9deb-7ba3c87b84db.tmp</t>
  </si>
  <si>
    <t>12/30/2019 09:36:00</t>
  </si>
  <si>
    <t>85866c5a-8615-4e03-acb3-a3533d70378f.tmp</t>
  </si>
  <si>
    <t>\\acsfs\profiles$\deborahsi\Downloads\85866c5a-8615-4e03-acb3-a3533d70378f.tmp</t>
  </si>
  <si>
    <t>12/30/2019 09:33:06</t>
  </si>
  <si>
    <t>22012 - UDI - WHIRLPOOL - P. A. DIGITAL ECOHOUSE JANEIRO 2020.xlsx</t>
  </si>
  <si>
    <t>12/30/2019 09:33:23</t>
  </si>
  <si>
    <t>12/30/2019 09:34:05</t>
  </si>
  <si>
    <t>12/30/2019 09:36:22</t>
  </si>
  <si>
    <t>12/30/2019 09:36:23</t>
  </si>
  <si>
    <t>lu321723xo96w.tmp</t>
  </si>
  <si>
    <t>\\acsfs\profiles$\LUCASBS\RENEG BV\lu321723xo96w.tmp</t>
  </si>
  <si>
    <t>\\acsfs\profiles$\LUCASBS\RENEG BV\lu321723xo96w.tmp\</t>
  </si>
  <si>
    <t>\\acsfs\profiles$\LUCASBS\RENEG BV\lu321723xo96w.tmp\META-INF\</t>
  </si>
  <si>
    <t>\\acsfs\profiles$\LUCASBS\RENEG BV\lu321723xo96w.tmp\Thumbnails\</t>
  </si>
  <si>
    <t>12/30/2019 09:35:16</t>
  </si>
  <si>
    <t>12/30/2019 09:38:30</t>
  </si>
  <si>
    <t>12/30/2019 09:33:27</t>
  </si>
  <si>
    <t>Faturas (30).xlsx</t>
  </si>
  <si>
    <t>12/30/2019 09:35:10</t>
  </si>
  <si>
    <t>12/30/2019 09:34:07</t>
  </si>
  <si>
    <t>12/30/2019 09:39:29</t>
  </si>
  <si>
    <t>1a1930e5-1e7f-4cec-9e77-37aa4dee0ddc.tmp</t>
  </si>
  <si>
    <t>\\acsfs\profiles$\mariellecs\Downloads\1a1930e5-1e7f-4cec-9e77-37aa4dee0ddc.tmp</t>
  </si>
  <si>
    <t>12/30/2019 09:34:16</t>
  </si>
  <si>
    <t>6a7b4900-e3af-481d-a77e-c7bf0defee1c.tmp</t>
  </si>
  <si>
    <t>\\acsfs\profiles$\mariellecs\Downloads\6a7b4900-e3af-481d-a77e-c7bf0defee1c.tmp</t>
  </si>
  <si>
    <t>12/30/2019 09:37:43</t>
  </si>
  <si>
    <t>12/30/2019 09:40:29</t>
  </si>
  <si>
    <t>12/30/2019 09:38:43</t>
  </si>
  <si>
    <t>12/30/2019 09:38:31</t>
  </si>
  <si>
    <t>12/30/2019 09:39:23</t>
  </si>
  <si>
    <t>12/30/2019 09:37:40</t>
  </si>
  <si>
    <t>a8c4ee2d-d4b1-443b-9bea-79af56648125.tmp</t>
  </si>
  <si>
    <t>\\acsfs\profiles$\mariliafplb\Downloads\a8c4ee2d-d4b1-443b-9bea-79af56648125.tmp</t>
  </si>
  <si>
    <t>12/30/2019 09:35:13</t>
  </si>
  <si>
    <t>12/30/2019 09:39:27</t>
  </si>
  <si>
    <t>12/30/2019 09:35:53</t>
  </si>
  <si>
    <t>Kellzylenne Aparecida Silva Rabelo_1_6771091181463998956_1_32.wav</t>
  </si>
  <si>
    <t>\\acsfs\Deptos\EDUCACAO EMPRESARIAL\FERNANDA MONIT\Ligação para Mutant terceiro Ciclo\Kellzylenne Aparecida Silva Rabelo_1_6771091181463998956_1_32.wav</t>
  </si>
  <si>
    <t>12/30/2019 09:36:35</t>
  </si>
  <si>
    <t>12/30/2019 09:41:29</t>
  </si>
  <si>
    <t>14faae08-a49f-43c6-abbd-1f129b4c571f.tmp</t>
  </si>
  <si>
    <t>\\acsfs\profiles$\alessandraan\Downloads\14faae08-a49f-43c6-abbd-1f129b4c571f.tmp</t>
  </si>
  <si>
    <t>12/30/2019 09:37:15</t>
  </si>
  <si>
    <t>12/30/2019 09:42:29</t>
  </si>
  <si>
    <t>12/30/2019 09:40:26</t>
  </si>
  <si>
    <t>0a68d7d9-a011-49ca-beb6-5a14290e8b72.tmp</t>
  </si>
  <si>
    <t>\\acsfs\profiles$\maxmillianosv\Downloads\0a68d7d9-a011-49ca-beb6-5a14290e8b72.tmp</t>
  </si>
  <si>
    <t>12/30/2019 09:38:26</t>
  </si>
  <si>
    <t>60178beb-c86b-4910-ba03-d2651cc8cfc9.tmp</t>
  </si>
  <si>
    <t>\\acsfs\profiles$\vivianealda\Downloads\60178beb-c86b-4910-ba03-d2651cc8cfc9.tmp</t>
  </si>
  <si>
    <t>12/30/2019 09:39:04</t>
  </si>
  <si>
    <t>lu321723xo971.tmp</t>
  </si>
  <si>
    <t>\\acsfs\profiles$\LUCASBS\RENEG BV\lu321723xo971.tmp</t>
  </si>
  <si>
    <t>\\acsfs\profiles$\LUCASBS\RENEG BV\lu321723xo971.tmp\</t>
  </si>
  <si>
    <t>\\acsfs\profiles$\LUCASBS\RENEG BV\lu321723xo971.tmp\META-INF\</t>
  </si>
  <si>
    <t>\\acsfs\profiles$\LUCASBS\RENEG BV\lu321723xo971.tmp\Thumbnails\</t>
  </si>
  <si>
    <t>12/30/2019 09:42:35</t>
  </si>
  <si>
    <t>12/30/2019 09:43:29</t>
  </si>
  <si>
    <t>12/30/2019 09:38:44</t>
  </si>
  <si>
    <t>12/30/2019 09:40:13</t>
  </si>
  <si>
    <t>12/30/2019 09:44:29</t>
  </si>
  <si>
    <t>10.200.67.175</t>
  </si>
  <si>
    <t>34-E6-D7-FC-B9-59</t>
  </si>
  <si>
    <t>VOTORANT-MB018</t>
  </si>
  <si>
    <t>inarajst</t>
  </si>
  <si>
    <t>\\acsfs\profiles$\inarajst\Downloads\</t>
  </si>
  <si>
    <t>cf0d0c3f-4b3f-41f8-976e-1a5480455b30.tmp</t>
  </si>
  <si>
    <t>\\acsfs\profiles$\inarajst\Downloads\cf0d0c3f-4b3f-41f8-976e-1a5480455b30.tmp</t>
  </si>
  <si>
    <t>12/30/2019 09:41:20</t>
  </si>
  <si>
    <t>f97b3558-d7c5-4419-851c-e0d46516ede0.tmp</t>
  </si>
  <si>
    <t>\\acsfs\profiles$\inarajst\Downloads\f97b3558-d7c5-4419-851c-e0d46516ede0.tmp</t>
  </si>
  <si>
    <t>12/30/2019 09:42:12</t>
  </si>
  <si>
    <t>bf699eb2-ea96-4555-84c2-b51fed46a38c.tmp</t>
  </si>
  <si>
    <t>\\acsfs\profiles$\inarajst\Downloads\bf699eb2-ea96-4555-84c2-b51fed46a38c.tmp</t>
  </si>
  <si>
    <t>12/30/2019 09:41:27</t>
  </si>
  <si>
    <t>12/30/2019 09:41:30</t>
  </si>
  <si>
    <t>12/30/2019 09:41:37</t>
  </si>
  <si>
    <t>12/30/2019 09:41:41</t>
  </si>
  <si>
    <t>12/30/2019 09:41:50</t>
  </si>
  <si>
    <t>12/30/2019 09:42:02</t>
  </si>
  <si>
    <t>12/30/2019 09:42:04</t>
  </si>
  <si>
    <t>12/30/2019 09:43:59</t>
  </si>
  <si>
    <t>C:\Users\nataliamam\Desktop\Squad Digital\Whats EH\Fraseologias\</t>
  </si>
  <si>
    <t>Fraseologias Bot Agendamento de MP.xlsx</t>
  </si>
  <si>
    <t>4a33edef9_u x-goog-authuser: 2 --=====qw04b2ahk26k=====-- ,ance,ances,ancest,ancestorhasaugmentedpermissions,bfcl9bbzwlcokwovru?opendrive=false&amp;reason=102&amp;synctype=0&amp;errorrecovery=false&amp;fields=kind,bfcl9bbzwlcokwovru?opendrive=false&amp;reason=1412&amp;synctype=0&amp;errorrecovery=false&amp;fields=kind,contain,contains,containsunsu,containsunsubscrib,containsunsubscribedchildren,copyable,de mp' and title contains 'xlsx' and trashed = false and '1r70535r-2sdyvcxic3etmthlskut-zhu' in parents&amp;fields=kind,displayname,domain,emailaddress,exp,explicitlytrashed,file(kind,fileid,filesize,hasthumbnail,hasvisitorpermissions,id,id),items(deleted,items(kind,items(kind�,ken,kind,ksh1shcig,lastmodifyinguser(kind,lastviewedbymedate,mimetype,modifiedbymedate,modifieddate,mp eh v2' and title contains 'pdf' and trashed = false and '1r70535r-2sdyvcxic3etmthlskut-zhu' in parents&amp;fields=kind,nextpagetoken,ontainsunsubscribedchildren,owners(kind,permi,permission,permissioni,permissionid,pic,pict,pictu,picture,quotabytesused,rpermissions,shar,shar</t>
  </si>
  <si>
    <t>12/30/2019 09:44:00</t>
  </si>
  <si>
    <t>Fraseologias Bot Confirmação de agenda.xlsx</t>
  </si>
  <si>
    <t>12/30/2019 09:41:03</t>
  </si>
  <si>
    <t>12/30/2019 09:45:29</t>
  </si>
  <si>
    <t>lu246123wyp32.tmp</t>
  </si>
  <si>
    <t>\\acsfs\profiles$\FLAVIOJMM\My Documents\lu246123wyp32.tmp</t>
  </si>
  <si>
    <t>\\acsfs\profiles$\FLAVIOJMM\My Documents\lu246123wyp32.tmp\</t>
  </si>
  <si>
    <t>\\acsfs\profiles$\FLAVIOJMM\My Documents\lu246123wyp32.tmp\META-INF\</t>
  </si>
  <si>
    <t>12/30/2019 09:43:43</t>
  </si>
  <si>
    <t>\\acsfs\profiles$\FLAVIOJMM\My Documents\lu246123wyp32.tmp\Thumbnails\</t>
  </si>
  <si>
    <t>12/30/2019 09:42:48</t>
  </si>
  <si>
    <t>lu18284u6z.tmp</t>
  </si>
  <si>
    <t>\\acsfs\profiles$\CLAUDIAJCA\lu18284u6z.tmp</t>
  </si>
  <si>
    <t>\\acsfs\profiles$\CLAUDIAJCA\lu18284u6z.tmp\</t>
  </si>
  <si>
    <t>\\acsfs\profiles$\CLAUDIAJCA\lu18284u6z.tmp\META-INF\</t>
  </si>
  <si>
    <t>\\acsfs\profiles$\CLAUDIAJCA\lu18284u6z.tmp\Thumbnails\</t>
  </si>
  <si>
    <t>12/30/2019 09:43:54</t>
  </si>
  <si>
    <t>12/30/2019 09:46:29</t>
  </si>
  <si>
    <t>12/30/2019 09:41:01</t>
  </si>
  <si>
    <t>12/26/2019 16:55:12</t>
  </si>
  <si>
    <t>Precificação PCP - SICOOB SAC.xlsx</t>
  </si>
  <si>
    <t>12/30/2019 09:41:35</t>
  </si>
  <si>
    <t>12/30/2019 09:41:58</t>
  </si>
  <si>
    <t>1TLMK_NEXT_2019-12-25 - LIMPA.xlsx</t>
  </si>
  <si>
    <t>12/30/2019 09:45:25</t>
  </si>
  <si>
    <t>c93b1edb-7672-4c8b-826a-bdf55c19d40d.tmp</t>
  </si>
  <si>
    <t>\\acsfs\profiles$\ALYNYA\Downloads\c93b1edb-7672-4c8b-826a-bdf55c19d40d.tmp</t>
  </si>
  <si>
    <t>12/30/2019 09:46:05</t>
  </si>
  <si>
    <t>12/30/2019 09:47:29</t>
  </si>
  <si>
    <t>919c408d-6da5-41a8-a448-95bb3f5fd30d.tmp</t>
  </si>
  <si>
    <t>\\acsfs\profiles$\lucasgpe\Downloads\919c408d-6da5-41a8-a448-95bb3f5fd30d.tmp</t>
  </si>
  <si>
    <t>12/30/2019 09:42:11</t>
  </si>
  <si>
    <t>a08e127f-aaca-4702-91db-94031ce4cd75.tmp</t>
  </si>
  <si>
    <t>\\acsfs\profiles$\maxmillianosv\Downloads\a08e127f-aaca-4702-91db-94031ce4cd75.tmp</t>
  </si>
  <si>
    <t>12/30/2019 09:42:15</t>
  </si>
  <si>
    <t>fa51faa4-de53-4bb9-bd95-9b3ac5cbfefc.tmp</t>
  </si>
  <si>
    <t>\\acsfs\profiles$\maxmillianosv\Downloads\fa51faa4-de53-4bb9-bd95-9b3ac5cbfefc.tmp</t>
  </si>
  <si>
    <t>12/30/2019 09:42:19</t>
  </si>
  <si>
    <t>b808ae6e-e911-4eb4-9385-b1cf6f35e19a.tmp</t>
  </si>
  <si>
    <t>\\acsfs\profiles$\maxmillianosv\Downloads\b808ae6e-e911-4eb4-9385-b1cf6f35e19a.tmp</t>
  </si>
  <si>
    <t>12/30/2019 09:42:27</t>
  </si>
  <si>
    <t>793edefa-01af-4b5d-8130-5fef526308e4.tmp</t>
  </si>
  <si>
    <t>\\acsfs\profiles$\maxmillianosv\Downloads\793edefa-01af-4b5d-8130-5fef526308e4.tmp</t>
  </si>
  <si>
    <t>12/30/2019 09:48:28</t>
  </si>
  <si>
    <t>elidapol@algartech.com.br;equipefabi@algartech.com.br;fabianapm@algartech.com;ideniraa@algartech.com.br;tecnicospj@algartech.com.br;</t>
  </si>
  <si>
    <t>RES: FILAS DE RETORNO</t>
  </si>
  <si>
    <t>elidapol@algartech.com.br,equipefabi@algartech.com.br,fabianapm@algartech.com,ideniraa@algartech.com.br,tecnicospj@algartech.com.br</t>
  </si>
  <si>
    <t>12/30/2019 09:46:24</t>
  </si>
  <si>
    <t>12/30/2019 09:49:29</t>
  </si>
  <si>
    <t>8775ebfa-bdfa-41c0-9bcb-5edd96deabb0.tmp</t>
  </si>
  <si>
    <t>\\acsfs\profiles$\leticiala\Downloads\8775ebfa-bdfa-41c0-9bcb-5edd96deabb0.tmp</t>
  </si>
  <si>
    <t>12/30/2019 09:46:30</t>
  </si>
  <si>
    <t>42590f1e-26e8-4cee-92b6-d9a0cd8d88f2.tmp</t>
  </si>
  <si>
    <t>\\acsfs\profiles$\leticiala\Downloads\42590f1e-26e8-4cee-92b6-d9a0cd8d88f2.tmp</t>
  </si>
  <si>
    <t>12/30/2019 09:46:52</t>
  </si>
  <si>
    <t>372576ca-3ee3-4c63-a2d7-b53502f3abb9.tmp</t>
  </si>
  <si>
    <t>\\acsfs\profiles$\leticiala\Downloads\372576ca-3ee3-4c63-a2d7-b53502f3abb9.tmp</t>
  </si>
  <si>
    <t>12/30/2019 09:47:02</t>
  </si>
  <si>
    <t>12/30/2019 09:48:02</t>
  </si>
  <si>
    <t>12/30/2019 09:48:38</t>
  </si>
  <si>
    <t>12/30/2019 09:50:28</t>
  </si>
  <si>
    <t>12/30/2019 09:44:43</t>
  </si>
  <si>
    <t>12/30/2019 09:48:39</t>
  </si>
  <si>
    <t>lu246123wyp37.tmp</t>
  </si>
  <si>
    <t>\\acsfs\profiles$\FLAVIOJMM\My Documents\lu246123wyp37.tmp</t>
  </si>
  <si>
    <t>\\acsfs\profiles$\FLAVIOJMM\My Documents\lu246123wyp37.tmp\</t>
  </si>
  <si>
    <t>\\acsfs\profiles$\FLAVIOJMM\My Documents\lu246123wyp37.tmp\META-INF\</t>
  </si>
  <si>
    <t>\\acsfs\profiles$\FLAVIOJMM\My Documents\lu246123wyp37.tmp\Thumbnails\</t>
  </si>
  <si>
    <t>12/30/2019 09:46:57</t>
  </si>
  <si>
    <t>2ad49755-03f9-4b10-8b97-bc7fc540531e.tmp</t>
  </si>
  <si>
    <t>\\acsfs\profiles$\inarajst\Downloads\2ad49755-03f9-4b10-8b97-bc7fc540531e.tmp</t>
  </si>
  <si>
    <t>12/30/2019 09:48:26</t>
  </si>
  <si>
    <t>c2c790fd-1856-4462-a904-e3c0456eeb14.tmp</t>
  </si>
  <si>
    <t>\\acsfs\profiles$\inarajst\Downloads\c2c790fd-1856-4462-a904-e3c0456eeb14.tmp</t>
  </si>
  <si>
    <t>12/30/2019 09:48:47</t>
  </si>
  <si>
    <t>23bf8070-bbcc-4985-8e78-9b7f60f10a35.tmp</t>
  </si>
  <si>
    <t>\\acsfs\profiles$\inarajst\Downloads\23bf8070-bbcc-4985-8e78-9b7f60f10a35.tmp</t>
  </si>
  <si>
    <t>12/30/2019 09:48:51</t>
  </si>
  <si>
    <t>b45dbee5-fa01-4303-abeb-7ed9c4d62cd4.tmp</t>
  </si>
  <si>
    <t>\\acsfs\profiles$\inarajst\Downloads\b45dbee5-fa01-4303-abeb-7ed9c4d62cd4.tmp</t>
  </si>
  <si>
    <t>12/30/2019 09:51:29</t>
  </si>
  <si>
    <t>MATHEUS HENRIQUE DOS SANTOS (13415).contact</t>
  </si>
  <si>
    <t>\\acsfs\profiles$\matheushds\Contacts\MATHEUS HENRIQUE DOS SANTOS (13415).contact</t>
  </si>
  <si>
    <t>12/30/2019 09:50:42</t>
  </si>
  <si>
    <t>12/30/2019 09:50:43</t>
  </si>
  <si>
    <t>12/30/2019 09:50:44</t>
  </si>
  <si>
    <t>12/30/2019 09:50:45</t>
  </si>
  <si>
    <t>12/30/2019 09:50:46</t>
  </si>
  <si>
    <t>12/30/2019 09:50:47</t>
  </si>
  <si>
    <t>12/30/2019 09:50:48</t>
  </si>
  <si>
    <t>12/30/2019 09:50:53</t>
  </si>
  <si>
    <t>12/30/2019 09:50:49</t>
  </si>
  <si>
    <t>12/30/2019 09:47:31</t>
  </si>
  <si>
    <t>12/30/2019 09:52:28</t>
  </si>
  <si>
    <t>d50b58ae-4295-4d50-98ed-89d7032bfb9e.tmp</t>
  </si>
  <si>
    <t>\\acsfs\profiles$\adelvinsonle\Downloads\d50b58ae-4295-4d50-98ed-89d7032bfb9e.tmp</t>
  </si>
  <si>
    <t>12/30/2019 09:48:10</t>
  </si>
  <si>
    <t>02e1e3e1-8649-43d3-98ba-4f918026314d.tmp</t>
  </si>
  <si>
    <t>\\acsfs\profiles$\henriquehmdo\Downloads\02e1e3e1-8649-43d3-98ba-4f918026314d.tmp</t>
  </si>
  <si>
    <t>12/30/2019 09:47:37</t>
  </si>
  <si>
    <t>lu321723xo976.tmp</t>
  </si>
  <si>
    <t>\\acsfs\profiles$\LUCASBS\RENEG BV\lu321723xo976.tmp</t>
  </si>
  <si>
    <t>\\acsfs\profiles$\LUCASBS\RENEG BV\lu321723xo976.tmp\</t>
  </si>
  <si>
    <t>\\acsfs\profiles$\LUCASBS\RENEG BV\lu321723xo976.tmp\META-INF\</t>
  </si>
  <si>
    <t>\\acsfs\profiles$\LUCASBS\RENEG BV\lu321723xo976.tmp\Thumbnails\</t>
  </si>
  <si>
    <t>12/30/2019 09:50:19</t>
  </si>
  <si>
    <t>12/30/2019 09:50:20</t>
  </si>
  <si>
    <t>lu321723xo97b.tmp</t>
  </si>
  <si>
    <t>\\acsfs\profiles$\LUCASBS\RENEG BV\lu321723xo97b.tmp</t>
  </si>
  <si>
    <t>\\acsfs\profiles$\LUCASBS\RENEG BV\lu321723xo97b.tmp\</t>
  </si>
  <si>
    <t>\\acsfs\profiles$\LUCASBS\RENEG BV\lu321723xo97b.tmp\META-INF\</t>
  </si>
  <si>
    <t>\\acsfs\profiles$\LUCASBS\RENEG BV\lu321723xo97b.tmp\Thumbnails\</t>
  </si>
  <si>
    <t>12/30/2019 09:50:22</t>
  </si>
  <si>
    <t>12/30/2019 09:50:23</t>
  </si>
  <si>
    <t>lu321723xo97g.tmp</t>
  </si>
  <si>
    <t>\\acsfs\profiles$\LUCASBS\RENEG BV\lu321723xo97g.tmp</t>
  </si>
  <si>
    <t>\\acsfs\profiles$\LUCASBS\RENEG BV\lu321723xo97g.tmp\</t>
  </si>
  <si>
    <t>\\acsfs\profiles$\LUCASBS\RENEG BV\lu321723xo97g.tmp\META-INF\</t>
  </si>
  <si>
    <t>\\acsfs\profiles$\LUCASBS\RENEG BV\lu321723xo97g.tmp\Thumbnails\</t>
  </si>
  <si>
    <t>12/30/2019 09:51:19</t>
  </si>
  <si>
    <t>12/30/2019 09:53:29</t>
  </si>
  <si>
    <t>TALITA SANTOS SILVA CASTRO (30051).contact</t>
  </si>
  <si>
    <t>\\acsfs\profiles$\talitassc\Contacts\TALITA SANTOS SILVA CASTRO (30051).contact</t>
  </si>
  <si>
    <t>12/30/2019 09:51:20</t>
  </si>
  <si>
    <t>12/30/2019 09:52:02</t>
  </si>
  <si>
    <t>12/30/2019 09:52:03</t>
  </si>
  <si>
    <t>12/30/2019 09:52:04</t>
  </si>
  <si>
    <t>12/30/2019 09:52:05</t>
  </si>
  <si>
    <t>12/30/2019 09:52:06</t>
  </si>
  <si>
    <t>12/30/2019 09:52:07</t>
  </si>
  <si>
    <t>12/30/2019 09:52:08</t>
  </si>
  <si>
    <t>12/30/2019 09:52:09</t>
  </si>
  <si>
    <t>12/30/2019 09:52:10</t>
  </si>
  <si>
    <t>12/30/2019 09:52:11</t>
  </si>
  <si>
    <t>12/30/2019 09:52:12</t>
  </si>
  <si>
    <t>12/30/2019 09:52:13</t>
  </si>
  <si>
    <t>12/30/2019 09:52:14</t>
  </si>
  <si>
    <t>12/30/2019 09:52:15</t>
  </si>
  <si>
    <t>12/30/2019 09:52:18</t>
  </si>
  <si>
    <t>12/30/2019 09:52:19</t>
  </si>
  <si>
    <t>12/30/2019 09:52:20</t>
  </si>
  <si>
    <t>12/30/2019 09:52:21</t>
  </si>
  <si>
    <t>12/30/2019 09:52:22</t>
  </si>
  <si>
    <t>12/30/2019 09:52:23</t>
  </si>
  <si>
    <t>12/30/2019 09:52:24</t>
  </si>
  <si>
    <t>12/30/2019 09:52:25</t>
  </si>
  <si>
    <t>12/30/2019 09:50:00</t>
  </si>
  <si>
    <t>12/30/2019 09:50:01</t>
  </si>
  <si>
    <t>12/30/2019 09:50:11</t>
  </si>
  <si>
    <t>12/30/2019 09:50:12</t>
  </si>
  <si>
    <t>875f74e0-fc50-43ec-99d7-f59e353e59b6.tmp</t>
  </si>
  <si>
    <t>\\acsfs\profiles$\sarahbal\Downloads\875f74e0-fc50-43ec-99d7-f59e353e59b6.tmp</t>
  </si>
  <si>
    <t>12/30/2019 09:53:02</t>
  </si>
  <si>
    <t>12/30/2019 09:54:29</t>
  </si>
  <si>
    <t>12/30/2019 09:54:02</t>
  </si>
  <si>
    <t>12/30/2019 09:49:44</t>
  </si>
  <si>
    <t>12/30/2019 09:55:28</t>
  </si>
  <si>
    <t>12/30/2019 09:51:10</t>
  </si>
  <si>
    <t>12/30/2019 09:53:44</t>
  </si>
  <si>
    <t>12/30/2019 09:53:53</t>
  </si>
  <si>
    <t>12/30/2019 09:54:03</t>
  </si>
  <si>
    <t>12/30/2019 09:54:18</t>
  </si>
  <si>
    <t>Fernando Freitas Silva_1_6770729351944145874_1_32.wav</t>
  </si>
  <si>
    <t>\\acsfs\Deptos\EDUCACAO EMPRESARIAL\FERNANDA MONIT\Ligação para Mutant terceiro Ciclo\Fernando Freitas Silva_1_6770729351944145874_1_32.wav</t>
  </si>
  <si>
    <t>12/30/2019 09:51:33</t>
  </si>
  <si>
    <t>12/30/2019 09:51:53</t>
  </si>
  <si>
    <t>12/30/2019 09:56:29</t>
  </si>
  <si>
    <t>12/30/2019 09:53:17</t>
  </si>
  <si>
    <t>12/30/2019 09:53:47</t>
  </si>
  <si>
    <t>12/30/2019 09:51:22</t>
  </si>
  <si>
    <t>12/30/2019 09:51:07</t>
  </si>
  <si>
    <t>12/30/2019 09:51:08</t>
  </si>
  <si>
    <t>12/30/2019 09:53:01</t>
  </si>
  <si>
    <t>cae244fc-c966-4f30-84ac-320585137625.tmp</t>
  </si>
  <si>
    <t>\\acsfs\profiles$\matheushds\Downloads\cae244fc-c966-4f30-84ac-320585137625.tmp</t>
  </si>
  <si>
    <t>35dabcf2-a44a-4139-a723-a833e25a8e53.tmp</t>
  </si>
  <si>
    <t>\\acsfs\profiles$\matheushds\Downloads\35dabcf2-a44a-4139-a723-a833e25a8e53.tmp</t>
  </si>
  <si>
    <t>12/30/2019 09:54:46</t>
  </si>
  <si>
    <t>f381ecf6-170c-409e-9666-69fb5ea5e2e3.tmp</t>
  </si>
  <si>
    <t>\\acsfs\profiles$\matheushds\Downloads\f381ecf6-170c-409e-9666-69fb5ea5e2e3.tmp</t>
  </si>
  <si>
    <t>12/30/2019 09:55:43</t>
  </si>
  <si>
    <t>9f0dd8ac-6f4d-4ef7-8af4-f885e174e6e9.tmp</t>
  </si>
  <si>
    <t>\\acsfs\profiles$\matheushds\Downloads\9f0dd8ac-6f4d-4ef7-8af4-f885e174e6e9.tmp</t>
  </si>
  <si>
    <t>12/30/2019 09:52:29</t>
  </si>
  <si>
    <t>12/30/2019 09:57:28</t>
  </si>
  <si>
    <t>12/30/2019 09:53:34</t>
  </si>
  <si>
    <t>lu168722jg4up.tmp</t>
  </si>
  <si>
    <t>\\acsfs\profiles$\dhiulliananads\My Documents\lu168722jg4up.tmp</t>
  </si>
  <si>
    <t>\\acsfs\profiles$\dhiulliananads\My Documents\lu168722jg4up.tmp\</t>
  </si>
  <si>
    <t>\\acsfs\profiles$\dhiulliananads\My Documents\lu168722jg4up.tmp\META-INF\</t>
  </si>
  <si>
    <t>\\acsfs\profiles$\dhiulliananads\My Documents\lu168722jg4up.tmp\Thumbnails\</t>
  </si>
  <si>
    <t>12/30/2019 09:54:17</t>
  </si>
  <si>
    <t>lu168722jg4uv.tmp</t>
  </si>
  <si>
    <t>\\acsfs\profiles$\dhiulliananads\My Documents\lu168722jg4uv.tmp</t>
  </si>
  <si>
    <t>\\acsfs\profiles$\dhiulliananads\My Documents\lu168722jg4uv.tmp\</t>
  </si>
  <si>
    <t>\\acsfs\profiles$\dhiulliananads\My Documents\lu168722jg4uv.tmp\META-INF\</t>
  </si>
  <si>
    <t>\\acsfs\profiles$\dhiulliananads\My Documents\lu168722jg4uv.tmp\Thumbnails\</t>
  </si>
  <si>
    <t>12/30/2019 09:55:05</t>
  </si>
  <si>
    <t>lu168722jg4v1.tmp</t>
  </si>
  <si>
    <t>\\acsfs\profiles$\dhiulliananads\My Documents\lu168722jg4v1.tmp</t>
  </si>
  <si>
    <t>\\acsfs\profiles$\dhiulliananads\My Documents\lu168722jg4v1.tmp\</t>
  </si>
  <si>
    <t>\\acsfs\profiles$\dhiulliananads\My Documents\lu168722jg4v1.tmp\META-INF\</t>
  </si>
  <si>
    <t>\\acsfs\profiles$\dhiulliananads\My Documents\lu168722jg4v1.tmp\Thumbnails\</t>
  </si>
  <si>
    <t>12/30/2019 09:56:24</t>
  </si>
  <si>
    <t>f08726c9-c9f9-48a6-9423-8ed88dfc2753.tmp</t>
  </si>
  <si>
    <t>\\acsfs\profiles$\maxmillianosv\Downloads\f08726c9-c9f9-48a6-9423-8ed88dfc2753.tmp</t>
  </si>
  <si>
    <t>12/30/2019 09:52:36</t>
  </si>
  <si>
    <t>754fba4f-ab04-47ca-8d42-adf363f80fd4.tmp</t>
  </si>
  <si>
    <t>\\acsfs\profiles$\marcellewdl\Downloads\754fba4f-ab04-47ca-8d42-adf363f80fd4.tmp</t>
  </si>
  <si>
    <t>12/30/2019 09:52:42</t>
  </si>
  <si>
    <t>ad85b2d4-9511-441f-ab55-849c2f552252.tmp</t>
  </si>
  <si>
    <t>\\acsfs\profiles$\marcellewdl\Downloads\ad85b2d4-9511-441f-ab55-849c2f552252.tmp</t>
  </si>
  <si>
    <t>12/30/2019 09:55:12</t>
  </si>
  <si>
    <t>aa843e22-1a83-4fad-a241-fc30576f2e9b.tmp</t>
  </si>
  <si>
    <t>\\acsfs\profiles$\marcellewdl\Downloads\aa843e22-1a83-4fad-a241-fc30576f2e9b.tmp</t>
  </si>
  <si>
    <t>12/30/2019 09:56:15</t>
  </si>
  <si>
    <t>249cc209-9650-43b7-83d9-8f526e9d574e.tmp</t>
  </si>
  <si>
    <t>\\acsfs\profiles$\marcellewdl\Downloads\249cc209-9650-43b7-83d9-8f526e9d574e.tmp</t>
  </si>
  <si>
    <t>12/30/2019 09:53:27</t>
  </si>
  <si>
    <t>12/30/2019 09:58:29</t>
  </si>
  <si>
    <t>12/30/2019 09:53:28</t>
  </si>
  <si>
    <t>12/30/2019 09:57:24</t>
  </si>
  <si>
    <t>12/30/2019 09:57:47</t>
  </si>
  <si>
    <t>016164c4-4006-4777-88e5-503e6938c30c.tmp</t>
  </si>
  <si>
    <t>\\acsfs\profiles$\sarahbal\Downloads\016164c4-4006-4777-88e5-503e6938c30c.tmp</t>
  </si>
  <si>
    <t>12/30/2019 09:54:42</t>
  </si>
  <si>
    <t>12/30/2019 09:59:28</t>
  </si>
  <si>
    <t>12/30/2019 09:59:02</t>
  </si>
  <si>
    <t>12/30/2019 10:00:28</t>
  </si>
  <si>
    <t>12/30/2019 09:56:43</t>
  </si>
  <si>
    <t>12/30/2019 09:55:50</t>
  </si>
  <si>
    <t>12/30/2019 09:57:05</t>
  </si>
  <si>
    <t>e81ef67a-c143-41c7-aa8b-2dcb26aee444.tmp</t>
  </si>
  <si>
    <t>\\acsfs\profiles$\mariliafplb\Downloads\e81ef67a-c143-41c7-aa8b-2dcb26aee444.tmp</t>
  </si>
  <si>
    <t>12/30/2019 09:59:52</t>
  </si>
  <si>
    <t>\\acsfs\Deptos\EDUCACAO EMPRESARIAL\FERNANDA MONIT\Fernanda\</t>
  </si>
  <si>
    <t>\\acsfs\Deptos\EDUCACAO EMPRESARIAL\2 - Operações\0.01 BV CARTÕES\Larisa\ILHA FLAG - ATUALIZADO Flag Contestação de Despesas.pdf</t>
  </si>
  <si>
    <t>12/30/2019 09:56:13</t>
  </si>
  <si>
    <t>12/30/2019 10:01:29</t>
  </si>
  <si>
    <t>12/30/2019 09:56:14</t>
  </si>
  <si>
    <t>12/30/2019 09:57:53</t>
  </si>
  <si>
    <t>12/30/2019 09:57:54</t>
  </si>
  <si>
    <t>12/30/2019 09:58:59</t>
  </si>
  <si>
    <t>12/30/2019 10:02:29</t>
  </si>
  <si>
    <t>12/30/2019 09:58:38</t>
  </si>
  <si>
    <t>e712da60-1274-41e1-9e5a-05538d1292ec.tmp</t>
  </si>
  <si>
    <t>\\acsfs\profiles$\vivianealda\Downloads\e712da60-1274-41e1-9e5a-05538d1292ec.tmp</t>
  </si>
  <si>
    <t>12/30/2019 10:01:05</t>
  </si>
  <si>
    <t>12/30/2019 10:01:06</t>
  </si>
  <si>
    <t>lu321723xo97p.tmp</t>
  </si>
  <si>
    <t>\\acsfs\profiles$\LUCASBS\RENEG BV\lu321723xo97p.tmp</t>
  </si>
  <si>
    <t>\\acsfs\profiles$\LUCASBS\RENEG BV\lu321723xo97p.tmp\</t>
  </si>
  <si>
    <t>\\acsfs\profiles$\LUCASBS\RENEG BV\lu321723xo97p.tmp\META-INF\</t>
  </si>
  <si>
    <t>\\acsfs\profiles$\LUCASBS\RENEG BV\lu321723xo97p.tmp\Thumbnails\</t>
  </si>
  <si>
    <t>12/30/2019 10:02:38</t>
  </si>
  <si>
    <t>12/30/2019 10:03:28</t>
  </si>
  <si>
    <t>12/30/2019 10:00:21</t>
  </si>
  <si>
    <t>12/30/2019 10:04:29</t>
  </si>
  <si>
    <t>CPF 85098868653 - OPERADORA ADRIELY APARECIDA SILVA_1_6772576724752346369_1_32.wav</t>
  </si>
  <si>
    <t>\\acsfs\Deptos\EDUCACAO EMPRESARIAL\KÉSIA\Ligações 3º ciclo - Késia\CPF 85098868653 - OPERADORA ADRIELY APARECIDA SILVA_1_6772576724752346369_1_32.wav</t>
  </si>
  <si>
    <t>12/30/2019 10:00:02</t>
  </si>
  <si>
    <t>12/30/2019 10:01:44</t>
  </si>
  <si>
    <t>12/30/2019 10:05:28</t>
  </si>
  <si>
    <t>12/30/2019 10:02:43</t>
  </si>
  <si>
    <t>12/30/2019 09:59:54</t>
  </si>
  <si>
    <t>lu246123wyp3g.tmp</t>
  </si>
  <si>
    <t>\\acsfs\profiles$\FLAVIOJMM\My Documents\lu246123wyp3g.tmp</t>
  </si>
  <si>
    <t>\\acsfs\profiles$\FLAVIOJMM\My Documents\lu246123wyp3g.tmp\</t>
  </si>
  <si>
    <t>\\acsfs\profiles$\FLAVIOJMM\My Documents\lu246123wyp3g.tmp\META-INF\</t>
  </si>
  <si>
    <t>\\acsfs\profiles$\FLAVIOJMM\My Documents\lu246123wyp3g.tmp\Thumbnails\</t>
  </si>
  <si>
    <t>12/30/2019 10:03:52</t>
  </si>
  <si>
    <t>lu246123wyp3l.tmp</t>
  </si>
  <si>
    <t>\\acsfs\profiles$\FLAVIOJMM\My Documents\lu246123wyp3l.tmp</t>
  </si>
  <si>
    <t>\\acsfs\profiles$\FLAVIOJMM\My Documents\lu246123wyp3l.tmp\</t>
  </si>
  <si>
    <t>\\acsfs\profiles$\FLAVIOJMM\My Documents\lu246123wyp3l.tmp\META-INF\</t>
  </si>
  <si>
    <t>\\acsfs\profiles$\FLAVIOJMM\My Documents\lu246123wyp3l.tmp\Thumbnails\</t>
  </si>
  <si>
    <t>12/30/2019 10:01:14</t>
  </si>
  <si>
    <t>\\acsfs\Deptos\EDUCACAO EMPRESARIAL\2 - Operações\0.01 BV CARTÕES\Larisa\</t>
  </si>
  <si>
    <t>\\acsfs\Deptos\EDUCACAO EMPRESARIAL\2 - Operações\0.01 BV CARTÕES\Larisa\Thumbs.db</t>
  </si>
  <si>
    <t>12/30/2019 10:02:41</t>
  </si>
  <si>
    <t>22058da0-2331-41ab-8f8e-22f355b3cf31.tmp</t>
  </si>
  <si>
    <t>\\acsfs\profiles$\inarajst\Downloads\22058da0-2331-41ab-8f8e-22f355b3cf31.tmp</t>
  </si>
  <si>
    <t>12/30/2019 10:04:34</t>
  </si>
  <si>
    <t>12/30/2019 10:06:29</t>
  </si>
  <si>
    <t>12/30/2019 10:05:41</t>
  </si>
  <si>
    <t>6f1cd120-cb91-4c08-9b41-e42c8007fa76.tmp</t>
  </si>
  <si>
    <t>\\acsfs\profiles$\quindaizaagds\Downloads\6f1cd120-cb91-4c08-9b41-e42c8007fa76.tmp</t>
  </si>
  <si>
    <t>12/30/2019 10:02:55</t>
  </si>
  <si>
    <t>75159fa0-fc60-4b73-9f9f-95577a5d893b.tmp</t>
  </si>
  <si>
    <t>\\acsfs\profiles$\ayalabfi\Downloads\75159fa0-fc60-4b73-9f9f-95577a5d893b.tmp</t>
  </si>
  <si>
    <t>12/30/2019 10:03:06</t>
  </si>
  <si>
    <t>12/30/2019 10:02:12</t>
  </si>
  <si>
    <t>12/30/2019 10:07:29</t>
  </si>
  <si>
    <t>12/30/2019 10:05:01</t>
  </si>
  <si>
    <t>12/30/2019 10:05:03</t>
  </si>
  <si>
    <t>12/30/2019 10:09:29</t>
  </si>
  <si>
    <t>12/30/2019 10:06:03</t>
  </si>
  <si>
    <t>12/30/2019 10:07:43</t>
  </si>
  <si>
    <t>12/30/2019 10:10:29</t>
  </si>
  <si>
    <t>12/30/2019 10:08:43</t>
  </si>
  <si>
    <t>12/30/2019 10:07:53</t>
  </si>
  <si>
    <t>12/30/2019 10:07:54</t>
  </si>
  <si>
    <t>lu246123wyp3q.tmp</t>
  </si>
  <si>
    <t>\\acsfs\profiles$\FLAVIOJMM\My Documents\lu246123wyp3q.tmp</t>
  </si>
  <si>
    <t>\\acsfs\profiles$\FLAVIOJMM\My Documents\lu246123wyp3q.tmp\</t>
  </si>
  <si>
    <t>\\acsfs\profiles$\FLAVIOJMM\My Documents\lu246123wyp3q.tmp\META-INF\</t>
  </si>
  <si>
    <t>\\acsfs\profiles$\FLAVIOJMM\My Documents\lu246123wyp3q.tmp\Thumbnails\</t>
  </si>
  <si>
    <t>12/30/2019 10:06:42</t>
  </si>
  <si>
    <t>12/30/2019 10:07:00</t>
  </si>
  <si>
    <t>12/30/2019 10:07:22</t>
  </si>
  <si>
    <t>12/30/2019 10:05:29</t>
  </si>
  <si>
    <t>/o=exchangelabs/ou=exchange administrative group (fydibohf23spdlt)/cn=recipients/cn=fa97b4f41f6b44568346ac119cf955ae-pablo henri;denisemso@algartech.com.br;fabiolacc@algartech.com;karitacsm@algartech.com.br;lilianbcr@algartech.com;pabloho@algartech.com.br;pauladff@algartech.com.br;rafaelaas@algartech.com;thaisbrs@algartech.com.br;</t>
  </si>
  <si>
    <t>RES: Reunião com Fraude - Avaliar processos PF</t>
  </si>
  <si>
    <t>Árvore Mesa de Decisão.xlsx</t>
  </si>
  <si>
    <t>/o=exchangelabs/ou=exchange administrative group (fydibohf23spdlt)/cn=recipients/cn=fa97b4f41f6b44568346ac119cf955ae-pablo henri,denisemso@algartech.com.br,fabiolacc@algartech.com,karitacsm@algartech.com.br,lilianbcr@algartech.com,pabloho@algartech.com.br,pauladff@algartech.com.br,rafaelaas@algartech.com,thaisbrs@algartech.com.br</t>
  </si>
  <si>
    <t>12/30/2019 10:08:07</t>
  </si>
  <si>
    <t>12/30/2019 10:07:13</t>
  </si>
  <si>
    <t>12/30/2019 10:11:29</t>
  </si>
  <si>
    <t>Holerite_122019_2106151.pdf.7t3wt9z.partial</t>
  </si>
  <si>
    <t>\\acsfs\profiles$\monicargds\Downloads\Holerite_122019_2106151.pdf.7t3wt9z.partial</t>
  </si>
  <si>
    <t>12/30/2019 10:08:45</t>
  </si>
  <si>
    <t>12/30/2019 10:12:29</t>
  </si>
  <si>
    <t>10.200.35.136</t>
  </si>
  <si>
    <t>12/30/2019 10:09:01</t>
  </si>
  <si>
    <t>12/30/2019 10:09:15</t>
  </si>
  <si>
    <t>EXTRATO CARTÃO 01.xlsx</t>
  </si>
  <si>
    <t>12/30/2019 10:09:26</t>
  </si>
  <si>
    <t>Cópia de HUGO_ORÇAMENTO_2019-NB-HUGOOC 5.xlsm</t>
  </si>
  <si>
    <t>12/30/2019 10:09:27</t>
  </si>
  <si>
    <t>C:\Users\hugooc\OneDrive\Documentos\FINANCEIRO\12 - DEZEMBRO\</t>
  </si>
  <si>
    <t>12/30/2019 10:11:25</t>
  </si>
  <si>
    <t>\\acsfs\profiles$\tainaralg\My Documents\My Music\Thumbs.db</t>
  </si>
  <si>
    <t>12/30/2019 10:11:04</t>
  </si>
  <si>
    <t>12/30/2019 10:11:05</t>
  </si>
  <si>
    <t>lu321723xo97u.tmp</t>
  </si>
  <si>
    <t>\\acsfs\profiles$\LUCASBS\RENEG BV\lu321723xo97u.tmp</t>
  </si>
  <si>
    <t>\\acsfs\profiles$\LUCASBS\RENEG BV\lu321723xo97u.tmp\</t>
  </si>
  <si>
    <t>\\acsfs\profiles$\LUCASBS\RENEG BV\lu321723xo97u.tmp\META-INF\</t>
  </si>
  <si>
    <t>\\acsfs\profiles$\LUCASBS\RENEG BV\lu321723xo97u.tmp\Thumbnails\</t>
  </si>
  <si>
    <t>12/30/2019 10:11:16</t>
  </si>
  <si>
    <t>12/30/2019 10:12:12</t>
  </si>
  <si>
    <t>12/30/2019 10:13:29</t>
  </si>
  <si>
    <t>12/30/2019 10:09:51</t>
  </si>
  <si>
    <t>12/30/2019 10:14:29</t>
  </si>
  <si>
    <t>12/30/2019 10:11:03</t>
  </si>
  <si>
    <t>12/30/2019 10:12:03</t>
  </si>
  <si>
    <t>12/30/2019 10:09:48</t>
  </si>
  <si>
    <t>12/30/2019 10:09:59</t>
  </si>
  <si>
    <t>74bd58e0-ad61-4ca6-b0fd-4f5f49465034.tmp</t>
  </si>
  <si>
    <t>\\acsfs\profiles$\mariliafplb\Downloads\74bd58e0-ad61-4ca6-b0fd-4f5f49465034.tmp</t>
  </si>
  <si>
    <t>12/30/2019 10:10:32</t>
  </si>
  <si>
    <t>5419beb0-9c0b-41ec-85cf-cf0ccdfadc51.tmp</t>
  </si>
  <si>
    <t>\\acsfs\profiles$\mariliafplb\Downloads\5419beb0-9c0b-41ec-85cf-cf0ccdfadc51.tmp</t>
  </si>
  <si>
    <t>12/30/2019 10:10:36</t>
  </si>
  <si>
    <t>3b63ab1f-38d4-41cb-96c2-0623cb3d3a46.tmp</t>
  </si>
  <si>
    <t>\\acsfs\profiles$\mariliafplb\Downloads\3b63ab1f-38d4-41cb-96c2-0623cb3d3a46.tmp</t>
  </si>
  <si>
    <t>12/30/2019 10:13:43</t>
  </si>
  <si>
    <t>12/30/2019 10:15:29</t>
  </si>
  <si>
    <t>12/30/2019 10:11:58</t>
  </si>
  <si>
    <t>4ea8564d-737b-49f2-8854-c4a27c3101e5.tmp</t>
  </si>
  <si>
    <t>\\acsfs\profiles$\mariajra\Downloads\4ea8564d-737b-49f2-8854-c4a27c3101e5.tmp</t>
  </si>
  <si>
    <t>12/30/2019 10:12:06</t>
  </si>
  <si>
    <t>99e9446b-f0ac-4444-970d-7183db5c7b96.tmp</t>
  </si>
  <si>
    <t>\\acsfs\profiles$\mariajra\Downloads\99e9446b-f0ac-4444-970d-7183db5c7b96.tmp</t>
  </si>
  <si>
    <t>12/30/2019 10:14:21</t>
  </si>
  <si>
    <t>12/30/2019 10:11:02</t>
  </si>
  <si>
    <t>nathaliarmr</t>
  </si>
  <si>
    <t>\\acsfs\profiles$\nathaliarmr\Downloads\</t>
  </si>
  <si>
    <t>99a485dd-5f25-4ad9-bfd6-ec66b1ac8a48.tmp</t>
  </si>
  <si>
    <t>\\acsfs\profiles$\nathaliarmr\Downloads\99a485dd-5f25-4ad9-bfd6-ec66b1ac8a48.tmp</t>
  </si>
  <si>
    <t>12/30/2019 10:12:51</t>
  </si>
  <si>
    <t>8ad9aa5f-bbb8-479b-ab26-d39c5e5ea16a.tmp</t>
  </si>
  <si>
    <t>\\acsfs\profiles$\nathaliarmr\Downloads\8ad9aa5f-bbb8-479b-ab26-d39c5e5ea16a.tmp</t>
  </si>
  <si>
    <t>12/30/2019 10:15:31</t>
  </si>
  <si>
    <t>12/30/2019 10:16:29</t>
  </si>
  <si>
    <t>3fe141b7-476b-42f9-8b8f-a99086ca68f4.tmp</t>
  </si>
  <si>
    <t>\\acsfs\profiles$\milenaas\Downloads\3fe141b7-476b-42f9-8b8f-a99086ca68f4.tmp</t>
  </si>
  <si>
    <t>12/30/2019 10:14:00</t>
  </si>
  <si>
    <t>12/30/2019 10:17:30</t>
  </si>
  <si>
    <t>12/30/2019 10:13:47</t>
  </si>
  <si>
    <t>12/30/2019 10:15:27</t>
  </si>
  <si>
    <t>12/30/2019 10:15:28</t>
  </si>
  <si>
    <t>lu277003zdp1k.tmp</t>
  </si>
  <si>
    <t>\\acsfs\profiles$\LUCASBS\RENEG BV\lu277003zdp1k.tmp</t>
  </si>
  <si>
    <t>\\acsfs\profiles$\LUCASBS\RENEG BV\lu277003zdp1k.tmp\</t>
  </si>
  <si>
    <t>\\acsfs\profiles$\LUCASBS\RENEG BV\lu277003zdp1k.tmp\META-INF\</t>
  </si>
  <si>
    <t>\\acsfs\profiles$\LUCASBS\RENEG BV\lu277003zdp1k.tmp\Thumbnails\</t>
  </si>
  <si>
    <t>12/30/2019 10:17:04</t>
  </si>
  <si>
    <t>6d70e320-4694-4b66-8501-942e959c2929.tmp</t>
  </si>
  <si>
    <t>\\acsfs\profiles$\LUCASBS\Downloads\6d70e320-4694-4b66-8501-942e959c2929.tmp</t>
  </si>
  <si>
    <t>12/30/2019 10:17:43</t>
  </si>
  <si>
    <t>12/30/2019 10:18:29</t>
  </si>
  <si>
    <t>12/30/2019 10:18:28</t>
  </si>
  <si>
    <t>12/30/2019 10:19:29</t>
  </si>
  <si>
    <t>\\acsfs\Deptos\EDUCACAO EMPRESARIAL\KÉSIA\LIGAÇÕES 1220\CPF 85098868653 - OPERADORA ADRIELY APARECIDA SILVA_1_6772576724752346369_1_32.wav</t>
  </si>
  <si>
    <t>12/30/2019 10:17:36</t>
  </si>
  <si>
    <t>12/30/2019 10:17:03</t>
  </si>
  <si>
    <t>12/30/2019 10:18:03</t>
  </si>
  <si>
    <t>12/30/2019 10:18:06</t>
  </si>
  <si>
    <t>eea0616a-a30f-4154-8adf-109629273064.tmp</t>
  </si>
  <si>
    <t>\\acsfs\profiles$\mariliafplb\Downloads\eea0616a-a30f-4154-8adf-109629273064.tmp</t>
  </si>
  <si>
    <t>12/30/2019 10:18:11</t>
  </si>
  <si>
    <t>fb0372cc-b433-42ad-bc9b-00ab24ca9393.tmp</t>
  </si>
  <si>
    <t>\\acsfs\profiles$\mariliafplb\Downloads\fb0372cc-b433-42ad-bc9b-00ab24ca9393.tmp</t>
  </si>
  <si>
    <t>12/30/2019 10:14:43</t>
  </si>
  <si>
    <t>12/30/2019 10:20:29</t>
  </si>
  <si>
    <t>12/30/2019 10:14:49</t>
  </si>
  <si>
    <t>C:\Users\nataliamam\Desktop\Dê asas\</t>
  </si>
  <si>
    <t>DT Canais Digitais_Consolidado.xlsx</t>
  </si>
  <si>
    <t>ance,ances,ancest,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,pict,pictu,picture,quotabytesused,rpermissions,shared,sharedwithmedate,thumbnailversi,thumbnailversion,title,userpermission(role),workspaceids</t>
  </si>
  <si>
    <t>12/30/2019 10:18:15</t>
  </si>
  <si>
    <t>12/30/2019 10:16:04</t>
  </si>
  <si>
    <t>12/30/2019 10:21:29</t>
  </si>
  <si>
    <t>12/30/2019 10:16:22</t>
  </si>
  <si>
    <t>12/30/2019 10:16:24</t>
  </si>
  <si>
    <t>C:\Users\brunocs\Desktop\Caixa\RPF Caixa\BP 26-12\</t>
  </si>
  <si>
    <t>YOUSE - SP (2).xlsb</t>
  </si>
  <si>
    <t>C:\Users\brunocs\Desktop\Caixa\RPF Caixa\BP 26-12\YOUSE - SP (2).xlsb\</t>
  </si>
  <si>
    <t>12/30/2019 10:20:31</t>
  </si>
  <si>
    <t>12/30/2019 10:20:08</t>
  </si>
  <si>
    <t>12/30/2019 10:22:29</t>
  </si>
  <si>
    <t>9fb1583a-c372-44d4-976f-18f4588ce764.tmp</t>
  </si>
  <si>
    <t>\\acsfs\profiles$\wenderbnm\Downloads\9fb1583a-c372-44d4-976f-18f4588ce764.tmp</t>
  </si>
  <si>
    <t>12/30/2019 10:19:18</t>
  </si>
  <si>
    <t>38564b64-3dac-4b88-b660-40e6a7d1c50e.tmp</t>
  </si>
  <si>
    <t>\\acsfs\profiles$\nayarasds\Downloads\38564b64-3dac-4b88-b660-40e6a7d1c50e.tmp</t>
  </si>
  <si>
    <t>12/30/2019 10:22:05</t>
  </si>
  <si>
    <t>12/30/2019 10:23:29</t>
  </si>
  <si>
    <t>21d8acd7-684c-4764-92df-f72b86fb3b49.tmp</t>
  </si>
  <si>
    <t>\\acsfs\profiles$\ANAPDSB\Downloads\21d8acd7-684c-4764-92df-f72b86fb3b49.tmp</t>
  </si>
  <si>
    <t>12/30/2019 10:22:13</t>
  </si>
  <si>
    <t>Q29udHJvbGxlci5DYWxjdWxhZG9yYURlVmVuY2lt (22).ica</t>
  </si>
  <si>
    <t>\\acsfs\profiles$\ANAPDSB\Downloads\Q29udHJvbGxlci5DYWxjdWxhZG9yYURlVmVuY2lt (22).ica</t>
  </si>
  <si>
    <t>12/30/2019 10:23:22</t>
  </si>
  <si>
    <t>12/30/2019 10:24:29</t>
  </si>
  <si>
    <t>84837d69-971d-45e4-aff2-ae553f6e3c38.tmp</t>
  </si>
  <si>
    <t>\\acsfs\profiles$\isabellegtds\Downloads\84837d69-971d-45e4-aff2-ae553f6e3c38.tmp</t>
  </si>
  <si>
    <t>12/30/2019 10:23:03</t>
  </si>
  <si>
    <t>12/30/2019 10:24:03</t>
  </si>
  <si>
    <t>12/30/2019 10:19:43</t>
  </si>
  <si>
    <t>12/30/2019 10:25:29</t>
  </si>
  <si>
    <t>12/30/2019 10:20:43</t>
  </si>
  <si>
    <t>12/30/2019 10:23:05</t>
  </si>
  <si>
    <t>lu18284u7g.tmp</t>
  </si>
  <si>
    <t>\\acsfs\profiles$\CLAUDIAJCA\lu18284u7g.tmp</t>
  </si>
  <si>
    <t>\\acsfs\profiles$\CLAUDIAJCA\lu18284u7g.tmp\</t>
  </si>
  <si>
    <t>\\acsfs\profiles$\CLAUDIAJCA\lu18284u7g.tmp\META-INF\</t>
  </si>
  <si>
    <t>\\acsfs\profiles$\CLAUDIAJCA\lu18284u7g.tmp\Thumbnails\</t>
  </si>
  <si>
    <t>12/30/2019 10:23:58</t>
  </si>
  <si>
    <t>12/30/2019 10:24:13</t>
  </si>
  <si>
    <t>LOGIN LOGOUT FINANCEIRA - EXTRAÇÂO - Cópia.xlsx</t>
  </si>
  <si>
    <t>\\acsfs\DEPTOS\Operacao\PCP\5 - Comum\JUKA\Login Logout Financeira\LOGIN LOGOUT FINANCEIRA - EXTRAÇÂO - Cópia.xlsx</t>
  </si>
  <si>
    <t>12/30/2019 10:24:28</t>
  </si>
  <si>
    <t>12/30/2019 10:24:41</t>
  </si>
  <si>
    <t>12/30/2019 10:21:47</t>
  </si>
  <si>
    <t>12/30/2019 10:25:26</t>
  </si>
  <si>
    <t>12/30/2019 10:26:29</t>
  </si>
  <si>
    <t>12/30/2019 10:21:35</t>
  </si>
  <si>
    <t>9ba6a569-b4f4-44f1-a8b6-c67c66a1d1c3.tmp</t>
  </si>
  <si>
    <t>\\acsfs\profiles$\milenaas\Downloads\9ba6a569-b4f4-44f1-a8b6-c67c66a1d1c3.tmp</t>
  </si>
  <si>
    <t>12/30/2019 10:22:42</t>
  </si>
  <si>
    <t>12/30/2019 10:27:29</t>
  </si>
  <si>
    <t>a4976f91-d177-4403-beac-7cc7fec6e8f6.tmp</t>
  </si>
  <si>
    <t>\\acsfs\profiles$\nayarasds\Downloads\a4976f91-d177-4403-beac-7cc7fec6e8f6.tmp</t>
  </si>
  <si>
    <t>12/30/2019 10:26:50</t>
  </si>
  <si>
    <t>7822b9ed-2abe-41af-8b76-03fdf54685b8.tmp</t>
  </si>
  <si>
    <t>\\acsfs\profiles$\nayarasds\Downloads\7822b9ed-2abe-41af-8b76-03fdf54685b8.tmp</t>
  </si>
  <si>
    <t>12/30/2019 10:26:51</t>
  </si>
  <si>
    <t>12/30/2019 10:22:38</t>
  </si>
  <si>
    <t>12/30/2019 10:22:39</t>
  </si>
  <si>
    <t>lu277003zdp1p.tmp</t>
  </si>
  <si>
    <t>\\acsfs\profiles$\LUCASBS\RENEG BV\lu277003zdp1p.tmp</t>
  </si>
  <si>
    <t>\\acsfs\profiles$\LUCASBS\RENEG BV\lu277003zdp1p.tmp\</t>
  </si>
  <si>
    <t>\\acsfs\profiles$\LUCASBS\RENEG BV\lu277003zdp1p.tmp\META-INF\</t>
  </si>
  <si>
    <t>\\acsfs\profiles$\LUCASBS\RENEG BV\lu277003zdp1p.tmp\Thumbnails\</t>
  </si>
  <si>
    <t>12/30/2019 10:25:47</t>
  </si>
  <si>
    <t>lu277003zdp1u.tmp</t>
  </si>
  <si>
    <t>\\acsfs\profiles$\LUCASBS\RENEG BV\lu277003zdp1u.tmp</t>
  </si>
  <si>
    <t>\\acsfs\profiles$\LUCASBS\RENEG BV\lu277003zdp1u.tmp\</t>
  </si>
  <si>
    <t>\\acsfs\profiles$\LUCASBS\RENEG BV\lu277003zdp1u.tmp\META-INF\</t>
  </si>
  <si>
    <t>\\acsfs\profiles$\LUCASBS\RENEG BV\lu277003zdp1u.tmp\Thumbnails\</t>
  </si>
  <si>
    <t>12/30/2019 10:24:45</t>
  </si>
  <si>
    <t>12/30/2019 10:28:29</t>
  </si>
  <si>
    <t>751af9bd-8a7a-4acc-9d39-5ff681185ec9.tmp</t>
  </si>
  <si>
    <t>\\acsfs\profiles$\laianear\Downloads\751af9bd-8a7a-4acc-9d39-5ff681185ec9.tmp</t>
  </si>
  <si>
    <t>12/30/2019 10:26:58</t>
  </si>
  <si>
    <t>12/30/2019 10:23:45</t>
  </si>
  <si>
    <t>67f6d958-4e20-4c63-9dc0-712e4642714c.tmp</t>
  </si>
  <si>
    <t>\\acsfs\profiles$\THYAGOSP\Downloads\67f6d958-4e20-4c63-9dc0-712e4642714c.tmp</t>
  </si>
  <si>
    <t>f5d59fad-b8ba-4c49-82f6-02ae670d8e7f.tmp</t>
  </si>
  <si>
    <t>\\acsfs\profiles$\THYAGOSP\Downloads\f5d59fad-b8ba-4c49-82f6-02ae670d8e7f.tmp</t>
  </si>
  <si>
    <t>12/30/2019 10:23:35</t>
  </si>
  <si>
    <t>77cc1883-6771-4a0a-babe-a210198cc495.tmp</t>
  </si>
  <si>
    <t>\\acsfs\profiles$\ANAPDSB\Downloads\77cc1883-6771-4a0a-babe-a210198cc495.tmp</t>
  </si>
  <si>
    <t>12/30/2019 10:23:28</t>
  </si>
  <si>
    <t>12/30/2019 10:29:29</t>
  </si>
  <si>
    <t>12/30/2019 10:25:30</t>
  </si>
  <si>
    <t>12/30/2019 10:25:34</t>
  </si>
  <si>
    <t>12/30/2019 10:25:46</t>
  </si>
  <si>
    <t>12/30/2019 10:25:58</t>
  </si>
  <si>
    <t>12/30/2019 10:26:14</t>
  </si>
  <si>
    <t>12/30/2019 10:26:15</t>
  </si>
  <si>
    <t>12/30/2019 10:25:23</t>
  </si>
  <si>
    <t>5cda4f2c-de29-4385-b879-53388b551c43.tmp</t>
  </si>
  <si>
    <t>\\acsfs\profiles$\YASMINSC\Downloads\5cda4f2c-de29-4385-b879-53388b551c43.tmp</t>
  </si>
  <si>
    <t>12/30/2019 10:27:02</t>
  </si>
  <si>
    <t>lu486444aoe3t.tmp</t>
  </si>
  <si>
    <t>\\acsfs\profiles$\paulovadc\lu486444aoe3t.tmp</t>
  </si>
  <si>
    <t>\\acsfs\profiles$\paulovadc\lu486444aoe3t.tmp\</t>
  </si>
  <si>
    <t>\\acsfs\profiles$\paulovadc\lu486444aoe3t.tmp\META-INF\</t>
  </si>
  <si>
    <t>\\acsfs\profiles$\paulovadc\lu486444aoe3t.tmp\Thumbnails\</t>
  </si>
  <si>
    <t>12/30/2019 10:29:03</t>
  </si>
  <si>
    <t>12/30/2019 10:25:43</t>
  </si>
  <si>
    <t>12/30/2019 10:30:29</t>
  </si>
  <si>
    <t>12/30/2019 10:26:43</t>
  </si>
  <si>
    <t>12/30/2019 10:28:40</t>
  </si>
  <si>
    <t>12/30/2019 10:28:45</t>
  </si>
  <si>
    <t>12/30/2019 10:28:52</t>
  </si>
  <si>
    <t>12/30/2019 10:29:02</t>
  </si>
  <si>
    <t>12/30/2019 10:29:11</t>
  </si>
  <si>
    <t>12/30/2019 10:29:14</t>
  </si>
  <si>
    <t>12/30/2019 10:29:19</t>
  </si>
  <si>
    <t>931e5470-f456-4237-b261-3580ef30c468.tmp</t>
  </si>
  <si>
    <t>\\acsfs\profiles$\valeriasda\Downloads\931e5470-f456-4237-b261-3580ef30c468.tmp</t>
  </si>
  <si>
    <t>12/30/2019 10:26:20</t>
  </si>
  <si>
    <t>a715e86c-e845-4f4e-a360-c014f1822195.tmp</t>
  </si>
  <si>
    <t>\\acsfs\profiles$\valeriasda\Downloads\a715e86c-e845-4f4e-a360-c014f1822195.tmp</t>
  </si>
  <si>
    <t>12/30/2019 10:26:24</t>
  </si>
  <si>
    <t>40a61bf3-8ce3-489e-9f42-c63d2c8c3635.tmp</t>
  </si>
  <si>
    <t>\\acsfs\profiles$\valeriasda\Downloads\40a61bf3-8ce3-489e-9f42-c63d2c8c3635.tmp</t>
  </si>
  <si>
    <t>beace43d-d534-489b-926a-405a69b032c8.tmp</t>
  </si>
  <si>
    <t>\\acsfs\profiles$\valeriasda\Downloads\beace43d-d534-489b-926a-405a69b032c8.tmp</t>
  </si>
  <si>
    <t>12/30/2019 10:27:04</t>
  </si>
  <si>
    <t>12/30/2019 10:27:24</t>
  </si>
  <si>
    <t>941f6c59-bd66-41dc-a406-6aad6eb48fa1.tmp</t>
  </si>
  <si>
    <t>\\acsfs\profiles$\valeriasda\Downloads\941f6c59-bd66-41dc-a406-6aad6eb48fa1.tmp</t>
  </si>
  <si>
    <t>12/30/2019 10:27:32</t>
  </si>
  <si>
    <t>94fb72be-51cf-4e66-83af-0a92774c800a.tmp</t>
  </si>
  <si>
    <t>\\acsfs\profiles$\valeriasda\Downloads\94fb72be-51cf-4e66-83af-0a92774c800a.tmp</t>
  </si>
  <si>
    <t>12/30/2019 10:30:25</t>
  </si>
  <si>
    <t>12/30/2019 10:31:29</t>
  </si>
  <si>
    <t>12/30/2019 10:28:34</t>
  </si>
  <si>
    <t>12/30/2019 10:31:19</t>
  </si>
  <si>
    <t>12/30/2019 10:32:29</t>
  </si>
  <si>
    <t>12/30/2019 10:28:56</t>
  </si>
  <si>
    <t>lu70096a2i0ul.tmp</t>
  </si>
  <si>
    <t>\\acsfs\profiles$\jonatanls\My Documents\lu70096a2i0ul.tmp</t>
  </si>
  <si>
    <t>12/30/2019 10:30:33</t>
  </si>
  <si>
    <t>2a68d085-4fd5-481f-bd8a-cbb03444d349.tmp</t>
  </si>
  <si>
    <t>\\acsfs\profiles$\marcellewdl\Downloads\2a68d085-4fd5-481f-bd8a-cbb03444d349.tmp</t>
  </si>
  <si>
    <t>12/30/2019 10:29:47</t>
  </si>
  <si>
    <t>12/30/2019 10:29:48</t>
  </si>
  <si>
    <t>lu277003zdp1z.tmp</t>
  </si>
  <si>
    <t>\\acsfs\profiles$\LUCASBS\RENEG BV\lu277003zdp1z.tmp</t>
  </si>
  <si>
    <t>\\acsfs\profiles$\LUCASBS\RENEG BV\lu277003zdp1z.tmp\</t>
  </si>
  <si>
    <t>\\acsfs\profiles$\LUCASBS\RENEG BV\lu277003zdp1z.tmp\META-INF\</t>
  </si>
  <si>
    <t>\\acsfs\profiles$\LUCASBS\RENEG BV\lu277003zdp1z.tmp\Thumbnails\</t>
  </si>
  <si>
    <t>12/30/2019 10:31:26</t>
  </si>
  <si>
    <t>12/30/2019 10:33:29</t>
  </si>
  <si>
    <t>12/30/2019 10:29:31</t>
  </si>
  <si>
    <t>12/30/2019 10:34:29</t>
  </si>
  <si>
    <t>12/30/2019 10:30:03</t>
  </si>
  <si>
    <t>12/30/2019 10:31:43</t>
  </si>
  <si>
    <t>12/30/2019 10:35:29</t>
  </si>
  <si>
    <t>12/30/2019 10:32:43</t>
  </si>
  <si>
    <t>12/30/2019 10:34:07</t>
  </si>
  <si>
    <t>12/30/2019 10:31:31</t>
  </si>
  <si>
    <t>12/30/2019 10:36:29</t>
  </si>
  <si>
    <t>a615c302-357c-47ab-98b1-2a713984d13d.tmp</t>
  </si>
  <si>
    <t>\\acsfs\profiles$\valeriasda\Downloads\a615c302-357c-47ab-98b1-2a713984d13d.tmp</t>
  </si>
  <si>
    <t>12/30/2019 10:32:31</t>
  </si>
  <si>
    <t>12/30/2019 10:33:06</t>
  </si>
  <si>
    <t>12/30/2019 10:33:18</t>
  </si>
  <si>
    <t>12/30/2019 10:35:37</t>
  </si>
  <si>
    <t>12/30/2019 10:32:18</t>
  </si>
  <si>
    <t>12/30/2019 10:37:30</t>
  </si>
  <si>
    <t>60cf2bee-a933-4772-a01b-df024eda58e5.tmp</t>
  </si>
  <si>
    <t>\\acsfs\profiles$\wenderbnm\Downloads\60cf2bee-a933-4772-a01b-df024eda58e5.tmp</t>
  </si>
  <si>
    <t>12/30/2019 10:32:32</t>
  </si>
  <si>
    <t>86619f03-f264-4a71-bbad-0699714d16e2.tmp</t>
  </si>
  <si>
    <t>\\acsfs\profiles$\deborahsi\Downloads\86619f03-f264-4a71-bbad-0699714d16e2.tmp</t>
  </si>
  <si>
    <t>12/30/2019 10:36:23</t>
  </si>
  <si>
    <t>9705caec-7c9c-419a-bd4b-8ca84521a30c.tmp</t>
  </si>
  <si>
    <t>\\acsfs\profiles$\vivianealda\Downloads\9705caec-7c9c-419a-bd4b-8ca84521a30c.tmp</t>
  </si>
  <si>
    <t>12/30/2019 10:35:11</t>
  </si>
  <si>
    <t>12/30/2019 10:38:29</t>
  </si>
  <si>
    <t>df682799-c11a-425c-92f2-678a93aaaffd.tmp</t>
  </si>
  <si>
    <t>\\acsfs\profiles$\kellzylenneasr\Downloads\df682799-c11a-425c-92f2-678a93aaaffd.tmp</t>
  </si>
  <si>
    <t>12/30/2019 10:36:19</t>
  </si>
  <si>
    <t>3cb1a11b-f4a4-4c8c-9a60-dcb8ac8f8573.tmp</t>
  </si>
  <si>
    <t>\\acsfs\profiles$\kellzylenneasr\Downloads\3cb1a11b-f4a4-4c8c-9a60-dcb8ac8f8573.tmp</t>
  </si>
  <si>
    <t>12/30/2019 10:34:02</t>
  </si>
  <si>
    <t>12/30/2019 10:35:01</t>
  </si>
  <si>
    <t>12/30/2019 10:39:30</t>
  </si>
  <si>
    <t>12/30/2019 10:35:03</t>
  </si>
  <si>
    <t>12/30/2019 10:36:03</t>
  </si>
  <si>
    <t>12/30/2019 10:37:43</t>
  </si>
  <si>
    <t>12/30/2019 10:40:30</t>
  </si>
  <si>
    <t>12/30/2019 10:38:43</t>
  </si>
  <si>
    <t>12/30/2019 10:38:27</t>
  </si>
  <si>
    <t>12/30/2019 10:38:34</t>
  </si>
  <si>
    <t>12/30/2019 10:39:11</t>
  </si>
  <si>
    <t>12/30/2019 10:39:21</t>
  </si>
  <si>
    <t>12/30/2019 10:37:38</t>
  </si>
  <si>
    <t>d8e57c4b-2082-4b87-a5fa-52cc745d28e5.tmp</t>
  </si>
  <si>
    <t>\\acsfs\profiles$\mariajra\Downloads\d8e57c4b-2082-4b87-a5fa-52cc745d28e5.tmp</t>
  </si>
  <si>
    <t>12/30/2019 10:39:20</t>
  </si>
  <si>
    <t>c153391d-88aa-4cfb-8c77-2138b7ccbeee.tmp</t>
  </si>
  <si>
    <t>\\acsfs\profiles$\MATEUSJM\Downloads\c153391d-88aa-4cfb-8c77-2138b7ccbeee.tmp</t>
  </si>
  <si>
    <t>12/30/2019 10:39:23</t>
  </si>
  <si>
    <t>12/30/2019 10:39:50</t>
  </si>
  <si>
    <t>12/30/2019 10:41:30</t>
  </si>
  <si>
    <t>f044acb6-936b-48f2-8a08-c9496db9c0a6.tmp</t>
  </si>
  <si>
    <t>\\acsfs\profiles$\luanarda\Downloads\f044acb6-936b-48f2-8a08-c9496db9c0a6.tmp</t>
  </si>
  <si>
    <t>12/30/2019 10:36:55</t>
  </si>
  <si>
    <t>3394f7aa-8565-435d-a794-0139e1d69c1a.tmp</t>
  </si>
  <si>
    <t>\\acsfs\profiles$\gabrielafs\Downloads\3394f7aa-8565-435d-a794-0139e1d69c1a.tmp</t>
  </si>
  <si>
    <t>12/30/2019 10:36:56</t>
  </si>
  <si>
    <t>fbb5d2dd-c48e-4f4c-a479-13ce97b12bc8.tmp</t>
  </si>
  <si>
    <t>\\acsfs\profiles$\gabrielafs\Downloads\fbb5d2dd-c48e-4f4c-a479-13ce97b12bc8.tmp</t>
  </si>
  <si>
    <t>12/30/2019 10:36:57</t>
  </si>
  <si>
    <t>e4559888-0fa5-4f29-9a18-6761da8160a2.tmp</t>
  </si>
  <si>
    <t>\\acsfs\profiles$\gabrielafs\Downloads\e4559888-0fa5-4f29-9a18-6761da8160a2.tmp</t>
  </si>
  <si>
    <t>12/30/2019 10:38:09</t>
  </si>
  <si>
    <t>33eb591d-1072-453b-bc2a-b5258c48e986.tmp</t>
  </si>
  <si>
    <t>\\acsfs\profiles$\gabrielafs\Downloads\33eb591d-1072-453b-bc2a-b5258c48e986.tmp</t>
  </si>
  <si>
    <t>12/30/2019 10:38:15</t>
  </si>
  <si>
    <t>547a4f0b-b1ba-4416-a884-61e955df9dd4.tmp</t>
  </si>
  <si>
    <t>\\acsfs\profiles$\gabrielafs\Downloads\547a4f0b-b1ba-4416-a884-61e955df9dd4.tmp</t>
  </si>
  <si>
    <t>12/30/2019 10:39:56</t>
  </si>
  <si>
    <t>50c1e52f-a318-4024-bb56-90588adec568.tmp</t>
  </si>
  <si>
    <t>\\acsfs\profiles$\gabrielafs\Downloads\50c1e52f-a318-4024-bb56-90588adec568.tmp</t>
  </si>
  <si>
    <t>12/30/2019 10:39:52</t>
  </si>
  <si>
    <t>12/30/2019 10:42:30</t>
  </si>
  <si>
    <t>\\acsfs\DEPTOS\Governança da Estratégia\Gestão de Riscos\2019\LGPD\</t>
  </si>
  <si>
    <t>Relação de Clientes Estratégicos - pesquisa.xlsx</t>
  </si>
  <si>
    <t>35336204-832c-4d2a-b1fd-7015d94e38a1.tmp</t>
  </si>
  <si>
    <t>\\acsfs\profiles$\wenderbnm\Downloads\35336204-832c-4d2a-b1fd-7015d94e38a1.tmp</t>
  </si>
  <si>
    <t>12/30/2019 10:41:06</t>
  </si>
  <si>
    <t>12/30/2019 10:43:30</t>
  </si>
  <si>
    <t>12/30/2019 10:41:04</t>
  </si>
  <si>
    <t>12/30/2019 10:44:30</t>
  </si>
  <si>
    <t>12/30/2019 10:42:03</t>
  </si>
  <si>
    <t>12/30/2019 10:43:43</t>
  </si>
  <si>
    <t>12/30/2019 10:45:30</t>
  </si>
  <si>
    <t>12/30/2019 10:42:54</t>
  </si>
  <si>
    <t>4af55917-07a7-4890-b3be-ff8886341c2e.tmp</t>
  </si>
  <si>
    <t>\\acsfs\profiles$\JOAOVAL\Downloads\4af55917-07a7-4890-b3be-ff8886341c2e.tmp</t>
  </si>
  <si>
    <t>12/30/2019 10:42:55</t>
  </si>
  <si>
    <t>4543cec7-0b97-4123-8bc1-e52af38b1cad.tmp</t>
  </si>
  <si>
    <t>\\acsfs\profiles$\JOAOVAL\Downloads\4543cec7-0b97-4123-8bc1-e52af38b1cad.tmp</t>
  </si>
  <si>
    <t>12/30/2019 10:44:29</t>
  </si>
  <si>
    <t>504ccdcb-8072-4017-ad12-e50cfc2539f8.tmp</t>
  </si>
  <si>
    <t>\\acsfs\profiles$\JOAOVAL\Downloads\504ccdcb-8072-4017-ad12-e50cfc2539f8.tmp</t>
  </si>
  <si>
    <t>12/30/2019 10:38:11</t>
  </si>
  <si>
    <t>\\acsfs\profiles$\geovannasm\My Documents\xworkcenter\logs\</t>
  </si>
  <si>
    <t>XLOG_geovannasm_30122019_085553.log</t>
  </si>
  <si>
    <t>\\acsfs\profiles$\geovannasm\My Documents\xworkcenter\logs\XLOG_geovannasm_30122019_085553.log</t>
  </si>
  <si>
    <t>12/30/2019 10:39:46</t>
  </si>
  <si>
    <t>12/30/2019 10:39:53</t>
  </si>
  <si>
    <t>12/30/2019 10:40:00</t>
  </si>
  <si>
    <t>12/30/2019 10:40:07</t>
  </si>
  <si>
    <t>12/30/2019 10:40:21</t>
  </si>
  <si>
    <t>RELATORIO DE LOGIN - FINANCEIRA - 27-12.xlsm</t>
  </si>
  <si>
    <t>\\acsfs\DEPTOS\Operacao\PCP\5 - Comum\PLANEJAMENTO BV\14 - ACOMPANHAMENTO\1 - REPORT ACOMPANHAMENTO\2019\12 - Dezembro\FINANCEIRA\Login Logout Financeira\RELATORIO DE LOGIN - FINANCEIRA - 27-12.xlsm</t>
  </si>
  <si>
    <t>12/30/2019 10:40:25</t>
  </si>
  <si>
    <t>26a5fa00-bfbb-4b38-8680-fe71dfd742ba.tmp</t>
  </si>
  <si>
    <t>\\acsfs\profiles$\MATEUSJM\Downloads\26a5fa00-bfbb-4b38-8680-fe71dfd742ba.tmp</t>
  </si>
  <si>
    <t>12/30/2019 10:44:13</t>
  </si>
  <si>
    <t>Leandro Morais Santos_1_6769323811011638137_1_32.wav</t>
  </si>
  <si>
    <t>\\acsfs\Deptos\EDUCACAO EMPRESARIAL\FERNANDA MONIT\Ligação para Mutant terceiro Ciclo\Leandro Morais Santos_1_6769323811011638137_1_32.wav</t>
  </si>
  <si>
    <t>12/30/2019 10:43:26</t>
  </si>
  <si>
    <t>12/30/2019 10:46:30</t>
  </si>
  <si>
    <t>https://udpmailboxap01.acs.com.br:8443/h/search?si=13&amp;so=0&amp;sc=56788&amp;sfi=2&amp;st=conversation&amp;action=compose&amp;paction=paneview2</t>
  </si>
  <si>
    <t>12/30/2019 10:42:45</t>
  </si>
  <si>
    <t>38797b40-fe58-45e5-95ed-1167285b3b97.tmp</t>
  </si>
  <si>
    <t>\\acsfs\profiles$\ayalabfi\Downloads\38797b40-fe58-45e5-95ed-1167285b3b97.tmp</t>
  </si>
  <si>
    <t>12/30/2019 10:42:51</t>
  </si>
  <si>
    <t>12/30/2019 10:43:31</t>
  </si>
  <si>
    <t>2e398393-b516-437c-b27e-02edd815ec5d.tmp</t>
  </si>
  <si>
    <t>\\acsfs\profiles$\nathaliadf\Downloads\2e398393-b516-437c-b27e-02edd815ec5d.tmp</t>
  </si>
  <si>
    <t>12/30/2019 10:43:58</t>
  </si>
  <si>
    <t>54db6607-a7c7-4ea0-872f-35e8a390d722.tmp</t>
  </si>
  <si>
    <t>\\acsfs\profiles$\nathaliadf\Downloads\54db6607-a7c7-4ea0-872f-35e8a390d722.tmp</t>
  </si>
  <si>
    <t>12/30/2019 10:45:59</t>
  </si>
  <si>
    <t>12/30/2019 10:47:29</t>
  </si>
  <si>
    <t>0b97fd6c-2821-4bd7-9efc-39d717c5c562.tmp</t>
  </si>
  <si>
    <t>\\acsfs\profiles$\deboraaa\Downloads\0b97fd6c-2821-4bd7-9efc-39d717c5c562.tmp</t>
  </si>
  <si>
    <t>12/30/2019 10:46:13</t>
  </si>
  <si>
    <t>793937b3-8b6c-42df-add5-e7eb0d013187.tmp</t>
  </si>
  <si>
    <t>\\acsfs\profiles$\deboraaa\Downloads\793937b3-8b6c-42df-add5-e7eb0d013187.tmp</t>
  </si>
  <si>
    <t>12/30/2019 10:43:01</t>
  </si>
  <si>
    <t>75801dad-d9ce-4af8-9e4e-300d8811344d.tmp</t>
  </si>
  <si>
    <t>\\acsfs\profiles$\nathaliaos\Downloads\75801dad-d9ce-4af8-9e4e-300d8811344d.tmp</t>
  </si>
  <si>
    <t>12/30/2019 10:44:24</t>
  </si>
  <si>
    <t>ce1a35b2-2229-4f40-9521-3811a1e3e5cd.tmp</t>
  </si>
  <si>
    <t>\\acsfs\profiles$\nathaliaos\Downloads\ce1a35b2-2229-4f40-9521-3811a1e3e5cd.tmp</t>
  </si>
  <si>
    <t>12/30/2019 10:45:34</t>
  </si>
  <si>
    <t>79c6d59d-a9f2-4fd6-a632-ab0a5b2869bf.tmp</t>
  </si>
  <si>
    <t>\\acsfs\profiles$\wenderbnm\Downloads\79c6d59d-a9f2-4fd6-a632-ab0a5b2869bf.tmp</t>
  </si>
  <si>
    <t>12/30/2019 10:46:34</t>
  </si>
  <si>
    <t>12/30/2019 10:48:30</t>
  </si>
  <si>
    <t>0818f33a-a369-4996-add1-5200f59a194b.tmp</t>
  </si>
  <si>
    <t>\\acsfs\profiles$\LUCASNS\Downloads\0818f33a-a369-4996-add1-5200f59a194b.tmp</t>
  </si>
  <si>
    <t>12/30/2019 10:46:35</t>
  </si>
  <si>
    <t>76707949-0d40-48c5-9ddc-50199b0cc128.tmp</t>
  </si>
  <si>
    <t>\\acsfs\profiles$\sarahbal\Downloads\76707949-0d40-48c5-9ddc-50199b0cc128.tmp</t>
  </si>
  <si>
    <t>12/30/2019 10:46:04</t>
  </si>
  <si>
    <t>12/30/2019 10:49:30</t>
  </si>
  <si>
    <t>12/30/2019 10:47:03</t>
  </si>
  <si>
    <t>78f454a7-464e-4321-b8a0-77889591a653.tmp</t>
  </si>
  <si>
    <t>\\acsfs\profiles$\mariliafplb\Downloads\78f454a7-464e-4321-b8a0-77889591a653.tmp</t>
  </si>
  <si>
    <t>12/30/2019 10:48:03</t>
  </si>
  <si>
    <t>12/30/2019 10:44:43</t>
  </si>
  <si>
    <t>12/30/2019 10:50:30</t>
  </si>
  <si>
    <t>12/30/2019 10:46:38</t>
  </si>
  <si>
    <t>82264ac6-57f2-4607-a519-8b50249f0823.tmp</t>
  </si>
  <si>
    <t>\\acsfs\profiles$\JOAOVAL\Downloads\82264ac6-57f2-4607-a519-8b50249f0823.tmp</t>
  </si>
  <si>
    <t>12/30/2019 10:44:53</t>
  </si>
  <si>
    <t>12/30/2019 10:47:47</t>
  </si>
  <si>
    <t>RELATORIO DE LOGIN - FINANCEIRA - 27-12 - Cópia.xlsm</t>
  </si>
  <si>
    <t>\\acsfs\DEPTOS\Operacao\PCP\5 - Comum\PLANEJAMENTO BV\14 - ACOMPANHAMENTO\1 - REPORT ACOMPANHAMENTO\2019\12 - Dezembro\FINANCEIRA\Login Logout Financeira\RELATORIO DE LOGIN - FINANCEIRA - 27-12 - Cópia.xlsm</t>
  </si>
  <si>
    <t>12/30/2019 10:48:06</t>
  </si>
  <si>
    <t>12/30/2019 10:51:30</t>
  </si>
  <si>
    <t>98f384fb-7cac-4ffe-9adc-d502f1bfcbb4.tmp</t>
  </si>
  <si>
    <t>\\acsfs\profiles$\ayalabfi\Downloads\98f384fb-7cac-4ffe-9adc-d502f1bfcbb4.tmp</t>
  </si>
  <si>
    <t>12/30/2019 10:49:43</t>
  </si>
  <si>
    <t>12/30/2019 10:52:30</t>
  </si>
  <si>
    <t>Holerite_122019_2106291.pdf.ismggyi.partial</t>
  </si>
  <si>
    <t>\\acsfs\profiles$\sayharaefs\Downloads\Holerite_122019_2106291.pdf.ismggyi.partial</t>
  </si>
  <si>
    <t>12/30/2019 10:49:27</t>
  </si>
  <si>
    <t>6e12c12c-968f-4be1-b219-eb2a5f920d8c.tmp</t>
  </si>
  <si>
    <t>\\acsfs\profiles$\gabrielarb\Downloads\6e12c12c-968f-4be1-b219-eb2a5f920d8c.tmp</t>
  </si>
  <si>
    <t>12/30/2019 10:47:14</t>
  </si>
  <si>
    <t>735ee980-6e52-4d5c-a604-06187be3921a.tmp</t>
  </si>
  <si>
    <t>\\acsfs\profiles$\henriquehmdo\Downloads\735ee980-6e52-4d5c-a604-06187be3921a.tmp</t>
  </si>
  <si>
    <t>12/30/2019 10:47:30</t>
  </si>
  <si>
    <t>627e2c99-15ef-43f1-8fea-1bcc9930b4ea.tmp</t>
  </si>
  <si>
    <t>\\acsfs\profiles$\henriquehmdo\Downloads\627e2c99-15ef-43f1-8fea-1bcc9930b4ea.tmp</t>
  </si>
  <si>
    <t>12/30/2019 10:48:21</t>
  </si>
  <si>
    <t>12/30/2019 10:53:30</t>
  </si>
  <si>
    <t>90c6d0b6-f6c5-4277-bd5b-583737bc72b0.tmp</t>
  </si>
  <si>
    <t>\\acsfs\profiles$\kellzylenneasr\Downloads\90c6d0b6-f6c5-4277-bd5b-583737bc72b0.tmp</t>
  </si>
  <si>
    <t>12/30/2019 10:48:39</t>
  </si>
  <si>
    <t>82892bea-4db8-4881-800c-b48c03d83458.tmp</t>
  </si>
  <si>
    <t>\\acsfs\profiles$\kellzylenneasr\Downloads\82892bea-4db8-4881-800c-b48c03d83458.tmp</t>
  </si>
  <si>
    <t>12/30/2019 10:48:52</t>
  </si>
  <si>
    <t>12/30/2019 10:49:13</t>
  </si>
  <si>
    <t>Holerite_122019_2118642.pdf.ld3q9tw.partial</t>
  </si>
  <si>
    <t>\\acsfs\profiles$\ANAPDSB\Downloads\Holerite_122019_2118642.pdf.ld3q9tw.partial</t>
  </si>
  <si>
    <t>12/30/2019 10:50:57</t>
  </si>
  <si>
    <t>12/30/2019 10:54:30</t>
  </si>
  <si>
    <t>12/30/2019 10:53:26</t>
  </si>
  <si>
    <t>12/30/2019 10:52:22</t>
  </si>
  <si>
    <t>e8637c39-758a-4de2-b3de-c207b9288e5e.tmp</t>
  </si>
  <si>
    <t>\\acsfs\profiles$\mariellecs\Downloads\e8637c39-758a-4de2-b3de-c207b9288e5e.tmp</t>
  </si>
  <si>
    <t>12/30/2019 10:49:41</t>
  </si>
  <si>
    <t>12/30/2019 10:49:48</t>
  </si>
  <si>
    <t>CPF 85098868653 ADRIANA APARECIDA DE ASSIS ALMEIDA.pdf</t>
  </si>
  <si>
    <t>\\acsfs\Deptos\EDUCACAO EMPRESARIAL\KÉSIA\LIGAÇÕES 1220\CPF 85098868653 ADRIANA APARECIDA DE ASSIS ALMEIDA.pdf</t>
  </si>
  <si>
    <t>\\acsfs\Deptos\EDUCACAO EMPRESARIAL\KÉSIA\LIGAÇÕES 1220\CPF 85098868653 ADRIANA APARECIDA DE ASSIS ALMEIDA.pdf\</t>
  </si>
  <si>
    <t>\\acsfs\Deptos\EDUCACAO EMPRESARIAL\KÉSIA\LIGAÇÕES 1220\CPF 85098868653 ADRIANA APARECIDA DE ASSIS ALMEIDA.pdf\:Zone.Identifier:$DATA</t>
  </si>
  <si>
    <t>12/30/2019 10:49:54</t>
  </si>
  <si>
    <t>12/30/2019 10:49:58</t>
  </si>
  <si>
    <t>mail.google.com/_/upload?authuser=0&amp;dcp=asu-n&amp;upload_id=AEnB2UqjWaDSotC4RW43zBte3rz14hNVlO35MOkBxyhak-vLxmY-zxSGjWgeiDQ909B4tlbLDeyKhjPnJ6miyqsMoAICe0_kcw&amp;upload_protocol=resumable</t>
  </si>
  <si>
    <t>12/30/2019 10:53:03</t>
  </si>
  <si>
    <t>12/30/2019 10:54:03</t>
  </si>
  <si>
    <t>12/30/2019 10:55:30</t>
  </si>
  <si>
    <t>12/30/2019 10:50:43</t>
  </si>
  <si>
    <t>12/30/2019 10:51:57</t>
  </si>
  <si>
    <t>020b332e-85a5-44fc-b511-e6aca9e318d6.tmp</t>
  </si>
  <si>
    <t>\\acsfs\profiles$\geovannasm\Downloads\020b332e-85a5-44fc-b511-e6aca9e318d6.tmp</t>
  </si>
  <si>
    <t>12/30/2019 10:54:01</t>
  </si>
  <si>
    <t>2a0055be-db5a-4530-a458-395247b6539a.tmp</t>
  </si>
  <si>
    <t>\\acsfs\profiles$\mariajra\Downloads\2a0055be-db5a-4530-a458-395247b6539a.tmp</t>
  </si>
  <si>
    <t>12/30/2019 10:52:06</t>
  </si>
  <si>
    <t>12/30/2019 10:56:30</t>
  </si>
  <si>
    <t>12/30/2019 10:52:20</t>
  </si>
  <si>
    <t>12/30/2019 10:52:21</t>
  </si>
  <si>
    <t>12/30/2019 10:54:45</t>
  </si>
  <si>
    <t>12/30/2019 10:55:48</t>
  </si>
  <si>
    <t>678e88ea-c210-4964-b768-8cee62e6abf1.tmp</t>
  </si>
  <si>
    <t>\\acsfs\profiles$\gabrielafs\Downloads\678e88ea-c210-4964-b768-8cee62e6abf1.tmp</t>
  </si>
  <si>
    <t>12/30/2019 10:56:15</t>
  </si>
  <si>
    <t>12/30/2019 10:57:29</t>
  </si>
  <si>
    <t>56e671b8-e323-4235-989c-54fd391965af.tmp</t>
  </si>
  <si>
    <t>\\acsfs\profiles$\gabrielarb\Downloads\56e671b8-e323-4235-989c-54fd391965af.tmp</t>
  </si>
  <si>
    <t>12/30/2019 10:53:54</t>
  </si>
  <si>
    <t>d5e5c241-de86-4aac-b29d-c1d1f060237b.tmp</t>
  </si>
  <si>
    <t>\\acsfs\profiles$\jonatanls\Downloads\d5e5c241-de86-4aac-b29d-c1d1f060237b.tmp</t>
  </si>
  <si>
    <t>12/30/2019 10:54:29</t>
  </si>
  <si>
    <t>79f973f1-35b5-4435-a38c-6bebbd0e5944.tmp</t>
  </si>
  <si>
    <t>\\acsfs\profiles$\jonatanls\Downloads\79f973f1-35b5-4435-a38c-6bebbd0e5944.tmp</t>
  </si>
  <si>
    <t>12/30/2019 10:55:43</t>
  </si>
  <si>
    <t>12/30/2019 10:55:44</t>
  </si>
  <si>
    <t>lu168722jg4vi.tmp</t>
  </si>
  <si>
    <t>\\acsfs\profiles$\dhiulliananads\My Documents\lu168722jg4vi.tmp</t>
  </si>
  <si>
    <t>\\acsfs\profiles$\dhiulliananads\My Documents\lu168722jg4vi.tmp\</t>
  </si>
  <si>
    <t>\\acsfs\profiles$\dhiulliananads\My Documents\lu168722jg4vi.tmp\META-INF\</t>
  </si>
  <si>
    <t>\\acsfs\profiles$\dhiulliananads\My Documents\lu168722jg4vi.tmp\Thumbnails\</t>
  </si>
  <si>
    <t>12/30/2019 10:55:05</t>
  </si>
  <si>
    <t>ac48fe7f-5066-4cfc-b3e2-36e4c403eaa3.tmp</t>
  </si>
  <si>
    <t>\\acsfs\profiles$\henriquehmdo\Downloads\ac48fe7f-5066-4cfc-b3e2-36e4c403eaa3.tmp</t>
  </si>
  <si>
    <t>12/30/2019 10:53:51</t>
  </si>
  <si>
    <t>12/30/2019 10:57:44</t>
  </si>
  <si>
    <t>12/30/2019 10:58:30</t>
  </si>
  <si>
    <t>12/30/2019 10:56:44</t>
  </si>
  <si>
    <t>9a8fc8d7-0fb1-4e18-8108-f5f1509cbd79.tmp</t>
  </si>
  <si>
    <t>\\acsfs\profiles$\eduardofss\Downloads\9a8fc8d7-0fb1-4e18-8108-f5f1509cbd79.tmp</t>
  </si>
  <si>
    <t>12/30/2019 10:56:55</t>
  </si>
  <si>
    <t>9684aa1e-8d12-4131-8ef4-3ecb909c6bdc.tmp</t>
  </si>
  <si>
    <t>\\acsfs\profiles$\eduardofss\Downloads\9684aa1e-8d12-4131-8ef4-3ecb909c6bdc.tmp</t>
  </si>
  <si>
    <t>12/30/2019 10:56:57</t>
  </si>
  <si>
    <t>Não confirmado 420104.crdownload</t>
  </si>
  <si>
    <t>\\acsfs\profiles$\eduardofss\Downloads\Não confirmado 420104.crdownload</t>
  </si>
  <si>
    <t>c286c633-abed-4d0b-971b-e5b698ef5573.tmp</t>
  </si>
  <si>
    <t>\\acsfs\profiles$\sarahbal\Downloads\c286c633-abed-4d0b-971b-e5b698ef5573.tmp</t>
  </si>
  <si>
    <t>12/30/2019 10:53:46</t>
  </si>
  <si>
    <t>33d915fa-c391-46f5-93f0-686034d31da8.tmp</t>
  </si>
  <si>
    <t>\\acsfs\profiles$\ROZENCAM\Downloads\33d915fa-c391-46f5-93f0-686034d31da8.tmp</t>
  </si>
  <si>
    <t>12/30/2019 10:53:57</t>
  </si>
  <si>
    <t>8a671566-d785-4eb3-8051-98841c6e939c.tmp</t>
  </si>
  <si>
    <t>\\acsfs\profiles$\ROZENCAM\Downloads\8a671566-d785-4eb3-8051-98841c6e939c.tmp</t>
  </si>
  <si>
    <t>12/30/2019 10:57:24</t>
  </si>
  <si>
    <t>12/30/2019 10:59:30</t>
  </si>
  <si>
    <t>12/30/2019 10:57:28</t>
  </si>
  <si>
    <t>12/30/2019 10:57:36</t>
  </si>
  <si>
    <t>12/30/2019 10:57:39</t>
  </si>
  <si>
    <t>12/30/2019 10:59:03</t>
  </si>
  <si>
    <t>12/30/2019 11:00:30</t>
  </si>
  <si>
    <t>12/30/2019 10:56:43</t>
  </si>
  <si>
    <t>12/30/2019 10:58:35</t>
  </si>
  <si>
    <t>12/30/2019 10:55:07</t>
  </si>
  <si>
    <t>70e2f333-c689-4120-8087-7146d7e16c75.tmp</t>
  </si>
  <si>
    <t>\\acsfs\profiles$\geovannasm\Downloads\70e2f333-c689-4120-8087-7146d7e16c75.tmp</t>
  </si>
  <si>
    <t>12/30/2019 10:57:58</t>
  </si>
  <si>
    <t>532c87f6-edc1-49e2-af1c-a5b2f7aa6467.tmp</t>
  </si>
  <si>
    <t>\\acsfs\profiles$\geovannasm\Downloads\532c87f6-edc1-49e2-af1c-a5b2f7aa6467.tmp</t>
  </si>
  <si>
    <t>12/30/2019 10:59:20</t>
  </si>
  <si>
    <t>3b148b21-8130-4e3d-8da7-a799eb5328dd.tmp</t>
  </si>
  <si>
    <t>\\acsfs\profiles$\geovannasm\Downloads\3b148b21-8130-4e3d-8da7-a799eb5328dd.tmp</t>
  </si>
  <si>
    <t>12/30/2019 10:55:58</t>
  </si>
  <si>
    <t>12/30/2019 10:56:08</t>
  </si>
  <si>
    <t>12/30/2019 10:56:14</t>
  </si>
  <si>
    <t>12/30/2019 10:56:33</t>
  </si>
  <si>
    <t>12/30/2019 10:56:41</t>
  </si>
  <si>
    <t>12/30/2019 10:56:51</t>
  </si>
  <si>
    <t>12/30/2019 10:56:54</t>
  </si>
  <si>
    <t>12/30/2019 10:56:59</t>
  </si>
  <si>
    <t>12/30/2019 10:57:07</t>
  </si>
  <si>
    <t>12/30/2019 10:57:16</t>
  </si>
  <si>
    <t>12/30/2019 10:57:32</t>
  </si>
  <si>
    <t>12/30/2019 10:57:46</t>
  </si>
  <si>
    <t>RELATORIO DE LOGIN - FINANCEIRA - 28-12 - SAC.xlsm</t>
  </si>
  <si>
    <t>\\acsfs\DEPTOS\Operacao\PCP\5 - Comum\PLANEJAMENTO BV\14 - ACOMPANHAMENTO\1 - REPORT ACOMPANHAMENTO\2019\12 - Dezembro\FINANCEIRA\Login Logout Financeira\RELATORIO DE LOGIN - FINANCEIRA - 28-12 - SAC.xlsm</t>
  </si>
  <si>
    <t>12/30/2019 10:57:53</t>
  </si>
  <si>
    <t>mail.google.com/_/upload?authuser=0&amp;dcp=asu-n&amp;upload_id=AEnB2Urv1CTGag9x_EsgOZqWUiGWgoamMVTlnJAG557yPj3XJQZj4Gfdk3VEqUWPX2Of0g7v0uUHG70wH-ZJqM7GoKtGtUYy3WcdfcGCS1tnbBCydkqFmDQ&amp;upload_protocol=resumable</t>
  </si>
  <si>
    <t>12/30/2019 10:56:10</t>
  </si>
  <si>
    <t>c2e3204d-3c68-4eeb-bf89-547b8b0f0cdf.tmp</t>
  </si>
  <si>
    <t>\\acsfs\profiles$\MATEUSJM\Downloads\c2e3204d-3c68-4eeb-bf89-547b8b0f0cdf.tmp</t>
  </si>
  <si>
    <t>12/30/2019 10:56:06</t>
  </si>
  <si>
    <t>95f76afa-41e4-44e2-9a5a-8ac0cf3e1ec9.tmp</t>
  </si>
  <si>
    <t>\\acsfs\profiles$\valeriasda\Downloads\95f76afa-41e4-44e2-9a5a-8ac0cf3e1ec9.tmp</t>
  </si>
  <si>
    <t>12/30/2019 10:56:13</t>
  </si>
  <si>
    <t>12/30/2019 11:01:30</t>
  </si>
  <si>
    <t>7a4b92cc-e68d-4526-8f4c-f9a15b25363e.tmp</t>
  </si>
  <si>
    <t>\\acsfs\profiles$\valeriasda\Downloads\7a4b92cc-e68d-4526-8f4c-f9a15b25363e.tmp</t>
  </si>
  <si>
    <t>12/30/2019 10:57:50</t>
  </si>
  <si>
    <t>12/30/2019 11:00:26</t>
  </si>
  <si>
    <t>https://udpmailboxap01/h/search?si=7&amp;so=0&amp;sc=56580&amp;sfi=2&amp;st=conversation&amp;action=compose&amp;paction=paneview2</t>
  </si>
  <si>
    <t>12/30/2019 11:00:25</t>
  </si>
  <si>
    <t>12/30/2019 11:02:29</t>
  </si>
  <si>
    <t>394ba4d2-5969-4a82-9383-3171e25f9df9.tmp</t>
  </si>
  <si>
    <t>\\acsfs\profiles$\adelvinsonle\Downloads\394ba4d2-5969-4a82-9383-3171e25f9df9.tmp</t>
  </si>
  <si>
    <t>12/30/2019 11:00:03</t>
  </si>
  <si>
    <t>12/30/2019 11:03:30</t>
  </si>
  <si>
    <t>2c4d6c3a-2fc9-443d-b996-f06e7f62b263.tmp</t>
  </si>
  <si>
    <t>\\acsfs\profiles$\eduardofss\Downloads\2c4d6c3a-2fc9-443d-b996-f06e7f62b263.tmp</t>
  </si>
  <si>
    <t>12/30/2019 11:02:30</t>
  </si>
  <si>
    <t>1dba7f50-df3c-488a-9d3b-fc7bde46b234.tmp</t>
  </si>
  <si>
    <t>\\acsfs\profiles$\ROZENCAM\Downloads\1dba7f50-df3c-488a-9d3b-fc7bde46b234.tmp</t>
  </si>
  <si>
    <t>12/30/2019 11:02:45</t>
  </si>
  <si>
    <t>e5aa4f68-9619-4974-b684-44935565b365.tmp</t>
  </si>
  <si>
    <t>\\acsfs\profiles$\ROZENCAM\Downloads\e5aa4f68-9619-4974-b684-44935565b365.tmp</t>
  </si>
  <si>
    <t>12/30/2019 11:04:30</t>
  </si>
  <si>
    <t>12/30/2019 11:01:44</t>
  </si>
  <si>
    <t>12/30/2019 11:05:30</t>
  </si>
  <si>
    <t>12/30/2019 11:02:43</t>
  </si>
  <si>
    <t>09255b7b-3636-4ef6-bf19-1f40bc3f3f23.tmp</t>
  </si>
  <si>
    <t>\\acsfs\profiles$\MATEUSJM\Downloads\09255b7b-3636-4ef6-bf19-1f40bc3f3f23.tmp</t>
  </si>
  <si>
    <t>12/30/2019 11:00:34</t>
  </si>
  <si>
    <t>5617b146-bf09-4253-a9de-0453c240f462.tmp</t>
  </si>
  <si>
    <t>\\acsfs\profiles$\MATEUSJM\Downloads\5617b146-bf09-4253-a9de-0453c240f462.tmp</t>
  </si>
  <si>
    <t>12/30/2019 11:00:29</t>
  </si>
  <si>
    <t>12/30/2019 11:01:01</t>
  </si>
  <si>
    <t>12/30/2019 11:02:17</t>
  </si>
  <si>
    <t>12/30/2019 11:04:59</t>
  </si>
  <si>
    <t>12/30/2019 11:04:01</t>
  </si>
  <si>
    <t>12/30/2019 11:06:30</t>
  </si>
  <si>
    <t>12/30/2019 11:04:23</t>
  </si>
  <si>
    <t>12/30/2019 11:04:38</t>
  </si>
  <si>
    <t>12/30/2019 11:05:02</t>
  </si>
  <si>
    <t>12/30/2019 11:03:41</t>
  </si>
  <si>
    <t>12/30/2019 11:06:00</t>
  </si>
  <si>
    <t>d7fb51ca-1232-4f3e-b168-9ed6ed9cc4e0.tmp</t>
  </si>
  <si>
    <t>\\acsfs\profiles$\luanarda\Downloads\d7fb51ca-1232-4f3e-b168-9ed6ed9cc4e0.tmp</t>
  </si>
  <si>
    <t>12/30/2019 11:03:57</t>
  </si>
  <si>
    <t>583b2c1b-a723-4e42-a34f-68525c05f54d.tmp</t>
  </si>
  <si>
    <t>\\acsfs\profiles$\ALYNYA\Downloads\583b2c1b-a723-4e42-a34f-68525c05f54d.tmp</t>
  </si>
  <si>
    <t>12/30/2019 11:05:33</t>
  </si>
  <si>
    <t>28bf4a73-c231-4708-a203-faa71e9f578d.tmp</t>
  </si>
  <si>
    <t>\\acsfs\profiles$\ALYNYA\Downloads\28bf4a73-c231-4708-a203-faa71e9f578d.tmp</t>
  </si>
  <si>
    <t>12/30/2019 11:07:29</t>
  </si>
  <si>
    <t>194521aa-8a30-44a7-9816-ee91a18980df.tmp</t>
  </si>
  <si>
    <t>\\acsfs\profiles$\gabrielarb\Downloads\194521aa-8a30-44a7-9816-ee91a18980df.tmp</t>
  </si>
  <si>
    <t>12/30/2019 11:05:29</t>
  </si>
  <si>
    <t>12/30/2019 11:06:15</t>
  </si>
  <si>
    <t>12/30/2019 11:09:29</t>
  </si>
  <si>
    <t>CPF 02648480803 - OPERADORA ALYNY ALVES_1_6756908731301177149_1_32.wav</t>
  </si>
  <si>
    <t>\\acsfs\Deptos\EDUCACAO EMPRESARIAL\KÉSIA\LIGAÇÕES 1220\CPF 02648480803 - OPERADORA ALYNY ALVES_1_6756908731301177149_1_32.wav</t>
  </si>
  <si>
    <t>12/30/2019 11:05:45</t>
  </si>
  <si>
    <t>12/30/2019 11:05:03</t>
  </si>
  <si>
    <t>12/30/2019 11:06:03</t>
  </si>
  <si>
    <t>12/30/2019 11:07:19</t>
  </si>
  <si>
    <t>12/30/2019 11:10:30</t>
  </si>
  <si>
    <t>12/30/2019 11:07:43</t>
  </si>
  <si>
    <t>12/30/2019 11:08:43</t>
  </si>
  <si>
    <t>12/30/2019 11:05:00</t>
  </si>
  <si>
    <t>12/30/2019 11:05:01</t>
  </si>
  <si>
    <t>lu246123wyp4b.tmp</t>
  </si>
  <si>
    <t>\\acsfs\profiles$\FLAVIOJMM\My Documents\lu246123wyp4b.tmp</t>
  </si>
  <si>
    <t>\\acsfs\profiles$\FLAVIOJMM\My Documents\lu246123wyp4b.tmp\</t>
  </si>
  <si>
    <t>\\acsfs\profiles$\FLAVIOJMM\My Documents\lu246123wyp4b.tmp\META-INF\</t>
  </si>
  <si>
    <t>\\acsfs\profiles$\FLAVIOJMM\My Documents\lu246123wyp4b.tmp\Thumbnails\</t>
  </si>
  <si>
    <t>12/30/2019 11:06:52</t>
  </si>
  <si>
    <t>12/30/2019 11:06:53</t>
  </si>
  <si>
    <t>lu18284u7z.tmp</t>
  </si>
  <si>
    <t>\\acsfs\profiles$\CLAUDIAJCA\lu18284u7z.tmp</t>
  </si>
  <si>
    <t>\\acsfs\profiles$\CLAUDIAJCA\lu18284u7z.tmp\</t>
  </si>
  <si>
    <t>\\acsfs\profiles$\CLAUDIAJCA\lu18284u7z.tmp\META-INF\</t>
  </si>
  <si>
    <t>\\acsfs\profiles$\CLAUDIAJCA\lu18284u7z.tmp\Thumbnails\</t>
  </si>
  <si>
    <t>12/30/2019 11:07:46</t>
  </si>
  <si>
    <t>RELATORIO DE LOGIN - FINANCEIRA - 28-12 - SAC - Cópia.xlsm</t>
  </si>
  <si>
    <t>\\acsfs\DEPTOS\Operacao\PCP\5 - Comum\PLANEJAMENTO BV\14 - ACOMPANHAMENTO\1 - REPORT ACOMPANHAMENTO\2019\12 - Dezembro\FINANCEIRA\Login Logout Financeira\RELATORIO DE LOGIN - FINANCEIRA - 28-12 - SAC - Cópia.xlsm</t>
  </si>
  <si>
    <t>b4fa4aa2-f915-4384-9089-042dfca46ca3.tmp</t>
  </si>
  <si>
    <t>\\acsfs\profiles$\MATEUSJM\Downloads\b4fa4aa2-f915-4384-9089-042dfca46ca3.tmp</t>
  </si>
  <si>
    <t>12/30/2019 11:06:54</t>
  </si>
  <si>
    <t>ff330586-dfe8-4e70-94a9-aec73badf080.tmp</t>
  </si>
  <si>
    <t>\\acsfs\profiles$\MATEUSJM\Downloads\ff330586-dfe8-4e70-94a9-aec73badf080.tmp</t>
  </si>
  <si>
    <t>12/30/2019 11:09:08</t>
  </si>
  <si>
    <t>12/30/2019 11:11:30</t>
  </si>
  <si>
    <t>12/30/2019 11:09:09</t>
  </si>
  <si>
    <t>12/30/2019 11:09:15</t>
  </si>
  <si>
    <t>12/30/2019 11:09:20</t>
  </si>
  <si>
    <t>12/30/2019 11:09:21</t>
  </si>
  <si>
    <t>12/30/2019 11:09:23</t>
  </si>
  <si>
    <t>12/30/2019 11:08:20</t>
  </si>
  <si>
    <t>12/30/2019 11:11:21</t>
  </si>
  <si>
    <t>12/30/2019 11:13:30</t>
  </si>
  <si>
    <t>89b234d8-9756-495c-9135-52c04c5a9ae3.tmp</t>
  </si>
  <si>
    <t>\\acsfs\profiles$\KARENDSR\Downloads\89b234d8-9756-495c-9135-52c04c5a9ae3.tmp</t>
  </si>
  <si>
    <t>12/30/2019 11:09:17</t>
  </si>
  <si>
    <t>12/30/2019 11:14:30</t>
  </si>
  <si>
    <t>12/30/2019 11:11:06</t>
  </si>
  <si>
    <t>55be8dff-5551-4c10-a999-6b5be6a946ca.tmp</t>
  </si>
  <si>
    <t>\\acsfs\profiles$\leticiala\Downloads\55be8dff-5551-4c10-a999-6b5be6a946ca.tmp</t>
  </si>
  <si>
    <t>12/30/2019 11:11:03</t>
  </si>
  <si>
    <t>12/30/2019 11:12:03</t>
  </si>
  <si>
    <t>12/30/2019 11:12:11</t>
  </si>
  <si>
    <t>12/30/2019 11:15:30</t>
  </si>
  <si>
    <t>12/30/2019 11:12:14</t>
  </si>
  <si>
    <t>12/30/2019 11:12:35</t>
  </si>
  <si>
    <t>12/30/2019 11:12:57</t>
  </si>
  <si>
    <t>alexandre.junior@call.neobpo.com.br;aline.toledo@call.neobpo.com.br;andrelpsa@algartech.com;cs@bv.com.br;flora.lira@bv.com.br;jose.gomes@bv.com.br;renata.farina@bv.com.br;supervisaobancovotorantim@algartech.com;valquiria.ghirotti@call.neobpo.com.br;</t>
  </si>
  <si>
    <t>alexandre.junior@call.neobpo.com.br,aline.toledo@call.neobpo.com.br,andrelpsa@algartech.com,cs@bv.com.br,flora.lira@bv.com.br,jose.gomes@bv.com.br,renata.farina@bv.com.br,supervisaobancovotorantim@algartech.com,valquiria.ghirotti@call.neobpo.com.br</t>
  </si>
  <si>
    <t>12/30/2019 11:13:07</t>
  </si>
  <si>
    <t>12/30/2019 11:13:35</t>
  </si>
  <si>
    <t>12/30/2019 11:13:39</t>
  </si>
  <si>
    <t>12/30/2019 11:13:42</t>
  </si>
  <si>
    <t>12/30/2019 11:13:43</t>
  </si>
  <si>
    <t>12/30/2019 11:14:05</t>
  </si>
  <si>
    <t>12/30/2019 11:14:18</t>
  </si>
  <si>
    <t>12/30/2019 11:14:31</t>
  </si>
  <si>
    <t>12/30/2019 11:13:23</t>
  </si>
  <si>
    <t>12/30/2019 11:13:36</t>
  </si>
  <si>
    <t>12/30/2019 11:13:46</t>
  </si>
  <si>
    <t>12/30/2019 11:14:07</t>
  </si>
  <si>
    <t>12/30/2019 11:14:15</t>
  </si>
  <si>
    <t>12/30/2019 11:14:29</t>
  </si>
  <si>
    <t>RELATORIO DE LOGIN - FINANCEIRA - 29-12 - SAC.xlsm</t>
  </si>
  <si>
    <t>\\acsfs\DEPTOS\Operacao\PCP\5 - Comum\PLANEJAMENTO BV\14 - ACOMPANHAMENTO\1 - REPORT ACOMPANHAMENTO\2019\12 - Dezembro\FINANCEIRA\Login Logout Financeira\RELATORIO DE LOGIN - FINANCEIRA - 29-12 - SAC.xlsm</t>
  </si>
  <si>
    <t>12/30/2019 11:14:38</t>
  </si>
  <si>
    <t>mail.google.com/_/upload?authuser=0&amp;dcp=asu-n&amp;upload_id=AEnB2UoAvIK9kXvlMn4fWCcs0g6o8zjOQ0oE7nsKbSghx86HT1OwgZ-XB-whggK3lAZsKcQZNsZ1lCqL_luu8C9iYdpNPYdX3FNPKFfyrz5Fzioczis_5cU&amp;upload_protocol=resumable</t>
  </si>
  <si>
    <t>C:\Users\hewertontr\Desktop\Material PMO\Home Office\2020\</t>
  </si>
  <si>
    <t>12/30/2019 11:10:56</t>
  </si>
  <si>
    <t>12/30/2019 11:16:30</t>
  </si>
  <si>
    <t>12/30/2019 11:11:26</t>
  </si>
  <si>
    <t>12/30/2019 11:12:26</t>
  </si>
  <si>
    <t>12/30/2019 11:12:56</t>
  </si>
  <si>
    <t>12/30/2019 11:13:26</t>
  </si>
  <si>
    <t>12/30/2019 11:13:56</t>
  </si>
  <si>
    <t>12/30/2019 11:12:02</t>
  </si>
  <si>
    <t>12/30/2019 11:14:02</t>
  </si>
  <si>
    <t>244c17fd-8445-4a5e-a0cd-e2e26eda5609.tmp</t>
  </si>
  <si>
    <t>\\acsfs\profiles$\ALYNYA\Downloads\244c17fd-8445-4a5e-a0cd-e2e26eda5609.tmp</t>
  </si>
  <si>
    <t>12/30/2019 11:16:02</t>
  </si>
  <si>
    <t>12/30/2019 11:17:31</t>
  </si>
  <si>
    <t>karinefg</t>
  </si>
  <si>
    <t>\\acsfs\Deptos\Operacao\Banco_Votorantim\Supervisao\</t>
  </si>
  <si>
    <t>\\acsfs\Deptos\Operacao\Banco_Votorantim\Supervisao\João Pedro\ACO\Thumbs.db</t>
  </si>
  <si>
    <t>92bc941a-1272-4b18-87c2-cf09ac24dd05.tmp</t>
  </si>
  <si>
    <t>\\acsfs\profiles$\gabrielarb\Downloads\92bc941a-1272-4b18-87c2-cf09ac24dd05.tmp</t>
  </si>
  <si>
    <t>12/30/2019 11:16:14</t>
  </si>
  <si>
    <t>5e983972-d2b7-4c67-99a8-7edbfaa5451b.tmp</t>
  </si>
  <si>
    <t>\\acsfs\profiles$\wenderbnm\Downloads\5e983972-d2b7-4c67-99a8-7edbfaa5451b.tmp</t>
  </si>
  <si>
    <t>12/30/2019 11:16:32</t>
  </si>
  <si>
    <t>e9d54188-e403-435d-a81b-e98f0e15b896.tmp</t>
  </si>
  <si>
    <t>\\acsfs\profiles$\wenderbnm\Downloads\e9d54188-e403-435d-a81b-e98f0e15b896.tmp</t>
  </si>
  <si>
    <t>12/30/2019 11:12:25</t>
  </si>
  <si>
    <t>ENC: FILAS DE RETORNO</t>
  </si>
  <si>
    <t>12/30/2019 11:14:25</t>
  </si>
  <si>
    <t>12/30/2019 11:18:31</t>
  </si>
  <si>
    <t>1a019fcb-25de-431e-83fc-73c140355822.tmp</t>
  </si>
  <si>
    <t>\\acsfs\profiles$\antoniosva\Downloads\1a019fcb-25de-431e-83fc-73c140355822.tmp</t>
  </si>
  <si>
    <t>12/30/2019 11:13:45</t>
  </si>
  <si>
    <t>12/30/2019 11:13:18</t>
  </si>
  <si>
    <t>10.200.66.1</t>
  </si>
  <si>
    <t>39edaa66-2365-4940-bc50-e6b60def9ea5.tmp</t>
  </si>
  <si>
    <t>\\acsfs\profiles$\matheushds\Downloads\39edaa66-2365-4940-bc50-e6b60def9ea5.tmp</t>
  </si>
  <si>
    <t>12/30/2019 11:13:52</t>
  </si>
  <si>
    <t>c45e85e2-838f-4232-86b9-2900bde2505c.tmp</t>
  </si>
  <si>
    <t>\\acsfs\profiles$\matheushds\Downloads\c45e85e2-838f-4232-86b9-2900bde2505c.tmp</t>
  </si>
  <si>
    <t>12/30/2019 11:14:59</t>
  </si>
  <si>
    <t>bea14e73-2039-4ba0-b2ca-5a8a937bff0c.tmp</t>
  </si>
  <si>
    <t>\\acsfs\profiles$\matheushds\Downloads\bea14e73-2039-4ba0-b2ca-5a8a937bff0c.tmp</t>
  </si>
  <si>
    <t>12/30/2019 11:17:03</t>
  </si>
  <si>
    <t>12/30/2019 11:19:30</t>
  </si>
  <si>
    <t>12/30/2019 11:18:03</t>
  </si>
  <si>
    <t>12/30/2019 11:14:56</t>
  </si>
  <si>
    <t>12/30/2019 11:20:31</t>
  </si>
  <si>
    <t>23907dfd-2a6d-4a09-b61e-55e356f823d7.tmp</t>
  </si>
  <si>
    <t>\\acsfs\profiles$\Flaviojmm\Downloads\23907dfd-2a6d-4a09-b61e-55e356f823d7.tmp</t>
  </si>
  <si>
    <t>12/30/2019 11:17:01</t>
  </si>
  <si>
    <t>12/30/2019 11:14:43</t>
  </si>
  <si>
    <t>12/30/2019 11:14:54</t>
  </si>
  <si>
    <t>12/30/2019 11:15:33</t>
  </si>
  <si>
    <t>12/30/2019 11:15:37</t>
  </si>
  <si>
    <t>12/30/2019 11:15:55</t>
  </si>
  <si>
    <t>12/30/2019 11:16:22</t>
  </si>
  <si>
    <t>andrelpsa@algartech.com;eliane.martins@bv.com.br;flora.lira@bv.com.br;jose.gomes@bv.com.br;luciene.ssilva@bv.com.br;renata.farina@bv.com.br;supervisaobancovotorantim@algartech.com;</t>
  </si>
  <si>
    <t>andrelpsa@algartech.com,eliane.martins@bv.com.br,flora.lira@bv.com.br,jose.gomes@bv.com.br,luciene.ssilva@bv.com.br,renata.farina@bv.com.br,supervisaobancovotorantim@algartech.com</t>
  </si>
  <si>
    <t>alexandre.junior@call.neobpo.com.br;aline.toledo@call.neobpo.com.br;andrelpsa@algartech.com;cs@bv.com.br;eliane.martins@bv.com.br;flora.lira@bv.com.br;jose.gomes@bv.com.br;luciene.ssilva@bv.com.br;renata.farina@bv.com.br;supervisaobancovotorantim@algartech.com;valquiria.ghirotti@call.neobpo.com.br;</t>
  </si>
  <si>
    <t>alexandre.junior@call.neobpo.com.br,aline.toledo@call.neobpo.com.br,andrelpsa@algartech.com,cs@bv.com.br,eliane.martins@bv.com.br,flora.lira@bv.com.br,jose.gomes@bv.com.br,luciene.ssilva@bv.com.br,renata.farina@bv.com.br,supervisaobancovotorantim@algartech.com,valquiria.ghirotti@call.neobpo.com.br</t>
  </si>
  <si>
    <t>12/30/2019 11:16:35</t>
  </si>
  <si>
    <t>12/30/2019 11:16:42</t>
  </si>
  <si>
    <t>12/30/2019 11:16:46</t>
  </si>
  <si>
    <t>12/30/2019 11:16:59</t>
  </si>
  <si>
    <t>12/30/2019 11:17:27</t>
  </si>
  <si>
    <t>12/30/2019 11:17:30</t>
  </si>
  <si>
    <t>12/30/2019 11:17:39</t>
  </si>
  <si>
    <t>12/30/2019 11:17:42</t>
  </si>
  <si>
    <t>12/30/2019 11:17:46</t>
  </si>
  <si>
    <t>12/30/2019 11:19:10</t>
  </si>
  <si>
    <t>12/30/2019 11:15:24</t>
  </si>
  <si>
    <t>12/30/2019 11:19:15</t>
  </si>
  <si>
    <t>12/30/2019 11:18:18</t>
  </si>
  <si>
    <t>12/30/2019 11:18:39</t>
  </si>
  <si>
    <t>12/30/2019 11:18:49</t>
  </si>
  <si>
    <t>bvcartes-supervisores@algarnet.onmicrosoft.com;bvs-centralcartoes@bv.com.br;daniela.ribeiro@bv.com.br;eduardo.santana@bv.com.br;fabio.ernest@bv.com.br;joaogvc@algartech.com;leonardoao@algartech.com;marcus.pelegrine@bv.com.br;marcus.pellegrini@bv.com.br;mirianppb@algartech.com;paulacn@algartech.com;planejamentodeoperacoesetrafego@bv.com.br;rafaelggs@algartech.com;taysdss@algartech.com;thiagordu@algartech.com;viniciussg@algartech.com;</t>
  </si>
  <si>
    <t>bvcartes-supervisores@algarnet.onmicrosoft.com,bvs-centralcartoes@bv.com.br,daniela.ribeiro@bv.com.br,eduardo.santana@bv.com.br,fabio.ernest@bv.com.br,joaogvc@algartech.com,leonardoao@algartech.com,marcus.pelegrine@bv.com.br,marcus.pellegrini@bv.com.br,mirianppb@algartech.com,paulacn@algartech.com,planejamentodeoperacoesetrafego@bv.com.br,rafaelggs@algartech.com,taysdss@algartech.com,thiagordu@algartech.com,viniciussg@algartech.com</t>
  </si>
  <si>
    <t>12/30/2019 11:18:52</t>
  </si>
  <si>
    <t>12/30/2019 11:19:08</t>
  </si>
  <si>
    <t>12/30/2019 11:19:11</t>
  </si>
  <si>
    <t>12/30/2019 11:19:25</t>
  </si>
  <si>
    <t>12/30/2019 11:19:29</t>
  </si>
  <si>
    <t>mail.google.com/sync/u/0/i/s?hl=pt-BR&amp;c=587</t>
  </si>
  <si>
    <t>12/30/2019 11:21:30</t>
  </si>
  <si>
    <t>12/30/2019 11:17:04</t>
  </si>
  <si>
    <t>35269cb0-9b9f-4887-a374-e3c2218def6d.tmp</t>
  </si>
  <si>
    <t>\\acsfs\profiles$\ayalabfi\Downloads\35269cb0-9b9f-4887-a374-e3c2218def6d.tmp</t>
  </si>
  <si>
    <t>12/30/2019 11:19:13</t>
  </si>
  <si>
    <t>b78d21ef-3154-4f49-9801-8ea308961ef8.tmp</t>
  </si>
  <si>
    <t>\\acsfs\profiles$\ALYNYA\Downloads\b78d21ef-3154-4f49-9801-8ea308961ef8.tmp</t>
  </si>
  <si>
    <t>12/30/2019 11:17:00</t>
  </si>
  <si>
    <t>37c1584c-5c1a-4ed8-8894-237a3a846108.tmp</t>
  </si>
  <si>
    <t>\\acsfs\profiles$\nathaliadf\Downloads\37c1584c-5c1a-4ed8-8894-237a3a846108.tmp</t>
  </si>
  <si>
    <t>12/30/2019 11:20:25</t>
  </si>
  <si>
    <t>12/30/2019 11:22:30</t>
  </si>
  <si>
    <t>12/30/2019 11:21:57</t>
  </si>
  <si>
    <t>12/30/2019 11:23:31</t>
  </si>
  <si>
    <t>12/30/2019 11:21:09</t>
  </si>
  <si>
    <t>12/30/2019 11:23:03</t>
  </si>
  <si>
    <t>12/30/2019 11:24:30</t>
  </si>
  <si>
    <t>12/30/2019 11:24:03</t>
  </si>
  <si>
    <t>12/30/2019 11:19:43</t>
  </si>
  <si>
    <t>12/30/2019 11:25:31</t>
  </si>
  <si>
    <t>12/30/2019 11:20:43</t>
  </si>
  <si>
    <t>12/30/2019 11:20:03</t>
  </si>
  <si>
    <t>12/30/2019 11:22:25</t>
  </si>
  <si>
    <t>12/30/2019 11:23:33</t>
  </si>
  <si>
    <t>12/30/2019 11:24:15</t>
  </si>
  <si>
    <t>12/30/2019 11:22:02</t>
  </si>
  <si>
    <t>12/30/2019 11:26:30</t>
  </si>
  <si>
    <t>12/30/2019 11:22:16</t>
  </si>
  <si>
    <t>12/30/2019 11:23:48</t>
  </si>
  <si>
    <t>12/30/2019 11:21:56</t>
  </si>
  <si>
    <t>12/30/2019 11:22:26</t>
  </si>
  <si>
    <t>12/30/2019 11:25:28</t>
  </si>
  <si>
    <t>3fa72bf1-2a90-4a7a-a910-ad528ecbdf27.tmp</t>
  </si>
  <si>
    <t>\\acsfs\profiles$\wedersonbadr\My Documents\My Music\3fa72bf1-2a90-4a7a-a910-ad528ecbdf27.tmp</t>
  </si>
  <si>
    <t>12/30/2019 11:24:25</t>
  </si>
  <si>
    <t>12/30/2019 11:26:45</t>
  </si>
  <si>
    <t>12/30/2019 11:27:30</t>
  </si>
  <si>
    <t>8bba5f6b-988e-4a01-8697-1dde66ed835c.tmp</t>
  </si>
  <si>
    <t>\\acsfs\profiles$\gabrielhca\Downloads\8bba5f6b-988e-4a01-8697-1dde66ed835c.tmp</t>
  </si>
  <si>
    <t>12/30/2019 11:24:21</t>
  </si>
  <si>
    <t>e8c32423-2d8b-4013-999a-58b20b63caec.tmp</t>
  </si>
  <si>
    <t>\\acsfs\profiles$\wenderbnm\Downloads\e8c32423-2d8b-4013-999a-58b20b63caec.tmp</t>
  </si>
  <si>
    <t>12/30/2019 11:22:38</t>
  </si>
  <si>
    <t>12/30/2019 11:25:20</t>
  </si>
  <si>
    <t>23ed154e-a7aa-4379-a928-3717c18ccb68.tmp</t>
  </si>
  <si>
    <t>\\acsfs\profiles$\henriquehmdo\Downloads\23ed154e-a7aa-4379-a928-3717c18ccb68.tmp</t>
  </si>
  <si>
    <t>12/30/2019 11:24:05</t>
  </si>
  <si>
    <t>b4e7ca67-8a2a-4719-8e6e-3863fe1f7835.tmp</t>
  </si>
  <si>
    <t>\\acsfs\profiles$\ERICALSR\Downloads\b4e7ca67-8a2a-4719-8e6e-3863fe1f7835.tmp</t>
  </si>
  <si>
    <t>12/30/2019 11:27:11</t>
  </si>
  <si>
    <t>12/30/2019 11:27:12</t>
  </si>
  <si>
    <t>lu277003zdp2o.tmp</t>
  </si>
  <si>
    <t>\\acsfs\profiles$\LUCASBS\RENEG BV\lu277003zdp2o.tmp</t>
  </si>
  <si>
    <t>\\acsfs\profiles$\LUCASBS\RENEG BV\lu277003zdp2o.tmp\</t>
  </si>
  <si>
    <t>\\acsfs\profiles$\LUCASBS\RENEG BV\lu277003zdp2o.tmp\META-INF\</t>
  </si>
  <si>
    <t>\\acsfs\profiles$\LUCASBS\RENEG BV\lu277003zdp2o.tmp\Thumbnails\</t>
  </si>
  <si>
    <t>12/30/2019 11:27:26</t>
  </si>
  <si>
    <t>12/30/2019 11:25:03</t>
  </si>
  <si>
    <t>12/30/2019 11:28:31</t>
  </si>
  <si>
    <t>12/30/2019 11:23:41</t>
  </si>
  <si>
    <t>12/30/2019 11:29:03</t>
  </si>
  <si>
    <t>12/30/2019 11:29:30</t>
  </si>
  <si>
    <t>12/30/2019 11:26:41</t>
  </si>
  <si>
    <t>12/30/2019 11:30:30</t>
  </si>
  <si>
    <t>9eff47d1-673b-49a4-8498-70c07606ae7c.tmp</t>
  </si>
  <si>
    <t>\\acsfs\profiles$\geovannasm\Downloads\9eff47d1-673b-49a4-8498-70c07606ae7c.tmp</t>
  </si>
  <si>
    <t>12/30/2019 11:25:43</t>
  </si>
  <si>
    <t>12/30/2019 11:26:44</t>
  </si>
  <si>
    <t>12/30/2019 11:28:32</t>
  </si>
  <si>
    <t>Leonardo Costa Barros_1_6770112886698221572_1_32.wav</t>
  </si>
  <si>
    <t>\\acsfs\Deptos\EDUCACAO EMPRESARIAL\FERNANDA MONIT\Ligação para Mutant terceiro Ciclo\Leonardo Costa Barros_1_6770112886698221572_1_32.wav</t>
  </si>
  <si>
    <t>12/30/2019 11:30:17</t>
  </si>
  <si>
    <t>12/30/2019 11:31:30</t>
  </si>
  <si>
    <t>1a7517f4-c454-49c6-b85a-92b0b6c8f7b5.tmp</t>
  </si>
  <si>
    <t>\\acsfs\profiles$\larissaad\Downloads\1a7517f4-c454-49c6-b85a-92b0b6c8f7b5.tmp</t>
  </si>
  <si>
    <t>12/30/2019 11:29:26</t>
  </si>
  <si>
    <t>12/30/2019 11:29:56</t>
  </si>
  <si>
    <t>12/30/2019 11:30:23</t>
  </si>
  <si>
    <t>a6c3a0b2-9c04-4456-a930-429258e9a981.tmp</t>
  </si>
  <si>
    <t>\\acsfs\profiles$\wedersonbadr\My Documents\My Music\a6c3a0b2-9c04-4456-a930-429258e9a981.tmp</t>
  </si>
  <si>
    <t>12/30/2019 11:28:59</t>
  </si>
  <si>
    <t>12/30/2019 11:29:31</t>
  </si>
  <si>
    <t>ce0c0c86-7004-4bad-a65f-29f27e116e51.tmp</t>
  </si>
  <si>
    <t>\\acsfs\profiles$\milenaas\Downloads\ce0c0c86-7004-4bad-a65f-29f27e116e51.tmp</t>
  </si>
  <si>
    <t>12/30/2019 11:30:02</t>
  </si>
  <si>
    <t>52708be1-7489-4d97-b49d-ca2da70c7105.tmp</t>
  </si>
  <si>
    <t>\\acsfs\profiles$\milenaas\Downloads\52708be1-7489-4d97-b49d-ca2da70c7105.tmp</t>
  </si>
  <si>
    <t>12/30/2019 11:30:24</t>
  </si>
  <si>
    <t>12/30/2019 11:32:30</t>
  </si>
  <si>
    <t>10.16.76.73</t>
  </si>
  <si>
    <t>64-31-50-8E-51-B3</t>
  </si>
  <si>
    <t>NB-CARLOSECM</t>
  </si>
  <si>
    <t>carlosecm</t>
  </si>
  <si>
    <t>https://cscatende.algarnet.com.br/html/hd/hdscriptresposta/request/uploadincidentattachment.php?cdclassificacao=7&amp;action=1&amp;lastpositionattachement=undefined&amp;cdquestao=9237&amp;idmaisanexos=t</t>
  </si>
  <si>
    <t>9107;</t>
  </si>
  <si>
    <t>C:\Users\carlosecm\Desktop\</t>
  </si>
  <si>
    <t>ALTERACAO_DE_LIMITES.xls</t>
  </si>
  <si>
    <t>https://9107</t>
  </si>
  <si>
    <t>12/30/2019 11:29:53</t>
  </si>
  <si>
    <t>9bcd1f40-48e6-46bb-bd63-b0375db9e7f4.tmp</t>
  </si>
  <si>
    <t>\\acsfs\profiles$\gabrielhca\Downloads\9bcd1f40-48e6-46bb-bd63-b0375db9e7f4.tmp</t>
  </si>
  <si>
    <t>12/30/2019 11:30:27</t>
  </si>
  <si>
    <t>a9c80d0a-9165-4d99-98e7-af88f12b110f.tmp</t>
  </si>
  <si>
    <t>\\acsfs\profiles$\gabrielhca\Downloads\a9c80d0a-9165-4d99-98e7-af88f12b110f.tmp</t>
  </si>
  <si>
    <t>72cbc1e8-b6a5-43af-88db-6198f9dbdb8a.tmp</t>
  </si>
  <si>
    <t>\\acsfs\profiles$\nathaliaos\Downloads\72cbc1e8-b6a5-43af-88db-6198f9dbdb8a.tmp</t>
  </si>
  <si>
    <t>12/30/2019 11:29:07</t>
  </si>
  <si>
    <t>12/30/2019 11:32:46</t>
  </si>
  <si>
    <t>12/30/2019 11:33:30</t>
  </si>
  <si>
    <t>leonoraat@algartech.com.br;pauliniaacs@algartech.com.br;</t>
  </si>
  <si>
    <t>ENC: Produtividade CRCe até 29/12</t>
  </si>
  <si>
    <t>Cópia de Produtividade CRC Amex e CRC VMC - Dezembro (003).zip\</t>
  </si>
  <si>
    <t>C¢pia de Produtividade CRC Amex e CRC VMC - Dezembro (003).xlsb</t>
  </si>
  <si>
    <t>leonoraat@algartech.com.br,pauliniaacs@algartech.com.br</t>
  </si>
  <si>
    <t>12/30/2019 11:34:30</t>
  </si>
  <si>
    <t>12/30/2019 11:30:03</t>
  </si>
  <si>
    <t>12/30/2019 11:33:13</t>
  </si>
  <si>
    <t>https://portalth.algarnet.com.br/webponto/just_user/pesqfunc_corpo.asp?hidtelachamadora=solicitarelat&amp;data=01/11/2019</t>
  </si>
  <si>
    <t>12/30/2019 11:31:48</t>
  </si>
  <si>
    <t>12/30/2019 11:35:30</t>
  </si>
  <si>
    <t>12/30/2019 11:31:49</t>
  </si>
  <si>
    <t>lu246123wyp4o.tmp</t>
  </si>
  <si>
    <t>\\acsfs\profiles$\FLAVIOJMM\My Documents\lu246123wyp4o.tmp</t>
  </si>
  <si>
    <t>\\acsfs\profiles$\FLAVIOJMM\My Documents\lu246123wyp4o.tmp\</t>
  </si>
  <si>
    <t>\\acsfs\profiles$\FLAVIOJMM\My Documents\lu246123wyp4o.tmp\META-INF\</t>
  </si>
  <si>
    <t>\\acsfs\profiles$\FLAVIOJMM\My Documents\lu246123wyp4o.tmp\Thumbnails\</t>
  </si>
  <si>
    <t>12/30/2019 11:31:44</t>
  </si>
  <si>
    <t>12/30/2019 11:32:44</t>
  </si>
  <si>
    <t>12/30/2019 11:32:13</t>
  </si>
  <si>
    <t>12/30/2019 11:36:29</t>
  </si>
  <si>
    <t>12/30/2019 11:32:31</t>
  </si>
  <si>
    <t>12/30/2019 11:32:39</t>
  </si>
  <si>
    <t>12/30/2019 11:32:35</t>
  </si>
  <si>
    <t>12/30/2019 11:37:30</t>
  </si>
  <si>
    <t>ce4ad271-94e0-4ac2-9b86-d40832bb9308.tmp</t>
  </si>
  <si>
    <t>\\acsfs\profiles$\gabrielarb\Downloads\ce4ad271-94e0-4ac2-9b86-d40832bb9308.tmp</t>
  </si>
  <si>
    <t>12/30/2019 11:35:05</t>
  </si>
  <si>
    <t>mail.google.com/_/upload?authuser=0&amp;dcp=asu-n&amp;upload_id=AEnB2UrLQKbKRV6tQH5N5oX9qoKDfrnveHZmSZnavO0KUhhfw8LGyUYNfGlZkkdvV8Z4ASNTOmXhnVSML9tSQiyznYNAy0lNQ7_dwkD-KfkKiR2SmMO5B1M&amp;upload_protocol=resumable</t>
  </si>
  <si>
    <t>jaquelines@algartech.com;</t>
  </si>
  <si>
    <t>\\acsfs\dsti\CITIM - Coordenação de Infra TI Implantação\Projetos\EM IMPLANTAÇÃO\SAGE\NOVO FATURAMENTO\2020\01 - Janeiro\</t>
  </si>
  <si>
    <t>Faturamento.Sage.Janeiro.xlsx</t>
  </si>
  <si>
    <t>jaquelines@algartech.com</t>
  </si>
  <si>
    <t>12/30/2019 11:32:58</t>
  </si>
  <si>
    <t>298aec4b-83fe-429d-80e7-015bdb8379b4.tmp</t>
  </si>
  <si>
    <t>\\acsfs\profiles$\nathaliaos\Downloads\298aec4b-83fe-429d-80e7-015bdb8379b4.tmp</t>
  </si>
  <si>
    <t>12/30/2019 11:33:40</t>
  </si>
  <si>
    <t>7ddd4e13-7bc1-4005-99a1-9e1362a14266.tmp</t>
  </si>
  <si>
    <t>\\acsfs\profiles$\nathaliaos\Downloads\7ddd4e13-7bc1-4005-99a1-9e1362a14266.tmp</t>
  </si>
  <si>
    <t>12/30/2019 11:34:31</t>
  </si>
  <si>
    <t>12/30/2019 11:34:32</t>
  </si>
  <si>
    <t>lu25484420eou.tmp</t>
  </si>
  <si>
    <t>\\acsfs\profiles$\LUCASBS\RENEG BV\lu25484420eou.tmp</t>
  </si>
  <si>
    <t>\\acsfs\profiles$\LUCASBS\RENEG BV\lu25484420eou.tmp\</t>
  </si>
  <si>
    <t>\\acsfs\profiles$\LUCASBS\RENEG BV\lu25484420eou.tmp\META-INF\</t>
  </si>
  <si>
    <t>\\acsfs\profiles$\LUCASBS\RENEG BV\lu25484420eou.tmp\Thumbnails\</t>
  </si>
  <si>
    <t>12/30/2019 11:36:51</t>
  </si>
  <si>
    <t>12/30/2019 11:38:29</t>
  </si>
  <si>
    <t>92aa5ce9-6a99-4d88-b526-ca0e6616857a.tmp</t>
  </si>
  <si>
    <t>\\acsfs\profiles$\laianear\Downloads\92aa5ce9-6a99-4d88-b526-ca0e6616857a.tmp</t>
  </si>
  <si>
    <t>12/30/2019 11:35:16</t>
  </si>
  <si>
    <t>crs lemontech.xlsx</t>
  </si>
  <si>
    <t>12/30/2019 11:37:25</t>
  </si>
  <si>
    <t>RES: Filas CRC AMEX</t>
  </si>
  <si>
    <t>Filas CRC.xlsx</t>
  </si>
  <si>
    <t>12/30/2019 11:34:01</t>
  </si>
  <si>
    <t>12/30/2019 11:39:29</t>
  </si>
  <si>
    <t>0f6ee241-308b-41fc-85ed-c13d25c9598b;</t>
  </si>
  <si>
    <t>mail.google.com/_/upload?authuser=1&amp;dcp=asu-n&amp;upload_id=AEnB2Uq4jUCNAJY-7NMA0ST6AQQuJLHE5CI2To3E-qz5pRcNdZN9eXAwIcuDKJ6pMb-1C8EWsi0UJNBOFFYu4oA4nzm6bKbkDmTuj6OcEPpPuVnLDe8fVaU&amp;upload_protocol=resumable</t>
  </si>
  <si>
    <t>expurgo BBN 30_12.xlsx</t>
  </si>
  <si>
    <t>12/30/2019 11:34:56</t>
  </si>
  <si>
    <t>e942b0bd-6815-49cc-b375-cd3cc7ed129e.tmp</t>
  </si>
  <si>
    <t>\\acsfs\profiles$\leticiala\Downloads\e942b0bd-6815-49cc-b375-cd3cc7ed129e.tmp</t>
  </si>
  <si>
    <t>12/30/2019 11:35:13</t>
  </si>
  <si>
    <t>1436fa86-2813-47ed-9f66-26fe0e16321a.tmp</t>
  </si>
  <si>
    <t>\\acsfs\profiles$\leticiala\Downloads\1436fa86-2813-47ed-9f66-26fe0e16321a.tmp</t>
  </si>
  <si>
    <t>12/30/2019 11:35:03</t>
  </si>
  <si>
    <t>12/30/2019 11:36:03</t>
  </si>
  <si>
    <t>12/30/2019 11:37:44</t>
  </si>
  <si>
    <t>12/30/2019 11:40:30</t>
  </si>
  <si>
    <t>12/30/2019 11:38:44</t>
  </si>
  <si>
    <t>12/30/2019 11:35:26</t>
  </si>
  <si>
    <t>12/30/2019 11:39:42</t>
  </si>
  <si>
    <t>5cc7e410-0d4c-4499-97fa-3694d672eae4.tmp</t>
  </si>
  <si>
    <t>\\acsfs\profiles$\MATEUSJM\Downloads\5cc7e410-0d4c-4499-97fa-3694d672eae4.tmp</t>
  </si>
  <si>
    <t>12/30/2019 11:36:25</t>
  </si>
  <si>
    <t>12/30/2019 11:41:29</t>
  </si>
  <si>
    <t>12/30/2019 11:36:49</t>
  </si>
  <si>
    <t>12/30/2019 11:40:24</t>
  </si>
  <si>
    <t>12/30/2019 11:39:17</t>
  </si>
  <si>
    <t>12/30/2019 11:41:15</t>
  </si>
  <si>
    <t>c9e558fa-4dd7-46e7-888a-e33546584b57.tmp</t>
  </si>
  <si>
    <t>\\acsfs\profiles$\gabrielafs\Downloads\c9e558fa-4dd7-46e7-888a-e33546584b57.tmp</t>
  </si>
  <si>
    <t>12/30/2019 11:37:00</t>
  </si>
  <si>
    <t>12/30/2019 11:42:30</t>
  </si>
  <si>
    <t>d7c1cbc5-27de-450f-b013-6cfbc6a816ab.tmp</t>
  </si>
  <si>
    <t>\\acsfs\profiles$\nathaliaos\Downloads\d7c1cbc5-27de-450f-b013-6cfbc6a816ab.tmp</t>
  </si>
  <si>
    <t>12/30/2019 11:40:03</t>
  </si>
  <si>
    <t>12/30/2019 11:44:30</t>
  </si>
  <si>
    <t>12/30/2019 11:41:03</t>
  </si>
  <si>
    <t>12/30/2019 11:42:03</t>
  </si>
  <si>
    <t>12/30/2019 11:44:04</t>
  </si>
  <si>
    <t>12/30/2019 11:45:29</t>
  </si>
  <si>
    <t>12/30/2019 11:44:05</t>
  </si>
  <si>
    <t>lu246123wyp54.tmp</t>
  </si>
  <si>
    <t>\\acsfs\profiles$\FLAVIOJMM\My Documents\lu246123wyp54.tmp</t>
  </si>
  <si>
    <t>\\acsfs\profiles$\FLAVIOJMM\My Documents\lu246123wyp54.tmp\</t>
  </si>
  <si>
    <t>\\acsfs\profiles$\FLAVIOJMM\My Documents\lu246123wyp54.tmp\META-INF\</t>
  </si>
  <si>
    <t>\\acsfs\profiles$\FLAVIOJMM\My Documents\lu246123wyp54.tmp\Thumbnails\</t>
  </si>
  <si>
    <t>12/30/2019 11:43:44</t>
  </si>
  <si>
    <t>12/30/2019 11:40:06</t>
  </si>
  <si>
    <t>3ed33f20-815e-4610-9246-66a916fbabf5.tmp</t>
  </si>
  <si>
    <t>\\acsfs\profiles$\mariajra\Downloads\3ed33f20-815e-4610-9246-66a916fbabf5.tmp</t>
  </si>
  <si>
    <t>12/30/2019 11:43:35</t>
  </si>
  <si>
    <t>12/30/2019 11:46:29</t>
  </si>
  <si>
    <t>12/30/2019 11:43:22</t>
  </si>
  <si>
    <t>12/30/2019 11:44:56</t>
  </si>
  <si>
    <t>12/30/2019 11:45:26</t>
  </si>
  <si>
    <t>12/30/2019 11:47:29</t>
  </si>
  <si>
    <t>ericacdosc@algartech.com;</t>
  </si>
  <si>
    <t>C 1 Composição Contas a Pagar.xlsx</t>
  </si>
  <si>
    <t>12/30/2019 11:46:35</t>
  </si>
  <si>
    <t>12/30/2019 11:46:37</t>
  </si>
  <si>
    <t>lu25484420ep3.tmp</t>
  </si>
  <si>
    <t>\\acsfs\profiles$\LUCASBS\RENEG BV\lu25484420ep3.tmp</t>
  </si>
  <si>
    <t>\\acsfs\profiles$\LUCASBS\RENEG BV\lu25484420ep3.tmp\</t>
  </si>
  <si>
    <t>\\acsfs\profiles$\LUCASBS\RENEG BV\lu25484420ep3.tmp\META-INF\</t>
  </si>
  <si>
    <t>\\acsfs\profiles$\LUCASBS\RENEG BV\lu25484420ep3.tmp\Thumbnails\</t>
  </si>
  <si>
    <t>12/30/2019 11:45:41</t>
  </si>
  <si>
    <t>12/30/2019 11:48:29</t>
  </si>
  <si>
    <t>12/30/2019 11:47:03</t>
  </si>
  <si>
    <t>12/30/2019 11:49:29</t>
  </si>
  <si>
    <t>12/30/2019 11:48:03</t>
  </si>
  <si>
    <t>12/30/2019 11:44:44</t>
  </si>
  <si>
    <t>12/30/2019 11:50:29</t>
  </si>
  <si>
    <t>12/30/2019 11:48:56</t>
  </si>
  <si>
    <t>12/30/2019 11:51:29</t>
  </si>
  <si>
    <t>12/30/2019 11:48:47</t>
  </si>
  <si>
    <t>12/30/2019 11:48:57</t>
  </si>
  <si>
    <t>12/30/2019 11:49:00</t>
  </si>
  <si>
    <t>12/30/2019 11:49:03</t>
  </si>
  <si>
    <t>12/30/2019 11:49:14</t>
  </si>
  <si>
    <t>12/30/2019 11:45:56</t>
  </si>
  <si>
    <t>12/30/2019 11:46:26</t>
  </si>
  <si>
    <t>12/30/2019 11:46:56</t>
  </si>
  <si>
    <t>12/30/2019 11:47:56</t>
  </si>
  <si>
    <t>12/30/2019 11:48:26</t>
  </si>
  <si>
    <t>12/30/2019 11:49:26</t>
  </si>
  <si>
    <t>12/30/2019 11:47:02</t>
  </si>
  <si>
    <t>12/30/2019 11:48:15</t>
  </si>
  <si>
    <t>489a6102-c01b-4fa8-bec5-e1e0f238eaac.tmp</t>
  </si>
  <si>
    <t>\\acsfs\profiles$\ALYNYA\Downloads\489a6102-c01b-4fa8-bec5-e1e0f238eaac.tmp</t>
  </si>
  <si>
    <t>12/30/2019 11:48:19</t>
  </si>
  <si>
    <t>12/30/2019 11:52:29</t>
  </si>
  <si>
    <t>antonio.p.albuquerque@next.b.br;bruna.toledo@next.b.br;camila.guasco@next.b.br;jefferson.moreira@next.b.br;marcotvo@algartech.com;priscilaal@algartech.com.br;</t>
  </si>
  <si>
    <t>RES: Novas analistas Qualidade Next Algar</t>
  </si>
  <si>
    <t>Acessos dos monitores next.xls</t>
  </si>
  <si>
    <t>antonio.p.albuquerque@next.b.br,bruna.toledo@next.b.br,camila.guasco@next.b.br,jefferson.moreira@next.b.br,marcotvo@algartech.com,priscilaal@algartech.com.br</t>
  </si>
  <si>
    <t>12/30/2019 11:49:15</t>
  </si>
  <si>
    <t>12/30/2019 11:49:16</t>
  </si>
  <si>
    <t>12/30/2019 11:53:29</t>
  </si>
  <si>
    <t>lu25484420ep8.tmp</t>
  </si>
  <si>
    <t>\\acsfs\profiles$\LUCASBS\RENEG BV\lu25484420ep8.tmp</t>
  </si>
  <si>
    <t>\\acsfs\profiles$\LUCASBS\RENEG BV\lu25484420ep8.tmp\</t>
  </si>
  <si>
    <t>\\acsfs\profiles$\LUCASBS\RENEG BV\lu25484420ep8.tmp\META-INF\</t>
  </si>
  <si>
    <t>\\acsfs\profiles$\LUCASBS\RENEG BV\lu25484420ep8.tmp\Thumbnails\</t>
  </si>
  <si>
    <t>12/30/2019 11:50:00</t>
  </si>
  <si>
    <t>12/30/2019 11:50:01</t>
  </si>
  <si>
    <t>lu25484420epd.tmp</t>
  </si>
  <si>
    <t>\\acsfs\profiles$\LUCASBS\RENEG BV\lu25484420epd.tmp</t>
  </si>
  <si>
    <t>\\acsfs\profiles$\LUCASBS\RENEG BV\lu25484420epd.tmp\</t>
  </si>
  <si>
    <t>\\acsfs\profiles$\LUCASBS\RENEG BV\lu25484420epd.tmp\META-INF\</t>
  </si>
  <si>
    <t>\\acsfs\profiles$\LUCASBS\RENEG BV\lu25484420epd.tmp\Thumbnails\</t>
  </si>
  <si>
    <t>12/30/2019 11:51:13</t>
  </si>
  <si>
    <t>12/30/2019 11:54:29</t>
  </si>
  <si>
    <t>12/30/2019 11:53:01</t>
  </si>
  <si>
    <t>CPF 02648480803 CELINA CANDIDO RODRIGUES.pdf</t>
  </si>
  <si>
    <t>\\acsfs\Deptos\EDUCACAO EMPRESARIAL\KÉSIA\LIGAÇÕES 1220\CPF 02648480803 CELINA CANDIDO RODRIGUES.pdf</t>
  </si>
  <si>
    <t>\\acsfs\Deptos\EDUCACAO EMPRESARIAL\KÉSIA\LIGAÇÕES 1220\CPF 02648480803 CELINA CANDIDO RODRIGUES.pdf\</t>
  </si>
  <si>
    <t>\\acsfs\Deptos\EDUCACAO EMPRESARIAL\KÉSIA\LIGAÇÕES 1220\CPF 02648480803 CELINA CANDIDO RODRIGUES.pdf\:Zone.Identifier:$DATA</t>
  </si>
  <si>
    <t>12/30/2019 11:53:22</t>
  </si>
  <si>
    <t>12/30/2019 11:48:46</t>
  </si>
  <si>
    <t>12/30/2019 11:53:03</t>
  </si>
  <si>
    <t>12/30/2019 11:54:03</t>
  </si>
  <si>
    <t>12/30/2019 11:49:44</t>
  </si>
  <si>
    <t>12/30/2019 11:55:29</t>
  </si>
  <si>
    <t>12/30/2019 11:50:44</t>
  </si>
  <si>
    <t>12/30/2019 11:50:39</t>
  </si>
  <si>
    <t>12/30/2019 11:56:29</t>
  </si>
  <si>
    <t>12/30/2019 11:54:41</t>
  </si>
  <si>
    <t>12/30/2019 11:52:31</t>
  </si>
  <si>
    <t>12/30/2019 11:54:33</t>
  </si>
  <si>
    <t>12/30/2019 11:54:23</t>
  </si>
  <si>
    <t>12/30/2019 11:57:29</t>
  </si>
  <si>
    <t>12/30/2019 11:54:14</t>
  </si>
  <si>
    <t>12/30/2019 11:58:30</t>
  </si>
  <si>
    <t>12/30/2019 11:52:32</t>
  </si>
  <si>
    <t>lu25484420epi.tmp</t>
  </si>
  <si>
    <t>\\acsfs\profiles$\LUCASBS\RENEG BV\lu25484420epi.tmp</t>
  </si>
  <si>
    <t>\\acsfs\profiles$\LUCASBS\RENEG BV\lu25484420epi.tmp\</t>
  </si>
  <si>
    <t>\\acsfs\profiles$\LUCASBS\RENEG BV\lu25484420epi.tmp\META-INF\</t>
  </si>
  <si>
    <t>\\acsfs\profiles$\LUCASBS\RENEG BV\lu25484420epi.tmp\Thumbnails\</t>
  </si>
  <si>
    <t>12/30/2019 11:53:54</t>
  </si>
  <si>
    <t>12/30/2019 11:59:30</t>
  </si>
  <si>
    <t>Template_-_Gestao_de_Titulos (36).xlsx</t>
  </si>
  <si>
    <t>12/30/2019 11:56:16</t>
  </si>
  <si>
    <t>4f29be1b-c03d-468a-8a1c-0fcf0e9cfe0b.tmp</t>
  </si>
  <si>
    <t>\\acsfs\profiles$\leticiala\Downloads\4f29be1b-c03d-468a-8a1c-0fcf0e9cfe0b.tmp</t>
  </si>
  <si>
    <t>12/30/2019 11:56:02</t>
  </si>
  <si>
    <t>12/30/2019 11:59:03</t>
  </si>
  <si>
    <t>12/30/2019 11:55:44</t>
  </si>
  <si>
    <t>12/30/2019 12:00:30</t>
  </si>
  <si>
    <t>12/30/2019 11:56:44</t>
  </si>
  <si>
    <t>12/30/2019 11:59:08</t>
  </si>
  <si>
    <t>10.200.67.51</t>
  </si>
  <si>
    <t>90-B1-1C-71-35-16</t>
  </si>
  <si>
    <t>VOTORANT-IB007</t>
  </si>
  <si>
    <t>0ac447bb-9061-4849-a1e4-a972dc08ea9a.tmp</t>
  </si>
  <si>
    <t>\\acsfs\profiles$\kamilamrc\Downloads\0ac447bb-9061-4849-a1e4-a972dc08ea9a.tmp</t>
  </si>
  <si>
    <t>12/30/2019 11:58:46</t>
  </si>
  <si>
    <t>Lorrayne Valentino Amancio_1_6769242344071961504_1_32.wav</t>
  </si>
  <si>
    <t>\\acsfs\Deptos\EDUCACAO EMPRESARIAL\FERNANDA MONIT\Ligação para Mutant terceiro Ciclo\Lorrayne Valentino Amancio_1_6769242344071961504_1_32.wav</t>
  </si>
  <si>
    <t>12/30/2019 11:57:47</t>
  </si>
  <si>
    <t>12/30/2019 12:01:30</t>
  </si>
  <si>
    <t>12/30/2019 11:58:26</t>
  </si>
  <si>
    <t>12/30/2019 12:03:34</t>
  </si>
  <si>
    <t>12/30/2019 12:01:31</t>
  </si>
  <si>
    <t>12/30/2019 12:02:37</t>
  </si>
  <si>
    <t>12/30/2019 12:04:31</t>
  </si>
  <si>
    <t>078ad4a3-086d-45ee-a6c8-f558e8d7af6d.tmp</t>
  </si>
  <si>
    <t>\\acsfs\profiles$\leticiala\Downloads\078ad4a3-086d-45ee-a6c8-f558e8d7af6d.tmp</t>
  </si>
  <si>
    <t>12/30/2019 12:00:16</t>
  </si>
  <si>
    <t>12/30/2019 11:59:19</t>
  </si>
  <si>
    <t>https://www.tsaonline.com.br/operacaodeploy/moninovamanifestacao.aspx?monitoria=26535082&amp;status=14653</t>
  </si>
  <si>
    <t>00:00:01;00:03:17;</t>
  </si>
  <si>
    <t>Assessoria.PNG</t>
  </si>
  <si>
    <t>https://00:00:01,00:03:17</t>
  </si>
  <si>
    <t>12/30/2019 12:00:03</t>
  </si>
  <si>
    <t>Assessoria.zip</t>
  </si>
  <si>
    <t>C:\Users\elianegr\Desktop\Assessoria.zip\</t>
  </si>
  <si>
    <t>12/30/2019 12:00:04</t>
  </si>
  <si>
    <t>12/30/2019 12:01:45</t>
  </si>
  <si>
    <t>12/30/2019 12:05:31</t>
  </si>
  <si>
    <t>12/30/2019 12:02:44</t>
  </si>
  <si>
    <t>12/30/2019 12:01:49</t>
  </si>
  <si>
    <t>7a0644ae-6580-4bda-9e12-9f21e588f3ab.tmp</t>
  </si>
  <si>
    <t>\\acsfs\profiles$\kamilamrc\Downloads\7a0644ae-6580-4bda-9e12-9f21e588f3ab.tmp</t>
  </si>
  <si>
    <t>12/30/2019 12:01:54</t>
  </si>
  <si>
    <t>bc0beba7-e2b8-40d6-8a07-4c24d5f7a217.tmp</t>
  </si>
  <si>
    <t>\\acsfs\profiles$\kamilamrc\Downloads\bc0beba7-e2b8-40d6-8a07-4c24d5f7a217.tmp</t>
  </si>
  <si>
    <t>12/30/2019 12:01:59</t>
  </si>
  <si>
    <t>17dff2ee-3a44-4f85-905f-d939b0621488.tmp</t>
  </si>
  <si>
    <t>\\acsfs\profiles$\kamilamrc\Downloads\17dff2ee-3a44-4f85-905f-d939b0621488.tmp</t>
  </si>
  <si>
    <t>12/30/2019 12:00:56</t>
  </si>
  <si>
    <t>12/30/2019 12:06:31</t>
  </si>
  <si>
    <t>12/30/2019 12:03:02</t>
  </si>
  <si>
    <t>12/30/2019 12:03:29</t>
  </si>
  <si>
    <t>12/30/2019 12:03:42</t>
  </si>
  <si>
    <t>12/30/2019 12:01:04</t>
  </si>
  <si>
    <t>.~lock.Erro Operacional Marta. (dezembro).ods#</t>
  </si>
  <si>
    <t>\\acsfs\profiles$\wedersonbadr\Downloads\.~lock.Erro Operacional Marta. (dezembro).ods#</t>
  </si>
  <si>
    <t>12/30/2019 12:01:06</t>
  </si>
  <si>
    <t>Erro Operacional Marta. (dezembro).ods</t>
  </si>
  <si>
    <t>\\acsfs\profiles$\wedersonbadr\Downloads\Erro Operacional Marta. (dezembro).ods</t>
  </si>
  <si>
    <t>\\acsfs\profiles$\wedersonbadr\Downloads\Erro Operacional Marta. (dezembro).ods\</t>
  </si>
  <si>
    <t>\\acsfs\profiles$\wedersonbadr\Downloads\Erro Operacional Marta. (dezembro).ods\META-INF\</t>
  </si>
  <si>
    <t>\\acsfs\profiles$\wedersonbadr\Downloads\Erro Operacional Marta. (dezembro).ods\Thumbnails\</t>
  </si>
  <si>
    <t>12/30/2019 12:02:34</t>
  </si>
  <si>
    <t>12/30/2019 12:07:31</t>
  </si>
  <si>
    <t>12/30/2019 12:02:35</t>
  </si>
  <si>
    <t>lu259921yd2m6.tmp</t>
  </si>
  <si>
    <t>\\acsfs\profiles$\victoriaksr\My Documents\lu259921yd2m6.tmp</t>
  </si>
  <si>
    <t>12/30/2019 12:06:17</t>
  </si>
  <si>
    <t>12/30/2019 12:08:32</t>
  </si>
  <si>
    <t>515a0fb1-c6a7-4289-84b1-5081f896e3db.tmp</t>
  </si>
  <si>
    <t>\\acsfs\profiles$\LAISLG\Downloads\515a0fb1-c6a7-4289-84b1-5081f896e3db.tmp</t>
  </si>
  <si>
    <t>12/30/2019 12:08:03</t>
  </si>
  <si>
    <t>12/30/2019 12:05:13</t>
  </si>
  <si>
    <t>12/30/2019 12:09:31</t>
  </si>
  <si>
    <t>12/30/2019 12:07:12</t>
  </si>
  <si>
    <t>778a7a33-903f-486a-9f5b-f2415a7c3657.tmp</t>
  </si>
  <si>
    <t>\\acsfs\profiles$\leticiala\Downloads\778a7a33-903f-486a-9f5b-f2415a7c3657.tmp</t>
  </si>
  <si>
    <t>12/30/2019 12:06:09</t>
  </si>
  <si>
    <t>12/30/2019 12:07:37</t>
  </si>
  <si>
    <t>d3efafeb-dce0-42aa-bb6f-df38be674d27.tmp</t>
  </si>
  <si>
    <t>\\acsfs\profiles$\paulovadc\Downloads\d3efafeb-dce0-42aa-bb6f-df38be674d27.tmp</t>
  </si>
  <si>
    <t>12/30/2019 12:05:04</t>
  </si>
  <si>
    <t>12/30/2019 12:06:04</t>
  </si>
  <si>
    <t>12/30/2019 12:04:53</t>
  </si>
  <si>
    <t>12/30/2019 12:10:32</t>
  </si>
  <si>
    <t>12/30/2019 12:07:23</t>
  </si>
  <si>
    <t>12/30/2019 12:07:24</t>
  </si>
  <si>
    <t>lu246123wyp5t.tmp</t>
  </si>
  <si>
    <t>\\acsfs\profiles$\FLAVIOJMM\My Documents\lu246123wyp5t.tmp</t>
  </si>
  <si>
    <t>\\acsfs\profiles$\FLAVIOJMM\My Documents\lu246123wyp5t.tmp\</t>
  </si>
  <si>
    <t>\\acsfs\profiles$\FLAVIOJMM\My Documents\lu246123wyp5t.tmp\META-INF\</t>
  </si>
  <si>
    <t>\\acsfs\profiles$\FLAVIOJMM\My Documents\lu246123wyp5t.tmp\Thumbnails\</t>
  </si>
  <si>
    <t>12/30/2019 12:07:44</t>
  </si>
  <si>
    <t>12/30/2019 12:08:44</t>
  </si>
  <si>
    <t>12/30/2019 12:07:35</t>
  </si>
  <si>
    <t>12/30/2019 12:07:57</t>
  </si>
  <si>
    <t>12/30/2019 12:11:31</t>
  </si>
  <si>
    <t>12/30/2019 12:08:56</t>
  </si>
  <si>
    <t>12/30/2019 12:09:26</t>
  </si>
  <si>
    <t>12/30/2019 12:08:51</t>
  </si>
  <si>
    <t>12/30/2019 12:12:32</t>
  </si>
  <si>
    <t>12/30/2019 12:08:20</t>
  </si>
  <si>
    <t>12/30/2019 12:13:32</t>
  </si>
  <si>
    <t>\\acsfs\DEPTOS\Controladoria\32.Tesouraria\4 - Endividamento\1 - Assessoria Financeira\2019\</t>
  </si>
  <si>
    <t>Previa Covenants Dez-2019.xlsx</t>
  </si>
  <si>
    <t>12/30/2019 12:11:03</t>
  </si>
  <si>
    <t>12/30/2019 12:14:31</t>
  </si>
  <si>
    <t>12/30/2019 12:12:03</t>
  </si>
  <si>
    <t>12/30/2019 12:13:45</t>
  </si>
  <si>
    <t>12/30/2019 12:15:31</t>
  </si>
  <si>
    <t>12/30/2019 12:10:28</t>
  </si>
  <si>
    <t>5c3353c0-9163-488c-be08-08e1d41d0f5d.tmp</t>
  </si>
  <si>
    <t>\\acsfs\profiles$\kamilamrc\Downloads\5c3353c0-9163-488c-be08-08e1d41d0f5d.tmp</t>
  </si>
  <si>
    <t>12/30/2019 12:11:04</t>
  </si>
  <si>
    <t>64c9dbd3-81bc-47ab-bef8-909b27320327.tmp</t>
  </si>
  <si>
    <t>\\acsfs\profiles$\kamilamrc\Downloads\64c9dbd3-81bc-47ab-bef8-909b27320327.tmp</t>
  </si>
  <si>
    <t>12/30/2019 12:18:31</t>
  </si>
  <si>
    <t>12/30/2019 12:16:19</t>
  </si>
  <si>
    <t>scritpt.txt</t>
  </si>
  <si>
    <t>\\acsfs\profiles$\talitafdc\scritpt.txt</t>
  </si>
  <si>
    <t>12/30/2019 12:13:49</t>
  </si>
  <si>
    <t>12/30/2019 12:18:51</t>
  </si>
  <si>
    <t>12/30/2019 12:19:31</t>
  </si>
  <si>
    <t>12/30/2019 12:17:03</t>
  </si>
  <si>
    <t>12/30/2019 12:18:03</t>
  </si>
  <si>
    <t>12/30/2019 12:14:12</t>
  </si>
  <si>
    <t>12/30/2019 12:20:31</t>
  </si>
  <si>
    <t>12/30/2019 12:15:48</t>
  </si>
  <si>
    <t>44521;</t>
  </si>
  <si>
    <t>Brasscom Comprovantes.xlsx</t>
  </si>
  <si>
    <t>https://44521</t>
  </si>
  <si>
    <t>12/30/2019 12:16:10</t>
  </si>
  <si>
    <t>Comprovante de Pagamento.xlsx</t>
  </si>
  <si>
    <t>12/30/2019 12:19:05</t>
  </si>
  <si>
    <t>RELATORIO DE LOGIN - BV CARTÕES 26-12 - Cópia.xlsm</t>
  </si>
  <si>
    <t>\\acsfs\DEPTOS\Operacao\PCP\5 - Comum\PLANEJAMENTO BV\14 - ACOMPANHAMENTO\1 - REPORT ACOMPANHAMENTO\2019\12 - Dezembro\CARTÕES\Login Logout Cartões\RELATORIO DE LOGIN - BV CARTÕES 26-12 - Cópia.xlsm</t>
  </si>
  <si>
    <t>12/30/2019 12:14:44</t>
  </si>
  <si>
    <t>12/30/2019 12:19:44</t>
  </si>
  <si>
    <t>12/30/2019 12:16:27</t>
  </si>
  <si>
    <t>12/30/2019 12:21:31</t>
  </si>
  <si>
    <t>12/30/2019 12:19:27</t>
  </si>
  <si>
    <t>12/30/2019 12:19:56</t>
  </si>
  <si>
    <t>12/30/2019 12:20:26</t>
  </si>
  <si>
    <t>12/30/2019 12:18:37</t>
  </si>
  <si>
    <t>12/30/2019 12:20:50</t>
  </si>
  <si>
    <t>cd97e620-ca7d-44d1-9128-f1ff92294d95.tmp</t>
  </si>
  <si>
    <t>\\acsfs\profiles$\gabrielafs\Downloads\cd97e620-ca7d-44d1-9128-f1ff92294d95.tmp</t>
  </si>
  <si>
    <t>12/30/2019 12:17:44</t>
  </si>
  <si>
    <t>12/30/2019 12:22:30</t>
  </si>
  <si>
    <t>12/30/2019 12:23:17</t>
  </si>
  <si>
    <t>12/30/2019 12:24:31</t>
  </si>
  <si>
    <t>ddb61273-ecb0-42c2-b8f4-bfcbc4742709.tmp</t>
  </si>
  <si>
    <t>\\acsfs\profiles$\YASMINSC\Downloads\ddb61273-ecb0-42c2-b8f4-bfcbc4742709.tmp</t>
  </si>
  <si>
    <t>12/30/2019 12:21:15</t>
  </si>
  <si>
    <t>947cddeb-e93f-484f-aafc-6c2780087a1c.tmp</t>
  </si>
  <si>
    <t>\\acsfs\profiles$\paulovadc\Downloads\947cddeb-e93f-484f-aafc-6c2780087a1c.tmp</t>
  </si>
  <si>
    <t>12/30/2019 12:23:04</t>
  </si>
  <si>
    <t>12/30/2019 12:24:04</t>
  </si>
  <si>
    <t>12/30/2019 12:20:05</t>
  </si>
  <si>
    <t>12/30/2019 12:25:31</t>
  </si>
  <si>
    <t>lu246123wyp68.tmp</t>
  </si>
  <si>
    <t>\\acsfs\profiles$\FLAVIOJMM\My Documents\lu246123wyp68.tmp</t>
  </si>
  <si>
    <t>\\acsfs\profiles$\FLAVIOJMM\My Documents\lu246123wyp68.tmp\</t>
  </si>
  <si>
    <t>\\acsfs\profiles$\FLAVIOJMM\My Documents\lu246123wyp68.tmp\META-INF\</t>
  </si>
  <si>
    <t>\\acsfs\profiles$\FLAVIOJMM\My Documents\lu246123wyp68.tmp\Thumbnails\</t>
  </si>
  <si>
    <t>12/30/2019 12:23:02</t>
  </si>
  <si>
    <t>lu246123wyp6e.tmp</t>
  </si>
  <si>
    <t>\\acsfs\profiles$\FLAVIOJMM\My Documents\lu246123wyp6e.tmp</t>
  </si>
  <si>
    <t>\\acsfs\profiles$\FLAVIOJMM\My Documents\lu246123wyp6e.tmp\</t>
  </si>
  <si>
    <t>\\acsfs\profiles$\FLAVIOJMM\My Documents\lu246123wyp6e.tmp\META-INF\</t>
  </si>
  <si>
    <t>12/30/2019 12:23:03</t>
  </si>
  <si>
    <t>\\acsfs\profiles$\FLAVIOJMM\My Documents\lu246123wyp6e.tmp\Thumbnails\</t>
  </si>
  <si>
    <t>12/30/2019 12:22:57</t>
  </si>
  <si>
    <t>55ba20e2-a16a-415b-ae6f-680db6a15a92.tmp</t>
  </si>
  <si>
    <t>\\acsfs\profiles$\MATEUSJM\Downloads\55ba20e2-a16a-415b-ae6f-680db6a15a92.tmp</t>
  </si>
  <si>
    <t>12/30/2019 12:21:53</t>
  </si>
  <si>
    <t>12/30/2019 12:20:46</t>
  </si>
  <si>
    <t>12/30/2019 12:24:50</t>
  </si>
  <si>
    <t>c736ca3d-6c6b-4d1f-96f3-b5e768d2a2ff;</t>
  </si>
  <si>
    <t>12/30/2019 12:24:57</t>
  </si>
  <si>
    <t>12/30/2019 12:26:30</t>
  </si>
  <si>
    <t>12/30/2019 12:23:58</t>
  </si>
  <si>
    <t>ce00ce41-3740-468c-a00b-03729aa3cadb.tmp</t>
  </si>
  <si>
    <t>\\acsfs\profiles$\geovanaasa\Downloads\ce00ce41-3740-468c-a00b-03729aa3cadb.tmp</t>
  </si>
  <si>
    <t>12/30/2019 12:24:35</t>
  </si>
  <si>
    <t>6447ef8b-405d-4906-8c59-7d8ad01bfc4d.tmp</t>
  </si>
  <si>
    <t>\\acsfs\profiles$\geovanaasa\Downloads\6447ef8b-405d-4906-8c59-7d8ad01bfc4d.tmp</t>
  </si>
  <si>
    <t>12/30/2019 12:22:47</t>
  </si>
  <si>
    <t>12/30/2019 12:28:30</t>
  </si>
  <si>
    <t>12/30/2019 12:23:25</t>
  </si>
  <si>
    <t>Holerite_122019_2100832.pdf.rw1wp6g.partial</t>
  </si>
  <si>
    <t>\\acsfs\profiles$\anafsb\Downloads\Holerite_122019_2100832.pdf.rw1wp6g.partial</t>
  </si>
  <si>
    <t>12/30/2019 12:25:43</t>
  </si>
  <si>
    <t>Holerite_122019_2100832 (1).pdf.hlg9ehp.partial</t>
  </si>
  <si>
    <t>\\acsfs\profiles$\anafsb\Downloads\Holerite_122019_2100832 (1).pdf.hlg9ehp.partial</t>
  </si>
  <si>
    <t>12/30/2019 12:27:47</t>
  </si>
  <si>
    <t>Holerite_122019_2100832 (2).pdf.b37m4ry.partial</t>
  </si>
  <si>
    <t>\\acsfs\profiles$\anafsb\Downloads\Holerite_122019_2100832 (2).pdf.b37m4ry.partial</t>
  </si>
  <si>
    <t>12/30/2019 12:27:23</t>
  </si>
  <si>
    <t>12/30/2019 12:26:10</t>
  </si>
  <si>
    <t>12/30/2019 12:29:30</t>
  </si>
  <si>
    <t>12/30/2019 12:29:04</t>
  </si>
  <si>
    <t>12/30/2019 12:24:36</t>
  </si>
  <si>
    <t>12/30/2019 12:30:30</t>
  </si>
  <si>
    <t>\\acsfs\ACS\Q29udHJvbGxlci5TQUNBLVNBQw--.ica.crdownload</t>
  </si>
  <si>
    <t>12/30/2019 12:24:37</t>
  </si>
  <si>
    <t>\\acsfs\ACS\Q29udHJvbGxlci5TQUNBLVNBQw--.ica:Zone.Identifier</t>
  </si>
  <si>
    <t>12/30/2019 12:25:36</t>
  </si>
  <si>
    <t>\\acsfs\ACS\Q29udHJvbGxlci5FeHBsb3Jlcl8x.ica.crdownload</t>
  </si>
  <si>
    <t>12/30/2019 12:25:37</t>
  </si>
  <si>
    <t>\\acsfs\ACS\Q29udHJvbGxlci5FeHBsb3Jlcl8x.ica:Zone.Identifier</t>
  </si>
  <si>
    <t>12/30/2019 12:29:07</t>
  </si>
  <si>
    <t>12/30/2019 12:29:26</t>
  </si>
  <si>
    <t>Q29udHJvbGxlci5Xb3Jrc3BhY2UtRGVza3RvcC1F.ica.crdownload</t>
  </si>
  <si>
    <t>\\acsfs\ACS\Q29udHJvbGxlci5Xb3Jrc3BhY2UtRGVza3RvcC1F.ica.crdownload</t>
  </si>
  <si>
    <t>Q29udHJvbGxlci5Xb3Jrc3BhY2UtRGVza3RvcC1F.ica:Zone.Identifier</t>
  </si>
  <si>
    <t>\\acsfs\ACS\Q29udHJvbGxlci5Xb3Jrc3BhY2UtRGVza3RvcC1F.ica:Zone.Identifier</t>
  </si>
  <si>
    <t>12/30/2019 12:24:49</t>
  </si>
  <si>
    <t>12/30/2019 12:27:33</t>
  </si>
  <si>
    <t>12/30/2019 12:26:32</t>
  </si>
  <si>
    <t>12/30/2019 12:26:35</t>
  </si>
  <si>
    <t>12/30/2019 12:26:39</t>
  </si>
  <si>
    <t>12/30/2019 12:26:47</t>
  </si>
  <si>
    <t>12/30/2019 12:25:56</t>
  </si>
  <si>
    <t>ba469d77-16db-4171-aba9-5d5c8b60c747.tmp</t>
  </si>
  <si>
    <t>\\acsfs\profiles$\nataliacsl\Downloads\ba469d77-16db-4171-aba9-5d5c8b60c747.tmp</t>
  </si>
  <si>
    <t>12/30/2019 12:25:44</t>
  </si>
  <si>
    <t>12/30/2019 12:26:44</t>
  </si>
  <si>
    <t>12/30/2019 12:29:47</t>
  </si>
  <si>
    <t>5f4900b0-0ea3-4d12-9f89-21ae68fc2961.tmp</t>
  </si>
  <si>
    <t>\\acsfs\profiles$\nathaliarmr\Downloads\5f4900b0-0ea3-4d12-9f89-21ae68fc2961.tmp</t>
  </si>
  <si>
    <t>12/30/2019 12:29:55</t>
  </si>
  <si>
    <t>7d16eb04-e044-41fd-b30d-fec85f66a5c2.tmp</t>
  </si>
  <si>
    <t>\\acsfs\profiles$\nathaliarmr\Downloads\7d16eb04-e044-41fd-b30d-fec85f66a5c2.tmp</t>
  </si>
  <si>
    <t>12/30/2019 12:26:22</t>
  </si>
  <si>
    <t>12/30/2019 12:31:30</t>
  </si>
  <si>
    <t>12/30/2019 12:26:27</t>
  </si>
  <si>
    <t>12/30/2019 12:26:57</t>
  </si>
  <si>
    <t>12/30/2019 12:28:47</t>
  </si>
  <si>
    <t>https://udpmailboxap01.acs.com.br:8443/h/search;jsessionid=1gwuazqv55npq6mv84xt10n9u?si=0&amp;so=0&amp;sc=57056&amp;st=conversation&amp;action=compose</t>
  </si>
  <si>
    <t>12/30/2019 12:30:58</t>
  </si>
  <si>
    <t>297450b2-1fb6-4b08-bef4-8b9e893e0e2d.tmp</t>
  </si>
  <si>
    <t>\\acsfs\profiles$\LUISPLS\Downloads\297450b2-1fb6-4b08-bef4-8b9e893e0e2d.tmp</t>
  </si>
  <si>
    <t>12/30/2019 12:27:02</t>
  </si>
  <si>
    <t>24bdb5d8-0164-4e2c-b493-de83472a0f8a.tmp</t>
  </si>
  <si>
    <t>\\acsfs\profiles$\geovanaasa\Downloads\24bdb5d8-0164-4e2c-b493-de83472a0f8a.tmp</t>
  </si>
  <si>
    <t>12/30/2019 12:27:30</t>
  </si>
  <si>
    <t>73126c5f-26a2-46cc-ad1b-3d3f40f76de0.tmp</t>
  </si>
  <si>
    <t>\\acsfs\profiles$\geovanaasa\Downloads\73126c5f-26a2-46cc-ad1b-3d3f40f76de0.tmp</t>
  </si>
  <si>
    <t>12/30/2019 12:29:46</t>
  </si>
  <si>
    <t>adff6a56-ebca-4690-a480-4c5c92a899d7.tmp</t>
  </si>
  <si>
    <t>\\acsfs\profiles$\geovanaasa\Downloads\adff6a56-ebca-4690-a480-4c5c92a899d7.tmp</t>
  </si>
  <si>
    <t>12/30/2019 12:32:45</t>
  </si>
  <si>
    <t>12/30/2019 12:33:29</t>
  </si>
  <si>
    <t>e13a3cc5-8142-4f21-812c-30ca811291e0.tmp</t>
  </si>
  <si>
    <t>\\acsfs\profiles$\vivianalds\Downloads\e13a3cc5-8142-4f21-812c-30ca811291e0.tmp</t>
  </si>
  <si>
    <t>12/30/2019 12:29:08</t>
  </si>
  <si>
    <t>Holerite_122019_2100832.pdf.lwt82wy.partial</t>
  </si>
  <si>
    <t>\\acsfs\profiles$\anafsb\Downloads\Holerite_122019_2100832.pdf.lwt82wy.partial</t>
  </si>
  <si>
    <t>12/30/2019 12:32:17</t>
  </si>
  <si>
    <t>a128a352-16b9-43ae-b151-2094d73b4520.tmp</t>
  </si>
  <si>
    <t>\\acsfs\profiles$\anafsb\Downloads\a128a352-16b9-43ae-b151-2094d73b4520.tmp</t>
  </si>
  <si>
    <t>12/30/2019 12:30:04</t>
  </si>
  <si>
    <t>12/30/2019 12:34:30</t>
  </si>
  <si>
    <t>12/30/2019 12:30:49</t>
  </si>
  <si>
    <t>12/30/2019 12:35:30</t>
  </si>
  <si>
    <t>Q29udHJvbGxlci5JbnRlcmFjdGlvbldvcmtzcGFj.ica.crdownload</t>
  </si>
  <si>
    <t>\\acsfs\ACS\Q29udHJvbGxlci5JbnRlcmFjdGlvbldvcmtzcGFj.ica.crdownload</t>
  </si>
  <si>
    <t>Q29udHJvbGxlci5JbnRlcmFjdGlvbldvcmtzcGFj.ica:Zone.Identifier</t>
  </si>
  <si>
    <t>\\acsfs\ACS\Q29udHJvbGxlci5JbnRlcmFjdGlvbldvcmtzcGFj.ica:Zone.Identifier</t>
  </si>
  <si>
    <t>12/30/2019 12:34:22</t>
  </si>
  <si>
    <t>12/30/2019 12:31:44</t>
  </si>
  <si>
    <t>12/30/2019 12:32:34</t>
  </si>
  <si>
    <t>12/30/2019 12:32:44</t>
  </si>
  <si>
    <t>12/30/2019 12:32:27</t>
  </si>
  <si>
    <t>12/30/2019 12:34:00</t>
  </si>
  <si>
    <t>12/30/2019 12:36:29</t>
  </si>
  <si>
    <t>12/30/2019 12:35:36</t>
  </si>
  <si>
    <t>4d2ed87e-a1ca-43ee-bb50-57f1a9e22600.tmp</t>
  </si>
  <si>
    <t>\\acsfs\profiles$\wedersonbadr\My Documents\My Music\4d2ed87e-a1ca-43ee-bb50-57f1a9e22600.tmp</t>
  </si>
  <si>
    <t>\\acsfs\profiles$\wedersonbadr\My Documents\My Music\4d2ed87e-a1ca-43ee-bb50-57f1a9e22600.tmp\</t>
  </si>
  <si>
    <t>\\acsfs\profiles$\wedersonbadr\My Documents\My Music\4d2ed87e-a1ca-43ee-bb50-57f1a9e22600.tmp\META-INF\</t>
  </si>
  <si>
    <t>\\acsfs\profiles$\wedersonbadr\My Documents\My Music\4d2ed87e-a1ca-43ee-bb50-57f1a9e22600.tmp\Thumbnails\</t>
  </si>
  <si>
    <t>12/30/2019 12:35:13</t>
  </si>
  <si>
    <t>a3d9130f-4a04-4ce6-90ea-4d77fd648230.tmp</t>
  </si>
  <si>
    <t>\\acsfs\profiles$\ayalabfi\Downloads\a3d9130f-4a04-4ce6-90ea-4d77fd648230.tmp</t>
  </si>
  <si>
    <t>12/30/2019 12:32:22</t>
  </si>
  <si>
    <t>67661572-6412-441a-a3ca-fe919588f64b.tmp</t>
  </si>
  <si>
    <t>\\acsfs\profiles$\LUISPLS\Downloads\67661572-6412-441a-a3ca-fe919588f64b.tmp</t>
  </si>
  <si>
    <t>12/30/2019 12:31:22</t>
  </si>
  <si>
    <t>3e00b4aa-f6a3-4e2a-9824-8ded079142fa.tmp</t>
  </si>
  <si>
    <t>\\acsfs\profiles$\geovanaasa\Downloads\3e00b4aa-f6a3-4e2a-9824-8ded079142fa.tmp</t>
  </si>
  <si>
    <t>12/30/2019 12:31:15</t>
  </si>
  <si>
    <t>12/30/2019 12:33:11</t>
  </si>
  <si>
    <t>12/30/2019 12:37:30</t>
  </si>
  <si>
    <t>eb7b0610-ad6a-4267-8488-9ad282ec8cfd.tmp</t>
  </si>
  <si>
    <t>\\acsfs\profiles$\jonatanls\Downloads\eb7b0610-ad6a-4267-8488-9ad282ec8cfd.tmp</t>
  </si>
  <si>
    <t>12/30/2019 12:34:53</t>
  </si>
  <si>
    <t>5458a6a6-b77b-4df7-beb9-fb70a57be7f8.tmp</t>
  </si>
  <si>
    <t>\\acsfs\profiles$\welidicdj\Downloads\5458a6a6-b77b-4df7-beb9-fb70a57be7f8.tmp</t>
  </si>
  <si>
    <t>12/30/2019 12:34:59</t>
  </si>
  <si>
    <t>Q29udHJvbGxlci5QYXl3YXJl (16).ica</t>
  </si>
  <si>
    <t>\\acsfs\profiles$\welidicdj\Downloads\Q29udHJvbGxlci5QYXl3YXJl (16).ica</t>
  </si>
  <si>
    <t>12/30/2019 12:35:32</t>
  </si>
  <si>
    <t>12/30/2019 12:36:49</t>
  </si>
  <si>
    <t>d3d4099f-2aba-4d88-9fd0-0db1030367a7.tmp</t>
  </si>
  <si>
    <t>\\acsfs\profiles$\welidicdj\Downloads\d3d4099f-2aba-4d88-9fd0-0db1030367a7.tmp</t>
  </si>
  <si>
    <t>12/30/2019 12:35:04</t>
  </si>
  <si>
    <t>12/30/2019 12:39:30</t>
  </si>
  <si>
    <t>12/30/2019 12:36:07</t>
  </si>
  <si>
    <t>12/30/2019 12:38:38</t>
  </si>
  <si>
    <t>12/30/2019 12:38:58</t>
  </si>
  <si>
    <t>12/30/2019 12:40:30</t>
  </si>
  <si>
    <t>12/30/2019 12:38:06</t>
  </si>
  <si>
    <t>12/30/2019 12:37:44</t>
  </si>
  <si>
    <t>12/30/2019 12:38:44</t>
  </si>
  <si>
    <t>12/30/2019 12:35:59</t>
  </si>
  <si>
    <t>12/30/2019 12:37:10</t>
  </si>
  <si>
    <t>12/30/2019 12:37:17</t>
  </si>
  <si>
    <t>12/30/2019 12:41:29</t>
  </si>
  <si>
    <t>12/30/2019 12:37:47</t>
  </si>
  <si>
    <t>12/30/2019 12:39:06</t>
  </si>
  <si>
    <t>12/30/2019 12:36:38</t>
  </si>
  <si>
    <t>12/30/2019 12:39:39</t>
  </si>
  <si>
    <t>8e60ffc8-1b77-4b75-ae14-4e0eeef4d8b5.tmp</t>
  </si>
  <si>
    <t>\\acsfs\profiles$\LUISPLS\Downloads\8e60ffc8-1b77-4b75-ae14-4e0eeef4d8b5.tmp</t>
  </si>
  <si>
    <t>12/30/2019 12:40:02</t>
  </si>
  <si>
    <t>2cedb0de-54a9-4e30-9103-8f2d19c33aa1.tmp</t>
  </si>
  <si>
    <t>\\acsfs\profiles$\LUISPLS\Downloads\2cedb0de-54a9-4e30-9103-8f2d19c33aa1.tmp</t>
  </si>
  <si>
    <t>12/30/2019 12:40:03</t>
  </si>
  <si>
    <t>Unconfirmed 115736.crdownload</t>
  </si>
  <si>
    <t>\\acsfs\profiles$\LUISPLS\Downloads\Unconfirmed 115736.crdownload</t>
  </si>
  <si>
    <t>12/30/2019 12:37:54</t>
  </si>
  <si>
    <t>14cd9bc2-d071-46bb-8e05-462f4f5de472.tmp</t>
  </si>
  <si>
    <t>\\acsfs\profiles$\ALYNYA\Downloads\14cd9bc2-d071-46bb-8e05-462f4f5de472.tmp</t>
  </si>
  <si>
    <t>12/30/2019 12:40:38</t>
  </si>
  <si>
    <t>12/30/2019 12:42:30</t>
  </si>
  <si>
    <t>12/30/2019 12:40:07</t>
  </si>
  <si>
    <t>12/30/2019 12:43:30</t>
  </si>
  <si>
    <t>12/30/2019 12:38:27</t>
  </si>
  <si>
    <t>12/30/2019 12:38:51</t>
  </si>
  <si>
    <t>12/30/2019 12:40:59</t>
  </si>
  <si>
    <t>12/30/2019 12:41:04</t>
  </si>
  <si>
    <t>12/30/2019 12:44:30</t>
  </si>
  <si>
    <t>12/30/2019 12:42:04</t>
  </si>
  <si>
    <t>12/30/2019 12:44:15</t>
  </si>
  <si>
    <t>12/30/2019 12:45:30</t>
  </si>
  <si>
    <t>mail.google.com/sync/u/0/i/s?hl=pt-BR&amp;c=663</t>
  </si>
  <si>
    <t>12/30/2019 12:44:19</t>
  </si>
  <si>
    <t>12/30/2019 12:44:28</t>
  </si>
  <si>
    <t>12/30/2019 12:44:38</t>
  </si>
  <si>
    <t>mail.google.com/sync/u/0/i/s?hl=pt-BR&amp;c=671</t>
  </si>
  <si>
    <t>bvcartes-supervisores@algarnet.onmicrosoft.com;bvs-centralcartoes@bv.com.br;daniela.ribeiro@bv.com.br;eduardo.santana@bv.com.br;fabio.ernest@bv.com.br;joaogvc@algartech.com;leonardoao@algartech.com;marcus.pelegrine@bv.com.br;marcus.pellegrini@bv.com.br;marianacds@algartech.com;marianadjc@algartech.com;paulacn@algartech.com;planejamentodeoperacoesetrafego@bv.com.br;taysdss@algartech.com;thiagordu@algartech.com;viniciussg@algartech.com;</t>
  </si>
  <si>
    <t>bvcartes-supervisores@algarnet.onmicrosoft.com,bvs-centralcartoes@bv.com.br,daniela.ribeiro@bv.com.br,eduardo.santana@bv.com.br,fabio.ernest@bv.com.br,joaogvc@algartech.com,leonardoao@algartech.com,marcus.pelegrine@bv.com.br,marcus.pellegrini@bv.com.br,marianacds@algartech.com,marianadjc@algartech.com,paulacn@algartech.com,planejamentodeoperacoesetrafego@bv.com.br,taysdss@algartech.com,thiagordu@algartech.com,viniciussg@algartech.com</t>
  </si>
  <si>
    <t>12/30/2019 12:42:34</t>
  </si>
  <si>
    <t>1aa9acc5-4cca-4709-84dc-f1fdf12343a1.tmp</t>
  </si>
  <si>
    <t>\\acsfs\profiles$\MATEUSJM\Downloads\1aa9acc5-4cca-4709-84dc-f1fdf12343a1.tmp</t>
  </si>
  <si>
    <t>12/30/2019 12:43:41</t>
  </si>
  <si>
    <t>12/30/2019 12:43:44</t>
  </si>
  <si>
    <t>12/30/2019 12:44:44</t>
  </si>
  <si>
    <t>12/30/2019 12:43:28</t>
  </si>
  <si>
    <t>387a4842-5c65-44ef-8c17-8519b583786e.tmp</t>
  </si>
  <si>
    <t>\\acsfs\profiles$\mariagsg\Downloads\387a4842-5c65-44ef-8c17-8519b583786e.tmp</t>
  </si>
  <si>
    <t>12/30/2019 12:43:32</t>
  </si>
  <si>
    <t>ae2c3559-6d65-41cf-9700-af2bd2b05690.tmp</t>
  </si>
  <si>
    <t>\\acsfs\profiles$\mariagsg\Downloads\ae2c3559-6d65-41cf-9700-af2bd2b05690.tmp</t>
  </si>
  <si>
    <t>12/30/2019 12:43:40</t>
  </si>
  <si>
    <t>12/30/2019 12:46:30</t>
  </si>
  <si>
    <t>12/30/2019 12:41:17</t>
  </si>
  <si>
    <t>12/30/2019 12:41:47</t>
  </si>
  <si>
    <t>12/30/2019 12:45:42</t>
  </si>
  <si>
    <t>02e8278e-5d91-4186-963b-441a64994f74.tmp</t>
  </si>
  <si>
    <t>\\acsfs\profiles$\geovanaasa\Downloads\02e8278e-5d91-4186-963b-441a64994f74.tmp</t>
  </si>
  <si>
    <t>12/30/2019 12:41:49</t>
  </si>
  <si>
    <t>0bb0cd25-59cf-40a5-bfbd-4ffb039c6c72.tmp</t>
  </si>
  <si>
    <t>\\acsfs\profiles$\ALYNYA\Downloads\0bb0cd25-59cf-40a5-bfbd-4ffb039c6c72.tmp</t>
  </si>
  <si>
    <t>12/30/2019 12:46:01</t>
  </si>
  <si>
    <t>12/30/2019 12:47:30</t>
  </si>
  <si>
    <t>LEYDIANE APARECIDA MOREIRA DUARTE (31).contact</t>
  </si>
  <si>
    <t>\\acsfs\profiles$\leydianeamd\Contacts\LEYDIANE APARECIDA MOREIRA DUARTE (31).contact</t>
  </si>
  <si>
    <t>12/30/2019 12:46:13</t>
  </si>
  <si>
    <t>12/30/2019 12:46:14</t>
  </si>
  <si>
    <t>12/30/2019 12:46:15</t>
  </si>
  <si>
    <t>12/30/2019 12:46:16</t>
  </si>
  <si>
    <t>12/30/2019 12:46:17</t>
  </si>
  <si>
    <t>12/30/2019 12:46:18</t>
  </si>
  <si>
    <t>12/30/2019 12:43:26</t>
  </si>
  <si>
    <t>12/30/2019 12:48:30</t>
  </si>
  <si>
    <t>78-2B-CB-C1-07-47</t>
  </si>
  <si>
    <t>VOTORANT-JB007</t>
  </si>
  <si>
    <t>MAXMILLIANO SILVA VIEIRA (28894).contact</t>
  </si>
  <si>
    <t>\\acsfs\profiles$\maxmillianosv\Contacts\MAXMILLIANO SILVA VIEIRA (28894).contact</t>
  </si>
  <si>
    <t>12/30/2019 12:43:27</t>
  </si>
  <si>
    <t>12/30/2019 12:43:57</t>
  </si>
  <si>
    <t>12/30/2019 12:43:58</t>
  </si>
  <si>
    <t>12/30/2019 12:43:59</t>
  </si>
  <si>
    <t>12/30/2019 12:44:00</t>
  </si>
  <si>
    <t>12/30/2019 12:44:01</t>
  </si>
  <si>
    <t>12/30/2019 12:44:02</t>
  </si>
  <si>
    <t>12/30/2019 12:44:03</t>
  </si>
  <si>
    <t>12/30/2019 12:44:04</t>
  </si>
  <si>
    <t>12/30/2019 12:44:05</t>
  </si>
  <si>
    <t>12/30/2019 12:44:06</t>
  </si>
  <si>
    <t>12/30/2019 12:44:07</t>
  </si>
  <si>
    <t>12/30/2019 12:44:08</t>
  </si>
  <si>
    <t>12/30/2019 12:44:09</t>
  </si>
  <si>
    <t>12/30/2019 12:44:10</t>
  </si>
  <si>
    <t>12/30/2019 12:44:11</t>
  </si>
  <si>
    <t>12/30/2019 12:44:56</t>
  </si>
  <si>
    <t>12/30/2019 12:44:57</t>
  </si>
  <si>
    <t>12/30/2019 12:44:58</t>
  </si>
  <si>
    <t>12/30/2019 12:44:59</t>
  </si>
  <si>
    <t>12/30/2019 12:45:00</t>
  </si>
  <si>
    <t>12/30/2019 12:46:41</t>
  </si>
  <si>
    <t>12/30/2019 12:44:21</t>
  </si>
  <si>
    <t>e389d039-5dee-4bef-8332-d10fcdeb0395.tmp</t>
  </si>
  <si>
    <t>\\acsfs\profiles$\kellzylenneasr\Downloads\e389d039-5dee-4bef-8332-d10fcdeb0395.tmp</t>
  </si>
  <si>
    <t>12/30/2019 12:44:24</t>
  </si>
  <si>
    <t>12/30/2019 12:45:11</t>
  </si>
  <si>
    <t>brunosr@algartech.com.br;marciohpr@algartech.com.br;</t>
  </si>
  <si>
    <t>brunosr@algartech.com.br,marciohpr@algartech.com.br</t>
  </si>
  <si>
    <t>12/30/2019 12:44:50</t>
  </si>
  <si>
    <t>12/30/2019 12:49:30</t>
  </si>
  <si>
    <t>MODELO DE MONITORIA - BV - SAC.pptx</t>
  </si>
  <si>
    <t>\\acsfs\DEPTOS\Operacao\Banco_Votorantim\Qualidade\Eliane\MODELO DE MONITORIA - BV - SAC.pptx</t>
  </si>
  <si>
    <t>12/30/2019 12:45:58</t>
  </si>
  <si>
    <t>12/30/2019 12:45:59</t>
  </si>
  <si>
    <t>12/30/2019 12:46:21</t>
  </si>
  <si>
    <t>12/30/2019 12:47:13</t>
  </si>
  <si>
    <t>12/30/2019 12:47:04</t>
  </si>
  <si>
    <t>12/30/2019 12:48:04</t>
  </si>
  <si>
    <t>12/30/2019 12:49:19</t>
  </si>
  <si>
    <t>12/30/2019 12:50:30</t>
  </si>
  <si>
    <t>cc34cc3e-ba64-4df7-8a04-182d63fc8ac1.tmp</t>
  </si>
  <si>
    <t>\\acsfs\profiles$\geovannasm\Downloads\cc34cc3e-ba64-4df7-8a04-182d63fc8ac1.tmp</t>
  </si>
  <si>
    <t>mail.google.com/sync/u/0/i/s?hl=pt-BR&amp;c=673</t>
  </si>
  <si>
    <t>12/30/2019 12:45:02</t>
  </si>
  <si>
    <t>12/30/2019 12:45:06</t>
  </si>
  <si>
    <t>mail.google.com/sync/u/0/i/s?hl=pt-BR&amp;c=677</t>
  </si>
  <si>
    <t>12/30/2019 12:45:07</t>
  </si>
  <si>
    <t>12/30/2019 12:45:49</t>
  </si>
  <si>
    <t>12/30/2019 12:46:33</t>
  </si>
  <si>
    <t>RELATORIO DE LOGIN - BV CARTÕES 29-12.xlsm</t>
  </si>
  <si>
    <t>\\acsfs\DEPTOS\Operacao\PCP\5 - Comum\PLANEJAMENTO BV\14 - ACOMPANHAMENTO\1 - REPORT ACOMPANHAMENTO\2019\12 - Dezembro\CARTÕES\Login Logout Cartões\RELATORIO DE LOGIN - BV CARTÕES 29-12.xlsm</t>
  </si>
  <si>
    <t>12/30/2019 12:48:11</t>
  </si>
  <si>
    <t>mail.google.com/sync/u/0/i/s?hl=pt-BR&amp;c=694</t>
  </si>
  <si>
    <t>12/30/2019 12:48:35</t>
  </si>
  <si>
    <t>12/30/2019 12:48:40</t>
  </si>
  <si>
    <t>12/30/2019 12:48:47</t>
  </si>
  <si>
    <t>12/30/2019 12:48:51</t>
  </si>
  <si>
    <t>12/30/2019 12:49:00</t>
  </si>
  <si>
    <t>12/30/2019 12:49:45</t>
  </si>
  <si>
    <t>12/30/2019 12:50:44</t>
  </si>
  <si>
    <t>12/30/2019 12:52:30</t>
  </si>
  <si>
    <t>d3179d0a-1173-44a6-934d-46bea4ad57e3.tmp</t>
  </si>
  <si>
    <t>\\acsfs\profiles$\cintiadcf\Downloads\d3179d0a-1173-44a6-934d-46bea4ad57e3.tmp</t>
  </si>
  <si>
    <t>12/30/2019 12:51:43</t>
  </si>
  <si>
    <t>12/30/2019 12:49:35</t>
  </si>
  <si>
    <t>12/30/2019 12:53:30</t>
  </si>
  <si>
    <t>brunodaf</t>
  </si>
  <si>
    <t>C:\Users\brunodaf\OneDrive - Grupo Algar\</t>
  </si>
  <si>
    <t>Chamados CNPQ.xlsx</t>
  </si>
  <si>
    <t>12/30/2019 12:50:28</t>
  </si>
  <si>
    <t>12/30/2019 12:50:27</t>
  </si>
  <si>
    <t>lu439285q9sho.tmp</t>
  </si>
  <si>
    <t>\\acsfs\profiles$\BRUNAAR\Numero\lu439285q9sho.tmp</t>
  </si>
  <si>
    <t>12/30/2019 12:51:54</t>
  </si>
  <si>
    <t>12/30/2019 12:53:04</t>
  </si>
  <si>
    <t>12/30/2019 12:54:29</t>
  </si>
  <si>
    <t>12/30/2019 12:54:04</t>
  </si>
  <si>
    <t>12/30/2019 12:51:41</t>
  </si>
  <si>
    <t>12/30/2019 12:55:30</t>
  </si>
  <si>
    <t>576512dc-9acc-4039-b077-0f399437a7a2.tmp</t>
  </si>
  <si>
    <t>\\acsfs\profiles$\claudiajca\Downloads\576512dc-9acc-4039-b077-0f399437a7a2.tmp</t>
  </si>
  <si>
    <t>12/30/2019 12:53:46</t>
  </si>
  <si>
    <t>https://bvcartes-supervisores@algarnet.onmicrosoft.com,joaogvc@algartech.com,leonardoao@algartech.com,mirianppb@algartech.com,paulacn@algartech.com,rafaelggs@algartech.com,taysdss@algartech.com,viniciussg@algartech.com</t>
  </si>
  <si>
    <t>12/30/2019 12:50:15</t>
  </si>
  <si>
    <t>12/30/2019 12:52:20</t>
  </si>
  <si>
    <t>BASE RA OFICIAL.xlsb</t>
  </si>
  <si>
    <t>12/30/2019 12:53:37</t>
  </si>
  <si>
    <t>12/30/2019 12:52:21</t>
  </si>
  <si>
    <t>12/30/2019 12:56:29</t>
  </si>
  <si>
    <t>12/30/2019 12:53:13</t>
  </si>
  <si>
    <t>12/30/2019 12:53:29</t>
  </si>
  <si>
    <t>12/30/2019 12:54:56</t>
  </si>
  <si>
    <t>12/30/2019 12:50:47</t>
  </si>
  <si>
    <t>12/30/2019 12:51:17</t>
  </si>
  <si>
    <t>12/30/2019 12:51:47</t>
  </si>
  <si>
    <t>12/30/2019 12:51:08</t>
  </si>
  <si>
    <t>ab7c2f93-3d2e-4174-ad13-fb17f5ca8ea9.tmp</t>
  </si>
  <si>
    <t>\\acsfs\profiles$\rafaelamsv\Downloads\ab7c2f93-3d2e-4174-ad13-fb17f5ca8ea9.tmp</t>
  </si>
  <si>
    <t>12/30/2019 12:53:54</t>
  </si>
  <si>
    <t>e62f7c8e-3de5-4443-b72c-2531daa41f95.tmp</t>
  </si>
  <si>
    <t>\\acsfs\profiles$\rafaelamsv\Downloads\e62f7c8e-3de5-4443-b72c-2531daa41f95.tmp</t>
  </si>
  <si>
    <t>12/30/2019 12:55:49</t>
  </si>
  <si>
    <t>12/30/2019 12:58:30</t>
  </si>
  <si>
    <t>12/30/2019 12:54:03</t>
  </si>
  <si>
    <t>12/30/2019 12:54:37</t>
  </si>
  <si>
    <t>12/30/2019 12:57:37</t>
  </si>
  <si>
    <t>12/30/2019 12:58:01</t>
  </si>
  <si>
    <t>12/30/2019 12:55:24</t>
  </si>
  <si>
    <t>ced7e8bd-f24d-4229-918b-77d9b9791cf8.tmp</t>
  </si>
  <si>
    <t>\\acsfs\profiles$\KARENJSS\Downloads\ced7e8bd-f24d-4229-918b-77d9b9791cf8.tmp</t>
  </si>
  <si>
    <t>12/30/2019 12:57:48</t>
  </si>
  <si>
    <t>df883e73-01e1-4cd7-bf09-906229c276f6.tmp</t>
  </si>
  <si>
    <t>\\acsfs\profiles$\KARENJSS\Downloads\df883e73-01e1-4cd7-bf09-906229c276f6.tmp</t>
  </si>
  <si>
    <t>12/30/2019 12:55:07</t>
  </si>
  <si>
    <t>12/30/2019 12:56:26</t>
  </si>
  <si>
    <t>12/30/2019 12:56:27</t>
  </si>
  <si>
    <t>lu18284u8q.tmp</t>
  </si>
  <si>
    <t>\\acsfs\profiles$\CLAUDIAJCA\lu18284u8q.tmp</t>
  </si>
  <si>
    <t>\\acsfs\profiles$\CLAUDIAJCA\lu18284u8q.tmp\</t>
  </si>
  <si>
    <t>\\acsfs\profiles$\CLAUDIAJCA\lu18284u8q.tmp\META-INF\</t>
  </si>
  <si>
    <t>\\acsfs\profiles$\CLAUDIAJCA\lu18284u8q.tmp\Thumbnails\</t>
  </si>
  <si>
    <t>12/30/2019 12:59:04</t>
  </si>
  <si>
    <t>12/30/2019 12:59:30</t>
  </si>
  <si>
    <t>12/30/2019 12:55:53</t>
  </si>
  <si>
    <t>12/30/2019 13:00:30</t>
  </si>
  <si>
    <t>12/30/2019 12:55:54</t>
  </si>
  <si>
    <t>12/30/2019 12:55:55</t>
  </si>
  <si>
    <t>12/30/2019 12:55:56</t>
  </si>
  <si>
    <t>12/30/2019 12:55:57</t>
  </si>
  <si>
    <t>12/30/2019 12:55:58</t>
  </si>
  <si>
    <t>12/30/2019 12:55:59</t>
  </si>
  <si>
    <t>12/30/2019 12:56:00</t>
  </si>
  <si>
    <t>12/30/2019 12:56:01</t>
  </si>
  <si>
    <t>12/30/2019 12:56:02</t>
  </si>
  <si>
    <t>12/30/2019 12:56:03</t>
  </si>
  <si>
    <t>12/30/2019 12:56:04</t>
  </si>
  <si>
    <t>12/30/2019 12:56:05</t>
  </si>
  <si>
    <t>12/30/2019 12:56:06</t>
  </si>
  <si>
    <t>12/30/2019 12:56:07</t>
  </si>
  <si>
    <t>12/30/2019 12:56:08</t>
  </si>
  <si>
    <t>12/30/2019 12:56:09</t>
  </si>
  <si>
    <t>12/30/2019 12:56:10</t>
  </si>
  <si>
    <t>12/30/2019 12:56:11</t>
  </si>
  <si>
    <t>12/30/2019 12:56:12</t>
  </si>
  <si>
    <t>12/30/2019 12:56:13</t>
  </si>
  <si>
    <t>12/30/2019 12:56:14</t>
  </si>
  <si>
    <t>12/30/2019 12:55:44</t>
  </si>
  <si>
    <t>12/30/2019 12:56:44</t>
  </si>
  <si>
    <t>12/30/2019 12:56:15</t>
  </si>
  <si>
    <t>12/30/2019 12:57:13</t>
  </si>
  <si>
    <t>12/30/2019 13:01:29</t>
  </si>
  <si>
    <t>12/30/2019 12:58:48</t>
  </si>
  <si>
    <t>12/30/2019 12:58:49</t>
  </si>
  <si>
    <t>12/30/2019 12:58:14</t>
  </si>
  <si>
    <t>12/30/2019 13:03:30</t>
  </si>
  <si>
    <t>12/30/2019 12:59:12</t>
  </si>
  <si>
    <t>12/30/2019 13:03:18</t>
  </si>
  <si>
    <t>015d3cac-a783-400a-accc-adcac9ec5719.tmp</t>
  </si>
  <si>
    <t>\\acsfs\profiles$\anafsb\Downloads\015d3cac-a783-400a-accc-adcac9ec5719.tmp</t>
  </si>
  <si>
    <t>12/30/2019 13:01:25</t>
  </si>
  <si>
    <t>12/30/2019 13:03:23</t>
  </si>
  <si>
    <t>7a330d35-5b5f-4fd4-8c9a-76b5f3db4ff5.tmp</t>
  </si>
  <si>
    <t>\\acsfs\profiles$\claudiajca\Downloads\7a330d35-5b5f-4fd4-8c9a-76b5f3db4ff5.tmp</t>
  </si>
  <si>
    <t>12/30/2019 13:01:34</t>
  </si>
  <si>
    <t>12/30/2019 13:04:29</t>
  </si>
  <si>
    <t>26c21003-8231-447f-aad1-ff739d93f830.tmp</t>
  </si>
  <si>
    <t>\\acsfs\profiles$\mariellecs\Downloads\26c21003-8231-447f-aad1-ff739d93f830.tmp</t>
  </si>
  <si>
    <t>12/30/2019 13:00:04</t>
  </si>
  <si>
    <t>12/30/2019 13:04:05</t>
  </si>
  <si>
    <t>12/30/2019 13:05:30</t>
  </si>
  <si>
    <t>mail.google.com/sync/u/0/i/s?hl=pt-BR&amp;c=713</t>
  </si>
  <si>
    <t>12/30/2019 13:04:11</t>
  </si>
  <si>
    <t>mail.google.com/sync/u/0/i/s?hl=pt-BR&amp;c=715</t>
  </si>
  <si>
    <t>12/30/2019 13:04:13</t>
  </si>
  <si>
    <t>mail.google.com/sync/u/0/i/s?hl=pt-BR&amp;c=717</t>
  </si>
  <si>
    <t>12/30/2019 13:04:19</t>
  </si>
  <si>
    <t>mail.google.com/sync/u/0/i/s?hl=pt-BR&amp;c=719</t>
  </si>
  <si>
    <t>12/30/2019 13:04:21</t>
  </si>
  <si>
    <t>12/30/2019 13:04:27</t>
  </si>
  <si>
    <t>12/30/2019 13:04:34</t>
  </si>
  <si>
    <t>bvcartes-supervisores@algarnet.onmicrosoft.com;bvs-centralcartoes@bv.com.br;daniela.ribeiro@bv.com.br;eduardo.santana@bv.com.br;fabio.ernest@bv.com.br;joaogvc@algartech.com;leonardoao@algartech.com;marcus.pelegrine@bv.com.br;marcus.pellegrini@bv.com.br;marianacds@algartech.com;marianadjc@algartech.com;paulacn@algartech.com;planejamentodeoperacoesetrafego@bv.com.br;rafaelggs@algartech.com;taysdss@algartech.com;thiagordu@algartech.com;viniciussg@algartech.com;</t>
  </si>
  <si>
    <t>bvcartes-supervisores@algarnet.onmicrosoft.com,bvs-centralcartoes@bv.com.br,daniela.ribeiro@bv.com.br,eduardo.santana@bv.com.br,fabio.ernest@bv.com.br,joaogvc@algartech.com,leonardoao@algartech.com,marcus.pelegrine@bv.com.br,marcus.pellegrini@bv.com.br,marianacds@algartech.com,marianadjc@algartech.com,paulacn@algartech.com,planejamentodeoperacoesetrafego@bv.com.br,rafaelggs@algartech.com,taysdss@algartech.com,thiagordu@algartech.com,viniciussg@algartech.com</t>
  </si>
  <si>
    <t>12/30/2019 13:04:39</t>
  </si>
  <si>
    <t>mail.google.com/sync/u/0/i/s?hl=pt-BR&amp;c=728</t>
  </si>
  <si>
    <t>12/30/2019 13:04:48</t>
  </si>
  <si>
    <t>bvcartes-supervisores@algarnet.onmicrosoft.com;bvs-centralcartoes@bv.com.br;daniela.ribeiro@bv.com.br;eduardo.santana@bv.com.br;fabio.ernest@bv.com.br;joaogvc@algartech.com;leonardoao@algartech.com;marcus.pelegrine@bv.com.br;marcus.pellegrini@bv.com.br;paulacn@algartech.com;planejamentodeoperacoesetrafego@bv.com.br;rafaelggs@algartech.com;taysdss@algartech.com;thiagordu@algartech.com;viniciussg@algartech.com;</t>
  </si>
  <si>
    <t>bvcartes-supervisores@algarnet.onmicrosoft.com,bvs-centralcartoes@bv.com.br,daniela.ribeiro@bv.com.br,eduardo.santana@bv.com.br,fabio.ernest@bv.com.br,joaogvc@algartech.com,leonardoao@algartech.com,marcus.pelegrine@bv.com.br,marcus.pellegrini@bv.com.br,paulacn@algartech.com,planejamentodeoperacoesetrafego@bv.com.br,rafaelggs@algartech.com,taysdss@algartech.com,thiagordu@algartech.com,viniciussg@algartech.com</t>
  </si>
  <si>
    <t>12/30/2019 13:01:46</t>
  </si>
  <si>
    <t>12/30/2019 13:02:44</t>
  </si>
  <si>
    <t>12/30/2019 13:05:09</t>
  </si>
  <si>
    <t>12/30/2019 13:06:30</t>
  </si>
  <si>
    <t>12/30/2019 13:05:15</t>
  </si>
  <si>
    <t>12/30/2019 13:02:54</t>
  </si>
  <si>
    <t>12/30/2019 13:05:17</t>
  </si>
  <si>
    <t>12/30/2019 13:08:30</t>
  </si>
  <si>
    <t>92bc48b1-3ee3-4686-baf5-9a71314f894f.tmp</t>
  </si>
  <si>
    <t>\\acsfs\profiles$\sarahbal\Downloads\92bc48b1-3ee3-4686-baf5-9a71314f894f.tmp</t>
  </si>
  <si>
    <t>12/30/2019 13:05:21</t>
  </si>
  <si>
    <t>2374d7d7-ce59-4e31-8103-6b1f538a481e.tmp</t>
  </si>
  <si>
    <t>\\acsfs\profiles$\anafsb\Downloads\2374d7d7-ce59-4e31-8103-6b1f538a481e.tmp</t>
  </si>
  <si>
    <t>12/30/2019 13:05:04</t>
  </si>
  <si>
    <t>12/30/2019 13:09:30</t>
  </si>
  <si>
    <t>12/30/2019 13:06:04</t>
  </si>
  <si>
    <t>12/30/2019 13:05:08</t>
  </si>
  <si>
    <t>12/30/2019 13:10:31</t>
  </si>
  <si>
    <t>bvcartes-supervisores@algarnet.onmicrosoft.com;joaogvc@algartech.com;leonardoao@algartech.com;marianadjc@algartech.com;paulacn@algartech.com;rafaelggs@algartech.com;taysdss@algartech.com;viniciussg@algartech.com;</t>
  </si>
  <si>
    <t>bvcartes-supervisores@algarnet.onmicrosoft.com,joaogvc@algartech.com,leonardoao@algartech.com,marianadjc@algartech.com,paulacn@algartech.com,rafaelggs@algartech.com,taysdss@algartech.com,viniciussg@algartech.com</t>
  </si>
  <si>
    <t>12/30/2019 13:05:10</t>
  </si>
  <si>
    <t>12/30/2019 13:05:23</t>
  </si>
  <si>
    <t>bvcartes-supervisores@algarnet.onmicrosoft.com;joaogvc@algartech.com;leonardoao@algartech.com;paulacn@algartech.com;rafaelggs@algartech.com;taysdss@algartech.com;viniciussg@algartech.com;</t>
  </si>
  <si>
    <t>bvcartes-supervisores@algarnet.onmicrosoft.com,joaogvc@algartech.com,leonardoao@algartech.com,paulacn@algartech.com,rafaelggs@algartech.com,taysdss@algartech.com,viniciussg@algartech.com</t>
  </si>
  <si>
    <t>12/30/2019 13:05:39</t>
  </si>
  <si>
    <t>12/30/2019 13:05:43</t>
  </si>
  <si>
    <t>12/30/2019 13:05:50</t>
  </si>
  <si>
    <t>mail.google.com/sync/u/0/i/s?hl=pt-BR&amp;c=746</t>
  </si>
  <si>
    <t>12/30/2019 13:06:34</t>
  </si>
  <si>
    <t>bvcartes-supervisores@algarnet.onmicrosoft.com;joaogvc@algartech.com;leonardoao@algartech.com;marianadjc@algartech.com;paulacn@algartech.com;rafaelggs@algartech.com;taysdss@algartech.com;thiagordu@algartech.com;viniciussg@algartech.com;</t>
  </si>
  <si>
    <t>bvcartes-supervisores@algarnet.onmicrosoft.com,joaogvc@algartech.com,leonardoao@algartech.com,marianadjc@algartech.com,paulacn@algartech.com,rafaelggs@algartech.com,taysdss@algartech.com,thiagordu@algartech.com,viniciussg@algartech.com</t>
  </si>
  <si>
    <t>12/30/2019 13:06:51</t>
  </si>
  <si>
    <t>mail.google.com/sync/u/0/i/s?hl=pt-BR&amp;c=753</t>
  </si>
  <si>
    <t>12/30/2019 13:07:07</t>
  </si>
  <si>
    <t>mail.google.com/sync/u/0/i/s?hl=pt-BR&amp;c=755</t>
  </si>
  <si>
    <t>12/30/2019 13:07:22</t>
  </si>
  <si>
    <t>12/30/2019 13:07:46</t>
  </si>
  <si>
    <t>12/30/2019 13:07:52</t>
  </si>
  <si>
    <t>12/30/2019 13:07:56</t>
  </si>
  <si>
    <t>12/30/2019 13:07:59</t>
  </si>
  <si>
    <t>mail.google.com/sync/u/0/i/s?hl=pt-BR&amp;c=766</t>
  </si>
  <si>
    <t>bvcartes-supervisores@algarnet.onmicrosoft.com;joaogvc@algartech.com;karolynecj@algartech.com.br;leonardoao@algartech.com;marianadjc@algartech.com;paulacn@algartech.com;rafaelggs@algartech.com;taysdss@algartech.com;thiagordu@algartech.com;viniciussg@algartech.com;</t>
  </si>
  <si>
    <t>bvcartes-supervisores@algarnet.onmicrosoft.com,joaogvc@algartech.com,karolynecj@algartech.com.br,leonardoao@algartech.com,marianadjc@algartech.com,paulacn@algartech.com,rafaelggs@algartech.com,taysdss@algartech.com,thiagordu@algartech.com,viniciussg@algartech.com</t>
  </si>
  <si>
    <t>12/30/2019 13:08:07</t>
  </si>
  <si>
    <t>bvcartes-supervisores@algarnet.onmicrosoft.com;joaogvc@algartech.com;karolynecj@algartech.com.br;leonardoao@algartech.com;paulacn@algartech.com;rafaelggs@algartech.com;taysdss@algartech.com;viniciussg@algartech.com;</t>
  </si>
  <si>
    <t>bvcartes-supervisores@algarnet.onmicrosoft.com,joaogvc@algartech.com,karolynecj@algartech.com.br,leonardoao@algartech.com,paulacn@algartech.com,rafaelggs@algartech.com,taysdss@algartech.com,viniciussg@algartech.com</t>
  </si>
  <si>
    <t>12/30/2019 13:08:19</t>
  </si>
  <si>
    <t>mail.google.com/sync/u/0/i/s?hl=pt-BR&amp;c=771</t>
  </si>
  <si>
    <t>12/30/2019 13:08:29</t>
  </si>
  <si>
    <t>mail.google.com/sync/u/0/i/s?hl=pt-BR&amp;c=773</t>
  </si>
  <si>
    <t>bvcartes-supervisores@algarnet.onmicrosoft.com;joaogvc@algartech.com;karolynecj@algartech.com.br;leonardoao@algartech.com;marianacds@algartech.com;marianadjc@algartech.com;paulacn@algartech.com;rafaelggs@algartech.com;taysdss@algartech.com;thiagordu@algartech.com;viniciussg@algartech.com;</t>
  </si>
  <si>
    <t>bvcartes-supervisores@algarnet.onmicrosoft.com,joaogvc@algartech.com,karolynecj@algartech.com.br,leonardoao@algartech.com,marianacds@algartech.com,marianadjc@algartech.com,paulacn@algartech.com,rafaelggs@algartech.com,taysdss@algartech.com,thiagordu@algartech.com,viniciussg@algartech.com</t>
  </si>
  <si>
    <t>12/30/2019 13:09:44</t>
  </si>
  <si>
    <t>https://bvcartes-supervisores@algarnet.onmicrosoft.com,bvs-centralcartoes@bv.com.br,daniela.ribeiro@bv.com.br,eduardo.santana@bv.com.br,fabio.ernest@bv.com.br,joaogvc@algartech.com,leonardoao@algartech.com,marcus.pelegrine@bv.com.br,marcus.pellegrini@bv.com.br,mirianppb@algartech.com,paulacn@algartech.com,planejamentodeoperacoesetrafego@bv.com.br,rafaelggs@algartech.com,taysdss@algartech.com,thiagordu@algartech.com,viniciussg@algartech.com</t>
  </si>
  <si>
    <t>12/30/2019 13:10:05</t>
  </si>
  <si>
    <t>12/30/2019 13:07:44</t>
  </si>
  <si>
    <t>12/30/2019 13:08:45</t>
  </si>
  <si>
    <t>12/30/2019 13:11:30</t>
  </si>
  <si>
    <t>12/30/2019 13:06:15</t>
  </si>
  <si>
    <t>12/30/2019 13:06:45</t>
  </si>
  <si>
    <t>adrielecds</t>
  </si>
  <si>
    <t>https://portalth.algarnet.com.br/webponto/relatorios/visualizarsolicitacao.asp</t>
  </si>
  <si>
    <t>12/30/2019 13:10:10</t>
  </si>
  <si>
    <t>12/30/2019 13:12:31</t>
  </si>
  <si>
    <t>c2e874a6-a21f-4df6-94d1-e58637107c73.tmp</t>
  </si>
  <si>
    <t>\\acsfs\profiles$\gabrielafs\Downloads\c2e874a6-a21f-4df6-94d1-e58637107c73.tmp</t>
  </si>
  <si>
    <t>12/30/2019 13:10:39</t>
  </si>
  <si>
    <t>12/30/2019 13:10:53</t>
  </si>
  <si>
    <t>12/30/2019 13:11:58</t>
  </si>
  <si>
    <t>12/30/2019 13:13:30</t>
  </si>
  <si>
    <t>12/30/2019 13:11:59</t>
  </si>
  <si>
    <t>lu25484420epv.tmp</t>
  </si>
  <si>
    <t>\\acsfs\profiles$\LUCASBS\RENEG BV\lu25484420epv.tmp</t>
  </si>
  <si>
    <t>\\acsfs\profiles$\LUCASBS\RENEG BV\lu25484420epv.tmp\</t>
  </si>
  <si>
    <t>\\acsfs\profiles$\LUCASBS\RENEG BV\lu25484420epv.tmp\META-INF\</t>
  </si>
  <si>
    <t>\\acsfs\profiles$\LUCASBS\RENEG BV\lu25484420epv.tmp\Thumbnails\</t>
  </si>
  <si>
    <t>12/30/2019 13:08:52</t>
  </si>
  <si>
    <t>12/30/2019 13:11:48</t>
  </si>
  <si>
    <t>12/30/2019 13:12:25</t>
  </si>
  <si>
    <t>12/30/2019 13:12:56</t>
  </si>
  <si>
    <t>d74f52dc-7b9d-4ffc-ae35-42af3b250cb2.tmp</t>
  </si>
  <si>
    <t>\\acsfs\profiles$\kellzylenneasr\Downloads\d74f52dc-7b9d-4ffc-ae35-42af3b250cb2.tmp</t>
  </si>
  <si>
    <t>12/30/2019 13:09:36</t>
  </si>
  <si>
    <t>12/30/2019 13:09:46</t>
  </si>
  <si>
    <t>c92545c5-533c-48bb-9c54-ee506f51737b.tmp</t>
  </si>
  <si>
    <t>\\acsfs\profiles$\claudiajca\Downloads\c92545c5-533c-48bb-9c54-ee506f51737b.tmp</t>
  </si>
  <si>
    <t>12/30/2019 13:11:39</t>
  </si>
  <si>
    <t>61dd4eb9-2f20-4df5-b3e7-a3f8ad71db86.tmp</t>
  </si>
  <si>
    <t>\\acsfs\profiles$\claudiajca\Downloads\61dd4eb9-2f20-4df5-b3e7-a3f8ad71db86.tmp</t>
  </si>
  <si>
    <t>12/30/2019 13:11:04</t>
  </si>
  <si>
    <t>12/30/2019 13:14:30</t>
  </si>
  <si>
    <t>12/30/2019 13:12:04</t>
  </si>
  <si>
    <t>12/30/2019 13:13:44</t>
  </si>
  <si>
    <t>12/30/2019 13:15:30</t>
  </si>
  <si>
    <t>12/30/2019 13:14:44</t>
  </si>
  <si>
    <t>12/30/2019 13:11:27</t>
  </si>
  <si>
    <t>12/30/2019 13:16:30</t>
  </si>
  <si>
    <t>12/30/2019 13:13:33</t>
  </si>
  <si>
    <t>7b7be3ff-8542-44df-aeb0-9cdc43193c98.tmp</t>
  </si>
  <si>
    <t>\\acsfs\profiles$\websondsa\Downloads\7b7be3ff-8542-44df-aeb0-9cdc43193c98.tmp</t>
  </si>
  <si>
    <t>12/30/2019 13:11:29</t>
  </si>
  <si>
    <t>12/30/2019 13:12:17</t>
  </si>
  <si>
    <t>12/30/2019 13:17:30</t>
  </si>
  <si>
    <t>805dd86b-ab85-4a35-80d6-f9990b4a7d84.tmp</t>
  </si>
  <si>
    <t>\\acsfs\profiles$\gabrielafs\Downloads\805dd86b-ab85-4a35-80d6-f9990b4a7d84.tmp</t>
  </si>
  <si>
    <t>12/30/2019 13:15:38</t>
  </si>
  <si>
    <t>ulog_Acrobat12_Reader_22bb18ef-a0cc-4985-b2f1-d8449a05e1d0_cee389ee-e7eb-4bc4-9854-35b0ddf79c69_0.log</t>
  </si>
  <si>
    <t>C:\Users\Jordanarb\AppData\Roaming\Adobe\LogTransport2\Logs\ulog_Acrobat12_Reader_22bb18ef-a0cc-4985-b2f1-d8449a05e1d0_cee389ee-e7eb-4bc4-9854-35b0ddf79c69_0.log\</t>
  </si>
  <si>
    <t>12/30/2019 13:12:07</t>
  </si>
  <si>
    <t>b40bb40a-17e4-4b2e-ad27-57e8a6305311.tmp</t>
  </si>
  <si>
    <t>\\acsfs\profiles$\nathaliaos\Downloads\b40bb40a-17e4-4b2e-ad27-57e8a6305311.tmp</t>
  </si>
  <si>
    <t>12/30/2019 13:15:01</t>
  </si>
  <si>
    <t>93681f62-f000-460c-b601-6ce9e42ee3f3.tmp</t>
  </si>
  <si>
    <t>\\acsfs\profiles$\dhiulliananads\Downloads\93681f62-f000-460c-b601-6ce9e42ee3f3.tmp</t>
  </si>
  <si>
    <t>12/30/2019 13:15:17</t>
  </si>
  <si>
    <t>12/30/2019 13:18:30</t>
  </si>
  <si>
    <t>12/30/2019 13:16:28</t>
  </si>
  <si>
    <t>12/30/2019 13:15:28</t>
  </si>
  <si>
    <t>12/30/2019 13:19:30</t>
  </si>
  <si>
    <t>\\acsfs\profiles$\mariellecs\My Documents\marielle\</t>
  </si>
  <si>
    <t>Relatorio.Recibo.Ferias_20191230131455210648.xls.pntgcek.partial</t>
  </si>
  <si>
    <t>\\acsfs\profiles$\mariellecs\My Documents\marielle\Relatorio.Recibo.Ferias_20191230131455210648.xls.pntgcek.partial</t>
  </si>
  <si>
    <t>12/30/2019 13:14:20</t>
  </si>
  <si>
    <t>12/30/2019 13:17:04</t>
  </si>
  <si>
    <t>12/30/2019 13:18:04</t>
  </si>
  <si>
    <t>12/30/2019 13:16:45</t>
  </si>
  <si>
    <t>12/30/2019 13:20:31</t>
  </si>
  <si>
    <t>4d9f4396-9eff-4ae2-a152-4dd6ddefee3c.tmp</t>
  </si>
  <si>
    <t>\\acsfs\profiles$\MATEUSJM\Downloads\4d9f4396-9eff-4ae2-a152-4dd6ddefee3c.tmp</t>
  </si>
  <si>
    <t>12/30/2019 13:17:27</t>
  </si>
  <si>
    <t>12/30/2019 13:17:32</t>
  </si>
  <si>
    <t>12/30/2019 13:17:36</t>
  </si>
  <si>
    <t>12/30/2019 13:17:40</t>
  </si>
  <si>
    <t>mail.google.com/sync/u/0/i/s?hl=pt-BR&amp;c=804</t>
  </si>
  <si>
    <t>12/30/2019 13:17:43</t>
  </si>
  <si>
    <t>mail.google.com/sync/u/0/i/s?hl=pt-BR&amp;c=806</t>
  </si>
  <si>
    <t>12/30/2019 13:17:48</t>
  </si>
  <si>
    <t>12/30/2019 13:17:54</t>
  </si>
  <si>
    <t>12/30/2019 13:18:08</t>
  </si>
  <si>
    <t>bvcartes-supervisores@algarnet.onmicrosoft.com;bvs-centralcartoes@bv.com.br;daniela.ribeiro@bv.com.br;eduardo.santana@bv.com.br;fabio.ernest@bv.com.br;leonardoao@algartech.com;marcus.pelegrine@bv.com.br;marcus.pellegrini@bv.com.br;paulacn@algartech.com;planejamentodeoperacoesetrafego@bv.com.br;taysdss@algartech.com;thiagordu@algartech.com;</t>
  </si>
  <si>
    <t>bvcartes-supervisores@algarnet.onmicrosoft.com,bvs-centralcartoes@bv.com.br,daniela.ribeiro@bv.com.br,eduardo.santana@bv.com.br,fabio.ernest@bv.com.br,leonardoao@algartech.com,marcus.pelegrine@bv.com.br,marcus.pellegrini@bv.com.br,paulacn@algartech.com,planejamentodeoperacoesetrafego@bv.com.br,taysdss@algartech.com,thiagordu@algartech.com</t>
  </si>
  <si>
    <t>12/30/2019 13:18:14</t>
  </si>
  <si>
    <t>12/30/2019 13:18:38</t>
  </si>
  <si>
    <t>mail.google.com/sync/u/0/i/s?hl=pt-BR&amp;c=822</t>
  </si>
  <si>
    <t>12/30/2019 13:18:42</t>
  </si>
  <si>
    <t>mail.google.com/sync/u/0/i/s?hl=pt-BR&amp;c=824</t>
  </si>
  <si>
    <t>12/30/2019 13:18:48</t>
  </si>
  <si>
    <t>mail.google.com/sync/u/0/i/s?hl=pt-BR&amp;c=826</t>
  </si>
  <si>
    <t>12/30/2019 13:18:49</t>
  </si>
  <si>
    <t>12/30/2019 13:19:12</t>
  </si>
  <si>
    <t>12/30/2019 13:16:39</t>
  </si>
  <si>
    <t>db798fbd-abdf-4ae2-a926-2da67d6149e5.tmp</t>
  </si>
  <si>
    <t>\\acsfs\profiles$\nathaliarmr\Downloads\db798fbd-abdf-4ae2-a926-2da67d6149e5.tmp</t>
  </si>
  <si>
    <t>12/30/2019 13:19:44</t>
  </si>
  <si>
    <t>12/30/2019 13:17:46</t>
  </si>
  <si>
    <t>12/30/2019 13:22:31</t>
  </si>
  <si>
    <t>12/30/2019 13:23:30</t>
  </si>
  <si>
    <t>12/30/2019 13:18:31</t>
  </si>
  <si>
    <t>lu439285q9shr.tmp</t>
  </si>
  <si>
    <t>\\acsfs\profiles$\BRUNAAR\Numero\lu439285q9shr.tmp</t>
  </si>
  <si>
    <t>12/30/2019 13:23:04</t>
  </si>
  <si>
    <t>12/30/2019 13:24:31</t>
  </si>
  <si>
    <t>12/30/2019 13:24:04</t>
  </si>
  <si>
    <t>12/30/2019 13:24:19</t>
  </si>
  <si>
    <t>12/30/2019 13:25:30</t>
  </si>
  <si>
    <t>12/30/2019 13:20:25</t>
  </si>
  <si>
    <t>b4ff8800-3788-41ba-bf52-5665e5434cc3.tmp</t>
  </si>
  <si>
    <t>\\acsfs\profiles$\mariajra\Downloads\b4ff8800-3788-41ba-bf52-5665e5434cc3.tmp</t>
  </si>
  <si>
    <t>12/30/2019 13:22:32</t>
  </si>
  <si>
    <t>89fddd44-d964-4e4c-983a-44cf95c1e687.tmp</t>
  </si>
  <si>
    <t>\\acsfs\profiles$\mariajra\Downloads\89fddd44-d964-4e4c-983a-44cf95c1e687.tmp</t>
  </si>
  <si>
    <t>12/30/2019 13:20:45</t>
  </si>
  <si>
    <t>12/30/2019 13:20:53</t>
  </si>
  <si>
    <t>12/30/2019 13:26:30</t>
  </si>
  <si>
    <t>6428d34e-45e2-4b79-a846-8a0d9a4c60ca.tmp</t>
  </si>
  <si>
    <t>\\acsfs\profiles$\lucasqdss\Downloads\6428d34e-45e2-4b79-a846-8a0d9a4c60ca.tmp</t>
  </si>
  <si>
    <t>12/30/2019 13:23:57</t>
  </si>
  <si>
    <t>12/30/2019 13:26:32</t>
  </si>
  <si>
    <t>12/30/2019 13:27:30</t>
  </si>
  <si>
    <t>b1decbbc-62e8-45f0-9653-ceda53eb739f.tmp</t>
  </si>
  <si>
    <t>\\acsfs\profiles$\gabrielarb\Downloads\b1decbbc-62e8-45f0-9653-ceda53eb739f.tmp</t>
  </si>
  <si>
    <t>12/30/2019 13:22:26</t>
  </si>
  <si>
    <t>$ISG10F7.pdf</t>
  </si>
  <si>
    <t>\\acsfs\profiles$\jonatanls\Downloads\$RECYCLE.BIN\$ISG10F7.pdf</t>
  </si>
  <si>
    <t>12/30/2019 13:22:27</t>
  </si>
  <si>
    <t>$IPV3N6V.pdf</t>
  </si>
  <si>
    <t>\\acsfs\profiles$\jonatanls\Downloads\$RECYCLE.BIN\$IPV3N6V.pdf</t>
  </si>
  <si>
    <t>$IG9O552.pdf</t>
  </si>
  <si>
    <t>\\acsfs\profiles$\jonatanls\Downloads\$RECYCLE.BIN\$IG9O552.pdf</t>
  </si>
  <si>
    <t>$IG3J0IB.pdf</t>
  </si>
  <si>
    <t>\\acsfs\profiles$\jonatanls\Downloads\$RECYCLE.BIN\$IG3J0IB.pdf</t>
  </si>
  <si>
    <t>12/30/2019 13:22:28</t>
  </si>
  <si>
    <t>$I2G1ERJ.pdf</t>
  </si>
  <si>
    <t>\\acsfs\profiles$\jonatanls\Downloads\$RECYCLE.BIN\$I2G1ERJ.pdf</t>
  </si>
  <si>
    <t>$IDW1NL0.pdf</t>
  </si>
  <si>
    <t>\\acsfs\profiles$\jonatanls\Downloads\$RECYCLE.BIN\$IDW1NL0.pdf</t>
  </si>
  <si>
    <t>$IDHBGZP.pdf</t>
  </si>
  <si>
    <t>\\acsfs\profiles$\jonatanls\Downloads\$RECYCLE.BIN\$IDHBGZP.pdf</t>
  </si>
  <si>
    <t>12/30/2019 13:22:29</t>
  </si>
  <si>
    <t>$IDARQY7.pdf</t>
  </si>
  <si>
    <t>\\acsfs\profiles$\jonatanls\Downloads\$RECYCLE.BIN\$IDARQY7.pdf</t>
  </si>
  <si>
    <t>$IMTFZ39.pdf</t>
  </si>
  <si>
    <t>\\acsfs\profiles$\jonatanls\Downloads\$RECYCLE.BIN\$IMTFZ39.pdf</t>
  </si>
  <si>
    <t>12/30/2019 13:22:30</t>
  </si>
  <si>
    <t>$IE19460.pdf</t>
  </si>
  <si>
    <t>\\acsfs\profiles$\jonatanls\Downloads\$RECYCLE.BIN\$IE19460.pdf</t>
  </si>
  <si>
    <t>$I7HSWQ4.pdf</t>
  </si>
  <si>
    <t>\\acsfs\profiles$\jonatanls\Downloads\$RECYCLE.BIN\$I7HSWQ4.pdf</t>
  </si>
  <si>
    <t>$I5UB9U1.pdf</t>
  </si>
  <si>
    <t>\\acsfs\profiles$\jonatanls\Downloads\$RECYCLE.BIN\$I5UB9U1.pdf</t>
  </si>
  <si>
    <t>$ITRFAMI.pdf</t>
  </si>
  <si>
    <t>\\acsfs\profiles$\jonatanls\Downloads\$RECYCLE.BIN\$ITRFAMI.pdf</t>
  </si>
  <si>
    <t>$IOVCTER.pdf</t>
  </si>
  <si>
    <t>\\acsfs\profiles$\jonatanls\Downloads\$RECYCLE.BIN\$IOVCTER.pdf</t>
  </si>
  <si>
    <t>$I8WDSD1.pdf</t>
  </si>
  <si>
    <t>\\acsfs\profiles$\jonatanls\Downloads\$RECYCLE.BIN\$I8WDSD1.pdf</t>
  </si>
  <si>
    <t>$IBZT6B1.pdf</t>
  </si>
  <si>
    <t>\\acsfs\profiles$\jonatanls\Downloads\$RECYCLE.BIN\$IBZT6B1.pdf</t>
  </si>
  <si>
    <t>12/30/2019 13:23:01</t>
  </si>
  <si>
    <t>9d1c322b-9aa5-4185-b151-262f0484d4d9.tmp</t>
  </si>
  <si>
    <t>\\acsfs\profiles$\jonatanls\Downloads\9d1c322b-9aa5-4185-b151-262f0484d4d9.tmp</t>
  </si>
  <si>
    <t>12/30/2019 13:23:12</t>
  </si>
  <si>
    <t>.~lock.Relatorio.Recibo.Ferias_20191230132255210862.xls#</t>
  </si>
  <si>
    <t>\\acsfs\profiles$\jonatanls\Downloads\.~lock.Relatorio.Recibo.Ferias_20191230132255210862.xls#</t>
  </si>
  <si>
    <t>12/30/2019 13:23:34</t>
  </si>
  <si>
    <t>3f261cb2-3969-40ef-a304-f422353854fc.tmp</t>
  </si>
  <si>
    <t>\\acsfs\profiles$\jonatanls\Downloads\3f261cb2-3969-40ef-a304-f422353854fc.tmp</t>
  </si>
  <si>
    <t>12/30/2019 13:24:13</t>
  </si>
  <si>
    <t>$IN6XD32.xls</t>
  </si>
  <si>
    <t>\\acsfs\profiles$\jonatanls\Downloads\$RECYCLE.BIN\$IN6XD32.xls</t>
  </si>
  <si>
    <t>$I25FBCE.pdf</t>
  </si>
  <si>
    <t>\\acsfs\profiles$\jonatanls\Downloads\$RECYCLE.BIN\$I25FBCE.pdf</t>
  </si>
  <si>
    <t>12/30/2019 13:25:36</t>
  </si>
  <si>
    <t>lu168722jg4wd.tmp</t>
  </si>
  <si>
    <t>\\acsfs\profiles$\dhiulliananads\My Documents\lu168722jg4wd.tmp</t>
  </si>
  <si>
    <t>\\acsfs\profiles$\dhiulliananads\My Documents\lu168722jg4wd.tmp\</t>
  </si>
  <si>
    <t>\\acsfs\profiles$\dhiulliananads\My Documents\lu168722jg4wd.tmp\META-INF\</t>
  </si>
  <si>
    <t>\\acsfs\profiles$\dhiulliananads\My Documents\lu168722jg4wd.tmp\Thumbnails\</t>
  </si>
  <si>
    <t>12/30/2019 13:26:24</t>
  </si>
  <si>
    <t>12/30/2019 13:28:30</t>
  </si>
  <si>
    <t>luanaed@algartech.com;luanaed@algartech.com.br;</t>
  </si>
  <si>
    <t>Operadores não monitoráveis_PF</t>
  </si>
  <si>
    <t>Não monitorávies de dezembro.xls</t>
  </si>
  <si>
    <t>luanaed@algartech.com,luanaed@algartech.com.br</t>
  </si>
  <si>
    <t>12/30/2019 13:23:06</t>
  </si>
  <si>
    <t>12/30/2019 13:23:07</t>
  </si>
  <si>
    <t>lu25484420eq0.tmp</t>
  </si>
  <si>
    <t>\\acsfs\profiles$\LUCASBS\RENEG BV\lu25484420eq0.tmp</t>
  </si>
  <si>
    <t>\\acsfs\profiles$\LUCASBS\RENEG BV\lu25484420eq0.tmp\</t>
  </si>
  <si>
    <t>\\acsfs\profiles$\LUCASBS\RENEG BV\lu25484420eq0.tmp\META-INF\</t>
  </si>
  <si>
    <t>\\acsfs\profiles$\LUCASBS\RENEG BV\lu25484420eq0.tmp\Thumbnails\</t>
  </si>
  <si>
    <t>12/30/2019 13:23:53</t>
  </si>
  <si>
    <t>12/30/2019 13:24:51</t>
  </si>
  <si>
    <t>deboraogo@algartech.com.br;</t>
  </si>
  <si>
    <t>ENC: Indicador Qualidade</t>
  </si>
  <si>
    <t>Faixas de metrica especifica - UDI - AMEX CERRADO - GERENCIADAS MIGRAÇÃO- DEZEMBRO 2019.xlsm</t>
  </si>
  <si>
    <t>deboraogo@algartech.com.br</t>
  </si>
  <si>
    <t>12/30/2019 13:29:04</t>
  </si>
  <si>
    <t>12/30/2019 13:29:30</t>
  </si>
  <si>
    <t>12/30/2019 13:27:18</t>
  </si>
  <si>
    <t>12/30/2019 13:30:30</t>
  </si>
  <si>
    <t>12/30/2019 13:29:56</t>
  </si>
  <si>
    <t>12/30/2019 13:25:45</t>
  </si>
  <si>
    <t>12/30/2019 13:31:29</t>
  </si>
  <si>
    <t>12/30/2019 13:26:44</t>
  </si>
  <si>
    <t>12/30/2019 13:27:25</t>
  </si>
  <si>
    <t>7ea77d0b-cba2-4324-be64-e76d25c77e6c.tmp</t>
  </si>
  <si>
    <t>\\acsfs\profiles$\quindaizaagds\Downloads\7ea77d0b-cba2-4324-be64-e76d25c77e6c.tmp</t>
  </si>
  <si>
    <t>12/30/2019 13:28:29</t>
  </si>
  <si>
    <t>44fa116e-8011-40c2-afea-c0e19dc66d08.tmp</t>
  </si>
  <si>
    <t>\\acsfs\profiles$\websondsa\Downloads\44fa116e-8011-40c2-afea-c0e19dc66d08.tmp</t>
  </si>
  <si>
    <t>12/30/2019 13:28:31</t>
  </si>
  <si>
    <t>5c6dcc79-4662-41ff-ba89-4392276e1b3e.tmp</t>
  </si>
  <si>
    <t>\\acsfs\profiles$\websondsa\Downloads\5c6dcc79-4662-41ff-ba89-4392276e1b3e.tmp</t>
  </si>
  <si>
    <t>12/30/2019 13:27:43</t>
  </si>
  <si>
    <t>12/30/2019 13:32:29</t>
  </si>
  <si>
    <t>12/30/2019 13:29:18</t>
  </si>
  <si>
    <t>a07c1dd3-33d0-42e2-a5a3-de3e8ff1ad12.tmp</t>
  </si>
  <si>
    <t>\\acsfs\profiles$\cintiadcf\Downloads\a07c1dd3-33d0-42e2-a5a3-de3e8ff1ad12.tmp</t>
  </si>
  <si>
    <t>12/30/2019 13:28:10</t>
  </si>
  <si>
    <t>12/30/2019 13:33:29</t>
  </si>
  <si>
    <t>12/30/2019 13:28:11</t>
  </si>
  <si>
    <t>lu25484420eq5.tmp</t>
  </si>
  <si>
    <t>\\acsfs\profiles$\LUCASBS\RENEG BV\lu25484420eq5.tmp</t>
  </si>
  <si>
    <t>\\acsfs\profiles$\LUCASBS\RENEG BV\lu25484420eq5.tmp\</t>
  </si>
  <si>
    <t>\\acsfs\profiles$\LUCASBS\RENEG BV\lu25484420eq5.tmp\META-INF\</t>
  </si>
  <si>
    <t>\\acsfs\profiles$\LUCASBS\RENEG BV\lu25484420eq5.tmp\Thumbnails\</t>
  </si>
  <si>
    <t>12/30/2019 13:31:03</t>
  </si>
  <si>
    <t>12/30/2019 13:31:04</t>
  </si>
  <si>
    <t>lu25484420eqa.tmp</t>
  </si>
  <si>
    <t>\\acsfs\profiles$\LUCASBS\RENEG BV\lu25484420eqa.tmp</t>
  </si>
  <si>
    <t>\\acsfs\profiles$\LUCASBS\RENEG BV\lu25484420eqa.tmp\</t>
  </si>
  <si>
    <t>12/30/2019 13:29:09</t>
  </si>
  <si>
    <t>\\acsfs\profiles$\LUCASBS\RENEG BV\lu25484420eqa.tmp\META-INF\</t>
  </si>
  <si>
    <t>\\acsfs\profiles$\LUCASBS\RENEG BV\lu25484420eqa.tmp\Thumbnails\</t>
  </si>
  <si>
    <t>12/30/2019 13:31:49</t>
  </si>
  <si>
    <t>12/30/2019 13:30:04</t>
  </si>
  <si>
    <t>12/30/2019 13:34:30</t>
  </si>
  <si>
    <t>12/30/2019 13:31:36</t>
  </si>
  <si>
    <t>12/30/2019 13:35:30</t>
  </si>
  <si>
    <t>195f2d00-7720-4451-937c-0fe4aa94d41a.tmp</t>
  </si>
  <si>
    <t>\\acsfs\profiles$\geovannasm\Downloads\195f2d00-7720-4451-937c-0fe4aa94d41a.tmp</t>
  </si>
  <si>
    <t>12/30/2019 13:31:44</t>
  </si>
  <si>
    <t>12/30/2019 13:36:29</t>
  </si>
  <si>
    <t>12/30/2019 13:32:45</t>
  </si>
  <si>
    <t>12/30/2019 13:32:57</t>
  </si>
  <si>
    <t>f90de21d-01a0-4c11-b291-84cef89642cf.tmp</t>
  </si>
  <si>
    <t>\\acsfs\profiles$\larissaad\Downloads\f90de21d-01a0-4c11-b291-84cef89642cf.tmp</t>
  </si>
  <si>
    <t>12/30/2019 13:34:47</t>
  </si>
  <si>
    <t>12/30/2019 13:35:17</t>
  </si>
  <si>
    <t>12/30/2019 13:32:39</t>
  </si>
  <si>
    <t>12/30/2019 13:37:29</t>
  </si>
  <si>
    <t>ulog_Acrobat12_Reader_22bb18ef-a0cc-4985-b2f1-d8449a05e1d0_76454921-5cf1-4dc7-95ff-d83d225ec446_0.log</t>
  </si>
  <si>
    <t>C:\Users\Jordanarb\AppData\Roaming\Adobe\LogTransport2\Logs\ulog_Acrobat12_Reader_22bb18ef-a0cc-4985-b2f1-d8449a05e1d0_76454921-5cf1-4dc7-95ff-d83d225ec446_0.log\</t>
  </si>
  <si>
    <t>12/30/2019 13:33:22</t>
  </si>
  <si>
    <t>a8236759-5206-43af-879c-06e3ee4fca91.tmp</t>
  </si>
  <si>
    <t>\\acsfs\profiles$\gabrielarb\Downloads\a8236759-5206-43af-879c-06e3ee4fca91.tmp</t>
  </si>
  <si>
    <t>12/30/2019 13:35:53</t>
  </si>
  <si>
    <t>12/30/2019 13:38:29</t>
  </si>
  <si>
    <t>lu25484420eqf.tmp</t>
  </si>
  <si>
    <t>\\acsfs\profiles$\LUCASBS\RENEG BV\lu25484420eqf.tmp</t>
  </si>
  <si>
    <t>\\acsfs\profiles$\LUCASBS\RENEG BV\lu25484420eqf.tmp\</t>
  </si>
  <si>
    <t>\\acsfs\profiles$\LUCASBS\RENEG BV\lu25484420eqf.tmp\META-INF\</t>
  </si>
  <si>
    <t>\\acsfs\profiles$\LUCASBS\RENEG BV\lu25484420eqf.tmp\Thumbnails\</t>
  </si>
  <si>
    <t>12/30/2019 13:35:26</t>
  </si>
  <si>
    <t>12/30/2019 13:37:20</t>
  </si>
  <si>
    <t>12/30/2019 13:35:04</t>
  </si>
  <si>
    <t>12/30/2019 13:39:29</t>
  </si>
  <si>
    <t>12/30/2019 13:36:04</t>
  </si>
  <si>
    <t>12/30/2019 13:39:10</t>
  </si>
  <si>
    <t>12/30/2019 13:40:29</t>
  </si>
  <si>
    <t>ca8b92fd-a919-44d2-9f00-c298556769bc.tmp</t>
  </si>
  <si>
    <t>\\acsfs\profiles$\kamilamrc\Downloads\ca8b92fd-a919-44d2-9f00-c298556769bc.tmp</t>
  </si>
  <si>
    <t>12/30/2019 13:37:44</t>
  </si>
  <si>
    <t>12/30/2019 13:41:29</t>
  </si>
  <si>
    <t>12/30/2019 13:38:44</t>
  </si>
  <si>
    <t>12/30/2019 13:35:47</t>
  </si>
  <si>
    <t>12/30/2019 13:36:17</t>
  </si>
  <si>
    <t>12/30/2019 13:37:50</t>
  </si>
  <si>
    <t>cronograma auditoria top - 2020 (1).xlsx</t>
  </si>
  <si>
    <t>12/30/2019 13:39:09</t>
  </si>
  <si>
    <t>12/30/2019 13:36:51</t>
  </si>
  <si>
    <t>C:\Users\adrielecds\AppData\Roaming\Adobe\LogTransport2\Logs\</t>
  </si>
  <si>
    <t>ulog_Acrobat12_Reader_52e1554a-defc-43dd-b561-ba4f3de22e5c_24045b97-ce1b-44dc-a6da-a6423ae43582_0.log</t>
  </si>
  <si>
    <t>C:\Users\adrielecds\AppData\Roaming\Adobe\LogTransport2\Logs\ulog_Acrobat12_Reader_52e1554a-defc-43dd-b561-ba4f3de22e5c_24045b97-ce1b-44dc-a6da-a6423ae43582_0.log\</t>
  </si>
  <si>
    <t>12/30/2019 13:36:56</t>
  </si>
  <si>
    <t>alinepm@algartech.com;flaviom@algartech.com;marciordsc@algartech.com;ronansdm@algartech.com;thaisat@algartech.com;</t>
  </si>
  <si>
    <t>C:\Users\pauloscr\Desktop\</t>
  </si>
  <si>
    <t>BBN_Fiber SP Lista.xlsx</t>
  </si>
  <si>
    <t>alinepm@algartech.com,flaviom@algartech.com,marciordsc@algartech.com,ronansdm@algartech.com,thaisat@algartech.com</t>
  </si>
  <si>
    <t>12/30/2019 13:36:39</t>
  </si>
  <si>
    <t>12/30/2019 13:42:29</t>
  </si>
  <si>
    <t>5f508290-0b4f-4cec-9519-9f32d07d5539.tmp</t>
  </si>
  <si>
    <t>\\acsfs\profiles$\gabrielafs\Downloads\5f508290-0b4f-4cec-9519-9f32d07d5539.tmp</t>
  </si>
  <si>
    <t>12/30/2019 13:41:17</t>
  </si>
  <si>
    <t>b3dc0b7a-63c3-40b1-ad50-5a5c047344fb.tmp</t>
  </si>
  <si>
    <t>\\acsfs\profiles$\gabrielarb\Downloads\b3dc0b7a-63c3-40b1-ad50-5a5c047344fb.tmp</t>
  </si>
  <si>
    <t>12/30/2019 13:41:00</t>
  </si>
  <si>
    <t>12/30/2019 13:42:15</t>
  </si>
  <si>
    <t>11be1e24-c25e-4015-a767-d009d67d0491.tmp</t>
  </si>
  <si>
    <t>\\acsfs\profiles$\vivianealda\Downloads\11be1e24-c25e-4015-a767-d009d67d0491.tmp</t>
  </si>
  <si>
    <t>12/30/2019 13:41:39</t>
  </si>
  <si>
    <t>12/30/2019 13:43:29</t>
  </si>
  <si>
    <t>12/30/2019 13:42:42</t>
  </si>
  <si>
    <t>12/30/2019 13:38:14</t>
  </si>
  <si>
    <t>12/30/2019 13:38:17</t>
  </si>
  <si>
    <t>12/30/2019 13:41:06</t>
  </si>
  <si>
    <t>12/30/2019 13:44:29</t>
  </si>
  <si>
    <t>12/30/2019 13:42:04</t>
  </si>
  <si>
    <t>12/30/2019 13:41:28</t>
  </si>
  <si>
    <t>12/30/2019 13:45:29</t>
  </si>
  <si>
    <t>a4d74b73-d3c9-4114-978b-02068c9af061.tmp</t>
  </si>
  <si>
    <t>\\acsfs\profiles$\mariajra\Downloads\a4d74b73-d3c9-4114-978b-02068c9af061.tmp</t>
  </si>
  <si>
    <t>12/30/2019 13:42:52</t>
  </si>
  <si>
    <t>68469b3f-470e-4ecc-a4ff-69d1e6b3ce84.tmp</t>
  </si>
  <si>
    <t>\\acsfs\profiles$\brendadsl\Downloads\68469b3f-470e-4ecc-a4ff-69d1e6b3ce84.tmp</t>
  </si>
  <si>
    <t>d2c9f58c-5d8e-401d-b57d-aea968f8281e.tmp</t>
  </si>
  <si>
    <t>\\acsfs\profiles$\brendadsl\Downloads\d2c9f58c-5d8e-401d-b57d-aea968f8281e.tmp</t>
  </si>
  <si>
    <t>9a82867a-9ce2-4189-b554-0526234d0c82.tmp</t>
  </si>
  <si>
    <t>\\acsfs\profiles$\brendadsl\Downloads\9a82867a-9ce2-4189-b554-0526234d0c82.tmp</t>
  </si>
  <si>
    <t>ff01d3e2-28d8-4a2f-9af4-b858cde3fb24.tmp</t>
  </si>
  <si>
    <t>\\acsfs\profiles$\brendadsl\Downloads\ff01d3e2-28d8-4a2f-9af4-b858cde3fb24.tmp</t>
  </si>
  <si>
    <t>d534504a-fd37-4b30-8754-8bcc99ebabe6.tmp</t>
  </si>
  <si>
    <t>\\acsfs\profiles$\brendadsl\Downloads\d534504a-fd37-4b30-8754-8bcc99ebabe6.tmp</t>
  </si>
  <si>
    <t>12/30/2019 13:44:47</t>
  </si>
  <si>
    <t>670691ad-1a63-46a8-8dce-681eeffdb1f1.tmp</t>
  </si>
  <si>
    <t>\\acsfs\profiles$\brendadsl\Downloads\670691ad-1a63-46a8-8dce-681eeffdb1f1.tmp</t>
  </si>
  <si>
    <t>12/30/2019 13:40:55</t>
  </si>
  <si>
    <t>12/30/2019 13:46:29</t>
  </si>
  <si>
    <t>8476db62-c436-4ba9-9de9-c8d8675d5fd2.tmp</t>
  </si>
  <si>
    <t>\\acsfs\profiles$\valeriasda\Downloads\8476db62-c436-4ba9-9de9-c8d8675d5fd2.tmp</t>
  </si>
  <si>
    <t>70109356-a75e-4def-801a-7bd258684fe7.tmp</t>
  </si>
  <si>
    <t>\\acsfs\profiles$\valeriasda\Downloads\70109356-a75e-4def-801a-7bd258684fe7.tmp</t>
  </si>
  <si>
    <t>12/30/2019 13:42:56</t>
  </si>
  <si>
    <t>433acd96-c74c-4cb5-b10a-e30e9922a66a.tmp</t>
  </si>
  <si>
    <t>\\acsfs\profiles$\valeriasda\Downloads\433acd96-c74c-4cb5-b10a-e30e9922a66a.tmp</t>
  </si>
  <si>
    <t>12/30/2019 13:42:33</t>
  </si>
  <si>
    <t>12/30/2019 13:42:38</t>
  </si>
  <si>
    <t>12/30/2019 13:42:47</t>
  </si>
  <si>
    <t>12/30/2019 13:42:55</t>
  </si>
  <si>
    <t>12/30/2019 13:43:01</t>
  </si>
  <si>
    <t>12/30/2019 13:43:04</t>
  </si>
  <si>
    <t>12/30/2019 13:43:44</t>
  </si>
  <si>
    <t>12/30/2019 13:44:44</t>
  </si>
  <si>
    <t>12/30/2019 13:43:15</t>
  </si>
  <si>
    <t>3b13df72-7cc0-4ce7-a1e6-6832d32a8762.tmp</t>
  </si>
  <si>
    <t>\\acsfs\profiles$\websondsa\Downloads\3b13df72-7cc0-4ce7-a1e6-6832d32a8762.tmp</t>
  </si>
  <si>
    <t>12/30/2019 13:43:17</t>
  </si>
  <si>
    <t>663d85b7-06c5-48af-8651-2ea946592e15.tmp</t>
  </si>
  <si>
    <t>\\acsfs\profiles$\websondsa\Downloads\663d85b7-06c5-48af-8651-2ea946592e15.tmp</t>
  </si>
  <si>
    <t>12/30/2019 13:43:18</t>
  </si>
  <si>
    <t>Não confirmado 841882.crdownload</t>
  </si>
  <si>
    <t>\\acsfs\profiles$\websondsa\Downloads\Não confirmado 841882.crdownload</t>
  </si>
  <si>
    <t>da4aaf1f-fdca-4732-8d7a-c0c9a6035ca7.tmp</t>
  </si>
  <si>
    <t>\\acsfs\profiles$\websondsa\Downloads\da4aaf1f-fdca-4732-8d7a-c0c9a6035ca7.tmp</t>
  </si>
  <si>
    <t>12/30/2019 13:43:55</t>
  </si>
  <si>
    <t>12/30/2019 13:47:28</t>
  </si>
  <si>
    <t>12/30/2019 13:43:28</t>
  </si>
  <si>
    <t>f3d19b0f-ef82-4a75-a453-7b76a101c0d0.tmp</t>
  </si>
  <si>
    <t>\\acsfs\profiles$\andrezacapf\Downloads\f3d19b0f-ef82-4a75-a453-7b76a101c0d0.tmp</t>
  </si>
  <si>
    <t>12/30/2019 13:43:31</t>
  </si>
  <si>
    <t>366fa9d7-5069-4653-a903-687575f8c23e.tmp</t>
  </si>
  <si>
    <t>\\acsfs\profiles$\andrezacapf\Downloads\366fa9d7-5069-4653-a903-687575f8c23e.tmp</t>
  </si>
  <si>
    <t>12/30/2019 13:43:35</t>
  </si>
  <si>
    <t>e4481eb5-53e8-4aa7-a6fb-c278718005ab.tmp</t>
  </si>
  <si>
    <t>\\acsfs\profiles$\andrezacapf\Downloads\e4481eb5-53e8-4aa7-a6fb-c278718005ab.tmp</t>
  </si>
  <si>
    <t>12/30/2019 13:43:38</t>
  </si>
  <si>
    <t>f35e5182-bb95-4a47-b98f-d4a342f95927.tmp</t>
  </si>
  <si>
    <t>\\acsfs\profiles$\andrezacapf\Downloads\f35e5182-bb95-4a47-b98f-d4a342f95927.tmp</t>
  </si>
  <si>
    <t>12/30/2019 13:43:41</t>
  </si>
  <si>
    <t>2190c856-1f49-446b-ac32-ff64270e8b24.tmp</t>
  </si>
  <si>
    <t>\\acsfs\profiles$\andrezacapf\Downloads\2190c856-1f49-446b-ac32-ff64270e8b24.tmp</t>
  </si>
  <si>
    <t>12/30/2019 13:43:45</t>
  </si>
  <si>
    <t>4afe46de-977b-4981-b8b4-296fc8801bb0.tmp</t>
  </si>
  <si>
    <t>\\acsfs\profiles$\andrezacapf\Downloads\4afe46de-977b-4981-b8b4-296fc8801bb0.tmp</t>
  </si>
  <si>
    <t>12/30/2019 13:43:48</t>
  </si>
  <si>
    <t>8dda1524-450e-4a79-a458-1fb9fe80454e.tmp</t>
  </si>
  <si>
    <t>\\acsfs\profiles$\andrezacapf\Downloads\8dda1524-450e-4a79-a458-1fb9fe80454e.tmp</t>
  </si>
  <si>
    <t>12/30/2019 13:44:19</t>
  </si>
  <si>
    <t>3e7d9dfc-9136-47c2-a4bd-ee3b5dd364c3.tmp</t>
  </si>
  <si>
    <t>\\acsfs\profiles$\andrezacapf\Downloads\3e7d9dfc-9136-47c2-a4bd-ee3b5dd364c3.tmp</t>
  </si>
  <si>
    <t>12/30/2019 13:44:35</t>
  </si>
  <si>
    <t>f733370d-84eb-4ef5-ac18-b9de992532b4.tmp</t>
  </si>
  <si>
    <t>\\acsfs\profiles$\andrezacapf\Downloads\f733370d-84eb-4ef5-ac18-b9de992532b4.tmp</t>
  </si>
  <si>
    <t>12/30/2019 13:44:37</t>
  </si>
  <si>
    <t>e0448118-211d-4e93-a4d8-e595671b3767.tmp</t>
  </si>
  <si>
    <t>\\acsfs\profiles$\andrezacapf\Downloads\e0448118-211d-4e93-a4d8-e595671b3767.tmp</t>
  </si>
  <si>
    <t>12/30/2019 13:46:49</t>
  </si>
  <si>
    <t>3a1c101a-758f-4d2a-baee-07f31484240a.tmp</t>
  </si>
  <si>
    <t>\\acsfs\profiles$\andrezacapf\Downloads\3a1c101a-758f-4d2a-baee-07f31484240a.tmp</t>
  </si>
  <si>
    <t>12/30/2019 13:46:57</t>
  </si>
  <si>
    <t>5ebf3a5b-869d-4eb8-84df-59e8c174cbef.tmp</t>
  </si>
  <si>
    <t>\\acsfs\profiles$\andrezacapf\Downloads\5ebf3a5b-869d-4eb8-84df-59e8c174cbef.tmp</t>
  </si>
  <si>
    <t>12/30/2019 13:44:57</t>
  </si>
  <si>
    <t>d5c282da-5f01-4eae-ad75-1556c26ed098.tmp</t>
  </si>
  <si>
    <t>\\acsfs\profiles$\henriquehmdo\Downloads\d5c282da-5f01-4eae-ad75-1556c26ed098.tmp</t>
  </si>
  <si>
    <t>12/30/2019 13:43:42</t>
  </si>
  <si>
    <t>12/30/2019 13:48:29</t>
  </si>
  <si>
    <t>4ce28189-371f-4a9e-9276-f2916c08ead9.tmp</t>
  </si>
  <si>
    <t>\\acsfs\profiles$\georgendsq\Downloads\4ce28189-371f-4a9e-9276-f2916c08ead9.tmp</t>
  </si>
  <si>
    <t>12/30/2019 13:44:27</t>
  </si>
  <si>
    <t>cc3c3ab8-2338-4144-8c4b-3caf4c042ef6.tmp</t>
  </si>
  <si>
    <t>\\acsfs\profiles$\georgendsq\Downloads\cc3c3ab8-2338-4144-8c4b-3caf4c042ef6.tmp</t>
  </si>
  <si>
    <t>12/30/2019 13:45:14</t>
  </si>
  <si>
    <t>5621501f-a430-429d-b6bd-0ef7b1394ae0.tmp</t>
  </si>
  <si>
    <t>\\acsfs\profiles$\georgendsq\Downloads\5621501f-a430-429d-b6bd-0ef7b1394ae0.tmp</t>
  </si>
  <si>
    <t>12/30/2019 13:45:24</t>
  </si>
  <si>
    <t>b14e69d2-da19-4d8b-ae8e-a33e9f14f286.tmp</t>
  </si>
  <si>
    <t>\\acsfs\profiles$\georgendsq\Downloads\b14e69d2-da19-4d8b-ae8e-a33e9f14f286.tmp</t>
  </si>
  <si>
    <t>12/30/2019 13:45:48</t>
  </si>
  <si>
    <t>ccf77015-9a2d-4521-8255-5900c25005b2.tmp</t>
  </si>
  <si>
    <t>\\acsfs\profiles$\georgendsq\Downloads\ccf77015-9a2d-4521-8255-5900c25005b2.tmp</t>
  </si>
  <si>
    <t>12/30/2019 13:46:03</t>
  </si>
  <si>
    <t>1f7621f2-fc46-47cc-8cd6-4ee792e2d3d3.tmp</t>
  </si>
  <si>
    <t>\\acsfs\profiles$\georgendsq\Downloads\1f7621f2-fc46-47cc-8cd6-4ee792e2d3d3.tmp</t>
  </si>
  <si>
    <t>12/30/2019 13:46:20</t>
  </si>
  <si>
    <t>590d6452-bc4f-43c1-b47a-baab839c4a90.tmp</t>
  </si>
  <si>
    <t>\\acsfs\profiles$\georgendsq\Downloads\590d6452-bc4f-43c1-b47a-baab839c4a90.tmp</t>
  </si>
  <si>
    <t>12/30/2019 13:46:36</t>
  </si>
  <si>
    <t>12/30/2019 13:45:01</t>
  </si>
  <si>
    <t>12/30/2019 13:49:30</t>
  </si>
  <si>
    <t>12/30/2019 13:45:55</t>
  </si>
  <si>
    <t>7b0708fe-0ca4-403e-a63e-6a836977f22f.tmp</t>
  </si>
  <si>
    <t>\\acsfs\profiles$\regisadsa\Downloads\7b0708fe-0ca4-403e-a63e-6a836977f22f.tmp</t>
  </si>
  <si>
    <t>12/30/2019 13:47:01</t>
  </si>
  <si>
    <t>d9e8a113-dbe6-4137-81c5-4745d0428fba.tmp</t>
  </si>
  <si>
    <t>\\acsfs\profiles$\regisadsa\Downloads\d9e8a113-dbe6-4137-81c5-4745d0428fba.tmp</t>
  </si>
  <si>
    <t>12/30/2019 13:47:35</t>
  </si>
  <si>
    <t>cd36060e-287a-4709-9dc5-15526c7a57f0.tmp</t>
  </si>
  <si>
    <t>\\acsfs\profiles$\regisadsa\Downloads\cd36060e-287a-4709-9dc5-15526c7a57f0.tmp</t>
  </si>
  <si>
    <t>12/30/2019 13:48:06</t>
  </si>
  <si>
    <t>ab353762-86fc-47a0-91d4-1e0a9f4711ea.tmp</t>
  </si>
  <si>
    <t>\\acsfs\profiles$\regisadsa\Downloads\ab353762-86fc-47a0-91d4-1e0a9f4711ea.tmp</t>
  </si>
  <si>
    <t>12/30/2019 13:48:14</t>
  </si>
  <si>
    <t>fb0c55b3-7812-46a4-9f7e-6a7888ac0215.tmp</t>
  </si>
  <si>
    <t>\\acsfs\profiles$\regisadsa\Downloads\fb0c55b3-7812-46a4-9f7e-6a7888ac0215.tmp</t>
  </si>
  <si>
    <t>12/30/2019 13:46:34</t>
  </si>
  <si>
    <t>12/30/2019 13:47:05</t>
  </si>
  <si>
    <t>12/30/2019 13:48:05</t>
  </si>
  <si>
    <t>12/30/2019 13:48:58</t>
  </si>
  <si>
    <t>12/30/2019 13:50:29</t>
  </si>
  <si>
    <t>12/30/2019 13:47:26</t>
  </si>
  <si>
    <t>12/30/2019 13:47:27</t>
  </si>
  <si>
    <t>lu246123wyp6u.tmp</t>
  </si>
  <si>
    <t>\\acsfs\profiles$\FLAVIOJMM\My Documents\lu246123wyp6u.tmp</t>
  </si>
  <si>
    <t>\\acsfs\profiles$\FLAVIOJMM\My Documents\lu246123wyp6u.tmp\</t>
  </si>
  <si>
    <t>\\acsfs\profiles$\FLAVIOJMM\My Documents\lu246123wyp6u.tmp\META-INF\</t>
  </si>
  <si>
    <t>\\acsfs\profiles$\FLAVIOJMM\My Documents\lu246123wyp6u.tmp\Thumbnails\</t>
  </si>
  <si>
    <t>12/30/2019 13:47:33</t>
  </si>
  <si>
    <t>12/30/2019 13:47:37</t>
  </si>
  <si>
    <t>12/30/2019 13:47:39</t>
  </si>
  <si>
    <t>lu1464811ga9i.tmp</t>
  </si>
  <si>
    <t>\\acsfs\profiles$\jonathanwap\lu1464811ga9i.tmp</t>
  </si>
  <si>
    <t>\\acsfs\profiles$\jonathanwap\lu1464811ga9i.tmp\</t>
  </si>
  <si>
    <t>\\acsfs\profiles$\jonathanwap\lu1464811ga9i.tmp\META-INF\</t>
  </si>
  <si>
    <t>\\acsfs\profiles$\jonathanwap\lu1464811ga9i.tmp\Thumbnails\</t>
  </si>
  <si>
    <t>12/30/2019 13:45:52</t>
  </si>
  <si>
    <t>b7fb1d5a-4265-4ffa-b90d-d03070ec3c17.tmp</t>
  </si>
  <si>
    <t>\\acsfs\profiles$\brendadsl\Downloads\b7fb1d5a-4265-4ffa-b90d-d03070ec3c17.tmp</t>
  </si>
  <si>
    <t>12/30/2019 13:51:29</t>
  </si>
  <si>
    <t>andrelpsa@algartech.com;leonardoao@algartech.com;maristelavodq@bv.algartech.com;supervisaobancovotorantim@algartech.com;thiagolrc@bv.algartech.com;</t>
  </si>
  <si>
    <t>andrelpsa@algartech.com,leonardoao@algartech.com,maristelavodq@bv.algartech.com,supervisaobancovotorantim@algartech.com,thiagolrc@bv.algartech.com</t>
  </si>
  <si>
    <t>12/30/2019 13:45:58</t>
  </si>
  <si>
    <t>12/30/2019 13:47:03</t>
  </si>
  <si>
    <t>12/30/2019 13:49:45</t>
  </si>
  <si>
    <t>12/30/2019 13:47:47</t>
  </si>
  <si>
    <t>12/30/2019 13:49:17</t>
  </si>
  <si>
    <t>a3466771-f260-40ff-82b3-01877dbeaa71.tmp</t>
  </si>
  <si>
    <t>\\acsfs\profiles$\gabriellalpr\Downloads\a3466771-f260-40ff-82b3-01877dbeaa71.tmp</t>
  </si>
  <si>
    <t>12/30/2019 13:49:00</t>
  </si>
  <si>
    <t>73ede427-43d4-4839-9dec-248ea2720305.tmp</t>
  </si>
  <si>
    <t>\\acsfs\profiles$\gabriellalpr\Downloads\73ede427-43d4-4839-9dec-248ea2720305.tmp</t>
  </si>
  <si>
    <t>12/30/2019 13:47:57</t>
  </si>
  <si>
    <t>12/30/2019 13:52:29</t>
  </si>
  <si>
    <t>fa59f837-eb03-42f6-8fe9-e4846db3e5be.tmp</t>
  </si>
  <si>
    <t>\\acsfs\profiles$\andrezacapf\Downloads\fa59f837-eb03-42f6-8fe9-e4846db3e5be.tmp</t>
  </si>
  <si>
    <t>12/30/2019 13:48:26</t>
  </si>
  <si>
    <t>12/30/2019 13:48:27</t>
  </si>
  <si>
    <t>lu168722jg4wo.tmp</t>
  </si>
  <si>
    <t>\\acsfs\profiles$\dhiulliananads\My Documents\lu168722jg4wo.tmp</t>
  </si>
  <si>
    <t>\\acsfs\profiles$\dhiulliananads\My Documents\lu168722jg4wo.tmp\</t>
  </si>
  <si>
    <t>\\acsfs\profiles$\dhiulliananads\My Documents\lu168722jg4wo.tmp\META-INF\</t>
  </si>
  <si>
    <t>\\acsfs\profiles$\dhiulliananads\My Documents\lu168722jg4wo.tmp\Thumbnails\</t>
  </si>
  <si>
    <t>12/30/2019 13:49:12</t>
  </si>
  <si>
    <t>12/30/2019 13:49:13</t>
  </si>
  <si>
    <t>lu168722jg4ws.tmp</t>
  </si>
  <si>
    <t>\\acsfs\profiles$\dhiulliananads\My Documents\lu168722jg4ws.tmp</t>
  </si>
  <si>
    <t>\\acsfs\profiles$\dhiulliananads\My Documents\lu168722jg4ws.tmp\</t>
  </si>
  <si>
    <t>\\acsfs\profiles$\dhiulliananads\My Documents\lu168722jg4ws.tmp\META-INF\</t>
  </si>
  <si>
    <t>\\acsfs\profiles$\dhiulliananads\My Documents\lu168722jg4ws.tmp\Thumbnails\</t>
  </si>
  <si>
    <t>12/30/2019 13:50:39</t>
  </si>
  <si>
    <t>12/30/2019 13:51:53</t>
  </si>
  <si>
    <t>lu168722jg4wy.tmp</t>
  </si>
  <si>
    <t>\\acsfs\profiles$\dhiulliananads\My Documents\lu168722jg4wy.tmp</t>
  </si>
  <si>
    <t>\\acsfs\profiles$\dhiulliananads\My Documents\lu168722jg4wy.tmp\</t>
  </si>
  <si>
    <t>\\acsfs\profiles$\dhiulliananads\My Documents\lu168722jg4wy.tmp\META-INF\</t>
  </si>
  <si>
    <t>\\acsfs\profiles$\dhiulliananads\My Documents\lu168722jg4wy.tmp\Thumbnails\</t>
  </si>
  <si>
    <t>12/30/2019 13:53:53</t>
  </si>
  <si>
    <t>12/30/2019 13:54:29</t>
  </si>
  <si>
    <t>e5a590c8-4d55-4027-a05b-8d7b365bc042.tmp</t>
  </si>
  <si>
    <t>\\acsfs\profiles$\gabrieleods\Downloads\e5a590c8-4d55-4027-a05b-8d7b365bc042.tmp</t>
  </si>
  <si>
    <t>1b36da20-5f34-4949-b906-0309181840cc.tmp</t>
  </si>
  <si>
    <t>\\acsfs\profiles$\gabrieleods\Downloads\1b36da20-5f34-4949-b906-0309181840cc.tmp</t>
  </si>
  <si>
    <t>12/30/2019 13:54:04</t>
  </si>
  <si>
    <t>efced968-2659-4c15-b6b7-31203a891c94.tmp</t>
  </si>
  <si>
    <t>\\acsfs\profiles$\gabrieleods\Downloads\efced968-2659-4c15-b6b7-31203a891c94.tmp</t>
  </si>
  <si>
    <t>12/30/2019 13:53:05</t>
  </si>
  <si>
    <t>12/30/2019 13:55:29</t>
  </si>
  <si>
    <t>12/30/2019 13:54:05</t>
  </si>
  <si>
    <t>12/30/2019 13:51:45</t>
  </si>
  <si>
    <t>12/30/2019 13:51:34</t>
  </si>
  <si>
    <t>c1b55592-895f-4b88-8978-3880fe824a19.tmp</t>
  </si>
  <si>
    <t>\\acsfs\profiles$\nathaliarmr\Downloads\c1b55592-895f-4b88-8978-3880fe824a19.tmp</t>
  </si>
  <si>
    <t>12/30/2019 13:50:40</t>
  </si>
  <si>
    <t>960fec0a-1b87-4fda-85a6-a62367d70fda.tmp</t>
  </si>
  <si>
    <t>\\acsfs\profiles$\mariagsg\Downloads\960fec0a-1b87-4fda-85a6-a62367d70fda.tmp</t>
  </si>
  <si>
    <t>12/30/2019 13:50:46</t>
  </si>
  <si>
    <t>aaf5280b-e772-4ea5-94c4-a15a66dac5b8.tmp</t>
  </si>
  <si>
    <t>\\acsfs\profiles$\brendadsl\Downloads\aaf5280b-e772-4ea5-94c4-a15a66dac5b8.tmp</t>
  </si>
  <si>
    <t>12/30/2019 13:50:45</t>
  </si>
  <si>
    <t>12/30/2019 13:56:28</t>
  </si>
  <si>
    <t>12/30/2019 13:51:26</t>
  </si>
  <si>
    <t>e5580d96-f7b7-4787-97b4-6d90ccac8450.tmp</t>
  </si>
  <si>
    <t>\\acsfs\profiles$\gabriellalpr\Downloads\e5580d96-f7b7-4787-97b4-6d90ccac8450.tmp</t>
  </si>
  <si>
    <t>12/30/2019 13:53:58</t>
  </si>
  <si>
    <t>ulog_Acrobat12_Reader_52e1554a-defc-43dd-b561-ba4f3de22e5c_0dd4dc4b-888f-4fa0-aa85-803e54513a54_0.log</t>
  </si>
  <si>
    <t>12/30/2019 13:53:59</t>
  </si>
  <si>
    <t>C:\Users\adrielecds\AppData\Roaming\Adobe\LogTransport2\Logs\ulog_Acrobat12_Reader_52e1554a-defc-43dd-b561-ba4f3de22e5c_0dd4dc4b-888f-4fa0-aa85-803e54513a54_0.log\</t>
  </si>
  <si>
    <t>12/30/2019 13:52:17</t>
  </si>
  <si>
    <t>3f295629-8e39-4087-9553-24b41fd50166.tmp</t>
  </si>
  <si>
    <t>\\acsfs\profiles$\milenaas\Downloads\3f295629-8e39-4087-9553-24b41fd50166.tmp</t>
  </si>
  <si>
    <t>12/30/2019 13:52:24</t>
  </si>
  <si>
    <t>7ea5cc99-6535-4600-9da6-2a8e26653c01.tmp</t>
  </si>
  <si>
    <t>\\acsfs\profiles$\milenaas\Downloads\7ea5cc99-6535-4600-9da6-2a8e26653c01.tmp</t>
  </si>
  <si>
    <t>12/30/2019 13:55:20</t>
  </si>
  <si>
    <t>12/30/2019 13:57:29</t>
  </si>
  <si>
    <t>d7c52b9a-0a28-4922-b65e-14ced19eddf5.tmp</t>
  </si>
  <si>
    <t>\\acsfs\profiles$\marcosvnds\Downloads\d7c52b9a-0a28-4922-b65e-14ced19eddf5.tmp</t>
  </si>
  <si>
    <t>12/30/2019 13:55:21</t>
  </si>
  <si>
    <t>5d35aa30-1621-4104-81ef-78656800ee73.tmp</t>
  </si>
  <si>
    <t>\\acsfs\profiles$\marcosvnds\Downloads\5d35aa30-1621-4104-81ef-78656800ee73.tmp</t>
  </si>
  <si>
    <t>12/30/2019 13:56:27</t>
  </si>
  <si>
    <t>247b7568-d594-4cd9-9ce5-70a3310883cd.tmp</t>
  </si>
  <si>
    <t>\\acsfs\profiles$\marcosvnds\Downloads\247b7568-d594-4cd9-9ce5-70a3310883cd.tmp</t>
  </si>
  <si>
    <t>12/30/2019 13:55:15</t>
  </si>
  <si>
    <t>12/30/2019 13:55:16</t>
  </si>
  <si>
    <t>lu168722jg4x4.tmp</t>
  </si>
  <si>
    <t>\\acsfs\profiles$\dhiulliananads\My Documents\lu168722jg4x4.tmp</t>
  </si>
  <si>
    <t>\\acsfs\profiles$\dhiulliananads\My Documents\lu168722jg4x4.tmp\</t>
  </si>
  <si>
    <t>\\acsfs\profiles$\dhiulliananads\My Documents\lu168722jg4x4.tmp\META-INF\</t>
  </si>
  <si>
    <t>\\acsfs\profiles$\dhiulliananads\My Documents\lu168722jg4x4.tmp\Thumbnails\</t>
  </si>
  <si>
    <t>12/30/2019 13:54:03</t>
  </si>
  <si>
    <t>0c2186f5-bc5c-4477-8d87-844a1c09f739.tmp</t>
  </si>
  <si>
    <t>\\acsfs\profiles$\gabrielamdp\Downloads\0c2186f5-bc5c-4477-8d87-844a1c09f739.tmp</t>
  </si>
  <si>
    <t>c8f43037-ee7d-4c8e-a04a-173242023265.tmp</t>
  </si>
  <si>
    <t>\\acsfs\profiles$\gabrielamdp\Downloads\c8f43037-ee7d-4c8e-a04a-173242023265.tmp</t>
  </si>
  <si>
    <t>0f11a93e-2b1a-42a0-a69b-5aa8811682f5.tmp</t>
  </si>
  <si>
    <t>\\acsfs\profiles$\gabrielamdp\Downloads\0f11a93e-2b1a-42a0-a69b-5aa8811682f5.tmp</t>
  </si>
  <si>
    <t>12/30/2019 13:54:06</t>
  </si>
  <si>
    <t>d068b304-6892-4b41-bde8-93e2c085727f.tmp</t>
  </si>
  <si>
    <t>\\acsfs\profiles$\gabrielamdp\Downloads\d068b304-6892-4b41-bde8-93e2c085727f.tmp</t>
  </si>
  <si>
    <t>e9b34784-c949-4ac2-bce0-bd2f57dc6402.tmp</t>
  </si>
  <si>
    <t>\\acsfs\profiles$\gabrielamdp\Downloads\e9b34784-c949-4ac2-bce0-bd2f57dc6402.tmp</t>
  </si>
  <si>
    <t>12/30/2019 13:54:23</t>
  </si>
  <si>
    <t>12/30/2019 13:58:29</t>
  </si>
  <si>
    <t>12/30/2019 13:54:24</t>
  </si>
  <si>
    <t>lu25484420eqo.tmp</t>
  </si>
  <si>
    <t>\\acsfs\profiles$\LUCASBS\RENEG BV\lu25484420eqo.tmp</t>
  </si>
  <si>
    <t>\\acsfs\profiles$\LUCASBS\RENEG BV\lu25484420eqo.tmp\</t>
  </si>
  <si>
    <t>\\acsfs\profiles$\LUCASBS\RENEG BV\lu25484420eqo.tmp\META-INF\</t>
  </si>
  <si>
    <t>\\acsfs\profiles$\LUCASBS\RENEG BV\lu25484420eqo.tmp\Thumbnails\</t>
  </si>
  <si>
    <t>12/30/2019 13:54:35</t>
  </si>
  <si>
    <t>12/30/2019 13:59:29</t>
  </si>
  <si>
    <t>3f41ada9-673e-4657-90a8-4fd8d41e8c0d.tmp</t>
  </si>
  <si>
    <t>\\acsfs\profiles$\YASMINSC\Downloads\3f41ada9-673e-4657-90a8-4fd8d41e8c0d.tmp</t>
  </si>
  <si>
    <t>12/30/2019 13:54:40</t>
  </si>
  <si>
    <t>15154f32-afd3-4e13-a1ce-a8599a241589.tmp</t>
  </si>
  <si>
    <t>\\acsfs\profiles$\YASMINSC\Downloads\15154f32-afd3-4e13-a1ce-a8599a241589.tmp</t>
  </si>
  <si>
    <t>12/30/2019 13:57:41</t>
  </si>
  <si>
    <t>12/30/2019 13:55:48</t>
  </si>
  <si>
    <t>534f5b95-d0ea-4f96-99af-b6a2f7f83e0e.tmp</t>
  </si>
  <si>
    <t>\\acsfs\profiles$\gabrieleods\Downloads\534f5b95-d0ea-4f96-99af-b6a2f7f83e0e.tmp</t>
  </si>
  <si>
    <t>12/30/2019 13:55:56</t>
  </si>
  <si>
    <t>1780ff6f-a57c-4088-9d7d-08f2f8fe1ead.tmp</t>
  </si>
  <si>
    <t>\\acsfs\profiles$\gabrieleods\Downloads\1780ff6f-a57c-4088-9d7d-08f2f8fe1ead.tmp</t>
  </si>
  <si>
    <t>12/30/2019 13:56:02</t>
  </si>
  <si>
    <t>6426a0d2-28e3-44f9-9583-ff4916539c4b.tmp</t>
  </si>
  <si>
    <t>\\acsfs\profiles$\gabrieleods\Downloads\6426a0d2-28e3-44f9-9583-ff4916539c4b.tmp</t>
  </si>
  <si>
    <t>12/30/2019 13:59:05</t>
  </si>
  <si>
    <t>12/30/2019 14:00:29</t>
  </si>
  <si>
    <t>12/30/2019 13:57:05</t>
  </si>
  <si>
    <t>12/30/2019 13:57:06</t>
  </si>
  <si>
    <t>12/30/2019 13:57:07</t>
  </si>
  <si>
    <t>12/30/2019 13:57:08</t>
  </si>
  <si>
    <t>12/30/2019 13:57:09</t>
  </si>
  <si>
    <t>12/30/2019 13:57:10</t>
  </si>
  <si>
    <t>12/30/2019 13:57:11</t>
  </si>
  <si>
    <t>12/30/2019 13:57:12</t>
  </si>
  <si>
    <t>12/30/2019 13:57:13</t>
  </si>
  <si>
    <t>12/30/2019 13:57:14</t>
  </si>
  <si>
    <t>12/30/2019 13:57:15</t>
  </si>
  <si>
    <t>12/30/2019 13:57:16</t>
  </si>
  <si>
    <t>12/30/2019 13:57:17</t>
  </si>
  <si>
    <t>12/30/2019 13:57:18</t>
  </si>
  <si>
    <t>12/30/2019 13:57:19</t>
  </si>
  <si>
    <t>12/30/2019 13:57:20</t>
  </si>
  <si>
    <t>12/30/2019 13:57:21</t>
  </si>
  <si>
    <t>12/30/2019 13:57:22</t>
  </si>
  <si>
    <t>12/30/2019 13:57:23</t>
  </si>
  <si>
    <t>12/30/2019 13:57:24</t>
  </si>
  <si>
    <t>12/30/2019 13:57:25</t>
  </si>
  <si>
    <t>12/30/2019 13:57:26</t>
  </si>
  <si>
    <t>12/30/2019 13:57:27</t>
  </si>
  <si>
    <t>12/30/2019 13:57:28</t>
  </si>
  <si>
    <t>12/30/2019 13:55:45</t>
  </si>
  <si>
    <t>12/30/2019 13:56:10</t>
  </si>
  <si>
    <t>73138454-a8d4-4722-b8a5-cbcf6acde4bc.tmp</t>
  </si>
  <si>
    <t>\\acsfs\profiles$\nathaliarmr\Downloads\73138454-a8d4-4722-b8a5-cbcf6acde4bc.tmp</t>
  </si>
  <si>
    <t>12/30/2019 13:58:39</t>
  </si>
  <si>
    <t>Lucas Quitonio de souza Silva_1_6769879854657642559_1_32.wav</t>
  </si>
  <si>
    <t>\\acsfs\Deptos\EDUCACAO EMPRESARIAL\FERNANDA MONIT\Ligação para Mutant terceiro Ciclo\Lucas Quitonio de souza Silva_1_6769879854657642559_1_32.wav</t>
  </si>
  <si>
    <t>12/27/2019 21:54:59</t>
  </si>
  <si>
    <t>12/30/2019 14:01:29</t>
  </si>
  <si>
    <t>10.200.67.173</t>
  </si>
  <si>
    <t>natanaellf</t>
  </si>
  <si>
    <t>12/30/2019 13:56:45</t>
  </si>
  <si>
    <t>12/30/2019 14:00:20</t>
  </si>
  <si>
    <t>12/30/2019 13:58:43</t>
  </si>
  <si>
    <t>5a03254a-e2d0-4d2e-b37b-7c6fbc7c6459.tmp</t>
  </si>
  <si>
    <t>\\acsfs\profiles$\alinepp\Downloads\5a03254a-e2d0-4d2e-b37b-7c6fbc7c6459.tmp</t>
  </si>
  <si>
    <t>12/30/2019 14:00:11</t>
  </si>
  <si>
    <t>17cc3c1a-c0d0-4649-b3e9-aa38868f498c.tmp</t>
  </si>
  <si>
    <t>\\acsfs\profiles$\alinepp\Downloads\17cc3c1a-c0d0-4649-b3e9-aa38868f498c.tmp</t>
  </si>
  <si>
    <t>12/30/2019 14:00:35</t>
  </si>
  <si>
    <t>e9cca7ee-d3b6-4622-b845-334e29fb7698.tmp</t>
  </si>
  <si>
    <t>\\acsfs\profiles$\alinepp\Downloads\e9cca7ee-d3b6-4622-b845-334e29fb7698.tmp</t>
  </si>
  <si>
    <t>12/30/2019 13:58:57</t>
  </si>
  <si>
    <t>12/30/2019 14:02:29</t>
  </si>
  <si>
    <t>e746704e-7384-4501-9c98-17fc834fa502.tmp</t>
  </si>
  <si>
    <t>\\acsfs\profiles$\marcosvnds\Downloads\e746704e-7384-4501-9c98-17fc834fa502.tmp</t>
  </si>
  <si>
    <t>12/30/2019 13:59:21</t>
  </si>
  <si>
    <t>eaa3f965-b202-4529-bf1d-d41b0a842844.tmp</t>
  </si>
  <si>
    <t>\\acsfs\profiles$\gabrielamdp\Downloads\eaa3f965-b202-4529-bf1d-d41b0a842844.tmp</t>
  </si>
  <si>
    <t>12/30/2019 13:58:59</t>
  </si>
  <si>
    <t>12/30/2019 14:04:29</t>
  </si>
  <si>
    <t>12/30/2019 14:00:05</t>
  </si>
  <si>
    <t>12/30/2019 14:05:29</t>
  </si>
  <si>
    <t>12/30/2019 13:59:55</t>
  </si>
  <si>
    <t>12/30/2019 13:59:56</t>
  </si>
  <si>
    <t>lu246123wyp79.tmp</t>
  </si>
  <si>
    <t>\\acsfs\profiles$\FLAVIOJMM\My Documents\lu246123wyp79.tmp</t>
  </si>
  <si>
    <t>\\acsfs\profiles$\FLAVIOJMM\My Documents\lu246123wyp79.tmp\</t>
  </si>
  <si>
    <t>\\acsfs\profiles$\FLAVIOJMM\My Documents\lu246123wyp79.tmp\META-INF\</t>
  </si>
  <si>
    <t>\\acsfs\profiles$\FLAVIOJMM\My Documents\lu246123wyp79.tmp\Thumbnails\</t>
  </si>
  <si>
    <t>12/30/2019 14:01:49</t>
  </si>
  <si>
    <t>12/30/2019 14:06:29</t>
  </si>
  <si>
    <t>12/30/2019 14:02:45</t>
  </si>
  <si>
    <t>12/30/2019 14:01:01</t>
  </si>
  <si>
    <t>\\acsfs\profiles$\kamillacr\My Documents\My Pictures\</t>
  </si>
  <si>
    <t>\\acsfs\profiles$\kamillacr\My Documents\My Videos\desktop.ini</t>
  </si>
  <si>
    <t>12/30/2019 14:01:05</t>
  </si>
  <si>
    <t>\\acsfs\profiles$\kamillacr\My Documents\My Videos\</t>
  </si>
  <si>
    <t>12/30/2019 14:01:06</t>
  </si>
  <si>
    <t>12/30/2019 14:01:08</t>
  </si>
  <si>
    <t>12/30/2019 14:01:11</t>
  </si>
  <si>
    <t>\\acsfs\profiles$\kamillacr\My Documents\My Music\</t>
  </si>
  <si>
    <t>\\acsfs\profiles$\kamillacr\My Documents\My Pictures\desktop.ini</t>
  </si>
  <si>
    <t>12/30/2019 14:01:13</t>
  </si>
  <si>
    <t>12/30/2019 14:01:15</t>
  </si>
  <si>
    <t>12/30/2019 14:01:16</t>
  </si>
  <si>
    <t>12/30/2019 14:01:18</t>
  </si>
  <si>
    <t>\\acsfs\profiles$\kamillacr\Contacts\</t>
  </si>
  <si>
    <t>\\acsfs\profiles$\kamillacr\Contacts\desktop.ini</t>
  </si>
  <si>
    <t>12/30/2019 14:01:20</t>
  </si>
  <si>
    <t>12/30/2019 14:01:21</t>
  </si>
  <si>
    <t>12/30/2019 14:01:22</t>
  </si>
  <si>
    <t>12/30/2019 14:01:23</t>
  </si>
  <si>
    <t>12/30/2019 14:01:24</t>
  </si>
  <si>
    <t>\\acsfs\profiles$\kamillacr\Favorites\desktop.ini</t>
  </si>
  <si>
    <t>12/30/2019 14:01:25</t>
  </si>
  <si>
    <t>12/30/2019 14:01:26</t>
  </si>
  <si>
    <t>12/30/2019 14:01:27</t>
  </si>
  <si>
    <t>12/30/2019 14:01:28</t>
  </si>
  <si>
    <t>12/30/2019 14:01:30</t>
  </si>
  <si>
    <t>12/30/2019 14:01:31</t>
  </si>
  <si>
    <t>\\acsfs\profiles$\kamillacr\My Documents\My Music\desktop.ini</t>
  </si>
  <si>
    <t>12/30/2019 14:01:33</t>
  </si>
  <si>
    <t>12/30/2019 14:01:34</t>
  </si>
  <si>
    <t>12/30/2019 14:01:35</t>
  </si>
  <si>
    <t>12/30/2019 14:01:36</t>
  </si>
  <si>
    <t>\\acsfs\profiles$\kamillacr\Searches\</t>
  </si>
  <si>
    <t>\\acsfs\profiles$\kamillacr\Searches\desktop.ini</t>
  </si>
  <si>
    <t>12/30/2019 14:01:37</t>
  </si>
  <si>
    <t>12/30/2019 14:01:38</t>
  </si>
  <si>
    <t>12/30/2019 14:01:39</t>
  </si>
  <si>
    <t>12/30/2019 14:01:40</t>
  </si>
  <si>
    <t>\\acsfs\profiles$\kamillacr\Downloads\</t>
  </si>
  <si>
    <t>\\acsfs\profiles$\kamillacr\Downloads\desktop.ini</t>
  </si>
  <si>
    <t>12/30/2019 14:01:41</t>
  </si>
  <si>
    <t>12/30/2019 14:01:42</t>
  </si>
  <si>
    <t>\\acsfs\profiles$\kamillacr\Favorites\</t>
  </si>
  <si>
    <t>\\acsfs\profiles$\kamillacr\My Documents\desktop.ini</t>
  </si>
  <si>
    <t>12/30/2019 14:01:43</t>
  </si>
  <si>
    <t>12/30/2019 14:01:44</t>
  </si>
  <si>
    <t>12/30/2019 14:01:45</t>
  </si>
  <si>
    <t>12/30/2019 14:01:46</t>
  </si>
  <si>
    <t>12/30/2019 14:01:47</t>
  </si>
  <si>
    <t>12/30/2019 14:01:48</t>
  </si>
  <si>
    <t>\\acsfs\profiles$\kamillacr\Saved Games\desktop.ini</t>
  </si>
  <si>
    <t>12/30/2019 14:02:12</t>
  </si>
  <si>
    <t>winrt--{S-1-5-21-602162358-764733703-839522115-352953}-.searchconnector-ms</t>
  </si>
  <si>
    <t>\\acsfs\profiles$\kamillacr\Searches\winrt--{S-1-5-21-602162358-764733703-839522115-352953}-.searchconnector-ms</t>
  </si>
  <si>
    <t>12/30/2019 14:06:03</t>
  </si>
  <si>
    <t>c4a2df7c-9c9d-4086-9d70-5d692cd08f17.tmp</t>
  </si>
  <si>
    <t>\\acsfs\profiles$\adelvinsonle\Downloads\c4a2df7c-9c9d-4086-9d70-5d692cd08f17.tmp</t>
  </si>
  <si>
    <t>12/30/2019 14:04:05</t>
  </si>
  <si>
    <t>12/30/2019 14:07:29</t>
  </si>
  <si>
    <t>d8a42070-5fc9-4bd0-9798-c4a58a42c998.tmp</t>
  </si>
  <si>
    <t>\\acsfs\profiles$\marcosvnds\Downloads\d8a42070-5fc9-4bd0-9798-c4a58a42c998.tmp</t>
  </si>
  <si>
    <t>12/30/2019 14:04:22</t>
  </si>
  <si>
    <t>19652f1f-3efa-4f46-9420-adc0ddaaeaad.tmp</t>
  </si>
  <si>
    <t>\\acsfs\profiles$\marcosvnds\Downloads\19652f1f-3efa-4f46-9420-adc0ddaaeaad.tmp</t>
  </si>
  <si>
    <t>12/30/2019 14:05:34</t>
  </si>
  <si>
    <t>12/30/2019 14:05:35</t>
  </si>
  <si>
    <t>12/30/2019 14:05:36</t>
  </si>
  <si>
    <t>12/30/2019 14:05:37</t>
  </si>
  <si>
    <t>12/30/2019 14:05:38</t>
  </si>
  <si>
    <t>12/30/2019 14:05:39</t>
  </si>
  <si>
    <t>12/30/2019 14:05:40</t>
  </si>
  <si>
    <t>12/30/2019 14:05:41</t>
  </si>
  <si>
    <t>12/30/2019 14:05:42</t>
  </si>
  <si>
    <t>12/30/2019 14:05:43</t>
  </si>
  <si>
    <t>12/30/2019 14:05:44</t>
  </si>
  <si>
    <t>12/30/2019 14:05:45</t>
  </si>
  <si>
    <t>12/30/2019 14:05:46</t>
  </si>
  <si>
    <t>12/30/2019 14:05:47</t>
  </si>
  <si>
    <t>12/30/2019 14:05:48</t>
  </si>
  <si>
    <t>12/30/2019 14:05:49</t>
  </si>
  <si>
    <t>12/30/2019 14:05:50</t>
  </si>
  <si>
    <t>12/30/2019 14:05:51</t>
  </si>
  <si>
    <t>12/30/2019 14:05:52</t>
  </si>
  <si>
    <t>12/30/2019 14:05:53</t>
  </si>
  <si>
    <t>12/30/2019 14:05:54</t>
  </si>
  <si>
    <t>12/30/2019 14:05:55</t>
  </si>
  <si>
    <t>12/30/2019 14:05:56</t>
  </si>
  <si>
    <t>12/30/2019 14:05:57</t>
  </si>
  <si>
    <t>12/30/2019 14:05:58</t>
  </si>
  <si>
    <t>12/30/2019 14:05:59</t>
  </si>
  <si>
    <t>12/30/2019 14:02:01</t>
  </si>
  <si>
    <t>e8675a88-78a4-430d-8017-2157f5bbace6.tmp</t>
  </si>
  <si>
    <t>\\acsfs\profiles$\brendadsl\Downloads\e8675a88-78a4-430d-8017-2157f5bbace6.tmp</t>
  </si>
  <si>
    <t>12/30/2019 14:06:47</t>
  </si>
  <si>
    <t>fdb7b6da-700b-4bc7-9190-63af31d37828.tmp</t>
  </si>
  <si>
    <t>\\acsfs\profiles$\henriquehmdo\Downloads\fdb7b6da-700b-4bc7-9190-63af31d37828.tmp</t>
  </si>
  <si>
    <t>12/30/2019 14:08:28</t>
  </si>
  <si>
    <t>lu455045qstpm.tmp</t>
  </si>
  <si>
    <t>\\acsfs\DEPTOS\Operacao\Banco_Votorantim\Supervisao\SUPERS BV CARTÕES\ANA VITORIA\APOIO\lu455045qstpm.tmp</t>
  </si>
  <si>
    <t>\\acsfs\DEPTOS\Operacao\Banco_Votorantim\Supervisao\SUPERS BV CARTÕES\ANA VITORIA\APOIO\lu455045qstpm.tmp\</t>
  </si>
  <si>
    <t>\\acsfs\DEPTOS\Operacao\Banco_Votorantim\Supervisao\SUPERS BV CARTÕES\ANA VITORIA\APOIO\lu455045qstpm.tmp\META-INF\</t>
  </si>
  <si>
    <t>\\acsfs\DEPTOS\Operacao\Banco_Votorantim\Supervisao\SUPERS BV CARTÕES\ANA VITORIA\APOIO\lu455045qstpm.tmp\Thumbnails\</t>
  </si>
  <si>
    <t>12/30/2019 14:06:42</t>
  </si>
  <si>
    <t>12/30/2019 14:04:59</t>
  </si>
  <si>
    <t>3b78465e-4aef-4dd0-8844-ad61cc1c1c8b.tmp</t>
  </si>
  <si>
    <t>\\acsfs\profiles$\vivianalds\Downloads\3b78465e-4aef-4dd0-8844-ad61cc1c1c8b.tmp</t>
  </si>
  <si>
    <t>12/30/2019 14:07:38</t>
  </si>
  <si>
    <t>10.200.67.184</t>
  </si>
  <si>
    <t>199f1ee6-32e0-4791-bc99-924d20b4ad73.tmp</t>
  </si>
  <si>
    <t>\\acsfs\profiles$\victorgl\Downloads\199f1ee6-32e0-4791-bc99-924d20b4ad73.tmp</t>
  </si>
  <si>
    <t>Flag Exceção VALE</t>
  </si>
  <si>
    <t>12/30/2019 14:05:09</t>
  </si>
  <si>
    <t>12/30/2019 14:09:29</t>
  </si>
  <si>
    <t>d066673e-cc37-4f9d-ad55-e9dca9110dab.tmp</t>
  </si>
  <si>
    <t>\\acsfs\profiles$\paulovadc\Downloads\d066673e-cc37-4f9d-ad55-e9dca9110dab.tmp</t>
  </si>
  <si>
    <t>12/30/2019 14:05:05</t>
  </si>
  <si>
    <t>12/30/2019 14:10:29</t>
  </si>
  <si>
    <t>12/30/2019 14:06:05</t>
  </si>
  <si>
    <t>12/30/2019 14:07:45</t>
  </si>
  <si>
    <t>12/30/2019 14:11:29</t>
  </si>
  <si>
    <t>12/30/2019 14:08:45</t>
  </si>
  <si>
    <t>12/30/2019 14:07:48</t>
  </si>
  <si>
    <t>https://udpwfmniceap02/web/guest/home?p_auth=kooghmp5&amp;p_p_id=58&amp;p_p_lifecycle=1&amp;p_p_state=maximized&amp;p_p_mode=view&amp;savelastpath=0&amp;_58_struts_action=/login/forgot_password</t>
  </si>
  <si>
    <t>12/30/2019 14:06:16</t>
  </si>
  <si>
    <t>Q29udHJvbGxlci5DYWxjdWxhZG9yYURlVmVuY2lt (10).ica</t>
  </si>
  <si>
    <t>\\acsfs\profiles$\adelvinsonle\Downloads\Q29udHJvbGxlci5DYWxjdWxhZG9yYURlVmVuY2lt (10).ica</t>
  </si>
  <si>
    <t>12/30/2019 14:07:42</t>
  </si>
  <si>
    <t>02fec6a2-0ca8-4e33-910e-bd9384fb56fa.tmp</t>
  </si>
  <si>
    <t>\\acsfs\profiles$\adelvinsonle\Downloads\02fec6a2-0ca8-4e33-910e-bd9384fb56fa.tmp</t>
  </si>
  <si>
    <t>12/30/2019 14:12:29</t>
  </si>
  <si>
    <t>12/30/2019 14:06:00</t>
  </si>
  <si>
    <t>12/30/2019 14:06:01</t>
  </si>
  <si>
    <t>12/30/2019 14:06:02</t>
  </si>
  <si>
    <t>12/30/2019 14:10:24</t>
  </si>
  <si>
    <t>bccd95b3-a3ad-430c-85f3-c006b2032b24.tmp</t>
  </si>
  <si>
    <t>\\acsfs\profiles$\marcosvnds\Downloads\bccd95b3-a3ad-430c-85f3-c006b2032b24.tmp</t>
  </si>
  <si>
    <t>12/30/2019 14:11:27</t>
  </si>
  <si>
    <t>95c7f374-8b15-4944-be2b-45dd7e101ba8.tmp</t>
  </si>
  <si>
    <t>\\acsfs\profiles$\brendadsl\Downloads\95c7f374-8b15-4944-be2b-45dd7e101ba8.tmp</t>
  </si>
  <si>
    <t>12/30/2019 14:11:54</t>
  </si>
  <si>
    <t>b0d05175-38c0-4410-a758-862f75cf0354.tmp</t>
  </si>
  <si>
    <t>\\acsfs\profiles$\andrezacapf\Downloads\b0d05175-38c0-4410-a758-862f75cf0354.tmp</t>
  </si>
  <si>
    <t>12/30/2019 14:11:42</t>
  </si>
  <si>
    <t>12/30/2019 14:11:43</t>
  </si>
  <si>
    <t>lu168722jg4xa.tmp</t>
  </si>
  <si>
    <t>\\acsfs\profiles$\dhiulliananads\My Documents\lu168722jg4xa.tmp</t>
  </si>
  <si>
    <t>\\acsfs\profiles$\dhiulliananads\My Documents\lu168722jg4xa.tmp\</t>
  </si>
  <si>
    <t>\\acsfs\profiles$\dhiulliananads\My Documents\lu168722jg4xa.tmp\META-INF\</t>
  </si>
  <si>
    <t>\\acsfs\profiles$\dhiulliananads\My Documents\lu168722jg4xa.tmp\Thumbnails\</t>
  </si>
  <si>
    <t>12/30/2019 14:09:46</t>
  </si>
  <si>
    <t>12/30/2019 14:13:29</t>
  </si>
  <si>
    <t>12/30/2019 14:09:47</t>
  </si>
  <si>
    <t>lu25484420eqt.tmp</t>
  </si>
  <si>
    <t>\\acsfs\profiles$\LUCASBS\RENEG BV\lu25484420eqt.tmp</t>
  </si>
  <si>
    <t>\\acsfs\profiles$\LUCASBS\RENEG BV\lu25484420eqt.tmp\</t>
  </si>
  <si>
    <t>\\acsfs\profiles$\LUCASBS\RENEG BV\lu25484420eqt.tmp\META-INF\</t>
  </si>
  <si>
    <t>\\acsfs\profiles$\LUCASBS\RENEG BV\lu25484420eqt.tmp\Thumbnails\</t>
  </si>
  <si>
    <t>12/30/2019 14:09:28</t>
  </si>
  <si>
    <t>12/30/2019 14:10:07</t>
  </si>
  <si>
    <t>a68fec62-c652-4076-a0a0-e1974395d8db.tmp</t>
  </si>
  <si>
    <t>\\acsfs\profiles$\matheusmax\Downloads\a68fec62-c652-4076-a0a0-e1974395d8db.tmp</t>
  </si>
  <si>
    <t>12/30/2019 14:10:44</t>
  </si>
  <si>
    <t>4fb367d7-919b-4ad6-8fb3-ec41b2a41284.tmp</t>
  </si>
  <si>
    <t>\\acsfs\profiles$\matheusmax\Downloads\4fb367d7-919b-4ad6-8fb3-ec41b2a41284.tmp</t>
  </si>
  <si>
    <t>12/30/2019 14:08:39</t>
  </si>
  <si>
    <t>8a069989-7c73-4109-a3ed-d57ceb7346be.tmp</t>
  </si>
  <si>
    <t>\\acsfs\profiles$\victorgl\Downloads\8a069989-7c73-4109-a3ed-d57ceb7346be.tmp</t>
  </si>
  <si>
    <t>12/30/2019 14:14:30</t>
  </si>
  <si>
    <t>a4290028-c084-49eb-8e55-b544b4271409.tmp</t>
  </si>
  <si>
    <t>\\acsfs\profiles$\gabrieleods\Downloads\a4290028-c084-49eb-8e55-b544b4271409.tmp</t>
  </si>
  <si>
    <t>12/30/2019 14:11:05</t>
  </si>
  <si>
    <t>12/30/2019 14:12:05</t>
  </si>
  <si>
    <t>12/30/2019 14:13:45</t>
  </si>
  <si>
    <t>12/30/2019 14:16:29</t>
  </si>
  <si>
    <t>12/30/2019 14:14:45</t>
  </si>
  <si>
    <t>12/30/2019 14:12:47</t>
  </si>
  <si>
    <t>57b845cd-bf58-40d3-a51e-f8592c8701eb.tmp</t>
  </si>
  <si>
    <t>\\acsfs\profiles$\larissaad\Downloads\57b845cd-bf58-40d3-a51e-f8592c8701eb.tmp</t>
  </si>
  <si>
    <t>12/30/2019 14:13:25</t>
  </si>
  <si>
    <t>19201636-c71d-46d7-8e48-41bf523a1197.tmp</t>
  </si>
  <si>
    <t>\\acsfs\profiles$\gabriellalpr\Downloads\19201636-c71d-46d7-8e48-41bf523a1197.tmp</t>
  </si>
  <si>
    <t>12/30/2019 14:12:34</t>
  </si>
  <si>
    <t>eb033f66-e516-4b8e-a0b2-ff57b11f5661.tmp</t>
  </si>
  <si>
    <t>\\acsfs\profiles$\websondsa\Downloads\eb033f66-e516-4b8e-a0b2-ff57b11f5661.tmp</t>
  </si>
  <si>
    <t>12/30/2019 14:13:35</t>
  </si>
  <si>
    <t>Macro Atividades - Contabilidade.xlsx</t>
  </si>
  <si>
    <t>12/30/2019 14:12:28</t>
  </si>
  <si>
    <t>12/30/2019 14:17:29</t>
  </si>
  <si>
    <t>c6f16ffd-a7bd-45d4-bfb2-6c230b0571e3.tmp</t>
  </si>
  <si>
    <t>\\acsfs\profiles$\gabrielarb\Downloads\c6f16ffd-a7bd-45d4-bfb2-6c230b0571e3.tmp</t>
  </si>
  <si>
    <t>12/30/2019 14:12:18</t>
  </si>
  <si>
    <t>e0f50524-6293-41fd-9d8b-8ba360e6882b.tmp</t>
  </si>
  <si>
    <t>\\acsfs\profiles$\andrezacapf\Downloads\e0f50524-6293-41fd-9d8b-8ba360e6882b.tmp</t>
  </si>
  <si>
    <t>12/30/2019 14:14:40</t>
  </si>
  <si>
    <t>12/30/2019 14:15:11</t>
  </si>
  <si>
    <t>12/30/2019 14:16:17</t>
  </si>
  <si>
    <t>12/30/2019 14:18:29</t>
  </si>
  <si>
    <t>12/30/2019 14:17:51</t>
  </si>
  <si>
    <t>12/30/2019 14:16:07</t>
  </si>
  <si>
    <t>12/30/2019 14:19:30</t>
  </si>
  <si>
    <t>\\acsfs\profiles$\ingridsm\Downloads\</t>
  </si>
  <si>
    <t>d10868ff-7324-4815-a376-790d572d2ed7.tmp</t>
  </si>
  <si>
    <t>\\acsfs\profiles$\ingridsm\Downloads\d10868ff-7324-4815-a376-790d572d2ed7.tmp</t>
  </si>
  <si>
    <t>12/30/2019 14:16:19</t>
  </si>
  <si>
    <t>0597f93b-0749-48f7-9c06-58f89e61e7e4.tmp</t>
  </si>
  <si>
    <t>\\acsfs\profiles$\ingridsm\Downloads\0597f93b-0749-48f7-9c06-58f89e61e7e4.tmp</t>
  </si>
  <si>
    <t>12/30/2019 14:16:35</t>
  </si>
  <si>
    <t>0ac01f4f-04fd-4853-b4c2-3de9e78c251f.tmp</t>
  </si>
  <si>
    <t>\\acsfs\profiles$\ingridsm\Downloads\0ac01f4f-04fd-4853-b4c2-3de9e78c251f.tmp</t>
  </si>
  <si>
    <t>12/30/2019 14:17:04</t>
  </si>
  <si>
    <t>12/30/2019 14:18:05</t>
  </si>
  <si>
    <t>12/30/2019 14:17:35</t>
  </si>
  <si>
    <t>12/30/2019 14:20:29</t>
  </si>
  <si>
    <t>12/30/2019 14:17:37</t>
  </si>
  <si>
    <t>12/30/2019 14:17:38</t>
  </si>
  <si>
    <t>12/30/2019 14:17:39</t>
  </si>
  <si>
    <t>12/30/2019 14:17:16</t>
  </si>
  <si>
    <t>12/30/2019 14:17:17</t>
  </si>
  <si>
    <t>lu246123wyp7j.tmp</t>
  </si>
  <si>
    <t>\\acsfs\profiles$\FLAVIOJMM\My Documents\lu246123wyp7j.tmp</t>
  </si>
  <si>
    <t>\\acsfs\profiles$\FLAVIOJMM\My Documents\lu246123wyp7j.tmp\</t>
  </si>
  <si>
    <t>\\acsfs\profiles$\FLAVIOJMM\My Documents\lu246123wyp7j.tmp\META-INF\</t>
  </si>
  <si>
    <t>\\acsfs\profiles$\FLAVIOJMM\My Documents\lu246123wyp7j.tmp\Thumbnails\</t>
  </si>
  <si>
    <t>12/30/2019 14:19:18</t>
  </si>
  <si>
    <t>92c179d1-3151-422b-a9f7-fd39c1343c24.tmp</t>
  </si>
  <si>
    <t>\\acsfs\profiles$\nathaliarmr\Downloads\92c179d1-3151-422b-a9f7-fd39c1343c24.tmp</t>
  </si>
  <si>
    <t>12/30/2019 14:20:17</t>
  </si>
  <si>
    <t>ada4d610-0daa-400d-bbd4-cb5e94382f07.tmp</t>
  </si>
  <si>
    <t>\\acsfs\profiles$\nathaliarmr\Downloads\ada4d610-0daa-400d-bbd4-cb5e94382f07.tmp</t>
  </si>
  <si>
    <t>12/30/2019 14:19:45</t>
  </si>
  <si>
    <t>12/30/2019 14:21:29</t>
  </si>
  <si>
    <t>12/30/2019 14:16:28</t>
  </si>
  <si>
    <t>12/30/2019 14:20:09</t>
  </si>
  <si>
    <t>12/30/2019 14:16:11</t>
  </si>
  <si>
    <t>49e65020-7cca-4a1b-a212-cc8d0dcce77c.tmp</t>
  </si>
  <si>
    <t>\\acsfs\profiles$\alinepp\Downloads\49e65020-7cca-4a1b-a212-cc8d0dcce77c.tmp</t>
  </si>
  <si>
    <t>12/30/2019 14:18:45</t>
  </si>
  <si>
    <t>12/30/2019 14:22:29</t>
  </si>
  <si>
    <t>7bcaf92a-8c26-4042-a910-b70dd4d74ab4.tmp</t>
  </si>
  <si>
    <t>\\acsfs\profiles$\gabrielarb\Downloads\7bcaf92a-8c26-4042-a910-b70dd4d74ab4.tmp</t>
  </si>
  <si>
    <t>12/30/2019 14:18:16</t>
  </si>
  <si>
    <t>12/30/2019 14:19:03</t>
  </si>
  <si>
    <t>008577d6-1830-4a53-b036-dde5be2c4275.tmp</t>
  </si>
  <si>
    <t>\\acsfs\profiles$\andrezacapf\Downloads\008577d6-1830-4a53-b036-dde5be2c4275.tmp</t>
  </si>
  <si>
    <t>12/30/2019 14:18:36</t>
  </si>
  <si>
    <t>9505d6cc-f2c4-4156-b17b-ae901738fc27.tmp</t>
  </si>
  <si>
    <t>\\acsfs\profiles$\henriquehmdo\Downloads\9505d6cc-f2c4-4156-b17b-ae901738fc27.tmp</t>
  </si>
  <si>
    <t>12/30/2019 14:21:45</t>
  </si>
  <si>
    <t>Holerite_122019_2107321.pdf.bo1892v.partial</t>
  </si>
  <si>
    <t>\\acsfs\profiles$\welidicdj\Downloads\Holerite_122019_2107321.pdf.bo1892v.partial</t>
  </si>
  <si>
    <t>12/30/2019 14:21:16</t>
  </si>
  <si>
    <t>12/30/2019 14:23:29</t>
  </si>
  <si>
    <t>12/30/2019 14:18:43</t>
  </si>
  <si>
    <t>12/30/2019 14:19:54</t>
  </si>
  <si>
    <t>12/30/2019 14:24:29</t>
  </si>
  <si>
    <t>12/30/2019 14:20:00</t>
  </si>
  <si>
    <t>12/30/2019 14:23:30</t>
  </si>
  <si>
    <t>12/30/2019 14:19:29</t>
  </si>
  <si>
    <t>12/30/2019 14:23:05</t>
  </si>
  <si>
    <t>12/30/2019 14:25:29</t>
  </si>
  <si>
    <t>12/30/2019 14:24:05</t>
  </si>
  <si>
    <t>12/30/2019 13:48:30</t>
  </si>
  <si>
    <t>lu1950410uhju.tmp</t>
  </si>
  <si>
    <t>\\acsfs\profiles$\ALYNYA\My Documents\lu1950410uhju.tmp</t>
  </si>
  <si>
    <t>\\acsfs\profiles$\ALYNYA\My Documents\lu1950410uhju.tmp\</t>
  </si>
  <si>
    <t>\\acsfs\profiles$\ALYNYA\My Documents\lu1950410uhju.tmp\META-INF\</t>
  </si>
  <si>
    <t>\\acsfs\profiles$\ALYNYA\My Documents\lu1950410uhju.tmp\Thumbnails\</t>
  </si>
  <si>
    <t>12/30/2019 14:19:57</t>
  </si>
  <si>
    <t>12/30/2019 14:24:59</t>
  </si>
  <si>
    <t>12/30/2019 14:22:00</t>
  </si>
  <si>
    <t>12/30/2019 14:22:53</t>
  </si>
  <si>
    <t>12/30/2019 14:23:04</t>
  </si>
  <si>
    <t>12/30/2019 14:23:06</t>
  </si>
  <si>
    <t>12/30/2019 14:23:16</t>
  </si>
  <si>
    <t>12/30/2019 14:23:18</t>
  </si>
  <si>
    <t>12/30/2019 14:25:08</t>
  </si>
  <si>
    <t>Lucas Barbosa da Silva_1_6771009508365901821_1_32.wav</t>
  </si>
  <si>
    <t>\\acsfs\Deptos\EDUCACAO EMPRESARIAL\FERNANDA MONIT\Ligação para Mutant terceiro Ciclo\Lucas Barbosa da Silva_1_6771009508365901821_1_32.wav</t>
  </si>
  <si>
    <t>12/30/2019 14:23:20</t>
  </si>
  <si>
    <t>12/30/2019 14:23:21</t>
  </si>
  <si>
    <t>12/30/2019 14:23:23</t>
  </si>
  <si>
    <t>12/30/2019 14:23:26</t>
  </si>
  <si>
    <t>12/30/2019 14:23:31</t>
  </si>
  <si>
    <t>12/30/2019 14:23:32</t>
  </si>
  <si>
    <t>12/30/2019 14:23:33</t>
  </si>
  <si>
    <t>12/30/2019 14:23:36</t>
  </si>
  <si>
    <t>12/30/2019 14:23:38</t>
  </si>
  <si>
    <t>12/30/2019 14:23:40</t>
  </si>
  <si>
    <t>12/30/2019 14:23:42</t>
  </si>
  <si>
    <t>12/30/2019 14:23:44</t>
  </si>
  <si>
    <t>12/30/2019 14:23:45</t>
  </si>
  <si>
    <t>12/30/2019 14:23:47</t>
  </si>
  <si>
    <t>12/30/2019 14:23:48</t>
  </si>
  <si>
    <t>12/30/2019 14:23:50</t>
  </si>
  <si>
    <t>12/30/2019 14:23:51</t>
  </si>
  <si>
    <t>12/30/2019 14:23:52</t>
  </si>
  <si>
    <t>12/30/2019 14:23:53</t>
  </si>
  <si>
    <t>12/30/2019 14:23:55</t>
  </si>
  <si>
    <t>12/30/2019 14:23:56</t>
  </si>
  <si>
    <t>12/30/2019 14:23:57</t>
  </si>
  <si>
    <t>12/30/2019 14:23:58</t>
  </si>
  <si>
    <t>12/30/2019 14:24:00</t>
  </si>
  <si>
    <t>12/30/2019 14:24:01</t>
  </si>
  <si>
    <t>12/30/2019 14:24:02</t>
  </si>
  <si>
    <t>12/30/2019 14:24:03</t>
  </si>
  <si>
    <t>12/30/2019 14:24:04</t>
  </si>
  <si>
    <t>12/30/2019 14:24:06</t>
  </si>
  <si>
    <t>12/30/2019 14:24:07</t>
  </si>
  <si>
    <t>12/30/2019 14:24:09</t>
  </si>
  <si>
    <t>12/30/2019 14:24:11</t>
  </si>
  <si>
    <t>12/30/2019 14:24:33</t>
  </si>
  <si>
    <t>winrt--{S-1-5-21-602162358-764733703-839522115-347221}-.searchconnector-ms</t>
  </si>
  <si>
    <t>\\acsfs\profiles$\henriqueco\Searches\winrt--{S-1-5-21-602162358-764733703-839522115-347221}-.searchconnector-ms</t>
  </si>
  <si>
    <t>12/30/2019 14:20:45</t>
  </si>
  <si>
    <t>12/30/2019 14:26:29</t>
  </si>
  <si>
    <t>12/30/2019 14:25:24</t>
  </si>
  <si>
    <t>12/30/2019 14:23:01</t>
  </si>
  <si>
    <t>12/30/2019 14:23:35</t>
  </si>
  <si>
    <t>12/30/2019 14:24:48</t>
  </si>
  <si>
    <t>84be32be-9733-4c75-b546-c5b038bfcd7e.tmp</t>
  </si>
  <si>
    <t>\\acsfs\profiles$\wedersonbadr\My Documents\My Music\84be32be-9733-4c75-b546-c5b038bfcd7e.tmp</t>
  </si>
  <si>
    <t>12/30/2019 14:23:54</t>
  </si>
  <si>
    <t>12/30/2019 14:27:29</t>
  </si>
  <si>
    <t>658d4e59-794d-4053-b217-97f3dff64369.tmp</t>
  </si>
  <si>
    <t>\\acsfs\profiles$\gabrielafs\Downloads\658d4e59-794d-4053-b217-97f3dff64369.tmp</t>
  </si>
  <si>
    <t>93ec7917-ffd0-4b28-ae5d-313cb0b9d49b.tmp</t>
  </si>
  <si>
    <t>\\acsfs\profiles$\jonatanls\Downloads\93ec7917-ffd0-4b28-ae5d-313cb0b9d49b.tmp</t>
  </si>
  <si>
    <t>12/30/2019 14:22:10</t>
  </si>
  <si>
    <t>12/30/2019 14:24:13</t>
  </si>
  <si>
    <t>12/30/2019 14:25:51</t>
  </si>
  <si>
    <t>12/30/2019 14:28:29</t>
  </si>
  <si>
    <t>12/30/2019 14:25:52</t>
  </si>
  <si>
    <t>lu25484420eqy.tmp</t>
  </si>
  <si>
    <t>\\acsfs\profiles$\LUCASBS\RENEG BV\lu25484420eqy.tmp</t>
  </si>
  <si>
    <t>\\acsfs\profiles$\LUCASBS\RENEG BV\lu25484420eqy.tmp\</t>
  </si>
  <si>
    <t>\\acsfs\profiles$\LUCASBS\RENEG BV\lu25484420eqy.tmp\META-INF\</t>
  </si>
  <si>
    <t>\\acsfs\profiles$\LUCASBS\RENEG BV\lu25484420eqy.tmp\Thumbnails\</t>
  </si>
  <si>
    <t>12/30/2019 14:24:21</t>
  </si>
  <si>
    <t>12/30/2019 14:25:47</t>
  </si>
  <si>
    <t>79659068-25ef-4ee2-9b10-5cf6093456a1.tmp</t>
  </si>
  <si>
    <t>\\acsfs\profiles$\victorgl\Downloads\79659068-25ef-4ee2-9b10-5cf6093456a1.tmp</t>
  </si>
  <si>
    <t>12/30/2019 14:25:00</t>
  </si>
  <si>
    <t>\\acsfs\profiles$\fabianobmf\My Documents\My Pictures\</t>
  </si>
  <si>
    <t>\\acsfs\profiles$\fabianobmf\My Documents\My Videos\desktop.ini</t>
  </si>
  <si>
    <t>12/30/2019 14:25:13</t>
  </si>
  <si>
    <t>\\acsfs\profiles$\fabianobmf\My Documents\My Videos\</t>
  </si>
  <si>
    <t>12/30/2019 14:25:15</t>
  </si>
  <si>
    <t>12/30/2019 14:25:17</t>
  </si>
  <si>
    <t>12/30/2019 14:25:20</t>
  </si>
  <si>
    <t>\\acsfs\profiles$\fabianobmf\My Documents\My Music\</t>
  </si>
  <si>
    <t>\\acsfs\profiles$\fabianobmf\My Documents\My Pictures\desktop.ini</t>
  </si>
  <si>
    <t>12/30/2019 14:25:21</t>
  </si>
  <si>
    <t>12/30/2019 14:25:31</t>
  </si>
  <si>
    <t>12/30/2019 14:25:33</t>
  </si>
  <si>
    <t>12/30/2019 14:25:38</t>
  </si>
  <si>
    <t>\\acsfs\profiles$\fabianobmf\Contacts\</t>
  </si>
  <si>
    <t>\\acsfs\profiles$\fabianobmf\Contacts\desktop.ini</t>
  </si>
  <si>
    <t>12/30/2019 14:25:40</t>
  </si>
  <si>
    <t>12/30/2019 14:25:42</t>
  </si>
  <si>
    <t>12/30/2019 14:25:43</t>
  </si>
  <si>
    <t>12/30/2019 14:25:48</t>
  </si>
  <si>
    <t>12/30/2019 14:25:54</t>
  </si>
  <si>
    <t>\\acsfs\profiles$\fabianobmf\My Documents\</t>
  </si>
  <si>
    <t>\\acsfs\profiles$\fabianobmf\Favorites\desktop.ini</t>
  </si>
  <si>
    <t>12/30/2019 14:26:10</t>
  </si>
  <si>
    <t>12/30/2019 14:26:11</t>
  </si>
  <si>
    <t>12/30/2019 14:26:16</t>
  </si>
  <si>
    <t>12/30/2019 14:26:22</t>
  </si>
  <si>
    <t>12/30/2019 14:26:23</t>
  </si>
  <si>
    <t>12/30/2019 14:26:31</t>
  </si>
  <si>
    <t>\\acsfs\profiles$\fabianobmf\My Documents\My Music\desktop.ini</t>
  </si>
  <si>
    <t>12/30/2019 14:26:32</t>
  </si>
  <si>
    <t>12/30/2019 14:26:33</t>
  </si>
  <si>
    <t>12/30/2019 14:26:34</t>
  </si>
  <si>
    <t>12/30/2019 14:26:35</t>
  </si>
  <si>
    <t>12/30/2019 14:26:37</t>
  </si>
  <si>
    <t>\\acsfs\profiles$\fabianobmf\Searches\</t>
  </si>
  <si>
    <t>\\acsfs\profiles$\fabianobmf\Searches\desktop.ini</t>
  </si>
  <si>
    <t>12/30/2019 14:26:39</t>
  </si>
  <si>
    <t>12/30/2019 14:26:40</t>
  </si>
  <si>
    <t>12/30/2019 14:26:42</t>
  </si>
  <si>
    <t>12/30/2019 14:26:43</t>
  </si>
  <si>
    <t>\\acsfs\profiles$\fabianobmf\Downloads\desktop.ini</t>
  </si>
  <si>
    <t>12/30/2019 14:26:44</t>
  </si>
  <si>
    <t>12/30/2019 14:26:45</t>
  </si>
  <si>
    <t>\\acsfs\profiles$\fabianobmf\Favorites\</t>
  </si>
  <si>
    <t>\\acsfs\profiles$\fabianobmf\My Documents\desktop.ini</t>
  </si>
  <si>
    <t>12/30/2019 14:26:47</t>
  </si>
  <si>
    <t>12/30/2019 14:26:48</t>
  </si>
  <si>
    <t>12/30/2019 14:26:49</t>
  </si>
  <si>
    <t>12/30/2019 14:26:50</t>
  </si>
  <si>
    <t>12/30/2019 14:26:51</t>
  </si>
  <si>
    <t>\\acsfs\profiles$\fabianobmf\Saved Games\desktop.ini</t>
  </si>
  <si>
    <t>12/30/2019 14:26:52</t>
  </si>
  <si>
    <t>12/30/2019 14:27:20</t>
  </si>
  <si>
    <t>winrt--{S-1-5-21-602162358-764733703-839522115-354137}-.searchconnector-ms</t>
  </si>
  <si>
    <t>\\acsfs\profiles$\fabianobmf\Searches\winrt--{S-1-5-21-602162358-764733703-839522115-354137}-.searchconnector-ms</t>
  </si>
  <si>
    <t>12/30/2019 14:25:37</t>
  </si>
  <si>
    <t>12/30/2019 14:29:29</t>
  </si>
  <si>
    <t>12/30/2019 14:26:02</t>
  </si>
  <si>
    <t>a3a11fb4-4c07-4263-a924-8aa941f577a9.tmp</t>
  </si>
  <si>
    <t>\\acsfs\profiles$\fabianafv\Downloads\a3a11fb4-4c07-4263-a924-8aa941f577a9.tmp</t>
  </si>
  <si>
    <t>mail.google.com/_/upload?authuser=0&amp;dcp=asu-n&amp;upload_id=AEnB2Uq44F5JN2Ps3RPbM21Fn9GQt5a00HXA0W8Nt8GydzRnwwUrcMfhf5I_wBYouB-IC9YyL-rQuCgQP1KIdSwQQQ355O2V7btFSsZoQwieCTMHaoS9LGI&amp;upload_protocol=resumable</t>
  </si>
  <si>
    <t>\\acsfs\DEPTOS\Controladoria\Planejamento\GFC\03. Provisões de Receita\2019\05.Gestão SG Telecom\12.Dezembro 19\Denise\</t>
  </si>
  <si>
    <t>Padrao Solicitacao Receitamento SG Telecom FAT B DEZEMBRO19 - TIM SIM NÃO.xlsm</t>
  </si>
  <si>
    <t>12/30/2019 14:29:05</t>
  </si>
  <si>
    <t>12/30/2019 14:30:29</t>
  </si>
  <si>
    <t>12/30/2019 14:25:30</t>
  </si>
  <si>
    <t>120fac58-ac5e-4ca9-abbd-e6edfd0d9cce.tmp</t>
  </si>
  <si>
    <t>\\acsfs\profiles$\laylaams\Downloads\120fac58-ac5e-4ca9-abbd-e6edfd0d9cce.tmp</t>
  </si>
  <si>
    <t>12/30/2019 14:26:46</t>
  </si>
  <si>
    <t>063e7ffc-a0a4-4faa-8dd5-e2934df014f0.tmp</t>
  </si>
  <si>
    <t>\\acsfs\profiles$\laylaams\Downloads\063e7ffc-a0a4-4faa-8dd5-e2934df014f0.tmp</t>
  </si>
  <si>
    <t>12/30/2019 14:29:07</t>
  </si>
  <si>
    <t>e0da06fd-c411-4a26-9298-8fbcda580fc3.tmp</t>
  </si>
  <si>
    <t>\\acsfs\profiles$\laylaams\Downloads\e0da06fd-c411-4a26-9298-8fbcda580fc3.tmp</t>
  </si>
  <si>
    <t>12/30/2019 14:26:26</t>
  </si>
  <si>
    <t>12/30/2019 14:31:29</t>
  </si>
  <si>
    <t>12/30/2019 14:25:45</t>
  </si>
  <si>
    <t>12/30/2019 14:27:26</t>
  </si>
  <si>
    <t>3762b887-c733-478e-b810-cc8af43daf14.tmp</t>
  </si>
  <si>
    <t>\\acsfs\profiles$\philipegsf\Downloads\3762b887-c733-478e-b810-cc8af43daf14.tmp</t>
  </si>
  <si>
    <t>12/30/2019 14:30:11</t>
  </si>
  <si>
    <t>12/30/2019 14:30:18</t>
  </si>
  <si>
    <t>12/30/2019 14:30:19</t>
  </si>
  <si>
    <t>mail.google.com/_/upload?authuser=0&amp;dcp=asu-n&amp;upload_id=AEnB2UoX7CFJRh29BG--05XmleEWqdmHU9LeGh1SuZOqwRDlrKn_6BH2z8_tu8BM1mTnWmQCidjudQyYZL3puxspHXS1Of1Y69mswCRnl3goWshd5-lCn3E&amp;upload_protocol=resumable</t>
  </si>
  <si>
    <t>Macro Atividades - Ativos.xlsx</t>
  </si>
  <si>
    <t>12/30/2019 14:29:14</t>
  </si>
  <si>
    <t>12/30/2019 14:32:28</t>
  </si>
  <si>
    <t>ccf125e1-75aa-41ed-a279-95c0ca14ab85.tmp</t>
  </si>
  <si>
    <t>\\acsfs\profiles$\jonatanls\Downloads\ccf125e1-75aa-41ed-a279-95c0ca14ab85.tmp</t>
  </si>
  <si>
    <t>12/30/2019 14:28:02</t>
  </si>
  <si>
    <t>12/30/2019 14:33:29</t>
  </si>
  <si>
    <t>12/30/2019 14:28:03</t>
  </si>
  <si>
    <t>lu25484420er3.tmp</t>
  </si>
  <si>
    <t>\\acsfs\profiles$\LUCASBS\RENEG BV\lu25484420er3.tmp</t>
  </si>
  <si>
    <t>\\acsfs\profiles$\LUCASBS\RENEG BV\lu25484420er3.tmp\</t>
  </si>
  <si>
    <t>\\acsfs\profiles$\LUCASBS\RENEG BV\lu25484420er3.tmp\META-INF\</t>
  </si>
  <si>
    <t>\\acsfs\profiles$\LUCASBS\RENEG BV\lu25484420er3.tmp\Thumbnails\</t>
  </si>
  <si>
    <t>12/30/2019 14:31:33</t>
  </si>
  <si>
    <t>0b42743e-26c2-49f6-9316-bf0a700663df.tmp</t>
  </si>
  <si>
    <t>\\acsfs\profiles$\ingridsm\Downloads\0b42743e-26c2-49f6-9316-bf0a700663df.tmp</t>
  </si>
  <si>
    <t>12/30/2019 14:31:36</t>
  </si>
  <si>
    <t>12/30/2019 14:34:28</t>
  </si>
  <si>
    <t>12/30/2019 14:31:42</t>
  </si>
  <si>
    <t>12/30/2019 14:29:17</t>
  </si>
  <si>
    <t>1cf26e43-0207-4007-86d8-7955d66c0658.tmp</t>
  </si>
  <si>
    <t>\\acsfs\profiles$\fabianafv\Downloads\1cf26e43-0207-4007-86d8-7955d66c0658.tmp</t>
  </si>
  <si>
    <t>12/30/2019 14:32:10</t>
  </si>
  <si>
    <t>.~lock.planilha ativo fabiana 27122019.ods#</t>
  </si>
  <si>
    <t>\\acsfs\profiles$\fabianafv\My Documents\.~lock.planilha ativo fabiana 27122019.ods#</t>
  </si>
  <si>
    <t>12/30/2019 14:33:54</t>
  </si>
  <si>
    <t>12/30/2019 14:30:05</t>
  </si>
  <si>
    <t>12/30/2019 14:35:29</t>
  </si>
  <si>
    <t>12/30/2019 14:32:23</t>
  </si>
  <si>
    <t>https://udpwfmniceap02/web/guest/home?p_auth=6q1lies2&amp;p_p_id=58&amp;p_p_lifecycle=1&amp;p_p_state=maximized&amp;p_p_mode=view&amp;savelastpath=0&amp;_58_struts_action=/login/forgot_password</t>
  </si>
  <si>
    <t>12/30/2019 14:31:26</t>
  </si>
  <si>
    <t>b3a0b565-95b9-4a7e-a9f6-e6bb4157e04d.tmp</t>
  </si>
  <si>
    <t>\\acsfs\profiles$\henriqueco\Downloads\b3a0b565-95b9-4a7e-a9f6-e6bb4157e04d.tmp</t>
  </si>
  <si>
    <t>Unconfirmed 540307.crdownload</t>
  </si>
  <si>
    <t>\\acsfs\profiles$\henriqueco\Downloads\Unconfirmed 540307.crdownload</t>
  </si>
  <si>
    <t>12/30/2019 14:31:32</t>
  </si>
  <si>
    <t>804db468-f017-46dc-ac61-4cb9cee5efc9.tmp</t>
  </si>
  <si>
    <t>\\acsfs\profiles$\henriqueco\Downloads\804db468-f017-46dc-ac61-4cb9cee5efc9.tmp</t>
  </si>
  <si>
    <t>12/30/2019 14:31:38</t>
  </si>
  <si>
    <t>Unconfirmed 690247.crdownload</t>
  </si>
  <si>
    <t>\\acsfs\profiles$\henriqueco\Downloads\Unconfirmed 690247.crdownload</t>
  </si>
  <si>
    <t>9f8e418e-1300-428d-8d06-a148e72a3ca2.tmp</t>
  </si>
  <si>
    <t>\\acsfs\profiles$\henriqueco\Downloads\9f8e418e-1300-428d-8d06-a148e72a3ca2.tmp</t>
  </si>
  <si>
    <t>12/30/2019 14:31:57</t>
  </si>
  <si>
    <t>a7068b01-2a20-4647-b162-1d13ccbd8c55.tmp</t>
  </si>
  <si>
    <t>\\acsfs\profiles$\henriqueco\Downloads\a7068b01-2a20-4647-b162-1d13ccbd8c55.tmp</t>
  </si>
  <si>
    <t>12/30/2019 14:32:54</t>
  </si>
  <si>
    <t>2a448eeb-57aa-4824-8546-c72bd344f9f5.tmp</t>
  </si>
  <si>
    <t>\\acsfs\profiles$\henriqueco\Downloads\2a448eeb-57aa-4824-8546-c72bd344f9f5.tmp</t>
  </si>
  <si>
    <t>12/30/2019 14:31:45</t>
  </si>
  <si>
    <t>12/30/2019 14:36:29</t>
  </si>
  <si>
    <t>12/30/2019 14:32:45</t>
  </si>
  <si>
    <t>12/30/2019 14:30:47</t>
  </si>
  <si>
    <t>cf5de9a5-2450-405d-845b-0627c2a19903.tmp</t>
  </si>
  <si>
    <t>\\acsfs\profiles$\philipegsf\Downloads\cf5de9a5-2450-405d-845b-0627c2a19903.tmp</t>
  </si>
  <si>
    <t>12/30/2019 14:31:08</t>
  </si>
  <si>
    <t>3919a1c0-b4d4-4672-8222-db2eee29eb7c.tmp</t>
  </si>
  <si>
    <t>\\acsfs\profiles$\philipegsf\Downloads\3919a1c0-b4d4-4672-8222-db2eee29eb7c.tmp</t>
  </si>
  <si>
    <t>12/30/2019 14:35:10</t>
  </si>
  <si>
    <t>22821054-998c-455d-a134-bf4d49492fdd.tmp</t>
  </si>
  <si>
    <t>\\acsfs\profiles$\alinepp\Downloads\22821054-998c-455d-a134-bf4d49492fdd.tmp</t>
  </si>
  <si>
    <t>12/30/2019 14:35:48</t>
  </si>
  <si>
    <t>12/30/2019 14:37:29</t>
  </si>
  <si>
    <t>2982360d-2437-4a0a-9715-d016fa08161c.tmp</t>
  </si>
  <si>
    <t>\\acsfs\profiles$\layonmof\Downloads\2982360d-2437-4a0a-9715-d016fa08161c.tmp</t>
  </si>
  <si>
    <t>12/30/2019 14:36:21</t>
  </si>
  <si>
    <t>6f650cd7-2775-42fa-942e-07b1a5a2ce67.tmp</t>
  </si>
  <si>
    <t>\\acsfs\profiles$\layonmof\Downloads\6f650cd7-2775-42fa-942e-07b1a5a2ce67.tmp</t>
  </si>
  <si>
    <t>bda84ec0-d5a7-4cdf-9026-761936cfe6b0.tmp</t>
  </si>
  <si>
    <t>\\acsfs\profiles$\layonmof\Downloads\bda84ec0-d5a7-4cdf-9026-761936cfe6b0.tmp</t>
  </si>
  <si>
    <t>12/30/2019 14:34:15</t>
  </si>
  <si>
    <t>12/30/2019 14:38:29</t>
  </si>
  <si>
    <t>12/30/2019 14:36:35</t>
  </si>
  <si>
    <t>f7b060c9-a06e-43a4-aafb-18946d6f1cf0.tmp</t>
  </si>
  <si>
    <t>\\acsfs\profiles$\fabianobmf\Downloads\f7b060c9-a06e-43a4-aafb-18946d6f1cf0.tmp</t>
  </si>
  <si>
    <t>12/30/2019 14:33:13</t>
  </si>
  <si>
    <t>12/30/2019 14:34:13</t>
  </si>
  <si>
    <t>bac08dcf-0959-4e05-b947-cc87ee369705.tmp</t>
  </si>
  <si>
    <t>\\acsfs\profiles$\ingridsm\Downloads\bac08dcf-0959-4e05-b947-cc87ee369705.tmp</t>
  </si>
  <si>
    <t>12/30/2019 14:36:53</t>
  </si>
  <si>
    <t>76eec3d4-6df2-4f2a-aea3-42a473e53804.tmp</t>
  </si>
  <si>
    <t>\\acsfs\profiles$\ingridsm\Downloads\76eec3d4-6df2-4f2a-aea3-42a473e53804.tmp</t>
  </si>
  <si>
    <t>12/30/2019 14:36:15</t>
  </si>
  <si>
    <t>12/30/2019 14:34:29</t>
  </si>
  <si>
    <t>ENC: Levantamento VIP - Mondelez CRM:000320003851</t>
  </si>
  <si>
    <t>12/30/2019 14:36:43</t>
  </si>
  <si>
    <t>12/30/2019 14:38:25</t>
  </si>
  <si>
    <t>12/30/2019 14:39:29</t>
  </si>
  <si>
    <t>12/30/2019 14:38:33</t>
  </si>
  <si>
    <t>12/30/2019 14:35:05</t>
  </si>
  <si>
    <t>12/30/2019 14:40:29</t>
  </si>
  <si>
    <t>12/30/2019 14:36:05</t>
  </si>
  <si>
    <t>12/30/2019 14:35:41</t>
  </si>
  <si>
    <t>12/30/2019 14:35:42</t>
  </si>
  <si>
    <t>lu246123wyp7u.tmp</t>
  </si>
  <si>
    <t>\\acsfs\profiles$\FLAVIOJMM\My Documents\lu246123wyp7u.tmp</t>
  </si>
  <si>
    <t>\\acsfs\profiles$\FLAVIOJMM\My Documents\lu246123wyp7u.tmp\</t>
  </si>
  <si>
    <t>\\acsfs\profiles$\FLAVIOJMM\My Documents\lu246123wyp7u.tmp\META-INF\</t>
  </si>
  <si>
    <t>\\acsfs\profiles$\FLAVIOJMM\My Documents\lu246123wyp7u.tmp\Thumbnails\</t>
  </si>
  <si>
    <t>12/30/2019 14:37:45</t>
  </si>
  <si>
    <t>12/30/2019 14:41:29</t>
  </si>
  <si>
    <t>12/30/2019 14:38:45</t>
  </si>
  <si>
    <t>12/30/2019 14:38:12</t>
  </si>
  <si>
    <t>12/30/2019 14:36:59</t>
  </si>
  <si>
    <t>12/30/2019 14:37:27</t>
  </si>
  <si>
    <t>12/30/2019 14:39:11</t>
  </si>
  <si>
    <t>38d1be9d-cb9f-49b7-834a-9a973f85d209.tmp</t>
  </si>
  <si>
    <t>\\acsfs\profiles$\gabriellalpr\Downloads\38d1be9d-cb9f-49b7-834a-9a973f85d209.tmp</t>
  </si>
  <si>
    <t>12/30/2019 14:38:46</t>
  </si>
  <si>
    <t>2997569d-a200-44f5-b041-e5ccb2a87fef.tmp</t>
  </si>
  <si>
    <t>\\acsfs\profiles$\alinepp\Downloads\2997569d-a200-44f5-b041-e5ccb2a87fef.tmp</t>
  </si>
  <si>
    <t>12/30/2019 14:37:17</t>
  </si>
  <si>
    <t>.~lock.Controle de Erros operacionais - Dezembro -ATUALIZADA.ods#</t>
  </si>
  <si>
    <t>\\acsfs\profiles$\wedersonbadr\Downloads\.~lock.Controle de Erros operacionais - Dezembro -ATUALIZADA.ods#</t>
  </si>
  <si>
    <t>12/30/2019 14:37:22</t>
  </si>
  <si>
    <t>Controle de Erros operacionais - Dezembro -ATUALIZADA.ods</t>
  </si>
  <si>
    <t>\\acsfs\profiles$\wedersonbadr\Downloads\Controle de Erros operacionais - Dezembro -ATUALIZADA.ods</t>
  </si>
  <si>
    <t>\\acsfs\profiles$\wedersonbadr\Downloads\Controle de Erros operacionais - Dezembro -ATUALIZADA.ods\Basic\</t>
  </si>
  <si>
    <t>script-lc.xml</t>
  </si>
  <si>
    <t>\\acsfs\profiles$\wedersonbadr\Downloads\Controle de Erros operacionais - Dezembro -ATUALIZADA.ods\Basic\Standard\</t>
  </si>
  <si>
    <t>script-lb.xml</t>
  </si>
  <si>
    <t>\\acsfs\profiles$\wedersonbadr\Downloads\Controle de Erros operacionais - Dezembro -ATUALIZADA.ods\Basic\VBAProject\</t>
  </si>
  <si>
    <t>EstaPastaDeTrabalho.xml</t>
  </si>
  <si>
    <t>MÃ³dulo6.xml</t>
  </si>
  <si>
    <t>MÃ³dulo9.xml</t>
  </si>
  <si>
    <t>Planilha1.xml</t>
  </si>
  <si>
    <t>Planilha10.xml</t>
  </si>
  <si>
    <t>Planilha11.xml</t>
  </si>
  <si>
    <t>Planilha111.xml</t>
  </si>
  <si>
    <t>Planilha12.xml</t>
  </si>
  <si>
    <t>Planilha13.xml</t>
  </si>
  <si>
    <t>Planilha15.xml</t>
  </si>
  <si>
    <t>Planilha16.xml</t>
  </si>
  <si>
    <t>Planilha17.xml</t>
  </si>
  <si>
    <t>Planilha18.xml</t>
  </si>
  <si>
    <t>Planilha2.xml</t>
  </si>
  <si>
    <t>Planilha4.xml</t>
  </si>
  <si>
    <t>Planilha5.xml</t>
  </si>
  <si>
    <t>Planilha7.xml</t>
  </si>
  <si>
    <t>Planilha9.xml</t>
  </si>
  <si>
    <t>\\acsfs\profiles$\wedersonbadr\Downloads\Controle de Erros operacionais - Dezembro -ATUALIZADA.ods\</t>
  </si>
  <si>
    <t>\\acsfs\profiles$\wedersonbadr\Downloads\Controle de Erros operacionais - Dezembro -ATUALIZADA.ods\META-INF\</t>
  </si>
  <si>
    <t>\\acsfs\profiles$\wedersonbadr\Downloads\Controle de Erros operacionais - Dezembro -ATUALIZADA.ods\Object 1\</t>
  </si>
  <si>
    <t>\\acsfs\profiles$\wedersonbadr\Downloads\Controle de Erros operacionais - Dezembro -ATUALIZADA.ods\Object 2\</t>
  </si>
  <si>
    <t>\\acsfs\profiles$\wedersonbadr\Downloads\Controle de Erros operacionais - Dezembro -ATUALIZADA.ods\Object 3\</t>
  </si>
  <si>
    <t>\\acsfs\profiles$\wedersonbadr\Downloads\Controle de Erros operacionais - Dezembro -ATUALIZADA.ods\Object 4\</t>
  </si>
  <si>
    <t>\\acsfs\profiles$\wedersonbadr\Downloads\Controle de Erros operacionais - Dezembro -ATUALIZADA.ods\Object 5\</t>
  </si>
  <si>
    <t>\\acsfs\profiles$\wedersonbadr\Downloads\Controle de Erros operacionais - Dezembro -ATUALIZADA.ods\Object 6\</t>
  </si>
  <si>
    <t>\\acsfs\profiles$\wedersonbadr\Downloads\Controle de Erros operacionais - Dezembro -ATUALIZADA.ods\Object 7\</t>
  </si>
  <si>
    <t>\\acsfs\profiles$\wedersonbadr\Downloads\Controle de Erros operacionais - Dezembro -ATUALIZADA.ods\ObjectReplacements\</t>
  </si>
  <si>
    <t>Object 1</t>
  </si>
  <si>
    <t>Object 2</t>
  </si>
  <si>
    <t>Object 3</t>
  </si>
  <si>
    <t>Object 4</t>
  </si>
  <si>
    <t>Object 5</t>
  </si>
  <si>
    <t>Object 6</t>
  </si>
  <si>
    <t>Object 7</t>
  </si>
  <si>
    <t>\\acsfs\profiles$\wedersonbadr\Downloads\Controle de Erros operacionais - Dezembro -ATUALIZADA.ods\Pictures\</t>
  </si>
  <si>
    <t>1000020100000108000000A4443F60EABA761BA1.png</t>
  </si>
  <si>
    <t>1000020100000135000000A3D967C3626B4644AE.png</t>
  </si>
  <si>
    <t>10000201000009B1000005E7D2E321C8E8BC1F85.png</t>
  </si>
  <si>
    <t>\\acsfs\profiles$\wedersonbadr\Downloads\Controle de Erros operacionais - Dezembro -ATUALIZADA.ods\Thumbnails\</t>
  </si>
  <si>
    <t>12/30/2019 14:38:06</t>
  </si>
  <si>
    <t>12/30/2019 14:43:29</t>
  </si>
  <si>
    <t>.~lock.BANCO DE DADOS - OPERAÇÃO.xlsx#</t>
  </si>
  <si>
    <t>\\acsfs\DEPTOS\Operacao\Banco_Votorantim\Supervisao\SUPERS BV CARTÕES\.~lock.BANCO DE DADOS - OPERAÇÃO.xlsx#</t>
  </si>
  <si>
    <t>12/30/2019 14:41:59</t>
  </si>
  <si>
    <t>12/30/2019 14:38:32</t>
  </si>
  <si>
    <t>8a9c248f-bf3e-4865-838f-8a705987d5b8.tmp</t>
  </si>
  <si>
    <t>\\acsfs\profiles$\fabianobmf\Downloads\8a9c248f-bf3e-4865-838f-8a705987d5b8.tmp</t>
  </si>
  <si>
    <t>12/30/2019 14:38:34</t>
  </si>
  <si>
    <t>12/30/2019 14:42:02</t>
  </si>
  <si>
    <t>12/30/2019 14:39:07</t>
  </si>
  <si>
    <t>12/30/2019 14:44:29</t>
  </si>
  <si>
    <t>12/30/2019 14:39:23</t>
  </si>
  <si>
    <t>12/30/2019 14:39:27</t>
  </si>
  <si>
    <t>12/30/2019 14:39:31</t>
  </si>
  <si>
    <t>12/30/2019 14:39:39</t>
  </si>
  <si>
    <t>12/30/2019 14:39:48</t>
  </si>
  <si>
    <t>12/30/2019 14:39:58</t>
  </si>
  <si>
    <t>12/30/2019 14:39:59</t>
  </si>
  <si>
    <t>12/30/2019 14:41:53</t>
  </si>
  <si>
    <t>12/30/2019 14:42:42</t>
  </si>
  <si>
    <t>12/30/2019 14:43:18</t>
  </si>
  <si>
    <t>12/30/2019 14:41:06</t>
  </si>
  <si>
    <t>12/30/2019 14:45:29</t>
  </si>
  <si>
    <t>12/30/2019 14:42:05</t>
  </si>
  <si>
    <t>12/30/2019 14:41:57</t>
  </si>
  <si>
    <t>lu246123wyp80.tmp</t>
  </si>
  <si>
    <t>\\acsfs\profiles$\FLAVIOJMM\My Documents\lu246123wyp80.tmp</t>
  </si>
  <si>
    <t>\\acsfs\profiles$\FLAVIOJMM\My Documents\lu246123wyp80.tmp\</t>
  </si>
  <si>
    <t>\\acsfs\profiles$\FLAVIOJMM\My Documents\lu246123wyp80.tmp\META-INF\</t>
  </si>
  <si>
    <t>\\acsfs\profiles$\FLAVIOJMM\My Documents\lu246123wyp80.tmp\Thumbnails\</t>
  </si>
  <si>
    <t>12/30/2019 14:43:27</t>
  </si>
  <si>
    <t>alessandracm@algartech.com;alinemds@algartech.com;anapscl@algartech.com;andressacpd@algartech.com;b2ksupervisoresrafaela@algartech.com;carolinaasil@algartech.com;contestacao_supervisores@algartech.com.br;dayarag@algartech.com;elencassiapo@algartech.com;fabianapm@algartech.com;fabiolacc@algartecnologia.com.br;fernandaccn@algartech.com;fredericobs@algartecnologia.com.br;heloisaal@algartech.com;igorars@algartech.com;jussaragp@algartech.com;katiargf@algartech.com;kelencgt@algartech.com;luanaaoli@algartech.com;mariajcb@algartech.com;michelecdc@algartech.com;micheless@algartech.com.br;premiumatendimento@algartech.com;primeatendimento@algartech.com;priscilalb@algartech.com;rafaelaas@algartech.com;rafaeldsa@algartech.com;sabrinagc@algartech.com;supervisorespj@algartech.com.br;tassianecv@algartech.com;tatianamac@algartech.com;thaisalves.oliveira@temposervicos.com.br;</t>
  </si>
  <si>
    <t>Microanálise 20191229.xlsm</t>
  </si>
  <si>
    <t>alessandracm@algartech.com,alinemds@algartech.com,anapscl@algartech.com,andressacpd@algartech.com,b2ksupervisoresrafaela@algartech.com,carolinaasil@algartech.com,contestacao_supervisores@algartech.com.br,dayarag@algartech.com,elencassiapo@algartech.com,fabianapm@algartech.com,fabiolacc@algartecnologia.com.br,fernandaccn@algartech.com,fredericobs@algartecnologia.com.br,heloisaal@algartech.com,igorars@algartech.com,jussaragp@algartech.com,katiargf@algartech.com,kelencgt@algartech.com,luanaaoli@algartech.com,mariajcb@algartech.com,michelecdc@algartech.com,micheless@algartech.com.br,premiumatendimento@algartech.com,primeatendimento@algartech.com,priscilalb@algartech.com,rafaelaas@algartech.com,rafaeldsa@algartech.com,sabrinagc@algartech.com,supervisorespj@algartech.com.br,tassianecv@algartech.com,tatianamac@algartech.com,thaisalves.oliveira@temposervicos.com.br</t>
  </si>
  <si>
    <t>12/30/2019 14:43:30</t>
  </si>
  <si>
    <t>12/30/2019 14:46:29</t>
  </si>
  <si>
    <t>394e36f4-217a-44ce-8e16-096bf0191f54.tmp</t>
  </si>
  <si>
    <t>\\acsfs\profiles$\larissaad\Downloads\394e36f4-217a-44ce-8e16-096bf0191f54.tmp</t>
  </si>
  <si>
    <t>12/30/2019 14:43:45</t>
  </si>
  <si>
    <t>12/30/2019 14:44:45</t>
  </si>
  <si>
    <t>12/30/2019 14:42:01</t>
  </si>
  <si>
    <t>12/30/2019 14:41:20</t>
  </si>
  <si>
    <t>12/30/2019 14:41:22</t>
  </si>
  <si>
    <t>12/30/2019 14:41:42</t>
  </si>
  <si>
    <t>12/30/2019 14:42:50</t>
  </si>
  <si>
    <t>12/30/2019 14:41:24</t>
  </si>
  <si>
    <t>12/30/2019 14:41:26</t>
  </si>
  <si>
    <t>12/30/2019 14:41:27</t>
  </si>
  <si>
    <t>12/30/2019 14:41:30</t>
  </si>
  <si>
    <t>12/30/2019 14:41:31</t>
  </si>
  <si>
    <t>12/30/2019 14:41:32</t>
  </si>
  <si>
    <t>12/30/2019 14:41:33</t>
  </si>
  <si>
    <t>12/30/2019 14:41:34</t>
  </si>
  <si>
    <t>12/30/2019 14:41:35</t>
  </si>
  <si>
    <t>12/30/2019 14:41:36</t>
  </si>
  <si>
    <t>12/30/2019 14:41:38</t>
  </si>
  <si>
    <t>12/30/2019 14:41:40</t>
  </si>
  <si>
    <t>12/30/2019 14:41:41</t>
  </si>
  <si>
    <t>12/30/2019 14:41:43</t>
  </si>
  <si>
    <t>12/30/2019 14:41:46</t>
  </si>
  <si>
    <t>12/30/2019 14:41:47</t>
  </si>
  <si>
    <t>12/30/2019 14:41:49</t>
  </si>
  <si>
    <t>12/30/2019 14:41:50</t>
  </si>
  <si>
    <t>12/30/2019 14:41:52</t>
  </si>
  <si>
    <t>12/30/2019 14:41:54</t>
  </si>
  <si>
    <t>12/30/2019 14:41:55</t>
  </si>
  <si>
    <t>12/30/2019 14:41:56</t>
  </si>
  <si>
    <t>12/30/2019 14:41:58</t>
  </si>
  <si>
    <t>12/30/2019 14:42:00</t>
  </si>
  <si>
    <t>12/30/2019 14:42:03</t>
  </si>
  <si>
    <t>12/30/2019 14:42:04</t>
  </si>
  <si>
    <t>12/30/2019 14:42:56</t>
  </si>
  <si>
    <t>12/30/2019 14:42:43</t>
  </si>
  <si>
    <t>0a727aa9-2c9a-499e-b22a-c775cc41bd8c.tmp</t>
  </si>
  <si>
    <t>\\acsfs\profiles$\brunalas\Downloads\0a727aa9-2c9a-499e-b22a-c775cc41bd8c.tmp</t>
  </si>
  <si>
    <t>12/30/2019 14:44:34</t>
  </si>
  <si>
    <t>2d9f8a54-ebfc-40c3-9f22-b80d525968c8.tmp</t>
  </si>
  <si>
    <t>\\acsfs\profiles$\brunalas\Downloads\2d9f8a54-ebfc-40c3-9f22-b80d525968c8.tmp</t>
  </si>
  <si>
    <t>12/30/2019 14:45:58</t>
  </si>
  <si>
    <t>12/30/2019 14:47:29</t>
  </si>
  <si>
    <t>02fa2c57-4ee9-4ca7-a488-5bf37b91832a.tmp</t>
  </si>
  <si>
    <t>\\acsfs\profiles$\gabrielamdp\Downloads\02fa2c57-4ee9-4ca7-a488-5bf37b91832a.tmp</t>
  </si>
  <si>
    <t>12/30/2019 14:48:29</t>
  </si>
  <si>
    <t>fa4cffda-e96d-4b6e-8da6-7c705c11f91f.tmp</t>
  </si>
  <si>
    <t>\\acsfs\profiles$\rosileiam\Downloads\fa4cffda-e96d-4b6e-8da6-7c705c11f91f.tmp</t>
  </si>
  <si>
    <t>12/30/2019 14:44:00</t>
  </si>
  <si>
    <t>d59e4898-f468-4604-a614-c071ec75a9d9.tmp</t>
  </si>
  <si>
    <t>\\acsfs\profiles$\rosileiam\Downloads\d59e4898-f468-4604-a614-c071ec75a9d9.tmp</t>
  </si>
  <si>
    <t>12/30/2019 14:44:44</t>
  </si>
  <si>
    <t>65ad7b28-a2a0-4e9c-951a-f211909d18bb.tmp</t>
  </si>
  <si>
    <t>\\acsfs\profiles$\edicarlosdl\Downloads\65ad7b28-a2a0-4e9c-951a-f211909d18bb.tmp</t>
  </si>
  <si>
    <t>12/30/2019 14:45:37</t>
  </si>
  <si>
    <t>cea72512-459d-425f-af70-37633882d437.tmp</t>
  </si>
  <si>
    <t>\\acsfs\profiles$\edicarlosdl\Downloads\cea72512-459d-425f-af70-37633882d437.tmp</t>
  </si>
  <si>
    <t>12/30/2019 14:46:14</t>
  </si>
  <si>
    <t>12/30/2019 14:46:58</t>
  </si>
  <si>
    <t>c55c6032-f5b0-46e2-92c3-27d60ddcc726.tmp</t>
  </si>
  <si>
    <t>\\acsfs\profiles$\edicarlosdl\Downloads\c55c6032-f5b0-46e2-92c3-27d60ddcc726.tmp</t>
  </si>
  <si>
    <t>12/30/2019 14:48:10</t>
  </si>
  <si>
    <t>12/30/2019 14:49:29</t>
  </si>
  <si>
    <t>337a71e2-23fc-4ff2-adfe-645bc642fed0.tmp</t>
  </si>
  <si>
    <t>\\acsfs\profiles$\deborahsi\Downloads\337a71e2-23fc-4ff2-adfe-645bc642fed0.tmp</t>
  </si>
  <si>
    <t>12/30/2019 14:44:02</t>
  </si>
  <si>
    <t>12/30/2019 14:47:51</t>
  </si>
  <si>
    <t>c370562d-6a78-4b56-a9b5-9e7e8991e3d5.tmp</t>
  </si>
  <si>
    <t>\\acsfs\profiles$\gabrieleods\Downloads\c370562d-6a78-4b56-a9b5-9e7e8991e3d5.tmp</t>
  </si>
  <si>
    <t>12/30/2019 14:47:05</t>
  </si>
  <si>
    <t>12/30/2019 14:50:28</t>
  </si>
  <si>
    <t>12/30/2019 14:48:05</t>
  </si>
  <si>
    <t>4db58031-3b13-41be-9f7e-62e7ff3d1aa6.tmp</t>
  </si>
  <si>
    <t>\\acsfs\profiles$\geovannasm\Downloads\4db58031-3b13-41be-9f7e-62e7ff3d1aa6.tmp</t>
  </si>
  <si>
    <t>12/30/2019 14:49:33</t>
  </si>
  <si>
    <t>lu246123wyp86.tmp</t>
  </si>
  <si>
    <t>\\acsfs\profiles$\FLAVIOJMM\My Documents\lu246123wyp86.tmp</t>
  </si>
  <si>
    <t>\\acsfs\profiles$\FLAVIOJMM\My Documents\lu246123wyp86.tmp\</t>
  </si>
  <si>
    <t>\\acsfs\profiles$\FLAVIOJMM\My Documents\lu246123wyp86.tmp\META-INF\</t>
  </si>
  <si>
    <t>\\acsfs\profiles$\FLAVIOJMM\My Documents\lu246123wyp86.tmp\Thumbnails\</t>
  </si>
  <si>
    <t>12/30/2019 14:46:20</t>
  </si>
  <si>
    <t>12/30/2019 14:46:23</t>
  </si>
  <si>
    <t>12/30/2019 14:47:49</t>
  </si>
  <si>
    <t>1bee2d89-355d-4384-8642-b36288818654.tmp</t>
  </si>
  <si>
    <t>\\acsfs\profiles$\henriqueco\Downloads\1bee2d89-355d-4384-8642-b36288818654.tmp</t>
  </si>
  <si>
    <t>12/30/2019 14:49:45</t>
  </si>
  <si>
    <t>12/30/2019 14:51:29</t>
  </si>
  <si>
    <t>12/30/2019 14:47:23</t>
  </si>
  <si>
    <t>12/30/2019 14:47:31</t>
  </si>
  <si>
    <t>12/30/2019 14:47:35</t>
  </si>
  <si>
    <t>c860d295-1bcd-4a0e-9ee0-f6b7595f3225.tmp</t>
  </si>
  <si>
    <t>\\acsfs\profiles$\PEDROHAB\Downloads\c860d295-1bcd-4a0e-9ee0-f6b7595f3225.tmp</t>
  </si>
  <si>
    <t>12/30/2019 14:51:22</t>
  </si>
  <si>
    <t>12/30/2019 14:52:28</t>
  </si>
  <si>
    <t>\\acsfs\Deptos\EDUCACAO EMPRESARIAL\FERNANDA MONIT\BANCO DE DADOS - OPERAÇÃO.xlsx</t>
  </si>
  <si>
    <t>\\acsfs\Deptos\EDUCACAO EMPRESARIAL\FERNANDA MONIT\BANCO DE DADOS - OPERAÇÃO.xlsx\</t>
  </si>
  <si>
    <t>\\acsfs\Deptos\EDUCACAO EMPRESARIAL\FERNANDA MONIT\BANCO DE DADOS - OPERAÇÃO.xlsx\:Zone.Identifier:$DATA</t>
  </si>
  <si>
    <t>12/30/2019 14:47:00</t>
  </si>
  <si>
    <t>d742981e-f98e-44a8-8b61-7ecff83bddbf.tmp</t>
  </si>
  <si>
    <t>\\acsfs\profiles$\vivianibfs\Downloads\d742981e-f98e-44a8-8b61-7ecff83bddbf.tmp</t>
  </si>
  <si>
    <t>12/30/2019 14:47:55</t>
  </si>
  <si>
    <t>80a582fb-441d-444c-b433-19cf4afc0e6c.tmp</t>
  </si>
  <si>
    <t>\\acsfs\profiles$\vivianibfs\Downloads\80a582fb-441d-444c-b433-19cf4afc0e6c.tmp</t>
  </si>
  <si>
    <t>12/30/2019 14:48:24</t>
  </si>
  <si>
    <t>6158e3a6-d1e5-4e83-be0c-15633476a8c4.tmp</t>
  </si>
  <si>
    <t>\\acsfs\profiles$\vivianibfs\Downloads\6158e3a6-d1e5-4e83-be0c-15633476a8c4.tmp</t>
  </si>
  <si>
    <t>12/30/2019 14:48:35</t>
  </si>
  <si>
    <t>a61b8e76-d476-49ed-8046-7ab471626403.tmp</t>
  </si>
  <si>
    <t>\\acsfs\profiles$\vivianibfs\Downloads\a61b8e76-d476-49ed-8046-7ab471626403.tmp</t>
  </si>
  <si>
    <t>12/30/2019 14:47:43</t>
  </si>
  <si>
    <t>0d7e254e-a120-48cd-b7a5-328cdedf826f.tmp</t>
  </si>
  <si>
    <t>\\acsfs\profiles$\brendadsl\Downloads\0d7e254e-a120-48cd-b7a5-328cdedf826f.tmp</t>
  </si>
  <si>
    <t>12/30/2019 14:48:00</t>
  </si>
  <si>
    <t>86030927-2f07-4218-b482-8b75d96f8ee3.tmp</t>
  </si>
  <si>
    <t>\\acsfs\profiles$\brendadsl\Downloads\86030927-2f07-4218-b482-8b75d96f8ee3.tmp</t>
  </si>
  <si>
    <t>12/30/2019 14:47:38</t>
  </si>
  <si>
    <t>69e66b79-e87a-437f-bc8e-5f317636b7a6.tmp</t>
  </si>
  <si>
    <t>\\acsfs\profiles$\lucasgpe\Downloads\69e66b79-e87a-437f-bc8e-5f317636b7a6.tmp</t>
  </si>
  <si>
    <t>12/30/2019 14:49:34</t>
  </si>
  <si>
    <t>eed74bae-2f3d-4386-95d5-9d00e51e170f.tmp</t>
  </si>
  <si>
    <t>\\acsfs\profiles$\layonmof\Downloads\eed74bae-2f3d-4386-95d5-9d00e51e170f.tmp</t>
  </si>
  <si>
    <t>12/30/2019 14:50:18</t>
  </si>
  <si>
    <t>12/30/2019 14:52:37</t>
  </si>
  <si>
    <t>12/30/2019 14:53:29</t>
  </si>
  <si>
    <t>12/30/2019 14:52:19</t>
  </si>
  <si>
    <t>12/30/2019 14:54:29</t>
  </si>
  <si>
    <t>0e2db217-52c9-4a28-9c1d-bc018a468bfe.tmp</t>
  </si>
  <si>
    <t>\\acsfs\profiles$\deborahsi\Downloads\0e2db217-52c9-4a28-9c1d-bc018a468bfe.tmp</t>
  </si>
  <si>
    <t>12/30/2019 14:50:13</t>
  </si>
  <si>
    <t>12/30/2019 14:53:12</t>
  </si>
  <si>
    <t>12/30/2019 14:53:15</t>
  </si>
  <si>
    <t>d5be0f8c-6e17-4a7c-b5ee-5c805b6a2006.tmp</t>
  </si>
  <si>
    <t>\\acsfs\profiles$\gabrieleods\Downloads\d5be0f8c-6e17-4a7c-b5ee-5c805b6a2006.tmp</t>
  </si>
  <si>
    <t>12/30/2019 14:53:05</t>
  </si>
  <si>
    <t>12/30/2019 14:55:29</t>
  </si>
  <si>
    <t>12/30/2019 14:54:05</t>
  </si>
  <si>
    <t>12/30/2019 14:49:59</t>
  </si>
  <si>
    <t>0aa9e2fa-30db-4cc6-a084-5b7f271d0c29.tmp</t>
  </si>
  <si>
    <t>\\acsfs\profiles$\geovannasm\Downloads\0aa9e2fa-30db-4cc6-a084-5b7f271d0c29.tmp</t>
  </si>
  <si>
    <t>12/30/2019 14:53:07</t>
  </si>
  <si>
    <t>12/30/2019 14:51:34</t>
  </si>
  <si>
    <t>823abca7-454a-42e2-97a5-cc25b68157dd.tmp</t>
  </si>
  <si>
    <t>\\acsfs\profiles$\inarajst\Downloads\823abca7-454a-42e2-97a5-cc25b68157dd.tmp</t>
  </si>
  <si>
    <t>12/30/2019 14:51:56</t>
  </si>
  <si>
    <t>94316ddf-c5b1-4085-8470-441810c62412.tmp</t>
  </si>
  <si>
    <t>\\acsfs\profiles$\inarajst\Downloads\94316ddf-c5b1-4085-8470-441810c62412.tmp</t>
  </si>
  <si>
    <t>12/30/2019 14:50:45</t>
  </si>
  <si>
    <t>12/30/2019 14:56:29</t>
  </si>
  <si>
    <t>12/30/2019 14:53:00</t>
  </si>
  <si>
    <t>12/30/2019 14:53:17</t>
  </si>
  <si>
    <t>12/30/2019 14:52:49</t>
  </si>
  <si>
    <t>12/30/2019 14:51:44</t>
  </si>
  <si>
    <t>12/30/2019 14:57:29</t>
  </si>
  <si>
    <t>~$MAPA OPERACIONAL 16102019 (2).xlsx</t>
  </si>
  <si>
    <t>\\acsfs\Deptos\EDUCACAO EMPRESARIAL\FERNANDA MONIT\Fernanda\~$MAPA OPERACIONAL 16102019 (2).xlsx</t>
  </si>
  <si>
    <t>12/30/2019 14:52:12</t>
  </si>
  <si>
    <t>~$SKIL- BV CARTÕES - DEZ-19.xlsx</t>
  </si>
  <si>
    <t>\\acsfs\Deptos\EDUCACAO EMPRESARIAL\FERNANDA MONIT\~$SKIL- BV CARTÕES - DEZ-19.xlsx</t>
  </si>
  <si>
    <t>12/30/2019 14:56:02</t>
  </si>
  <si>
    <t>12/30/2019 14:55:46</t>
  </si>
  <si>
    <t>b548a865-34ce-4fb8-ba3f-d2dbcc78b9cd.tmp</t>
  </si>
  <si>
    <t>\\acsfs\profiles$\gabrielarb\Downloads\b548a865-34ce-4fb8-ba3f-d2dbcc78b9cd.tmp</t>
  </si>
  <si>
    <t>12/30/2019 14:54:13</t>
  </si>
  <si>
    <t>12/30/2019 14:58:29</t>
  </si>
  <si>
    <t>12/30/2019 14:56:23</t>
  </si>
  <si>
    <t>12/30/2019 14:57:01</t>
  </si>
  <si>
    <t>02f36516-4bb0-4168-ae54-5a12f7fcf388.tmp</t>
  </si>
  <si>
    <t>\\acsfs\profiles$\lorraynevam\Downloads\02f36516-4bb0-4168-ae54-5a12f7fcf388.tmp</t>
  </si>
  <si>
    <t>12/30/2019 14:55:18</t>
  </si>
  <si>
    <t>12/30/2019 14:55:26</t>
  </si>
  <si>
    <t>f9e34242-2ab1-4b60-a00e-9fcbc7057e3b.tmp</t>
  </si>
  <si>
    <t>\\acsfs\profiles$\sarahbal\Downloads\f9e34242-2ab1-4b60-a00e-9fcbc7057e3b.tmp</t>
  </si>
  <si>
    <t>12/30/2019 14:56:46</t>
  </si>
  <si>
    <t>12/30/2019 14:56:50</t>
  </si>
  <si>
    <t>lu118604l6q.tmp</t>
  </si>
  <si>
    <t>\\acsfs\profiles$\CLAUDIAJCA\lu118604l6q.tmp</t>
  </si>
  <si>
    <t>\\acsfs\profiles$\CLAUDIAJCA\lu118604l6q.tmp\</t>
  </si>
  <si>
    <t>\\acsfs\profiles$\CLAUDIAJCA\lu118604l6q.tmp\META-INF\</t>
  </si>
  <si>
    <t>\\acsfs\profiles$\CLAUDIAJCA\lu118604l6q.tmp\Thumbnails\</t>
  </si>
  <si>
    <t>12/30/2019 14:55:31</t>
  </si>
  <si>
    <t>12/30/2019 14:59:28</t>
  </si>
  <si>
    <t>ffc40bda-fdcf-4c06-b945-a74d8a75bcbd.tmp</t>
  </si>
  <si>
    <t>\\acsfs\profiles$\fabianafv\Downloads\ffc40bda-fdcf-4c06-b945-a74d8a75bcbd.tmp</t>
  </si>
  <si>
    <t>12/30/2019 14:55:33</t>
  </si>
  <si>
    <t>bbe36796-e4c5-4590-a9ec-055e941c2143.tmp</t>
  </si>
  <si>
    <t>\\acsfs\profiles$\fabianafv\Downloads\bbe36796-e4c5-4590-a9ec-055e941c2143.tmp</t>
  </si>
  <si>
    <t>12/30/2019 14:59:05</t>
  </si>
  <si>
    <t>12/30/2019 15:00:29</t>
  </si>
  <si>
    <t>12/30/2019 14:57:49</t>
  </si>
  <si>
    <t>12/30/2019 14:56:26</t>
  </si>
  <si>
    <t>12/30/2019 14:55:52</t>
  </si>
  <si>
    <t>36fab3be-73dd-49e3-8810-4e1a91926610.tmp</t>
  </si>
  <si>
    <t>\\acsfs\profiles$\inarajst\Downloads\36fab3be-73dd-49e3-8810-4e1a91926610.tmp</t>
  </si>
  <si>
    <t>12/30/2019 14:55:21</t>
  </si>
  <si>
    <t>12/30/2019 14:58:04</t>
  </si>
  <si>
    <t>12/30/2019 15:01:29</t>
  </si>
  <si>
    <t>1e3b4a7d-b823-43ba-8a83-7958567135ab.tmp</t>
  </si>
  <si>
    <t>\\acsfs\profiles$\larissaad\Downloads\1e3b4a7d-b823-43ba-8a83-7958567135ab.tmp</t>
  </si>
  <si>
    <t>12/30/2019 14:55:45</t>
  </si>
  <si>
    <t>12/30/2019 14:56:45</t>
  </si>
  <si>
    <t>10b82d38-9aa1-4ccc-902c-febdc63699c6.tmp</t>
  </si>
  <si>
    <t>\\acsfs\profiles$\philipegsf\Downloads\10b82d38-9aa1-4ccc-902c-febdc63699c6.tmp</t>
  </si>
  <si>
    <t>12/30/2019 14:58:16</t>
  </si>
  <si>
    <t>12/30/2019 14:58:21</t>
  </si>
  <si>
    <t>12/30/2019 15:02:29</t>
  </si>
  <si>
    <t>12/30/2019 14:58:22</t>
  </si>
  <si>
    <t>lu70096a2i0uv.tmp</t>
  </si>
  <si>
    <t>\\acsfs\profiles$\jonatanls\My Documents\lu70096a2i0uv.tmp</t>
  </si>
  <si>
    <t>12/30/2019 14:58:48</t>
  </si>
  <si>
    <t>12/30/2019 14:57:24</t>
  </si>
  <si>
    <t>dbdbee41-c722-4cfc-ac9f-729e6074f013.tmp</t>
  </si>
  <si>
    <t>\\acsfs\profiles$\gabrielamdp\Downloads\dbdbee41-c722-4cfc-ac9f-729e6074f013.tmp</t>
  </si>
  <si>
    <t>12/30/2019 14:59:45</t>
  </si>
  <si>
    <t>12/30/2019 15:03:29</t>
  </si>
  <si>
    <t>12/30/2019 14:59:46</t>
  </si>
  <si>
    <t>lu25484420erk.tmp</t>
  </si>
  <si>
    <t>\\acsfs\profiles$\LUCASBS\RENEG BV\lu25484420erk.tmp</t>
  </si>
  <si>
    <t>\\acsfs\profiles$\LUCASBS\RENEG BV\lu25484420erk.tmp\</t>
  </si>
  <si>
    <t>\\acsfs\profiles$\LUCASBS\RENEG BV\lu25484420erk.tmp\META-INF\</t>
  </si>
  <si>
    <t>\\acsfs\profiles$\LUCASBS\RENEG BV\lu25484420erk.tmp\Thumbnails\</t>
  </si>
  <si>
    <t>12/30/2019 14:59:59</t>
  </si>
  <si>
    <t>9fabc7b1-5d12-4742-8f27-f45065306196.tmp</t>
  </si>
  <si>
    <t>\\acsfs\profiles$\fabianobmf\Downloads\9fabc7b1-5d12-4742-8f27-f45065306196.tmp</t>
  </si>
  <si>
    <t>12/30/2019 14:59:56</t>
  </si>
  <si>
    <t>12/30/2019 15:00:31</t>
  </si>
  <si>
    <t>12/30/2019 15:02:59</t>
  </si>
  <si>
    <t>12/30/2019 14:58:42</t>
  </si>
  <si>
    <t>1245a0c5-2d51-4a98-89f0-3fbb0141bc16.tmp</t>
  </si>
  <si>
    <t>\\acsfs\profiles$\KARENDSR\Downloads\1245a0c5-2d51-4a98-89f0-3fbb0141bc16.tmp</t>
  </si>
  <si>
    <t>12/30/2019 15:00:05</t>
  </si>
  <si>
    <t>12/30/2019 15:05:29</t>
  </si>
  <si>
    <t>12/30/2019 15:01:23</t>
  </si>
  <si>
    <t>d20c2dff-7ad4-41a4-b9eb-8c9f3596b9f9.tmp</t>
  </si>
  <si>
    <t>\\acsfs\profiles$\cintiadjl\Downloads\d20c2dff-7ad4-41a4-b9eb-8c9f3596b9f9.tmp</t>
  </si>
  <si>
    <t>12/30/2019 15:01:25</t>
  </si>
  <si>
    <t>a23b944a-71f2-422c-a2e4-a1e41f65c15c.tmp</t>
  </si>
  <si>
    <t>\\acsfs\profiles$\cintiadjl\Downloads\a23b944a-71f2-422c-a2e4-a1e41f65c15c.tmp</t>
  </si>
  <si>
    <t>12/30/2019 15:01:49</t>
  </si>
  <si>
    <t>12/30/2019 15:06:29</t>
  </si>
  <si>
    <t>12/30/2019 15:02:46</t>
  </si>
  <si>
    <t>12/30/2019 15:01:17</t>
  </si>
  <si>
    <t>12/30/2019 15:01:47</t>
  </si>
  <si>
    <t>12/30/2019 15:02:17</t>
  </si>
  <si>
    <t>12/30/2019 15:02:47</t>
  </si>
  <si>
    <t>12/30/2019 15:03:23</t>
  </si>
  <si>
    <t>12/30/2019 15:03:47</t>
  </si>
  <si>
    <t>12/30/2019 15:05:09</t>
  </si>
  <si>
    <t>327ed8fe-410b-4241-861f-aa19bc12ff1a.tmp</t>
  </si>
  <si>
    <t>\\acsfs\profiles$\philipegsf\Downloads\327ed8fe-410b-4241-861f-aa19bc12ff1a.tmp</t>
  </si>
  <si>
    <t>12/30/2019 15:02:55</t>
  </si>
  <si>
    <t>84da4fc5-cee0-473d-a543-a43f7db8bc06.tmp</t>
  </si>
  <si>
    <t>\\acsfs\profiles$\quindaizaagds\Downloads\84da4fc5-cee0-473d-a543-a43f7db8bc06.tmp</t>
  </si>
  <si>
    <t>12/30/2019 15:05:05</t>
  </si>
  <si>
    <t>12/30/2019 15:07:29</t>
  </si>
  <si>
    <t>245f8eee-b07d-4f8e-9944-439001345ba3.tmp</t>
  </si>
  <si>
    <t>\\acsfs\profiles$\vivianibfs\Downloads\245f8eee-b07d-4f8e-9944-439001345ba3.tmp</t>
  </si>
  <si>
    <t>12/30/2019 15:02:37</t>
  </si>
  <si>
    <t>https://udpmailboxap01/h/search?si=1&amp;so=0&amp;sc=57438&amp;st=conversation&amp;action=compose&amp;paction=paneview</t>
  </si>
  <si>
    <t>12/30/2019 15:02:52</t>
  </si>
  <si>
    <t>12/30/2019 15:06:11</t>
  </si>
  <si>
    <t>https://udpmailboxap01/h/search?si=1&amp;so=0&amp;sc=57438&amp;st=conversation&amp;action=compose&amp;paction=compose</t>
  </si>
  <si>
    <t>wedersonbadr@bv.algartech.com;</t>
  </si>
  <si>
    <t>https://wedersonbadr@bv.algartech.com</t>
  </si>
  <si>
    <t>12/30/2019 15:06:28</t>
  </si>
  <si>
    <t>https://udpmailboxap01/h/search?si=0&amp;so=0&amp;sc=57462&amp;sfi=5&amp;st=conversation&amp;action=compose&amp;id=1901&amp;paction=view&amp;rf=html&amp;op=forward</t>
  </si>
  <si>
    <t>12/30/2019 15:03:28</t>
  </si>
  <si>
    <t>12/30/2019 15:05:03</t>
  </si>
  <si>
    <t>092258ae-8c94-4498-aa9f-c946be6044b1.tmp</t>
  </si>
  <si>
    <t>\\acsfs\profiles$\victoriaksr\Downloads\092258ae-8c94-4498-aa9f-c946be6044b1.tmp</t>
  </si>
  <si>
    <t>12/30/2019 15:04:22</t>
  </si>
  <si>
    <t>12/30/2019 15:08:30</t>
  </si>
  <si>
    <t>12/30/2019 15:07:05</t>
  </si>
  <si>
    <t>12/30/2019 15:07:41</t>
  </si>
  <si>
    <t>12/30/2019 15:03:21</t>
  </si>
  <si>
    <t>3f25fdf0-1c8b-4386-97ac-ba3de3fd8507.tmp</t>
  </si>
  <si>
    <t>\\acsfs\profiles$\erichds\Downloads\3f25fdf0-1c8b-4386-97ac-ba3de3fd8507.tmp</t>
  </si>
  <si>
    <t>12/30/2019 15:08:07</t>
  </si>
  <si>
    <t>9a8b9a9e-3945-41b0-a99e-2a8230b2e132.tmp</t>
  </si>
  <si>
    <t>\\acsfs\profiles$\erichds\Downloads\9a8b9a9e-3945-41b0-a99e-2a8230b2e132.tmp</t>
  </si>
  <si>
    <t>12/30/2019 15:08:10</t>
  </si>
  <si>
    <t>12/30/2019 15:09:29</t>
  </si>
  <si>
    <t>12/30/2019 15:08:11</t>
  </si>
  <si>
    <t>lu277206qsdlh.tmp</t>
  </si>
  <si>
    <t>\\acsfs\profiles$\ISABELLEGTDS\Nova pasta\lu277206qsdlh.tmp</t>
  </si>
  <si>
    <t>\\acsfs\profiles$\ISABELLEGTDS\Nova pasta\lu277206qsdlh.tmp\</t>
  </si>
  <si>
    <t>\\acsfs\profiles$\ISABELLEGTDS\Nova pasta\lu277206qsdlh.tmp\META-INF\</t>
  </si>
  <si>
    <t>\\acsfs\profiles$\ISABELLEGTDS\Nova pasta\lu277206qsdlh.tmp\Thumbnails\</t>
  </si>
  <si>
    <t>\\acsfs\profiles$\anacdos\Downloads\</t>
  </si>
  <si>
    <t>75a50baa-d377-4659-82d7-30e4f1e7fe36.tmp</t>
  </si>
  <si>
    <t>\\acsfs\profiles$\anacdos\Downloads\75a50baa-d377-4659-82d7-30e4f1e7fe36.tmp</t>
  </si>
  <si>
    <t>12/30/2019 15:10:30</t>
  </si>
  <si>
    <t>12/30/2019 15:06:05</t>
  </si>
  <si>
    <t>12/30/2019 15:08:23</t>
  </si>
  <si>
    <t>12/30/2019 15:08:25</t>
  </si>
  <si>
    <t>12/30/2019 15:05:15</t>
  </si>
  <si>
    <t>2a5497ce-e45e-408f-ad49-7016ab69d5b3.tmp</t>
  </si>
  <si>
    <t>\\acsfs\profiles$\JOAOVAL\Downloads\2a5497ce-e45e-408f-ad49-7016ab69d5b3.tmp</t>
  </si>
  <si>
    <t>12/30/2019 15:07:44</t>
  </si>
  <si>
    <t>12/30/2019 15:07:45</t>
  </si>
  <si>
    <t>lu246123wyp8g.tmp</t>
  </si>
  <si>
    <t>\\acsfs\profiles$\FLAVIOJMM\My Documents\lu246123wyp8g.tmp</t>
  </si>
  <si>
    <t>\\acsfs\profiles$\FLAVIOJMM\My Documents\lu246123wyp8g.tmp\</t>
  </si>
  <si>
    <t>\\acsfs\profiles$\FLAVIOJMM\My Documents\lu246123wyp8g.tmp\META-INF\</t>
  </si>
  <si>
    <t>\\acsfs\profiles$\FLAVIOJMM\My Documents\lu246123wyp8g.tmp\Thumbnails\</t>
  </si>
  <si>
    <t>12/30/2019 15:05:48</t>
  </si>
  <si>
    <t>7d68edc7-d4c6-4686-a956-d790c7e938fd.tmp</t>
  </si>
  <si>
    <t>\\acsfs\profiles$\mariagsg\Downloads\7d68edc7-d4c6-4686-a956-d790c7e938fd.tmp</t>
  </si>
  <si>
    <t>12/30/2019 15:05:46</t>
  </si>
  <si>
    <t>08b9525c-3346-478a-93d7-2017c5271a57.tmp</t>
  </si>
  <si>
    <t>\\acsfs\profiles$\henriqueco\Downloads\08b9525c-3346-478a-93d7-2017c5271a57.tmp</t>
  </si>
  <si>
    <t>12/30/2019 15:11:29</t>
  </si>
  <si>
    <t>12/30/2019 15:08:45</t>
  </si>
  <si>
    <t>12/30/2019 15:06:47</t>
  </si>
  <si>
    <t>12/30/2019 15:07:17</t>
  </si>
  <si>
    <t>12/30/2019 15:07:47</t>
  </si>
  <si>
    <t>12/30/2019 15:08:17</t>
  </si>
  <si>
    <t>12/30/2019 15:09:17</t>
  </si>
  <si>
    <t>12/30/2019 15:08:21</t>
  </si>
  <si>
    <t>12/30/2019 15:09:55</t>
  </si>
  <si>
    <t>4f945739-8f2c-44da-b928-c2a9a0a37fbd.tmp</t>
  </si>
  <si>
    <t>\\acsfs\profiles$\wedersonbadr\My Documents\My Music\4f945739-8f2c-44da-b928-c2a9a0a37fbd.tmp</t>
  </si>
  <si>
    <t>12/30/2019 15:12:11</t>
  </si>
  <si>
    <t>12/30/2019 15:13:30</t>
  </si>
  <si>
    <t>12/30/2019 15:11:45</t>
  </si>
  <si>
    <t>12/30/2019 15:12:23</t>
  </si>
  <si>
    <t>12/30/2019 15:10:27</t>
  </si>
  <si>
    <t>12/30/2019 15:08:51</t>
  </si>
  <si>
    <t>12/30/2019 15:14:30</t>
  </si>
  <si>
    <t>.~lock.isabelle 30.12.19.ods#</t>
  </si>
  <si>
    <t>\\acsfs\profiles$\ISABELLEGTDS\Nova pasta\.~lock.isabelle 30.12.19.ods#</t>
  </si>
  <si>
    <t>lu277206qsdlm.tmp</t>
  </si>
  <si>
    <t>\\acsfs\profiles$\ISABELLEGTDS\Nova pasta\lu277206qsdlm.tmp</t>
  </si>
  <si>
    <t>\\acsfs\profiles$\ISABELLEGTDS\Nova pasta\lu277206qsdlm.tmp\</t>
  </si>
  <si>
    <t>\\acsfs\profiles$\ISABELLEGTDS\Nova pasta\lu277206qsdlm.tmp\META-INF\</t>
  </si>
  <si>
    <t>\\acsfs\profiles$\ISABELLEGTDS\Nova pasta\lu277206qsdlm.tmp\Thumbnails\</t>
  </si>
  <si>
    <t>12/30/2019 15:13:24</t>
  </si>
  <si>
    <t>andreialsr@algartech.com.br;</t>
  </si>
  <si>
    <t>IDs Novatos</t>
  </si>
  <si>
    <t>Formulário TTV - Criação de Agente (1).xlsx</t>
  </si>
  <si>
    <t>andreialsr@algartech.com.br</t>
  </si>
  <si>
    <t>12/30/2019 15:11:05</t>
  </si>
  <si>
    <t>12/30/2019 15:15:31</t>
  </si>
  <si>
    <t>12/30/2019 15:14:05</t>
  </si>
  <si>
    <t>12/30/2019 15:13:45</t>
  </si>
  <si>
    <t>12/30/2019 15:16:31</t>
  </si>
  <si>
    <t>12/30/2019 15:14:45</t>
  </si>
  <si>
    <t>12/30/2019 15:13:01</t>
  </si>
  <si>
    <t>12/30/2019 15:13:28</t>
  </si>
  <si>
    <t>12/30/2019 15:13:57</t>
  </si>
  <si>
    <t>12/30/2019 15:14:00</t>
  </si>
  <si>
    <t>12/30/2019 15:14:58</t>
  </si>
  <si>
    <t>12/30/2019 15:15:26</t>
  </si>
  <si>
    <t>12/30/2019 15:15:27</t>
  </si>
  <si>
    <t>lu291723yusde.tmp</t>
  </si>
  <si>
    <t>\\acsfs\profiles$\LUISPLS\My Documents\Nova pasta\lu291723yusde.tmp</t>
  </si>
  <si>
    <t>12/30/2019 15:15:32</t>
  </si>
  <si>
    <t>lu291723yusdo.tmp</t>
  </si>
  <si>
    <t>\\acsfs\profiles$\LUISPLS\My Documents\Nova pasta\lu291723yusdo.tmp</t>
  </si>
  <si>
    <t>12/30/2019 15:11:30</t>
  </si>
  <si>
    <t>lu138252cioo0j.tmp</t>
  </si>
  <si>
    <t>\\acsfs\profiles$\geovanaasa\My Documents\lu138252cioo0j.tmp</t>
  </si>
  <si>
    <t>\\acsfs\profiles$\geovanaasa\My Documents\lu138252cioo0j.tmp\</t>
  </si>
  <si>
    <t>\\acsfs\profiles$\geovanaasa\My Documents\lu138252cioo0j.tmp\META-INF\</t>
  </si>
  <si>
    <t>\\acsfs\profiles$\geovanaasa\My Documents\lu138252cioo0j.tmp\Thumbnails\</t>
  </si>
  <si>
    <t>12/30/2019 15:12:07</t>
  </si>
  <si>
    <t>12/30/2019 15:12:47</t>
  </si>
  <si>
    <t>12/30/2019 15:17:31</t>
  </si>
  <si>
    <t>12/30/2019 15:15:53</t>
  </si>
  <si>
    <t>3e91181b-a881-47b9-b634-21c827c60dd8.tmp</t>
  </si>
  <si>
    <t>\\acsfs\profiles$\laurandos\Downloads\3e91181b-a881-47b9-b634-21c827c60dd8.tmp</t>
  </si>
  <si>
    <t>12/30/2019 15:13:56</t>
  </si>
  <si>
    <t>12/30/2019 15:18:31</t>
  </si>
  <si>
    <t>lu25484420ert.tmp</t>
  </si>
  <si>
    <t>\\acsfs\profiles$\LUCASBS\RENEG BV\lu25484420ert.tmp</t>
  </si>
  <si>
    <t>\\acsfs\profiles$\LUCASBS\RENEG BV\lu25484420ert.tmp\</t>
  </si>
  <si>
    <t>\\acsfs\profiles$\LUCASBS\RENEG BV\lu25484420ert.tmp\META-INF\</t>
  </si>
  <si>
    <t>\\acsfs\profiles$\LUCASBS\RENEG BV\lu25484420ert.tmp\Thumbnails\</t>
  </si>
  <si>
    <t>12/30/2019 15:14:48</t>
  </si>
  <si>
    <t>.~lock.RENEG BV - 27.12 - Venc 28.12.2019 - Lucas.ods#</t>
  </si>
  <si>
    <t>\\acsfs\profiles$\LUCASBS\RENEG BV\.~lock.RENEG BV - 27.12 - Venc 28.12.2019 - Lucas.ods#</t>
  </si>
  <si>
    <t>12/30/2019 15:15:23</t>
  </si>
  <si>
    <t>.~lock.RENEG BV - Venc 26.12.2019.ods#</t>
  </si>
  <si>
    <t>\\acsfs\profiles$\LUCASBS\RENEG BV\.~lock.RENEG BV - Venc 26.12.2019.ods#</t>
  </si>
  <si>
    <t>12/30/2019 15:16:24</t>
  </si>
  <si>
    <t>.~lock.RENEG BV - Venc 26.12.2019 - Lucas.ods#</t>
  </si>
  <si>
    <t>\\acsfs\profiles$\LUCASBS\RENEG BV\.~lock.RENEG BV - Venc 26.12.2019 - Lucas.ods#</t>
  </si>
  <si>
    <t>12/30/2019 15:16:25</t>
  </si>
  <si>
    <t>lu391884a5kdg.tmp</t>
  </si>
  <si>
    <t>\\acsfs\profiles$\LUCASBS\RENEG BV\lu391884a5kdg.tmp</t>
  </si>
  <si>
    <t>\\acsfs\profiles$\LUCASBS\RENEG BV\lu391884a5kdg.tmp\</t>
  </si>
  <si>
    <t>\\acsfs\profiles$\LUCASBS\RENEG BV\lu391884a5kdg.tmp\META-INF\</t>
  </si>
  <si>
    <t>\\acsfs\profiles$\LUCASBS\RENEG BV\lu391884a5kdg.tmp\Thumbnails\</t>
  </si>
  <si>
    <t>12/30/2019 15:17:01</t>
  </si>
  <si>
    <t>\\acsfs\profiles$\LUCASBS\RENEG BV\.~lock.RENEG BV 23-12.ods#</t>
  </si>
  <si>
    <t>12/30/2019 15:16:59</t>
  </si>
  <si>
    <t>C:\Users\diegoals\Grupo Algar\OneDrive - Grupo Algar\SD\ginastica laboral.zip\ginastica laboral\</t>
  </si>
  <si>
    <t>Gin stica Laboral.xls</t>
  </si>
  <si>
    <t>12/30/2019 15:17:00</t>
  </si>
  <si>
    <t>C:\Users\diegoals\Grupo Algar\OneDrive - Grupo Algar\SD\CURSO - EXCELÊNCIA NO ATENDIMENTO 1.ppt\s4\</t>
  </si>
  <si>
    <t>12/30/2019 15:14:29</t>
  </si>
  <si>
    <t>12/30/2019 15:15:06</t>
  </si>
  <si>
    <t>12/30/2019 15:15:40</t>
  </si>
  <si>
    <t>12/30/2019 15:14:34</t>
  </si>
  <si>
    <t>12/30/2019 15:14:51</t>
  </si>
  <si>
    <t>be541baf-9a24-4f28-bd0b-0d6abbac1ec7.tmp</t>
  </si>
  <si>
    <t>\\acsfs\profiles$\ingridsm\Downloads\be541baf-9a24-4f28-bd0b-0d6abbac1ec7.tmp</t>
  </si>
  <si>
    <t>12/30/2019 15:16:56</t>
  </si>
  <si>
    <t>12/30/2019 15:16:37</t>
  </si>
  <si>
    <t>12/30/2019 15:16:38</t>
  </si>
  <si>
    <t>lu118604l6x.tmp</t>
  </si>
  <si>
    <t>\\acsfs\profiles$\CLAUDIAJCA\lu118604l6x.tmp</t>
  </si>
  <si>
    <t>\\acsfs\profiles$\CLAUDIAJCA\lu118604l6x.tmp\</t>
  </si>
  <si>
    <t>\\acsfs\profiles$\CLAUDIAJCA\lu118604l6x.tmp\META-INF\</t>
  </si>
  <si>
    <t>\\acsfs\profiles$\CLAUDIAJCA\lu118604l6x.tmp\Thumbnails\</t>
  </si>
  <si>
    <t>12/30/2019 15:16:39</t>
  </si>
  <si>
    <t>12/30/2019 15:19:31</t>
  </si>
  <si>
    <t>456695ae-4f3b-4723-b3d5-1bc720b4b056.tmp</t>
  </si>
  <si>
    <t>\\acsfs\profiles$\gabrieleods\Downloads\456695ae-4f3b-4723-b3d5-1bc720b4b056.tmp</t>
  </si>
  <si>
    <t>12/30/2019 15:19:13</t>
  </si>
  <si>
    <t>58911ff3-3c8d-4889-9798-f956da1c1087.tmp</t>
  </si>
  <si>
    <t>\\acsfs\profiles$\gabrieleods\Downloads\58911ff3-3c8d-4889-9798-f956da1c1087.tmp</t>
  </si>
  <si>
    <t>12/30/2019 15:19:15</t>
  </si>
  <si>
    <t>927f724c-a368-4cdb-ac6f-8a6742685be8.tmp</t>
  </si>
  <si>
    <t>\\acsfs\profiles$\gabrieleods\Downloads\927f724c-a368-4cdb-ac6f-8a6742685be8.tmp</t>
  </si>
  <si>
    <t>12/30/2019 15:17:05</t>
  </si>
  <si>
    <t>12/30/2019 15:20:31</t>
  </si>
  <si>
    <t>12/30/2019 15:18:40</t>
  </si>
  <si>
    <t>12/30/2019 15:19:45</t>
  </si>
  <si>
    <t>12/30/2019 15:21:31</t>
  </si>
  <si>
    <t>12/30/2019 15:20:14</t>
  </si>
  <si>
    <t>12/30/2019 15:20:32</t>
  </si>
  <si>
    <t>12/30/2019 15:19:47</t>
  </si>
  <si>
    <t>12/30/2019 15:20:17</t>
  </si>
  <si>
    <t>12/30/2019 15:17:57</t>
  </si>
  <si>
    <t>12/30/2019 15:22:31</t>
  </si>
  <si>
    <t>12/30/2019 15:17:44</t>
  </si>
  <si>
    <t>9c4938f4-5f06-44b1-a1a4-75e56342fbd6.tmp</t>
  </si>
  <si>
    <t>\\acsfs\profiles$\laurandos\Downloads\9c4938f4-5f06-44b1-a1a4-75e56342fbd6.tmp</t>
  </si>
  <si>
    <t>12/30/2019 15:18:23</t>
  </si>
  <si>
    <t>12/30/2019 15:23:32</t>
  </si>
  <si>
    <t>.~lock.RENEG BV - 30.12 - Venc 01.01.2019 - Lucas.ods#</t>
  </si>
  <si>
    <t>\\acsfs\profiles$\LUCASBS\RENEG BV\.~lock.RENEG BV - 30.12 - Venc 01.01.2019 - Lucas.ods#</t>
  </si>
  <si>
    <t>12/30/2019 15:18:47</t>
  </si>
  <si>
    <t>12/30/2019 15:18:48</t>
  </si>
  <si>
    <t>lu392284a9f5b.tmp</t>
  </si>
  <si>
    <t>\\acsfs\profiles$\LUCASBS\RENEG BV\lu392284a9f5b.tmp</t>
  </si>
  <si>
    <t>\\acsfs\profiles$\LUCASBS\RENEG BV\lu392284a9f5b.tmp\</t>
  </si>
  <si>
    <t>\\acsfs\profiles$\LUCASBS\RENEG BV\lu392284a9f5b.tmp\META-INF\</t>
  </si>
  <si>
    <t>\\acsfs\profiles$\LUCASBS\RENEG BV\lu392284a9f5b.tmp\Thumbnails\</t>
  </si>
  <si>
    <t>12/30/2019 15:18:56</t>
  </si>
  <si>
    <t>12/30/2019 15:19:16</t>
  </si>
  <si>
    <t>\\acsfs\profiles$\LUCASBS\RENEG BV\.~lock.RENEG BV.ods#</t>
  </si>
  <si>
    <t>12/30/2019 15:20:26</t>
  </si>
  <si>
    <t>12/30/2019 15:17:50</t>
  </si>
  <si>
    <t>12/30/2019 15:18:24</t>
  </si>
  <si>
    <t>12/30/2019 15:22:16</t>
  </si>
  <si>
    <t>12/30/2019 15:23:22</t>
  </si>
  <si>
    <t>12/30/2019 15:24:31</t>
  </si>
  <si>
    <t>12/30/2019 15:19:01</t>
  </si>
  <si>
    <t>a195740b-a3ae-4f0e-9374-923d0237ed58.tmp</t>
  </si>
  <si>
    <t>\\acsfs\profiles$\mariellecs\Downloads\a195740b-a3ae-4f0e-9374-923d0237ed58.tmp</t>
  </si>
  <si>
    <t>12/30/2019 15:21:52</t>
  </si>
  <si>
    <t>https://www.portalfornecedores.tim.com.br/sap/bc/webdynpro/sap/zwd_cf/;sap-ext-sid=negx55boiw8eg6z5ws8ldw--uigguopy2ngb0uh50xxbnq--/~wd_key/?sap-contextid=sid:anon:hsapp1s_p1s_00:2fd4yfwind6j7e7xdi9szl31cijhzbpfqvbdmbov-new&amp;sap-wd-resource-id=wd24&amp;sap-wd-secure-id=458c5fa9e49b1d4d064d9e6eec60639e</t>
  </si>
  <si>
    <t>Pedidos - 2019-12-30T152048.122.csv</t>
  </si>
  <si>
    <t>12/30/2019 15:20:05</t>
  </si>
  <si>
    <t>12/30/2019 15:25:31</t>
  </si>
  <si>
    <t>12/30/2019 15:22:08</t>
  </si>
  <si>
    <t>12/30/2019 15:22:23</t>
  </si>
  <si>
    <t>12/30/2019 15:22:35</t>
  </si>
  <si>
    <t>12/30/2019 15:23:05</t>
  </si>
  <si>
    <t>12/30/2019 15:23:09</t>
  </si>
  <si>
    <t>12/30/2019 15:24:28</t>
  </si>
  <si>
    <t>12/30/2019 15:21:28</t>
  </si>
  <si>
    <t>12/30/2019 15:24:37</t>
  </si>
  <si>
    <t>8c83d078-63bd-4d78-ad01-4caba8decc68.tmp</t>
  </si>
  <si>
    <t>\\acsfs\profiles$\henriqueco\Downloads\8c83d078-63bd-4d78-ad01-4caba8decc68.tmp</t>
  </si>
  <si>
    <t>12/30/2019 15:20:45</t>
  </si>
  <si>
    <t>12/30/2019 15:26:31</t>
  </si>
  <si>
    <t>12/30/2019 15:20:54</t>
  </si>
  <si>
    <t>12/30/2019 15:20:47</t>
  </si>
  <si>
    <t>12/30/2019 15:21:17</t>
  </si>
  <si>
    <t>12/30/2019 15:22:48</t>
  </si>
  <si>
    <t>12/30/2019 15:22:49</t>
  </si>
  <si>
    <t>12/30/2019 15:23:35</t>
  </si>
  <si>
    <t>12/30/2019 15:26:09</t>
  </si>
  <si>
    <t>12/30/2019 15:27:31</t>
  </si>
  <si>
    <t>12/30/2019 15:25:10</t>
  </si>
  <si>
    <t>12/30/2019 15:23:38</t>
  </si>
  <si>
    <t>12/30/2019 15:28:31</t>
  </si>
  <si>
    <t>12/30/2019 15:24:12</t>
  </si>
  <si>
    <t>12/30/2019 15:23:16</t>
  </si>
  <si>
    <t>0fa4d84c-de62-4651-a154-262020c5909a.tmp</t>
  </si>
  <si>
    <t>\\acsfs\profiles$\matheushds\Downloads\0fa4d84c-de62-4651-a154-262020c5909a.tmp</t>
  </si>
  <si>
    <t>12/30/2019 15:26:56</t>
  </si>
  <si>
    <t>64ad6a48-e659-4468-9ef6-645b6d1495a8.tmp</t>
  </si>
  <si>
    <t>\\acsfs\profiles$\THYAGOSP\Downloads\64ad6a48-e659-4468-9ef6-645b6d1495a8.tmp</t>
  </si>
  <si>
    <t>12/30/2019 15:24:34</t>
  </si>
  <si>
    <t>12/30/2019 15:30:31</t>
  </si>
  <si>
    <t>12/30/2019 15:24:41</t>
  </si>
  <si>
    <t>12/30/2019 15:26:05</t>
  </si>
  <si>
    <t>12/30/2019 15:29:05</t>
  </si>
  <si>
    <t>12/30/2019 15:25:45</t>
  </si>
  <si>
    <t>12/30/2019 15:31:31</t>
  </si>
  <si>
    <t>12/30/2019 15:26:45</t>
  </si>
  <si>
    <t>12/30/2019 15:26:46</t>
  </si>
  <si>
    <t>12/30/2019 15:27:48</t>
  </si>
  <si>
    <t>12/30/2019 15:28:35</t>
  </si>
  <si>
    <t>12/30/2019 15:28:42</t>
  </si>
  <si>
    <t>12/30/2019 15:30:15</t>
  </si>
  <si>
    <t>8399b424-3476-431a-b812-81d5e4f94ead.tmp</t>
  </si>
  <si>
    <t>\\acsfs\profiles$\alinepp\Downloads\8399b424-3476-431a-b812-81d5e4f94ead.tmp</t>
  </si>
  <si>
    <t>12/30/2019 15:31:59</t>
  </si>
  <si>
    <t>12/30/2019 15:32:31</t>
  </si>
  <si>
    <t>72bc936f-deef-47e0-a3c2-d484cdf2539c.tmp</t>
  </si>
  <si>
    <t>\\acsfs\profiles$\andrezacapf\Downloads\72bc936f-deef-47e0-a3c2-d484cdf2539c.tmp</t>
  </si>
  <si>
    <t>12/30/2019 15:31:21</t>
  </si>
  <si>
    <t>12/30/2019 15:33:31</t>
  </si>
  <si>
    <t>12/30/2019 15:31:54</t>
  </si>
  <si>
    <t>12/30/2019 15:30:11</t>
  </si>
  <si>
    <t>12/30/2019 15:34:31</t>
  </si>
  <si>
    <t>12/30/2019 15:30:19</t>
  </si>
  <si>
    <t>12/30/2019 15:30:41</t>
  </si>
  <si>
    <t>12/30/2019 15:32:05</t>
  </si>
  <si>
    <t>12/30/2019 15:35:32</t>
  </si>
  <si>
    <t>12/30/2019 15:31:53</t>
  </si>
  <si>
    <t>0b178fb5-325f-4669-95b2-d3f5947925c2.tmp</t>
  </si>
  <si>
    <t>\\acsfs\profiles$\andreapdsg\Downloads\0b178fb5-325f-4669-95b2-d3f5947925c2.tmp</t>
  </si>
  <si>
    <t>12/30/2019 15:31:55</t>
  </si>
  <si>
    <t>12/30/2019 15:32:25</t>
  </si>
  <si>
    <t>12/30/2019 15:31:49</t>
  </si>
  <si>
    <t>12/30/2019 15:36:31</t>
  </si>
  <si>
    <t>TALITA SANTOS SILVA CASTRO (2066).contact</t>
  </si>
  <si>
    <t>\\acsfs\profiles$\talitassc\Contacts\TALITA SANTOS SILVA CASTRO (2066).contact</t>
  </si>
  <si>
    <t>12/30/2019 15:32:06</t>
  </si>
  <si>
    <t>12/30/2019 15:32:07</t>
  </si>
  <si>
    <t>12/30/2019 15:32:08</t>
  </si>
  <si>
    <t>12/30/2019 15:32:09</t>
  </si>
  <si>
    <t>12/30/2019 15:32:10</t>
  </si>
  <si>
    <t>12/30/2019 15:32:11</t>
  </si>
  <si>
    <t>12/30/2019 15:32:12</t>
  </si>
  <si>
    <t>12/30/2019 15:30:46</t>
  </si>
  <si>
    <t>c1407aea-6a78-460b-9efd-125a0547e9a9.tmp</t>
  </si>
  <si>
    <t>\\acsfs\profiles$\larissaad\Downloads\c1407aea-6a78-460b-9efd-125a0547e9a9.tmp</t>
  </si>
  <si>
    <t>12/30/2019 15:32:13</t>
  </si>
  <si>
    <t>12/30/2019 15:32:43</t>
  </si>
  <si>
    <t>12/30/2019 15:32:44</t>
  </si>
  <si>
    <t>12/30/2019 15:31:45</t>
  </si>
  <si>
    <t>12/30/2019 15:32:45</t>
  </si>
  <si>
    <t>12/30/2019 15:32:17</t>
  </si>
  <si>
    <t>12/30/2019 15:32:47</t>
  </si>
  <si>
    <t>12/30/2019 15:33:17</t>
  </si>
  <si>
    <t>12/30/2019 15:33:47</t>
  </si>
  <si>
    <t>12/30/2019 15:34:47</t>
  </si>
  <si>
    <t>12/30/2019 15:35:17</t>
  </si>
  <si>
    <t>12/30/2019 15:33:22</t>
  </si>
  <si>
    <t>10.12.242.91</t>
  </si>
  <si>
    <t>12/30/2019 15:34:00</t>
  </si>
  <si>
    <t>f9eb5121-830a-488c-9b03-63353997bc34.tmp</t>
  </si>
  <si>
    <t>\\acsfs\profiles$\myllenardl\Downloads\f9eb5121-830a-488c-9b03-63353997bc34.tmp</t>
  </si>
  <si>
    <t>12/30/2019 15:34:13</t>
  </si>
  <si>
    <t>12/30/2019 15:35:20</t>
  </si>
  <si>
    <t>b2383c62-a95d-41af-ac29-84c0d729ec67.tmp</t>
  </si>
  <si>
    <t>\\acsfs\profiles$\myllenardl\Downloads\b2383c62-a95d-41af-ac29-84c0d729ec67.tmp</t>
  </si>
  <si>
    <t>12/30/2019 15:31:20</t>
  </si>
  <si>
    <t>6d6e85ea-b67c-4e8c-a7b2-8f7e953f853b.tmp</t>
  </si>
  <si>
    <t>\\acsfs\profiles$\websondsa\Downloads\6d6e85ea-b67c-4e8c-a7b2-8f7e953f853b.tmp</t>
  </si>
  <si>
    <t>12/30/2019 15:37:31</t>
  </si>
  <si>
    <t>kelvinab@algartech.com;paulocruz@algartech.com;rpdoliveira@timbrasil.com.br;</t>
  </si>
  <si>
    <t>C:\A2\PAULAO\TIM\PENALIDADES\2019\SETEMBRO\</t>
  </si>
  <si>
    <t>Cabos LD - Setembro.2019 - CONSOLIDADO.xlsx</t>
  </si>
  <si>
    <t>kelvinab@algartech.com,paulocruz@algartech.com,rpdoliveira@timbrasil.com.br</t>
  </si>
  <si>
    <t>12/30/2019 15:35:43</t>
  </si>
  <si>
    <t>78869eb2-f8cd-421c-b4c3-122e3cfe4b6c.tmp</t>
  </si>
  <si>
    <t>\\acsfs\profiles$\gabrielarb\Downloads\78869eb2-f8cd-421c-b4c3-122e3cfe4b6c.tmp</t>
  </si>
  <si>
    <t>12/30/2019 15:36:59</t>
  </si>
  <si>
    <t>3c3289ae-900d-43a7-82e9-45a5833cb267.tmp</t>
  </si>
  <si>
    <t>\\acsfs\profiles$\layonmof\Downloads\3c3289ae-900d-43a7-82e9-45a5833cb267.tmp</t>
  </si>
  <si>
    <t>c8ec202c-59f9-4306-9cbe-c6a9a44235fb.tmp</t>
  </si>
  <si>
    <t>\\acsfs\profiles$\maxmillianosv\Downloads\c8ec202c-59f9-4306-9cbe-c6a9a44235fb.tmp</t>
  </si>
  <si>
    <t>12/30/2019 15:33:11</t>
  </si>
  <si>
    <t>12/30/2019 15:38:31</t>
  </si>
  <si>
    <t>12/30/2019 15:33:46</t>
  </si>
  <si>
    <t>12/30/2019 15:34:26</t>
  </si>
  <si>
    <t>12/30/2019 15:35:00</t>
  </si>
  <si>
    <t>12/30/2019 15:35:36</t>
  </si>
  <si>
    <t>12/30/2019 15:36:12</t>
  </si>
  <si>
    <t>12/30/2019 15:34:41</t>
  </si>
  <si>
    <t>12/30/2019 15:39:31</t>
  </si>
  <si>
    <t>/o=exchangelabs/ou=exchange administrative group (fydibohf23spdlt)/cn=recipients/cn=44cb5fec0bb34441a6c9a2b533493901-amex atuali;</t>
  </si>
  <si>
    <t>Renomear IDs</t>
  </si>
  <si>
    <t>Formulário TTV - Criação de Agente - Renoemar IDs.xlsx</t>
  </si>
  <si>
    <t>/o=exchangelabs/ou=exchange administrative group (fydibohf23spdlt)/cn=recipients/cn=44cb5fec0bb34441a6c9a2b533493901-amex atuali</t>
  </si>
  <si>
    <t>12/30/2019 15:35:05</t>
  </si>
  <si>
    <t>12/30/2019 15:40:31</t>
  </si>
  <si>
    <t>12/30/2019 15:38:05</t>
  </si>
  <si>
    <t>12/30/2019 15:36:10</t>
  </si>
  <si>
    <t>andrelpsa@algartech.com;eliane.martins@bv.com.br;gabrielsma@bv.algartech.com;jose.gomes@bv.com.br;supervisaobancovotorantim@algartech.com;</t>
  </si>
  <si>
    <t>andrelpsa@algartech.com,eliane.martins@bv.com.br,gabrielsma@bv.algartech.com,jose.gomes@bv.com.br,supervisaobancovotorantim@algartech.com</t>
  </si>
  <si>
    <t>12/30/2019 15:36:19</t>
  </si>
  <si>
    <t>12/30/2019 15:38:20</t>
  </si>
  <si>
    <t>ulog_AcroARM2_Reader_3b8210f9-3618-47e4-b9cc-5aaaba62831a_62b64b19-bfe3-46ba-81f8-c9fb0523747f_0.log</t>
  </si>
  <si>
    <t>C:\Users\flaviacno\AppData\Roaming\Adobe\LogTransport2\Logs\ulog_AcroARM2_Reader_3b8210f9-3618-47e4-b9cc-5aaaba62831a_62b64b19-bfe3-46ba-81f8-c9fb0523747f_0.log\</t>
  </si>
  <si>
    <t>12/30/2019 15:36:25</t>
  </si>
  <si>
    <t>27b56785-cdda-44c5-b878-fc8a0ea078dc.tmp</t>
  </si>
  <si>
    <t>\\acsfs\profiles$\nathaliarmr\Downloads\27b56785-cdda-44c5-b878-fc8a0ea078dc.tmp</t>
  </si>
  <si>
    <t>12/30/2019 15:36:38</t>
  </si>
  <si>
    <t>12/30/2019 15:37:45</t>
  </si>
  <si>
    <t>12/30/2019 15:41:31</t>
  </si>
  <si>
    <t>12/30/2019 15:38:45</t>
  </si>
  <si>
    <t>12/30/2019 15:38:47</t>
  </si>
  <si>
    <t>12/30/2019 15:37:00</t>
  </si>
  <si>
    <t>12/30/2019 15:42:32</t>
  </si>
  <si>
    <t>paulocruz@algartech.com;</t>
  </si>
  <si>
    <t>C:\A2\PAULAO\TIM\EXCEDENTES\2019\SETEMBRO\</t>
  </si>
  <si>
    <t>Acionamentos_Excedentes setembro 2019 -CONSOLIDADO.xlsx</t>
  </si>
  <si>
    <t>12/30/2019 15:40:24</t>
  </si>
  <si>
    <t>8d4c236f-0eba-4b47-a581-bb0554e82b64.tmp</t>
  </si>
  <si>
    <t>\\acsfs\profiles$\gabrielarb\Downloads\8d4c236f-0eba-4b47-a581-bb0554e82b64.tmp</t>
  </si>
  <si>
    <t>12/30/2019 15:39:06</t>
  </si>
  <si>
    <t>12/30/2019 15:39:07</t>
  </si>
  <si>
    <t>lu74724aethjs.tmp</t>
  </si>
  <si>
    <t>\\acsfs\profiles$\jonatanls\My Documents\lu74724aethjs.tmp</t>
  </si>
  <si>
    <t>12/30/2019 15:40:05</t>
  </si>
  <si>
    <t>9deffa98-961f-482b-ae2f-e1f04ddfa8c1.tmp</t>
  </si>
  <si>
    <t>\\acsfs\profiles$\gabrielamdp\Downloads\9deffa98-961f-482b-ae2f-e1f04ddfa8c1.tmp</t>
  </si>
  <si>
    <t>12/30/2019 15:42:51</t>
  </si>
  <si>
    <t>12/30/2019 15:43:32</t>
  </si>
  <si>
    <t>dcc0902e-1cca-4ab1-9210-cc65b4e7f2a1.tmp</t>
  </si>
  <si>
    <t>\\acsfs\profiles$\LAISLG\Downloads\dcc0902e-1cca-4ab1-9210-cc65b4e7f2a1.tmp</t>
  </si>
  <si>
    <t>12/30/2019 15:41:46</t>
  </si>
  <si>
    <t>0a1b5155-67cb-4bfd-a3d4-4589d286db5b.tmp</t>
  </si>
  <si>
    <t>\\acsfs\profiles$\georgendsq\Downloads\0a1b5155-67cb-4bfd-a3d4-4589d286db5b.tmp</t>
  </si>
  <si>
    <t>12/30/2019 15:42:22</t>
  </si>
  <si>
    <t>12/30/2019 15:44:32</t>
  </si>
  <si>
    <t>12/30/2019 15:41:28</t>
  </si>
  <si>
    <t>NAYARA NERY ARAUJO OLIVEIRA (19).contact</t>
  </si>
  <si>
    <t>\\acsfs\profiles$\nayaranao\Contacts\NAYARA NERY ARAUJO OLIVEIRA (19).contact</t>
  </si>
  <si>
    <t>12/30/2019 15:41:29</t>
  </si>
  <si>
    <t>12/30/2019 15:41:39</t>
  </si>
  <si>
    <t>12/30/2019 15:41:40</t>
  </si>
  <si>
    <t>12/30/2019 15:41:41</t>
  </si>
  <si>
    <t>12/30/2019 15:41:42</t>
  </si>
  <si>
    <t>12/30/2019 15:41:43</t>
  </si>
  <si>
    <t>12/30/2019 15:41:44</t>
  </si>
  <si>
    <t>12/30/2019 15:41:45</t>
  </si>
  <si>
    <t>12/30/2019 15:41:47</t>
  </si>
  <si>
    <t>\\acsfs\profiles$\nayaranao\Saved Games\</t>
  </si>
  <si>
    <t>12/30/2019 15:41:59</t>
  </si>
  <si>
    <t>\\acsfs\profiles$\nayaranao\Favorites\Links for Brasil\</t>
  </si>
  <si>
    <t>\\acsfs\profiles$\nayaranao\Favorites\Links for Brasil\desktop.ini</t>
  </si>
  <si>
    <t>\\acsfs\profiles$\nayaranao\Favorites\Links for Brasil\Microsoft Brasil.url</t>
  </si>
  <si>
    <t>12/30/2019 15:42:00</t>
  </si>
  <si>
    <t>\\acsfs\profiles$\nayaranao\Favorites\Links for Brasil\Windows Brasil.url</t>
  </si>
  <si>
    <t>\\acsfs\profiles$\nayaranao\Favorites\Links for Brasil\MSN Brasil.url</t>
  </si>
  <si>
    <t>12/30/2019 15:40:03</t>
  </si>
  <si>
    <t>12/30/2019 15:41:06</t>
  </si>
  <si>
    <t>12/30/2019 15:45:32</t>
  </si>
  <si>
    <t>12/30/2019 15:44:05</t>
  </si>
  <si>
    <t>12/30/2019 15:42:39</t>
  </si>
  <si>
    <t>b085c1df-b676-4c8b-9b87-df43b9994099.tmp</t>
  </si>
  <si>
    <t>\\acsfs\profiles$\laylaams\Downloads\b085c1df-b676-4c8b-9b87-df43b9994099.tmp</t>
  </si>
  <si>
    <t>12/30/2019 15:43:14</t>
  </si>
  <si>
    <t>97ce3c8b-0852-4534-9643-9fcfdd900f0a.tmp</t>
  </si>
  <si>
    <t>\\acsfs\profiles$\laylaams\Downloads\97ce3c8b-0852-4534-9643-9fcfdd900f0a.tmp</t>
  </si>
  <si>
    <t>12/30/2019 15:40:43</t>
  </si>
  <si>
    <t>12/30/2019 15:40:53</t>
  </si>
  <si>
    <t>12/30/2019 15:43:45</t>
  </si>
  <si>
    <t>12/30/2019 15:46:32</t>
  </si>
  <si>
    <t>12/30/2019 15:44:45</t>
  </si>
  <si>
    <t>12/30/2019 15:44:29</t>
  </si>
  <si>
    <t>12/30/2019 15:47:33</t>
  </si>
  <si>
    <t>ef323a2f-9b47-4d1d-9c93-2c5e584896ad.tmp</t>
  </si>
  <si>
    <t>\\acsfs\profiles$\nayarasds\Downloads\ef323a2f-9b47-4d1d-9c93-2c5e584896ad.tmp</t>
  </si>
  <si>
    <t>12/30/2019 15:44:39</t>
  </si>
  <si>
    <t>12/30/2019 15:48:32</t>
  </si>
  <si>
    <t>d350e919-39d3-4665-a50d-7e2134a17b82.tmp</t>
  </si>
  <si>
    <t>\\acsfs\profiles$\THYAGOSP\Downloads\d350e919-39d3-4665-a50d-7e2134a17b82.tmp</t>
  </si>
  <si>
    <t>12/30/2019 15:47:20</t>
  </si>
  <si>
    <t>https://udpwfmniceap02/web/guest/home?p_auth=s5r5vyr1&amp;p_p_id=58&amp;p_p_lifecycle=1&amp;p_p_state=maximized&amp;p_p_mode=view&amp;savelastpath=0&amp;_58_struts_action=/login/forgot_password</t>
  </si>
  <si>
    <t>12/30/2019 15:47:59</t>
  </si>
  <si>
    <t>12/30/2019 15:46:38</t>
  </si>
  <si>
    <t>12/30/2019 15:49:32</t>
  </si>
  <si>
    <t>12/30/2019 15:46:43</t>
  </si>
  <si>
    <t>12/30/2019 15:46:46</t>
  </si>
  <si>
    <t>12/30/2019 15:46:50</t>
  </si>
  <si>
    <t>12/30/2019 15:46:57</t>
  </si>
  <si>
    <t>12/30/2019 15:47:00</t>
  </si>
  <si>
    <t>12/30/2019 15:47:09</t>
  </si>
  <si>
    <t>12/30/2019 15:47:10</t>
  </si>
  <si>
    <t>12/30/2019 15:47:05</t>
  </si>
  <si>
    <t>12/30/2019 15:50:32</t>
  </si>
  <si>
    <t>12/30/2019 15:44:53</t>
  </si>
  <si>
    <t>c42c48e7-bec3-48d6-b4c8-148707885ef7.tmp</t>
  </si>
  <si>
    <t>\\acsfs\profiles$\laylaams\Downloads\c42c48e7-bec3-48d6-b4c8-148707885ef7.tmp</t>
  </si>
  <si>
    <t>12/30/2019 15:45:43</t>
  </si>
  <si>
    <t>a0b59f07-4217-452e-915c-171f2e84cd7f.tmp</t>
  </si>
  <si>
    <t>\\acsfs\profiles$\laylaams\Downloads\a0b59f07-4217-452e-915c-171f2e84cd7f.tmp</t>
  </si>
  <si>
    <t>12/30/2019 15:46:18</t>
  </si>
  <si>
    <t>c428400e-333a-420a-a43a-25b363364092.tmp</t>
  </si>
  <si>
    <t>\\acsfs\profiles$\andreapdsg\Downloads\c428400e-333a-420a-a43a-25b363364092.tmp</t>
  </si>
  <si>
    <t>12/30/2019 15:47:17</t>
  </si>
  <si>
    <t>ab3b7f71-d840-4a09-84b1-3dd45afb6d8b.tmp</t>
  </si>
  <si>
    <t>\\acsfs\profiles$\andreapdsg\Downloads\ab3b7f71-d840-4a09-84b1-3dd45afb6d8b.tmp</t>
  </si>
  <si>
    <t>12/30/2019 15:49:45</t>
  </si>
  <si>
    <t>12/30/2019 15:51:32</t>
  </si>
  <si>
    <t>C:\Users\henriquerfr\Downloads\</t>
  </si>
  <si>
    <t>zimbra3012.xlsx</t>
  </si>
  <si>
    <t>12/30/2019 15:47:31</t>
  </si>
  <si>
    <t>285f5253-0d58-428b-8632-cd9540709145.tmp</t>
  </si>
  <si>
    <t>\\acsfs\profiles$\leticiala\Downloads\285f5253-0d58-428b-8632-cd9540709145.tmp</t>
  </si>
  <si>
    <t>12/30/2019 15:48:16</t>
  </si>
  <si>
    <t>12/30/2019 15:52:33</t>
  </si>
  <si>
    <t>12/30/2019 15:48:29</t>
  </si>
  <si>
    <t>12/30/2019 15:48:30</t>
  </si>
  <si>
    <t>12/30/2019 15:48:31</t>
  </si>
  <si>
    <t>12/30/2019 15:48:36</t>
  </si>
  <si>
    <t>12/30/2019 15:48:43</t>
  </si>
  <si>
    <t>12/30/2019 15:48:44</t>
  </si>
  <si>
    <t>12/30/2019 15:48:45</t>
  </si>
  <si>
    <t>12/30/2019 15:48:46</t>
  </si>
  <si>
    <t>12/30/2019 15:48:51</t>
  </si>
  <si>
    <t>12/30/2019 15:48:56</t>
  </si>
  <si>
    <t>12/30/2019 15:49:10</t>
  </si>
  <si>
    <t>12/30/2019 15:49:12</t>
  </si>
  <si>
    <t>12/30/2019 15:49:14</t>
  </si>
  <si>
    <t>12/30/2019 15:49:15</t>
  </si>
  <si>
    <t>12/30/2019 15:49:25</t>
  </si>
  <si>
    <t>12/30/2019 15:49:26</t>
  </si>
  <si>
    <t>12/30/2019 15:49:37</t>
  </si>
  <si>
    <t>12/30/2019 15:49:38</t>
  </si>
  <si>
    <t>12/30/2019 15:49:42</t>
  </si>
  <si>
    <t>12/30/2019 15:49:43</t>
  </si>
  <si>
    <t>12/30/2019 15:49:44</t>
  </si>
  <si>
    <t>12/30/2019 15:49:46</t>
  </si>
  <si>
    <t>12/30/2019 15:49:47</t>
  </si>
  <si>
    <t>12/30/2019 15:49:49</t>
  </si>
  <si>
    <t>12/30/2019 15:49:50</t>
  </si>
  <si>
    <t>12/30/2019 15:49:52</t>
  </si>
  <si>
    <t>12/30/2019 15:49:53</t>
  </si>
  <si>
    <t>12/30/2019 15:49:54</t>
  </si>
  <si>
    <t>12/30/2019 15:49:55</t>
  </si>
  <si>
    <t>12/30/2019 15:49:57</t>
  </si>
  <si>
    <t>12/30/2019 15:49:58</t>
  </si>
  <si>
    <t>12/30/2019 15:50:00</t>
  </si>
  <si>
    <t>12/30/2019 15:50:01</t>
  </si>
  <si>
    <t>12/30/2019 15:50:02</t>
  </si>
  <si>
    <t>12/30/2019 15:50:03</t>
  </si>
  <si>
    <t>12/30/2019 15:50:04</t>
  </si>
  <si>
    <t>12/30/2019 15:50:05</t>
  </si>
  <si>
    <t>12/30/2019 15:50:07</t>
  </si>
  <si>
    <t>12/30/2019 15:50:08</t>
  </si>
  <si>
    <t>12/30/2019 15:50:37</t>
  </si>
  <si>
    <t>12/30/2019 15:49:39</t>
  </si>
  <si>
    <t>TAYLA ELIAS DE OLIVEIRA ALVES (14).contact</t>
  </si>
  <si>
    <t>\\acsfs\profiles$\taylaedoa\Contacts\TAYLA ELIAS DE OLIVEIRA ALVES (14).contact</t>
  </si>
  <si>
    <t>12/30/2019 15:49:11</t>
  </si>
  <si>
    <t>12/30/2019 15:49:17</t>
  </si>
  <si>
    <t>12/30/2019 15:49:18</t>
  </si>
  <si>
    <t>12/30/2019 15:49:19</t>
  </si>
  <si>
    <t>12/30/2019 15:49:20</t>
  </si>
  <si>
    <t>12/30/2019 15:49:21</t>
  </si>
  <si>
    <t>12/30/2019 15:49:22</t>
  </si>
  <si>
    <t>12/30/2019 15:49:23</t>
  </si>
  <si>
    <t>12/30/2019 15:49:24</t>
  </si>
  <si>
    <t>\\acsfs\profiles$\taylaedoa\Saved Games\</t>
  </si>
  <si>
    <t>12/30/2019 15:49:36</t>
  </si>
  <si>
    <t>\\acsfs\profiles$\taylaedoa\Favorites\Links for Brasil\</t>
  </si>
  <si>
    <t>\\acsfs\profiles$\taylaedoa\Favorites\Links for Brasil\desktop.ini</t>
  </si>
  <si>
    <t>\\acsfs\profiles$\taylaedoa\Favorites\Links for Brasil\Microsoft Brasil.url</t>
  </si>
  <si>
    <t>\\acsfs\profiles$\taylaedoa\Favorites\Links for Brasil\Windows Brasil.url</t>
  </si>
  <si>
    <t>\\acsfs\profiles$\taylaedoa\Favorites\Links for Brasil\MSN Brasil.url</t>
  </si>
  <si>
    <t>12/30/2019 15:50:51</t>
  </si>
  <si>
    <t>55b3da7b-aa53-428d-a99a-c272c6e25055.tmp</t>
  </si>
  <si>
    <t>\\acsfs\profiles$\taylaedoa\Downloads\55b3da7b-aa53-428d-a99a-c272c6e25055.tmp</t>
  </si>
  <si>
    <t>12/30/2019 15:48:18</t>
  </si>
  <si>
    <t>309db006-2f90-47a2-80d8-179ca4db4e1d.tmp</t>
  </si>
  <si>
    <t>\\acsfs\profiles$\nayarasds\Downloads\309db006-2f90-47a2-80d8-179ca4db4e1d.tmp</t>
  </si>
  <si>
    <t>12/30/2019 15:48:06</t>
  </si>
  <si>
    <t>12/30/2019 15:53:32</t>
  </si>
  <si>
    <t>787a66dc-019a-4382-a2f1-82996b9d5afa.tmp</t>
  </si>
  <si>
    <t>\\acsfs\profiles$\ingridsm\Downloads\787a66dc-019a-4382-a2f1-82996b9d5afa.tmp</t>
  </si>
  <si>
    <t>12/30/2019 15:50:15</t>
  </si>
  <si>
    <t>d33c0ff8-bdfb-4657-92b9-042eec983d9d.tmp</t>
  </si>
  <si>
    <t>\\acsfs\profiles$\KARENJSS\Downloads\d33c0ff8-bdfb-4657-92b9-042eec983d9d.tmp</t>
  </si>
  <si>
    <t>12/30/2019 15:50:55</t>
  </si>
  <si>
    <t>5732e335-8528-4fcd-8c6b-c4357f4921c9.tmp</t>
  </si>
  <si>
    <t>\\acsfs\profiles$\KARENJSS\Downloads\5732e335-8528-4fcd-8c6b-c4357f4921c9.tmp</t>
  </si>
  <si>
    <t>12/30/2019 15:51:08</t>
  </si>
  <si>
    <t>12/30/2019 15:55:33</t>
  </si>
  <si>
    <t>12/30/2019 15:53:05</t>
  </si>
  <si>
    <t>12/30/2019 15:54:12</t>
  </si>
  <si>
    <t>12/30/2019 15:54:01</t>
  </si>
  <si>
    <t>2457e1b0-7572-4512-acbd-f9164aebae17.tmp</t>
  </si>
  <si>
    <t>\\acsfs\profiles$\kamilamrc\Downloads\2457e1b0-7572-4512-acbd-f9164aebae17.tmp</t>
  </si>
  <si>
    <t>12/30/2019 15:54:07</t>
  </si>
  <si>
    <t>bd64a970-2b28-4c58-b34f-5d01ace6d510.tmp</t>
  </si>
  <si>
    <t>\\acsfs\profiles$\kamilamrc\Downloads\bd64a970-2b28-4c58-b34f-5d01ace6d510.tmp</t>
  </si>
  <si>
    <t>12/30/2019 15:54:11</t>
  </si>
  <si>
    <t>629ff6a1-fade-43f0-8a45-f957da93dd07.tmp</t>
  </si>
  <si>
    <t>\\acsfs\profiles$\kamilamrc\Downloads\629ff6a1-fade-43f0-8a45-f957da93dd07.tmp</t>
  </si>
  <si>
    <t>12/30/2019 15:52:57</t>
  </si>
  <si>
    <t>12/30/2019 15:56:32</t>
  </si>
  <si>
    <t>12/30/2019 15:50:45</t>
  </si>
  <si>
    <t>12/30/2019 15:54:13</t>
  </si>
  <si>
    <t>12/30/2019 15:54:21</t>
  </si>
  <si>
    <t>12/30/2019 15:52:07</t>
  </si>
  <si>
    <t>12/30/2019 15:54:05</t>
  </si>
  <si>
    <t>12/30/2019 15:57:33</t>
  </si>
  <si>
    <t>5e19b519-1872-4d41-9fe5-06426d4d58bc.tmp</t>
  </si>
  <si>
    <t>\\acsfs\profiles$\gabrielarb\Downloads\5e19b519-1872-4d41-9fe5-06426d4d58bc.tmp</t>
  </si>
  <si>
    <t>12/30/2019 15:52:28</t>
  </si>
  <si>
    <t>e09190bc-1f8e-4add-b1ec-ae34b013d248.tmp</t>
  </si>
  <si>
    <t>\\acsfs\profiles$\taylaedoa\Downloads\e09190bc-1f8e-4add-b1ec-ae34b013d248.tmp</t>
  </si>
  <si>
    <t>12/30/2019 15:56:40</t>
  </si>
  <si>
    <t>dac26dcf-dc9a-41cc-94f7-9280ceb4bbf5.tmp</t>
  </si>
  <si>
    <t>\\acsfs\profiles$\brendadsl\Downloads\dac26dcf-dc9a-41cc-94f7-9280ceb4bbf5.tmp</t>
  </si>
  <si>
    <t>12/30/2019 15:53:16</t>
  </si>
  <si>
    <t>lu74724aethk2.tmp</t>
  </si>
  <si>
    <t>\\acsfs\profiles$\jonatanls\My Documents\lu74724aethk2.tmp</t>
  </si>
  <si>
    <t>12/30/2019 15:55:23</t>
  </si>
  <si>
    <t>9128b2a8-4b0f-4405-afdd-49a1d8a9f6ee.tmp</t>
  </si>
  <si>
    <t>\\acsfs\profiles$\jonatanls\Downloads\9128b2a8-4b0f-4405-afdd-49a1d8a9f6ee.tmp</t>
  </si>
  <si>
    <t>12/30/2019 15:57:46</t>
  </si>
  <si>
    <t>12/30/2019 15:58:32</t>
  </si>
  <si>
    <t>df2f9d4c-88b4-411d-b50a-e02992890d19.tmp</t>
  </si>
  <si>
    <t>\\acsfs\profiles$\ingridsm\Downloads\df2f9d4c-88b4-411d-b50a-e02992890d19.tmp</t>
  </si>
  <si>
    <t>12/30/2019 15:53:36</t>
  </si>
  <si>
    <t>89e6bc78-bca0-403d-9242-979ffcd83934.tmp</t>
  </si>
  <si>
    <t>\\acsfs\profiles$\joycemmdl\Downloads\89e6bc78-bca0-403d-9242-979ffcd83934.tmp</t>
  </si>
  <si>
    <t>12/30/2019 15:55:58</t>
  </si>
  <si>
    <t>11f885ea-58d2-4532-90c1-8da83e0acde0.tmp</t>
  </si>
  <si>
    <t>\\acsfs\profiles$\joycemmdl\Downloads\11f885ea-58d2-4532-90c1-8da83e0acde0.tmp</t>
  </si>
  <si>
    <t>12/30/2019 15:56:05</t>
  </si>
  <si>
    <t>12/30/2019 16:00:33</t>
  </si>
  <si>
    <t>12/30/2019 15:59:05</t>
  </si>
  <si>
    <t>12/30/2019 15:58:55</t>
  </si>
  <si>
    <t>2c7edac2-45f2-485b-b756-dd007e005e7f.tmp</t>
  </si>
  <si>
    <t>\\acsfs\profiles$\laylaams\Downloads\2c7edac2-45f2-485b-b756-dd007e005e7f.tmp</t>
  </si>
  <si>
    <t>12/30/2019 15:58:01</t>
  </si>
  <si>
    <t>12/30/2019 15:58:08</t>
  </si>
  <si>
    <t>12/30/2019 15:58:25</t>
  </si>
  <si>
    <t>image2019-12-30-154312.pdf</t>
  </si>
  <si>
    <t>image2019-12-30-151433.pdf</t>
  </si>
  <si>
    <t>12/30/2019 15:56:01</t>
  </si>
  <si>
    <t>12/30/2019 15:55:45</t>
  </si>
  <si>
    <t>12/30/2019 16:01:32</t>
  </si>
  <si>
    <t>12/30/2019 15:58:23</t>
  </si>
  <si>
    <t>12/30/2019 15:56:45</t>
  </si>
  <si>
    <t>12/30/2019 16:00:12</t>
  </si>
  <si>
    <t>12/30/2019 16:00:16</t>
  </si>
  <si>
    <t>12/30/2019 16:02:32</t>
  </si>
  <si>
    <t>12/30/2019 16:00:57</t>
  </si>
  <si>
    <t>12/30/2019 15:57:21</t>
  </si>
  <si>
    <t>1e2cb7c9-0f95-49c1-b55b-3d05cd29889c.tmp</t>
  </si>
  <si>
    <t>\\acsfs\profiles$\brendadsl\Downloads\1e2cb7c9-0f95-49c1-b55b-3d05cd29889c.tmp</t>
  </si>
  <si>
    <t>12/30/2019 15:58:24</t>
  </si>
  <si>
    <t>12/30/2019 16:03:32</t>
  </si>
  <si>
    <t>4716934b-62f0-4032-8946-14a87f1c297e.tmp</t>
  </si>
  <si>
    <t>\\acsfs\profiles$\geovannasm\Downloads\4716934b-62f0-4032-8946-14a87f1c297e.tmp</t>
  </si>
  <si>
    <t>12/30/2019 16:02:25</t>
  </si>
  <si>
    <t>58ea6fbb-81bf-42b3-b072-c8799925712a.tmp</t>
  </si>
  <si>
    <t>\\acsfs\profiles$\geovannasm\Downloads\58ea6fbb-81bf-42b3-b072-c8799925712a.tmp</t>
  </si>
  <si>
    <t>12/30/2019 16:00:34</t>
  </si>
  <si>
    <t>12/30/2019 16:00:42</t>
  </si>
  <si>
    <t>\\acsfs\profiles$\andrezacapf\My Documents\xworkcenter\logs\</t>
  </si>
  <si>
    <t>XLOG_andrezacapf_24122019_090213.log</t>
  </si>
  <si>
    <t>\\acsfs\profiles$\andrezacapf\My Documents\xworkcenter\logs\XLOG_andrezacapf_24122019_090213.log</t>
  </si>
  <si>
    <t>\\acsfs\profiles$\andrezacapf\My Documents\xworkcenter\logs\wrapper.log</t>
  </si>
  <si>
    <t>12/30/2019 16:00:14</t>
  </si>
  <si>
    <t>259851ee-cc65-4c37-bc56-17154743cd96.tmp</t>
  </si>
  <si>
    <t>\\acsfs\profiles$\KARENJSS\Downloads\259851ee-cc65-4c37-bc56-17154743cd96.tmp</t>
  </si>
  <si>
    <t>12/30/2019 16:02:40</t>
  </si>
  <si>
    <t>12/30/2019 16:04:32</t>
  </si>
  <si>
    <t>bbbc62be-6782-4b05-896b-a94d15b206d2.tmp</t>
  </si>
  <si>
    <t>\\acsfs\profiles$\anafaes\Downloads\bbbc62be-6782-4b05-896b-a94d15b206d2.tmp</t>
  </si>
  <si>
    <t>12/30/2019 16:01:22</t>
  </si>
  <si>
    <t>josiascdsj@algartech.com;</t>
  </si>
  <si>
    <t>12/30/2019 16:01:26</t>
  </si>
  <si>
    <t>12/30/2019 16:02:05</t>
  </si>
  <si>
    <t>12/30/2019 16:05:32</t>
  </si>
  <si>
    <t>12/30/2019 16:03:03</t>
  </si>
  <si>
    <t>10.200.66.40</t>
  </si>
  <si>
    <t>https://udpwfmniceap02/web/guest/home?p_auth=hbts91nk&amp;p_p_id=58&amp;p_p_lifecycle=1&amp;p_p_state=maximized&amp;p_p_mode=view&amp;savelastpath=0&amp;_58_struts_action=/login/forgot_password</t>
  </si>
  <si>
    <t>12/30/2019 16:02:13</t>
  </si>
  <si>
    <t>D4-AE-52-FC-98-04</t>
  </si>
  <si>
    <t>VOTORANTO-CB030</t>
  </si>
  <si>
    <t>12/30/2019 16:04:13</t>
  </si>
  <si>
    <t>8c1f8a8e-5534-415a-bdaf-207ee8add162.tmp</t>
  </si>
  <si>
    <t>\\acsfs\profiles$\kamilamrc\Downloads\8c1f8a8e-5534-415a-bdaf-207ee8add162.tmp</t>
  </si>
  <si>
    <t>12/30/2019 16:04:17</t>
  </si>
  <si>
    <t>cdd65cde-0e80-4ad3-920e-5c77ef9218ff.tmp</t>
  </si>
  <si>
    <t>\\acsfs\profiles$\kamilamrc\Downloads\cdd65cde-0e80-4ad3-920e-5c77ef9218ff.tmp</t>
  </si>
  <si>
    <t>12/30/2019 16:04:21</t>
  </si>
  <si>
    <t>084fea68-ddc6-4d59-8899-29708f7b500a.tmp</t>
  </si>
  <si>
    <t>\\acsfs\profiles$\kamilamrc\Downloads\084fea68-ddc6-4d59-8899-29708f7b500a.tmp</t>
  </si>
  <si>
    <t>12/30/2019 16:05:00</t>
  </si>
  <si>
    <t>55046b8c-69f2-4dcc-b3ab-51919b1360cd.tmp</t>
  </si>
  <si>
    <t>\\acsfs\profiles$\kamilamrc\Downloads\55046b8c-69f2-4dcc-b3ab-51919b1360cd.tmp</t>
  </si>
  <si>
    <t>12/30/2019 16:03:57</t>
  </si>
  <si>
    <t>12/30/2019 16:06:32</t>
  </si>
  <si>
    <t>12/30/2019 16:01:45</t>
  </si>
  <si>
    <t>12/30/2019 16:04:27</t>
  </si>
  <si>
    <t>12/30/2019 16:02:46</t>
  </si>
  <si>
    <t>12/30/2019 16:04:23</t>
  </si>
  <si>
    <t>12/30/2019 16:08:31</t>
  </si>
  <si>
    <t>e279c9ad-49b0-47c7-9fda-380c500941cd.tmp</t>
  </si>
  <si>
    <t>\\acsfs\profiles$\antoniosva\Downloads\e279c9ad-49b0-47c7-9fda-380c500941cd.tmp</t>
  </si>
  <si>
    <t>12/30/2019 16:04:54</t>
  </si>
  <si>
    <t>1c563a75-bbe4-4e66-9f76-65297b5a64f5.tmp</t>
  </si>
  <si>
    <t>\\acsfs\profiles$\antoniosva\Downloads\1c563a75-bbe4-4e66-9f76-65297b5a64f5.tmp</t>
  </si>
  <si>
    <t>12/30/2019 16:06:44</t>
  </si>
  <si>
    <t>12/30/2019 16:03:59</t>
  </si>
  <si>
    <t>b9d2fff1-a1f1-46a0-9c37-40674fa258a9.tmp</t>
  </si>
  <si>
    <t>\\acsfs\profiles$\geovannasm\Downloads\b9d2fff1-a1f1-46a0-9c37-40674fa258a9.tmp</t>
  </si>
  <si>
    <t>12/30/2019 16:06:23</t>
  </si>
  <si>
    <t>ce6553af-5448-442d-a4af-8e6bbbc68505.tmp</t>
  </si>
  <si>
    <t>\\acsfs\profiles$\geovannasm\Downloads\ce6553af-5448-442d-a4af-8e6bbbc68505.tmp</t>
  </si>
  <si>
    <t>12/30/2019 16:05:27</t>
  </si>
  <si>
    <t>813ea114-0e07-4b8a-b94a-da5491064e09.tmp</t>
  </si>
  <si>
    <t>\\acsfs\profiles$\andrezacapf\Downloads\813ea114-0e07-4b8a-b94a-da5491064e09.tmp</t>
  </si>
  <si>
    <t>12/30/2019 16:05:28</t>
  </si>
  <si>
    <t>7f8aab4f-43b9-4c26-87b4-dc7cfd5be43c.tmp</t>
  </si>
  <si>
    <t>\\acsfs\profiles$\andrezacapf\Downloads\7f8aab4f-43b9-4c26-87b4-dc7cfd5be43c.tmp</t>
  </si>
  <si>
    <t>12/30/2019 16:06:28</t>
  </si>
  <si>
    <t>c02eaea6-9a29-46af-99d3-58fefb2923a6.tmp</t>
  </si>
  <si>
    <t>\\acsfs\profiles$\andrezacapf\Downloads\c02eaea6-9a29-46af-99d3-58fefb2923a6.tmp</t>
  </si>
  <si>
    <t>12/30/2019 16:06:31</t>
  </si>
  <si>
    <t>c6624a9c-6077-400d-b88f-c274cb157001.tmp</t>
  </si>
  <si>
    <t>\\acsfs\profiles$\andrezacapf\Downloads\c6624a9c-6077-400d-b88f-c274cb157001.tmp</t>
  </si>
  <si>
    <t>12/30/2019 16:06:39</t>
  </si>
  <si>
    <t>b0a22782-47c1-41ae-9706-c47b09451ec6.tmp</t>
  </si>
  <si>
    <t>\\acsfs\profiles$\andrezacapf\Downloads\b0a22782-47c1-41ae-9706-c47b09451ec6.tmp</t>
  </si>
  <si>
    <t>12/30/2019 16:06:54</t>
  </si>
  <si>
    <t>1afb1c71-9b81-4ecb-9486-c523d2760c2d.tmp</t>
  </si>
  <si>
    <t>\\acsfs\profiles$\andrezacapf\Downloads\1afb1c71-9b81-4ecb-9486-c523d2760c2d.tmp</t>
  </si>
  <si>
    <t>12/30/2019 16:07:13</t>
  </si>
  <si>
    <t>8d0affb9-726c-43d6-b3bc-f57f6afea7c6.tmp</t>
  </si>
  <si>
    <t>\\acsfs\profiles$\andrezacapf\Downloads\8d0affb9-726c-43d6-b3bc-f57f6afea7c6.tmp</t>
  </si>
  <si>
    <t>12/30/2019 16:07:17</t>
  </si>
  <si>
    <t>223c6cd3-e09a-43c8-8c4a-29fe8182935a.tmp</t>
  </si>
  <si>
    <t>\\acsfs\profiles$\andrezacapf\Downloads\223c6cd3-e09a-43c8-8c4a-29fe8182935a.tmp</t>
  </si>
  <si>
    <t>12/30/2019 16:07:21</t>
  </si>
  <si>
    <t>f7a4eb61-af4d-4823-94aa-8d816932bf07.tmp</t>
  </si>
  <si>
    <t>\\acsfs\profiles$\andrezacapf\Downloads\f7a4eb61-af4d-4823-94aa-8d816932bf07.tmp</t>
  </si>
  <si>
    <t>12/30/2019 16:07:11</t>
  </si>
  <si>
    <t>Planilha 2019 CR.ods</t>
  </si>
  <si>
    <t>\\acsfs\profiles$\THYAGOSP\My Documents\Planilha 2019 CR.ods</t>
  </si>
  <si>
    <t>\\acsfs\profiles$\THYAGOSP\My Documents\Planilha 2019 CR.ods\</t>
  </si>
  <si>
    <t>\\acsfs\profiles$\THYAGOSP\My Documents\Planilha 2019 CR.ods\META-INF\</t>
  </si>
  <si>
    <t>\\acsfs\profiles$\THYAGOSP\My Documents\Planilha 2019 CR.ods\Object 2\</t>
  </si>
  <si>
    <t>\\acsfs\profiles$\THYAGOSP\My Documents\Planilha 2019 CR.ods\Object 3\</t>
  </si>
  <si>
    <t>\\acsfs\profiles$\THYAGOSP\My Documents\Planilha 2019 CR.ods\Thumbnails\</t>
  </si>
  <si>
    <t>12/30/2019 16:03:51</t>
  </si>
  <si>
    <t>ed9bfb72-dc33-43c4-a7b6-4a81b957858b.tmp</t>
  </si>
  <si>
    <t>\\acsfs\profiles$\victorgl\Downloads\ed9bfb72-dc33-43c4-a7b6-4a81b957858b.tmp</t>
  </si>
  <si>
    <t>12/30/2019 16:05:17</t>
  </si>
  <si>
    <t>e133052a-fe3b-4615-b1e7-ceb9b6238dbf.tmp</t>
  </si>
  <si>
    <t>\\acsfs\profiles$\victorgl\Downloads\e133052a-fe3b-4615-b1e7-ceb9b6238dbf.tmp</t>
  </si>
  <si>
    <t>12/30/2019 16:04:14</t>
  </si>
  <si>
    <t>12/30/2019 16:09:32</t>
  </si>
  <si>
    <t>ff3b265b-5a84-49fd-a3e4-caea01dc77b9.tmp</t>
  </si>
  <si>
    <t>\\acsfs\profiles$\anafaes\Downloads\ff3b265b-5a84-49fd-a3e4-caea01dc77b9.tmp</t>
  </si>
  <si>
    <t>12/30/2019 16:06:29</t>
  </si>
  <si>
    <t>bb5bf704-637a-4892-9165-814fda0059d2.tmp</t>
  </si>
  <si>
    <t>\\acsfs\profiles$\anafaes\Downloads\bb5bf704-637a-4892-9165-814fda0059d2.tmp</t>
  </si>
  <si>
    <t>12/30/2019 16:04:30</t>
  </si>
  <si>
    <t>12/30/2019 16:04:37</t>
  </si>
  <si>
    <t>12/30/2019 16:04:42</t>
  </si>
  <si>
    <t>12/30/2019 16:04:57</t>
  </si>
  <si>
    <t>12/30/2019 16:05:03</t>
  </si>
  <si>
    <t>12/30/2019 16:05:48</t>
  </si>
  <si>
    <t>12/30/2019 16:06:17</t>
  </si>
  <si>
    <t>12/30/2019 16:06:20</t>
  </si>
  <si>
    <t>12/30/2019 16:06:24</t>
  </si>
  <si>
    <t>12/30/2019 16:06:48</t>
  </si>
  <si>
    <t>12/30/2019 16:06:49</t>
  </si>
  <si>
    <t>12/30/2019 16:07:29</t>
  </si>
  <si>
    <t>02142660-d61f-44b7-97e5-d26a604e7b08.tmp</t>
  </si>
  <si>
    <t>\\acsfs\profiles$\leticiala\Downloads\02142660-d61f-44b7-97e5-d26a604e7b08.tmp</t>
  </si>
  <si>
    <t>12/30/2019 16:06:04</t>
  </si>
  <si>
    <t>9df4ecce-f596-45f6-8a61-c6768958b277.tmp</t>
  </si>
  <si>
    <t>\\acsfs\profiles$\leticiala\Downloads\9df4ecce-f596-45f6-8a61-c6768958b277.tmp</t>
  </si>
  <si>
    <t>12/30/2019 16:07:02</t>
  </si>
  <si>
    <t>ccf79940-889d-42af-8497-ded0439a3c19.tmp</t>
  </si>
  <si>
    <t>\\acsfs\profiles$\ingridsm\Downloads\ccf79940-889d-42af-8497-ded0439a3c19.tmp</t>
  </si>
  <si>
    <t>12/30/2019 16:05:05</t>
  </si>
  <si>
    <t>12/30/2019 16:10:31</t>
  </si>
  <si>
    <t>12/30/2019 16:08:05</t>
  </si>
  <si>
    <t>12/30/2019 16:07:45</t>
  </si>
  <si>
    <t>12/30/2019 16:11:31</t>
  </si>
  <si>
    <t>12/30/2019 16:08:45</t>
  </si>
  <si>
    <t>12/30/2019 16:09:51</t>
  </si>
  <si>
    <t>12/30/2019 16:08:37</t>
  </si>
  <si>
    <t>12/30/2019 16:12:32</t>
  </si>
  <si>
    <t>12/30/2019 16:11:20</t>
  </si>
  <si>
    <t>12/30/2019 16:08:22</t>
  </si>
  <si>
    <t>XLOG_tiagosno_30122019_083639.log</t>
  </si>
  <si>
    <t>\\acsfs\profiles$\tiagosno\My Documents\xworkcenter\logs\XLOG_tiagosno_30122019_083639.log</t>
  </si>
  <si>
    <t>12/30/2019 16:11:36</t>
  </si>
  <si>
    <t>1bcad9d8-4e20-4d36-b25e-c7879a8d0ac6.tmp</t>
  </si>
  <si>
    <t>\\acsfs\profiles$\gabrielamdp\Downloads\1bcad9d8-4e20-4d36-b25e-c7879a8d0ac6.tmp</t>
  </si>
  <si>
    <t>f4ca3c1c-57e6-4d4c-b7ff-1669264a6aca.tmp</t>
  </si>
  <si>
    <t>\\acsfs\profiles$\gabrielamdp\Downloads\f4ca3c1c-57e6-4d4c-b7ff-1669264a6aca.tmp</t>
  </si>
  <si>
    <t>12/30/2019 16:11:38</t>
  </si>
  <si>
    <t>173d3518-bb5f-46ed-b164-3ed62b9330e8.tmp</t>
  </si>
  <si>
    <t>\\acsfs\profiles$\gabrielamdp\Downloads\173d3518-bb5f-46ed-b164-3ed62b9330e8.tmp</t>
  </si>
  <si>
    <t>12/30/2019 16:11:27</t>
  </si>
  <si>
    <t>12/30/2019 16:13:31</t>
  </si>
  <si>
    <t>lu455045qstpy.tmp</t>
  </si>
  <si>
    <t>\\acsfs\DEPTOS\Operacao\Banco_Votorantim\Supervisao\SUPERS BV CARTÕES\ANA VITORIA\APOIO\lu455045qstpy.tmp</t>
  </si>
  <si>
    <t>\\acsfs\DEPTOS\Operacao\Banco_Votorantim\Supervisao\SUPERS BV CARTÕES\ANA VITORIA\APOIO\lu455045qstpy.tmp\</t>
  </si>
  <si>
    <t>\\acsfs\DEPTOS\Operacao\Banco_Votorantim\Supervisao\SUPERS BV CARTÕES\ANA VITORIA\APOIO\lu455045qstpy.tmp\META-INF\</t>
  </si>
  <si>
    <t>\\acsfs\DEPTOS\Operacao\Banco_Votorantim\Supervisao\SUPERS BV CARTÕES\ANA VITORIA\APOIO\lu455045qstpy.tmp\Thumbnails\</t>
  </si>
  <si>
    <t>12/30/2019 16:10:04</t>
  </si>
  <si>
    <t>lu144201gqrlx.tmp</t>
  </si>
  <si>
    <t>\\acsfs\profiles$\LORRAYNEVAM\lu144201gqrlx.tmp</t>
  </si>
  <si>
    <t>\\acsfs\profiles$\LORRAYNEVAM\lu144201gqrlx.tmp\</t>
  </si>
  <si>
    <t>\\acsfs\profiles$\LORRAYNEVAM\lu144201gqrlx.tmp\META-INF\</t>
  </si>
  <si>
    <t>\\acsfs\profiles$\LORRAYNEVAM\lu144201gqrlx.tmp\Thumbnails\</t>
  </si>
  <si>
    <t>12/30/2019 16:12:56</t>
  </si>
  <si>
    <t>a9e8d829-556b-47f9-8d15-be9701b9ad55.tmp</t>
  </si>
  <si>
    <t>\\acsfs\profiles$\geovannasm\Downloads\a9e8d829-556b-47f9-8d15-be9701b9ad55.tmp</t>
  </si>
  <si>
    <t>12/30/2019 16:08:07</t>
  </si>
  <si>
    <t>418a96c3-ad5f-46cf-9bf2-6c7ebdd46682.tmp</t>
  </si>
  <si>
    <t>\\acsfs\profiles$\andrezacapf\Downloads\418a96c3-ad5f-46cf-9bf2-6c7ebdd46682.tmp</t>
  </si>
  <si>
    <t>12/30/2019 16:08:32</t>
  </si>
  <si>
    <t>12/30/2019 16:08:33</t>
  </si>
  <si>
    <t>12/30/2019 16:08:34</t>
  </si>
  <si>
    <t>12/30/2019 16:08:35</t>
  </si>
  <si>
    <t>12/30/2019 16:08:36</t>
  </si>
  <si>
    <t>12/30/2019 16:08:38</t>
  </si>
  <si>
    <t>12/30/2019 16:08:39</t>
  </si>
  <si>
    <t>12/30/2019 16:08:40</t>
  </si>
  <si>
    <t>12/30/2019 16:08:41</t>
  </si>
  <si>
    <t>12/30/2019 16:08:42</t>
  </si>
  <si>
    <t>12/30/2019 16:08:43</t>
  </si>
  <si>
    <t>12/30/2019 16:08:44</t>
  </si>
  <si>
    <t>12/30/2019 16:08:46</t>
  </si>
  <si>
    <t>12/30/2019 16:08:47</t>
  </si>
  <si>
    <t>12/30/2019 16:08:48</t>
  </si>
  <si>
    <t>12/30/2019 16:08:49</t>
  </si>
  <si>
    <t>12/30/2019 16:08:50</t>
  </si>
  <si>
    <t>12/30/2019 16:08:51</t>
  </si>
  <si>
    <t>12/30/2019 16:08:52</t>
  </si>
  <si>
    <t>12/30/2019 16:08:53</t>
  </si>
  <si>
    <t>12/30/2019 16:08:54</t>
  </si>
  <si>
    <t>12/30/2019 16:08:55</t>
  </si>
  <si>
    <t>12/30/2019 16:13:32</t>
  </si>
  <si>
    <t>12/30/2019 16:08:56</t>
  </si>
  <si>
    <t>12/30/2019 16:08:57</t>
  </si>
  <si>
    <t>12/30/2019 16:08:58</t>
  </si>
  <si>
    <t>12/30/2019 16:08:59</t>
  </si>
  <si>
    <t>12/30/2019 16:09:00</t>
  </si>
  <si>
    <t>12/30/2019 16:09:01</t>
  </si>
  <si>
    <t>12/30/2019 16:09:02</t>
  </si>
  <si>
    <t>12/30/2019 16:09:03</t>
  </si>
  <si>
    <t>12/30/2019 16:09:04</t>
  </si>
  <si>
    <t>12/30/2019 16:09:05</t>
  </si>
  <si>
    <t>12/30/2019 16:09:06</t>
  </si>
  <si>
    <t>12/30/2019 16:09:07</t>
  </si>
  <si>
    <t>12/30/2019 16:09:08</t>
  </si>
  <si>
    <t>12/30/2019 16:09:09</t>
  </si>
  <si>
    <t>12/30/2019 16:09:10</t>
  </si>
  <si>
    <t>12/30/2019 16:09:11</t>
  </si>
  <si>
    <t>12/30/2019 16:09:12</t>
  </si>
  <si>
    <t>12/30/2019 16:09:13</t>
  </si>
  <si>
    <t>12/30/2019 16:09:14</t>
  </si>
  <si>
    <t>12/30/2019 16:09:15</t>
  </si>
  <si>
    <t>12/30/2019 16:09:16</t>
  </si>
  <si>
    <t>12/30/2019 16:09:17</t>
  </si>
  <si>
    <t>12/30/2019 16:09:18</t>
  </si>
  <si>
    <t>12/30/2019 16:14:32</t>
  </si>
  <si>
    <t>12/30/2019 16:10:19</t>
  </si>
  <si>
    <t>12/30/2019 16:11:21</t>
  </si>
  <si>
    <t>74e2e6d4-e9b1-46b4-bd58-606e1fb64044.tmp</t>
  </si>
  <si>
    <t>\\acsfs\profiles$\ingridsm\Downloads\74e2e6d4-e9b1-46b4-bd58-606e1fb64044.tmp</t>
  </si>
  <si>
    <t>12/30/2019 16:11:47</t>
  </si>
  <si>
    <t>734f0d9c-d17f-400f-824b-5338b72bab75.tmp</t>
  </si>
  <si>
    <t>\\acsfs\profiles$\ingridsm\Downloads\734f0d9c-d17f-400f-824b-5338b72bab75.tmp</t>
  </si>
  <si>
    <t>12/30/2019 16:11:05</t>
  </si>
  <si>
    <t>12/30/2019 16:15:31</t>
  </si>
  <si>
    <t>12/30/2019 16:14:06</t>
  </si>
  <si>
    <t>12/30/2019 16:13:28</t>
  </si>
  <si>
    <t>ulog_Acrobat12_Reader_3b8210f9-3618-47e4-b9cc-5aaaba62831a_ae9dabce-a6a6-4dc0-9d01-43cf19e6be6a_0.log</t>
  </si>
  <si>
    <t>C:\Users\flaviacno\AppData\Roaming\Adobe\LogTransport2\Logs\ulog_Acrobat12_Reader_3b8210f9-3618-47e4-b9cc-5aaaba62831a_ae9dabce-a6a6-4dc0-9d01-43cf19e6be6a_0.log\</t>
  </si>
  <si>
    <t>12/30/2019 16:11:46</t>
  </si>
  <si>
    <t>12/30/2019 16:16:32</t>
  </si>
  <si>
    <t>12/30/2019 16:11:32</t>
  </si>
  <si>
    <t>12/30/2019 16:13:45</t>
  </si>
  <si>
    <t>12/30/2019 16:14:45</t>
  </si>
  <si>
    <t>12/30/2019 16:12:34</t>
  </si>
  <si>
    <t>12/30/2019 16:17:31</t>
  </si>
  <si>
    <t>9367406a-1c0f-4aff-8254-5fe213ccd5fd.tmp</t>
  </si>
  <si>
    <t>\\acsfs\profiles$\gabrielamdp\Downloads\9367406a-1c0f-4aff-8254-5fe213ccd5fd.tmp</t>
  </si>
  <si>
    <t>12/30/2019 16:14:20</t>
  </si>
  <si>
    <t>12/30/2019 16:18:32</t>
  </si>
  <si>
    <t>12/30/2019 16:13:22</t>
  </si>
  <si>
    <t>12/30/2019 16:13:23</t>
  </si>
  <si>
    <t>lu331963sp1z4.tmp</t>
  </si>
  <si>
    <t>\\acsfs\profiles$\edicarlosdl\My Documents\lu331963sp1z4.tmp</t>
  </si>
  <si>
    <t>\\acsfs\profiles$\edicarlosdl\My Documents\lu331963sp1z4.tmp\</t>
  </si>
  <si>
    <t>\\acsfs\profiles$\edicarlosdl\My Documents\lu331963sp1z4.tmp\META-INF\</t>
  </si>
  <si>
    <t>\\acsfs\profiles$\edicarlosdl\My Documents\lu331963sp1z4.tmp\Thumbnails\</t>
  </si>
  <si>
    <t>12/30/2019 16:13:36</t>
  </si>
  <si>
    <t>\\acsfs\profiles$\edicarlosdl\My Documents\.~lock.NOVO ACESSO.odt#</t>
  </si>
  <si>
    <t>12/30/2019 16:17:52</t>
  </si>
  <si>
    <t>12/30/2019 16:19:31</t>
  </si>
  <si>
    <t>12/30/2019 16:18:03</t>
  </si>
  <si>
    <t>12/30/2019 16:17:06</t>
  </si>
  <si>
    <t>12/30/2019 16:20:31</t>
  </si>
  <si>
    <t>12/30/2019 16:15:46</t>
  </si>
  <si>
    <t>12/30/2019 16:21:31</t>
  </si>
  <si>
    <t>12/30/2019 16:19:45</t>
  </si>
  <si>
    <t>12/30/2019 16:20:45</t>
  </si>
  <si>
    <t>12/30/2019 16:20:58</t>
  </si>
  <si>
    <t>12/30/2019 16:22:31</t>
  </si>
  <si>
    <t>7b32ba00-5e80-465d-804f-801f89d47df4.tmp</t>
  </si>
  <si>
    <t>\\acsfs\profiles$\victoriaksr\Downloads\7b32ba00-5e80-465d-804f-801f89d47df4.tmp</t>
  </si>
  <si>
    <t>12/30/2019 16:19:29</t>
  </si>
  <si>
    <t>12/30/2019 16:23:31</t>
  </si>
  <si>
    <t>12/30/2019 16:21:17</t>
  </si>
  <si>
    <t>12/30/2019 16:21:16</t>
  </si>
  <si>
    <t>12/30/2019 16:19:25</t>
  </si>
  <si>
    <t>12/30/2019 16:24:31</t>
  </si>
  <si>
    <t>12/30/2019 16:23:37</t>
  </si>
  <si>
    <t>12/30/2019 16:22:44</t>
  </si>
  <si>
    <t>12/30/2019 16:20:06</t>
  </si>
  <si>
    <t>12/30/2019 16:25:31</t>
  </si>
  <si>
    <t>12/30/2019 16:23:06</t>
  </si>
  <si>
    <t>12/30/2019 16:25:01</t>
  </si>
  <si>
    <t>12/30/2019 16:23:18</t>
  </si>
  <si>
    <t>12/30/2019 16:26:31</t>
  </si>
  <si>
    <t>12/30/2019 16:23:48</t>
  </si>
  <si>
    <t>12/30/2019 16:24:18</t>
  </si>
  <si>
    <t>12/30/2019 16:24:48</t>
  </si>
  <si>
    <t>12/30/2019 16:25:45</t>
  </si>
  <si>
    <t>12/30/2019 16:25:33</t>
  </si>
  <si>
    <t>12/30/2019 16:27:31</t>
  </si>
  <si>
    <t>12/30/2019 16:27:21</t>
  </si>
  <si>
    <t>12/30/2019 16:28:31</t>
  </si>
  <si>
    <t>12/30/2019 16:26:48</t>
  </si>
  <si>
    <t>12/30/2019 16:29:30</t>
  </si>
  <si>
    <t>12/30/2019 16:26:06</t>
  </si>
  <si>
    <t>12/30/2019 16:30:31</t>
  </si>
  <si>
    <t>12/30/2019 16:29:06</t>
  </si>
  <si>
    <t>12/30/2019 16:28:45</t>
  </si>
  <si>
    <t>12/30/2019 16:28:51</t>
  </si>
  <si>
    <t>12/30/2019 16:28:56</t>
  </si>
  <si>
    <t>12/30/2019 16:29:16</t>
  </si>
  <si>
    <t>12/30/2019 16:29:46</t>
  </si>
  <si>
    <t>12 - Escala de Coaching - CDC.xlsx</t>
  </si>
  <si>
    <t>12/30/2019 16:30:20</t>
  </si>
  <si>
    <t>12/30/2019 16:31:30</t>
  </si>
  <si>
    <t>12/30/2019 16:30:03</t>
  </si>
  <si>
    <t>83bc2ca1-bb83-4eb4-b2c6-11fd34830c0f.tmp</t>
  </si>
  <si>
    <t>\\acsfs\profiles$\kamilamrc\Downloads\83bc2ca1-bb83-4eb4-b2c6-11fd34830c0f.tmp</t>
  </si>
  <si>
    <t>12/30/2019 16:28:18</t>
  </si>
  <si>
    <t>12/30/2019 16:28:48</t>
  </si>
  <si>
    <t>12/30/2019 16:29:18</t>
  </si>
  <si>
    <t>12/30/2019 16:29:48</t>
  </si>
  <si>
    <t>12/30/2019 16:30:18</t>
  </si>
  <si>
    <t>12/30/2019 16:26:05</t>
  </si>
  <si>
    <t>12/30/2019 16:26:27</t>
  </si>
  <si>
    <t>12/30/2019 16:26:45</t>
  </si>
  <si>
    <t>12/30/2019 16:27:06</t>
  </si>
  <si>
    <t>12/30/2019 16:32:31</t>
  </si>
  <si>
    <t>12/30/2019 16:28:33</t>
  </si>
  <si>
    <t>12/30/2019 16:33:31</t>
  </si>
  <si>
    <t>ae29b86c-7e40-4f20-950e-ac0d9fd30299;</t>
  </si>
  <si>
    <t>https://www.portalsinergyrh.com.br/operador/meta/salvaranexoobservacaodameta</t>
  </si>
  <si>
    <t>matizDecisao.xlsx</t>
  </si>
  <si>
    <t>12/30/2019 16:28:36</t>
  </si>
  <si>
    <t>12/30/2019 16:34:31</t>
  </si>
  <si>
    <t>XLOG_ellencds_30122019_083448.log</t>
  </si>
  <si>
    <t>\\acsfs\profiles$\ellencds\My Documents\xworkcenter\logs\XLOG_ellencds_30122019_083448.log</t>
  </si>
  <si>
    <t>12/30/2019 16:30:24</t>
  </si>
  <si>
    <t>XLOG_anacdos_30122019_082202.log</t>
  </si>
  <si>
    <t>\\acsfs\profiles$\anacdos\My Documents\xworkcenter\logs\XLOG_anacdos_30122019_082202.log</t>
  </si>
  <si>
    <t>12/30/2019 16:30:28</t>
  </si>
  <si>
    <t>XLOG_anacdos_30122019_081913.log</t>
  </si>
  <si>
    <t>\\acsfs\profiles$\anacdos\My Documents\xworkcenter\logs\XLOG_anacdos_30122019_081913.log</t>
  </si>
  <si>
    <t>XLOG_anacdos_30122019_081848.log</t>
  </si>
  <si>
    <t>\\acsfs\profiles$\anacdos\My Documents\xworkcenter\logs\XLOG_anacdos_30122019_081848.log</t>
  </si>
  <si>
    <t>12/30/2019 16:32:06</t>
  </si>
  <si>
    <t>12/30/2019 16:35:31</t>
  </si>
  <si>
    <t>12/30/2019 16:32:19</t>
  </si>
  <si>
    <t>mail.google.com/_/upload?authuser=1&amp;dcp=asu-n&amp;upload_id=AEnB2UoEG_NK8xxhBSrr2phLTd4OFKzH7NKRszTfbCphAzls4E9yU1TdYF_JYJj_eVIvjJoB2MOIMAIIn27WWVZ9LzGdxcrAJRcC4r_Nfv3NA3ki2iwQ8tQ&amp;upload_protocol=resumable</t>
  </si>
  <si>
    <t>ESTRUTURA IPO - MTV.xlsx</t>
  </si>
  <si>
    <t>12/30/2019 16:31:01</t>
  </si>
  <si>
    <t>12/30/2019 16:36:30</t>
  </si>
  <si>
    <t>a3003f1d-9015-466c-af75-2023fc7b8aa5.tmp</t>
  </si>
  <si>
    <t>\\acsfs\profiles$\kamilamrc\Downloads\a3003f1d-9015-466c-af75-2023fc7b8aa5.tmp</t>
  </si>
  <si>
    <t>12/30/2019 16:31:46</t>
  </si>
  <si>
    <t>12/30/2019 16:32:45</t>
  </si>
  <si>
    <t>12/30/2019 16:31:44</t>
  </si>
  <si>
    <t>mail.google.com/_/upload?authuser=0&amp;dcp=asu-n&amp;upload_id=AEnB2UqS5eUQ_e5LWiAmcbPmuSxSHiY_S-nBrGL7Ayme3d1-DANpmVS6g-V1GqPMGxQ4Og0337Ex6V5_BrMblXCpqSFptnajqZxcwgRs7NUFGRemtbKZOcc&amp;upload_protocol=resumable</t>
  </si>
  <si>
    <t>C:\Users\adrielefc\Desktop\CENÁRIO PROPOSTO\</t>
  </si>
  <si>
    <t>ROADMAP CAPEX 2020.xlsx</t>
  </si>
  <si>
    <t>12/30/2019 16:37:19</t>
  </si>
  <si>
    <t>12/30/2019 16:38:31</t>
  </si>
  <si>
    <t>12/30/2019 16:34:58</t>
  </si>
  <si>
    <t>72b761d6-477f-494d-a289-c84d83b5b1b5.tmp</t>
  </si>
  <si>
    <t>\\acsfs\profiles$\geovannasm\Downloads\72b761d6-477f-494d-a289-c84d83b5b1b5.tmp</t>
  </si>
  <si>
    <t>12/30/2019 16:35:51</t>
  </si>
  <si>
    <t>12/30/2019 16:35:42</t>
  </si>
  <si>
    <t>12/30/2019 16:39:31</t>
  </si>
  <si>
    <t>12/30/2019 16:36:27</t>
  </si>
  <si>
    <t>12/30/2019 16:36:47</t>
  </si>
  <si>
    <t>12/30/2019 16:37:33</t>
  </si>
  <si>
    <t>12/30/2019 16:38:07</t>
  </si>
  <si>
    <t>C:\Users\paulacris\Downloads\Banco de Dados BV 12-2019 (1).xlsx\</t>
  </si>
  <si>
    <t>\\acsfs\DEPTOS\Operacao\PCP\5 - Comum\PLANEJAMENTO BV\22 - BANCO DE DADOS BV\FINANCEIRA\Banco de Dados BV 12-2019 (1).xlsx</t>
  </si>
  <si>
    <t>Banco de Dados BV 12-2019 (1).xlsx</t>
  </si>
  <si>
    <t>\\acsfs\DEPTOS\Operacao\PCP\5 - Comum\PLANEJAMENTO BV\22 - BANCO DE DADOS BV\FINANCEIRA\Banco de Dados BV 12-2019 (1).xlsx\</t>
  </si>
  <si>
    <t>\\acsfs\DEPTOS\Operacao\PCP\5 - Comum\PLANEJAMENTO BV\22 - BANCO DE DADOS BV\FINANCEIRA\Banco de Dados BV 12-2019 (1).xlsx\:Zone.Identifier:$DATA</t>
  </si>
  <si>
    <t>12/30/2019 16:35:06</t>
  </si>
  <si>
    <t>12/30/2019 16:40:31</t>
  </si>
  <si>
    <t>12/30/2019 16:38:06</t>
  </si>
  <si>
    <t>12/30/2019 16:36:49</t>
  </si>
  <si>
    <t>12/30/2019 16:41:31</t>
  </si>
  <si>
    <t>12/30/2019 16:37:49</t>
  </si>
  <si>
    <t>12/30/2019 16:38:19</t>
  </si>
  <si>
    <t>12/30/2019 16:39:49</t>
  </si>
  <si>
    <t>12/30/2019 16:37:45</t>
  </si>
  <si>
    <t>12/30/2019 16:38:37</t>
  </si>
  <si>
    <t>12/30/2019 16:38:45</t>
  </si>
  <si>
    <t>12/30/2019 16:40:07</t>
  </si>
  <si>
    <t>12/30/2019 16:40:32</t>
  </si>
  <si>
    <t>12/30/2019 16:40:44</t>
  </si>
  <si>
    <t>12/30/2019 16:38:55</t>
  </si>
  <si>
    <t>12/30/2019 16:41:08</t>
  </si>
  <si>
    <t>12/30/2019 16:43:31</t>
  </si>
  <si>
    <t>1994bcd0-e802-4be4-932f-a279bd2196d0.tmp</t>
  </si>
  <si>
    <t>\\acsfs\profiles$\fabianobmf\Downloads\1994bcd0-e802-4be4-932f-a279bd2196d0.tmp</t>
  </si>
  <si>
    <t>12/30/2019 16:40:24</t>
  </si>
  <si>
    <t>12/30/2019 16:44:31</t>
  </si>
  <si>
    <t>12/30/2019 16:40:30</t>
  </si>
  <si>
    <t>12/30/2019 16:40:43</t>
  </si>
  <si>
    <t>12/30/2019 16:40:46</t>
  </si>
  <si>
    <t>12/30/2019 16:41:06</t>
  </si>
  <si>
    <t>12/30/2019 16:41:21</t>
  </si>
  <si>
    <t>12/30/2019 16:41:24</t>
  </si>
  <si>
    <t>12/30/2019 16:41:30</t>
  </si>
  <si>
    <t>12/30/2019 16:41:35</t>
  </si>
  <si>
    <t>12/30/2019 16:41:41</t>
  </si>
  <si>
    <t>12/30/2019 16:41:52</t>
  </si>
  <si>
    <t>12/30/2019 16:42:33</t>
  </si>
  <si>
    <t>12/30/2019 16:43:32</t>
  </si>
  <si>
    <t>mail.google.com/sync/u/0/i/fd?hl=pt-BR&amp;c=26</t>
  </si>
  <si>
    <t>12/30/2019 16:38:50</t>
  </si>
  <si>
    <t>66be5e46-267e-4a8b-b44d-fbbfaf48d087.tmp</t>
  </si>
  <si>
    <t>\\acsfs\profiles$\anafaes\Downloads\66be5e46-267e-4a8b-b44d-fbbfaf48d087.tmp</t>
  </si>
  <si>
    <t>12/30/2019 16:39:30</t>
  </si>
  <si>
    <t>7677e6ab-c058-428a-9ebe-ff7652a0b178.tmp</t>
  </si>
  <si>
    <t>\\acsfs\profiles$\anafaes\Downloads\7677e6ab-c058-428a-9ebe-ff7652a0b178.tmp</t>
  </si>
  <si>
    <t>12/30/2019 16:38:59</t>
  </si>
  <si>
    <t>12/30/2019 16:45:31</t>
  </si>
  <si>
    <t>12/30/2019 16:44:06</t>
  </si>
  <si>
    <t>12/30/2019 16:44:20</t>
  </si>
  <si>
    <t>12/30/2019 16:45:15</t>
  </si>
  <si>
    <t>12/30/2019 16:43:19</t>
  </si>
  <si>
    <t>12/30/2019 16:46:31</t>
  </si>
  <si>
    <t>12/30/2019 16:43:49</t>
  </si>
  <si>
    <t>12/30/2019 16:44:19</t>
  </si>
  <si>
    <t>12/30/2019 16:45:19</t>
  </si>
  <si>
    <t>12/30/2019 16:42:38</t>
  </si>
  <si>
    <t>12/30/2019 16:42:40</t>
  </si>
  <si>
    <t>12/30/2019 16:42:54</t>
  </si>
  <si>
    <t>12/30/2019 16:40:52</t>
  </si>
  <si>
    <t>12/30/2019 16:41:10</t>
  </si>
  <si>
    <t>12/30/2019 16:41:18</t>
  </si>
  <si>
    <t>mail.google.com/sync/u/0/i/s?hl=pt-BR&amp;c=501</t>
  </si>
  <si>
    <t>12/30/2019 16:41:33</t>
  </si>
  <si>
    <t>12/30/2019 16:41:42</t>
  </si>
  <si>
    <t>12/30/2019 16:41:44</t>
  </si>
  <si>
    <t>12/30/2019 16:41:48</t>
  </si>
  <si>
    <t>12/30/2019 16:42:25</t>
  </si>
  <si>
    <t>12/30/2019 16:43:45</t>
  </si>
  <si>
    <t>12/30/2019 16:44:45</t>
  </si>
  <si>
    <t>12/30/2019 16:45:02</t>
  </si>
  <si>
    <t>12/30/2019 16:45:06</t>
  </si>
  <si>
    <t>12/30/2019 16:45:13</t>
  </si>
  <si>
    <t>UDI - WHIRLPOOL - SERV BBLEND N2 JANEIRO.xlsx</t>
  </si>
  <si>
    <t>12/30/2019 16:46:05</t>
  </si>
  <si>
    <t>12/30/2019 16:49:31</t>
  </si>
  <si>
    <t>12/30/2019 16:46:12</t>
  </si>
  <si>
    <t>12/30/2019 16:46:41</t>
  </si>
  <si>
    <t>12/30/2019 16:48:22</t>
  </si>
  <si>
    <t>12/30/2019 16:46:44</t>
  </si>
  <si>
    <t>12/30/2019 16:44:53</t>
  </si>
  <si>
    <t>lu11228i4l6.tmp</t>
  </si>
  <si>
    <t>\\acsfs\profiles$\fabianafv\My Documents\lu11228i4l6.tmp</t>
  </si>
  <si>
    <t>\\acsfs\profiles$\fabianafv\My Documents\lu11228i4l6.tmp\</t>
  </si>
  <si>
    <t>\\acsfs\profiles$\fabianafv\My Documents\lu11228i4l6.tmp\META-INF\</t>
  </si>
  <si>
    <t>\\acsfs\profiles$\fabianafv\My Documents\lu11228i4l6.tmp\Thumbnails\</t>
  </si>
  <si>
    <t>12/30/2019 16:47:05</t>
  </si>
  <si>
    <t>12/30/2019 16:50:31</t>
  </si>
  <si>
    <t>12/30/2019 16:47:54</t>
  </si>
  <si>
    <t>12/30/2019 16:49:04</t>
  </si>
  <si>
    <t>12/30/2019 16:46:02</t>
  </si>
  <si>
    <t>12/30/2019 16:51:31</t>
  </si>
  <si>
    <t>12/30/2019 16:46:03</t>
  </si>
  <si>
    <t>12/30/2019 16:45:49</t>
  </si>
  <si>
    <t>12/30/2019 16:46:19</t>
  </si>
  <si>
    <t>12/30/2019 16:45:47</t>
  </si>
  <si>
    <t>12/30/2019 16:47:15</t>
  </si>
  <si>
    <t>12/30/2019 16:46:07</t>
  </si>
  <si>
    <t>12/30/2019 16:46:09</t>
  </si>
  <si>
    <t>12/30/2019 16:46:50</t>
  </si>
  <si>
    <t>12/30/2019 16:46:56</t>
  </si>
  <si>
    <t>12/30/2019 16:49:45</t>
  </si>
  <si>
    <t>12/30/2019 16:50:45</t>
  </si>
  <si>
    <t>12/30/2019 16:50:30</t>
  </si>
  <si>
    <t>12/30/2019 16:52:31</t>
  </si>
  <si>
    <t>b03c14bb-1bcc-4538-bb91-5cb405438bd5.tmp</t>
  </si>
  <si>
    <t>\\acsfs\profiles$\laurandos\Downloads\b03c14bb-1bcc-4538-bb91-5cb405438bd5.tmp</t>
  </si>
  <si>
    <t>12/30/2019 16:48:28</t>
  </si>
  <si>
    <t>12/30/2019 16:53:30</t>
  </si>
  <si>
    <t>12/30/2019 16:50:58</t>
  </si>
  <si>
    <t>18f07373-8b33-4cd1-bba5-7d115e088a16.tmp</t>
  </si>
  <si>
    <t>\\acsfs\profiles$\erichds\Downloads\18f07373-8b33-4cd1-bba5-7d115e088a16.tmp</t>
  </si>
  <si>
    <t>12/30/2019 16:49:01</t>
  </si>
  <si>
    <t>12/30/2019 16:54:31</t>
  </si>
  <si>
    <t>12/30/2019 16:49:10</t>
  </si>
  <si>
    <t>12/30/2019 16:49:40</t>
  </si>
  <si>
    <t>12/30/2019 16:49:52</t>
  </si>
  <si>
    <t>leonardoao@algartech.com;viniciussg@algartech.com;</t>
  </si>
  <si>
    <t>leonardoao@algartech.com,viniciussg@algartech.com</t>
  </si>
  <si>
    <t>12/30/2019 16:49:58</t>
  </si>
  <si>
    <t>12/30/2019 16:50:19</t>
  </si>
  <si>
    <t>12/30/2019 16:50:42</t>
  </si>
  <si>
    <t>12/30/2019 16:50:46</t>
  </si>
  <si>
    <t>12/30/2019 16:51:11</t>
  </si>
  <si>
    <t>12/30/2019 16:51:47</t>
  </si>
  <si>
    <t>12/30/2019 16:52:08</t>
  </si>
  <si>
    <t>12/30/2019 16:52:37</t>
  </si>
  <si>
    <t>12/30/2019 16:53:37</t>
  </si>
  <si>
    <t>12/30/2019 16:50:23</t>
  </si>
  <si>
    <t>12/30/2019 16:50:05</t>
  </si>
  <si>
    <t>12/30/2019 16:55:31</t>
  </si>
  <si>
    <t>12/30/2019 16:53:05</t>
  </si>
  <si>
    <t>12/30/2019 16:54:57</t>
  </si>
  <si>
    <t>ronansdm@algartech.com</t>
  </si>
  <si>
    <t>mail.google.com/_/upload?authuser=0&amp;dcp=asu-n&amp;upload_id=AEnB2UoBXLjh2gSdBhGRibzFZUIiFQZ6p1DIfP3qjJbSHIB3Jvk6wyloepYSDZJUgNfjDfTjZOlpzMKgCuoep_Eta3nQmJUxBCA1uNl4XQhRHGIra3H0zRM&amp;upload_protocol=resumable</t>
  </si>
  <si>
    <t>caique.silva@cscalgar.com.br;cristianecsa@algartech.com;ericacdosc@algartech.com;marcos.resende@cscalgar.com.br;meiriana.sousa@cscalgar.com.br;renato.mariano@cscalgar.com.br;stael.marques@cscalgar.com.br;sueleide.silva@cscalgar.com.br;wesley.vieira@cscalgar.com.br;</t>
  </si>
  <si>
    <t>PENDENCIA DIFAL ALGAR TECH.xlsx</t>
  </si>
  <si>
    <t>caique.silva@cscalgar.com.br,cristianecsa@algartech.com,ericacdosc@algartech.com,marcos.resende@cscalgar.com.br,meiriana.sousa@cscalgar.com.br,renato.mariano@cscalgar.com.br,stael.marques@cscalgar.com.br,sueleide.silva@cscalgar.com.br,wesley.vieira@cscalgar.com.br</t>
  </si>
  <si>
    <t>12/30/2019 16:54:40</t>
  </si>
  <si>
    <t>12/30/2019 16:56:31</t>
  </si>
  <si>
    <t>12/30/2019 16:52:19</t>
  </si>
  <si>
    <t>12/30/2019 16:52:50</t>
  </si>
  <si>
    <t>12/30/2019 16:54:20</t>
  </si>
  <si>
    <t>12/30/2019 16:55:44</t>
  </si>
  <si>
    <t>574aee89-e28d-48b5-bcc6-7d281c6d2722.tmp</t>
  </si>
  <si>
    <t>\\acsfs\profiles$\philipegsf\Downloads\574aee89-e28d-48b5-bcc6-7d281c6d2722.tmp</t>
  </si>
  <si>
    <t>12/30/2019 16:53:54</t>
  </si>
  <si>
    <t>12/30/2019 16:53:55</t>
  </si>
  <si>
    <t>lu259921yd2mc.tmp</t>
  </si>
  <si>
    <t>\\acsfs\profiles$\victoriaksr\My Documents\lu259921yd2mc.tmp</t>
  </si>
  <si>
    <t>12/30/2019 16:54:55</t>
  </si>
  <si>
    <t>12/30/2019 16:55:06</t>
  </si>
  <si>
    <t>12/30/2019 16:55:25</t>
  </si>
  <si>
    <t>12/30/2019 16:55:45</t>
  </si>
  <si>
    <t>12/30/2019 16:57:18</t>
  </si>
  <si>
    <t>12/30/2019 16:58:30</t>
  </si>
  <si>
    <t>https://algar.folhasinergyrh.com.br/rescisao/upload?id=0&amp;idsolicitacao=0&amp;idprerescisao=1580</t>
  </si>
  <si>
    <t>02/01/2020;</t>
  </si>
  <si>
    <t>image2019-12-30-142409.zip</t>
  </si>
  <si>
    <t>https://02/01/2020</t>
  </si>
  <si>
    <t>C:\Users\marianacgs\Downloads\image2019-12-30-142409.zip\</t>
  </si>
  <si>
    <t>image2019-12-30-142409.pdf</t>
  </si>
  <si>
    <t>12/30/2019 16:57:51</t>
  </si>
  <si>
    <t>12/30/2019 16:53:42</t>
  </si>
  <si>
    <t>12/30/2019 16:59:31</t>
  </si>
  <si>
    <t>12/30/2019 16:53:45</t>
  </si>
  <si>
    <t>12/30/2019 16:54:12</t>
  </si>
  <si>
    <t>12/30/2019 16:54:28</t>
  </si>
  <si>
    <t>12/30/2019 16:54:36</t>
  </si>
  <si>
    <t>12/30/2019 16:54:43</t>
  </si>
  <si>
    <t>12/30/2019 16:55:04</t>
  </si>
  <si>
    <t>12/30/2019 16:55:49</t>
  </si>
  <si>
    <t>12/30/2019 16:56:04</t>
  </si>
  <si>
    <t>12/30/2019 16:56:10</t>
  </si>
  <si>
    <t>12/30/2019 16:56:18</t>
  </si>
  <si>
    <t>12/30/2019 16:56:25</t>
  </si>
  <si>
    <t>joaogvc@algartech.com;leonardoao@algartech.com;marianadjc@algartech.com;rafaelggs@algartech.com;taysdss@algartech.com;viniciussg@algartech.com;</t>
  </si>
  <si>
    <t>joaogvc@algartech.com,leonardoao@algartech.com,marianadjc@algartech.com,rafaelggs@algartech.com,taysdss@algartech.com,viniciussg@algartech.com</t>
  </si>
  <si>
    <t>12/30/2019 16:54:29</t>
  </si>
  <si>
    <t>12/30/2019 16:56:05</t>
  </si>
  <si>
    <t>12/30/2019 17:00:30</t>
  </si>
  <si>
    <t>12/30/2019 16:59:05</t>
  </si>
  <si>
    <t>TIM Mobilizações_Orçamentos executados Consolidado Algar 06_12_2019_Fatura B_BBN_Analise_TIM_23.12.2019 (2).xlsx</t>
  </si>
  <si>
    <t>12/27/2019 18:02:28</t>
  </si>
  <si>
    <t>Padrao Solicitacao Receitamento SG Telecom - BBN Receitamento Vila.xlsm</t>
  </si>
  <si>
    <t>12/30/2019 14:10:06</t>
  </si>
  <si>
    <t>TO 548863 - Padrao Solicitacao Receitamento SG Telecom - Baixa aging.xlsm</t>
  </si>
  <si>
    <t>12/30/2019 14:10:09</t>
  </si>
  <si>
    <t>mail.google.com/_/upload?authuser=0&amp;dcp=asu-n&amp;upload_id=AEnB2UrWl6Com44K1btZpNwR8qkBOyJXeqmLqf1HrHzmGhjErgGyLI0NLt9cATiWqtYDl3vYVzpISReqJNmK9crfLUVw3kxVZnAxLwehNLc48qYwTQbHFS4&amp;upload_protocol=resumable</t>
  </si>
  <si>
    <t>TO 548828 -TRANSF DE RECEITA TIM FMM TLE Cód. 702 - 122019 .xls</t>
  </si>
  <si>
    <t>12/30/2019 14:10:10</t>
  </si>
  <si>
    <t>mail.google.com/_/upload?authuser=0&amp;dcp=asu-n&amp;upload_id=AEnB2UrCbPKOySkXxiBZ0TYE5JBaVvfOkNgD7JNChKrYy1ckJvEZmlAG5I1Jkk-Pu7_bPvjdsKPZqfyIgyo1tVgUCKHxfSTh5g&amp;upload_protocol=resumable</t>
  </si>
  <si>
    <t>TO 548827 - TRANSF DE RECEITA TIM FMM TLE Cód.1401 - 122019 comp 112019.xls</t>
  </si>
  <si>
    <t>12/30/2019 15:37:20</t>
  </si>
  <si>
    <t>Padrao Solicitacao Receitamento SG Telecom - BBN Receitamento 2 leva - Provisão.xlsm</t>
  </si>
  <si>
    <t>12/30/2019 16:40:15</t>
  </si>
  <si>
    <t>Transf 122019.xls</t>
  </si>
  <si>
    <t>12/30/2019 16:59:59</t>
  </si>
  <si>
    <t>12/30/2019 16:56:45</t>
  </si>
  <si>
    <t>12/30/2019 17:01:31</t>
  </si>
  <si>
    <t>12/30/2019 16:58:27</t>
  </si>
  <si>
    <t>12/30/2019 17:00:15</t>
  </si>
  <si>
    <t>12/30/2019 17:01:32</t>
  </si>
  <si>
    <t>12/30/2019 17:03:30</t>
  </si>
  <si>
    <t>afdec849-3fc7-4a87-b904-2050d1819441.tmp</t>
  </si>
  <si>
    <t>\\acsfs\profiles$\ingridsm\Downloads\afdec849-3fc7-4a87-b904-2050d1819441.tmp</t>
  </si>
  <si>
    <t>12/30/2019 17:02:05</t>
  </si>
  <si>
    <t>fb867ecf-e9b1-4c4a-b5dc-1b87c2e5bc20.tmp</t>
  </si>
  <si>
    <t>\\acsfs\profiles$\ingridsm\Downloads\fb867ecf-e9b1-4c4a-b5dc-1b87c2e5bc20.tmp</t>
  </si>
  <si>
    <t>12/30/2019 17:02:07</t>
  </si>
  <si>
    <t>12/30/2019 17:01:23</t>
  </si>
  <si>
    <t>12/30/2019 17:05:30</t>
  </si>
  <si>
    <t>12/30/2019 17:01:42</t>
  </si>
  <si>
    <t>12/30/2019 17:01:54</t>
  </si>
  <si>
    <t>12/30/2019 17:02:13</t>
  </si>
  <si>
    <t>12/30/2019 17:02:35</t>
  </si>
  <si>
    <t>12/30/2019 17:04:18</t>
  </si>
  <si>
    <t>12/30/2019 17:04:30</t>
  </si>
  <si>
    <t>12/30/2019 17:03:56</t>
  </si>
  <si>
    <t>12/30/2019 17:05:16</t>
  </si>
  <si>
    <t>12/30/2019 17:06:31</t>
  </si>
  <si>
    <t>12/30/2019 17:05:17</t>
  </si>
  <si>
    <t>12/30/2019 17:00:51</t>
  </si>
  <si>
    <t>12/30/2019 17:05:18</t>
  </si>
  <si>
    <t>12/30/2019 17:05:19</t>
  </si>
  <si>
    <t>12/30/2019 17:03:21</t>
  </si>
  <si>
    <t>12/30/2019 17:02:38</t>
  </si>
  <si>
    <t>12/30/2019 17:02:45</t>
  </si>
  <si>
    <t>12/30/2019 17:05:20</t>
  </si>
  <si>
    <t>12/30/2019 17:05:21</t>
  </si>
  <si>
    <t>12/30/2019 17:05:22</t>
  </si>
  <si>
    <t>12/30/2019 17:01:47</t>
  </si>
  <si>
    <t>12/30/2019 17:02:51</t>
  </si>
  <si>
    <t>12/30/2019 17:05:23</t>
  </si>
  <si>
    <t>12/30/2019 17:07:30</t>
  </si>
  <si>
    <t>12/30/2019 17:05:24</t>
  </si>
  <si>
    <t>12/30/2019 17:05:25</t>
  </si>
  <si>
    <t>12/30/2019 17:08:31</t>
  </si>
  <si>
    <t>12/30/2019 17:05:26</t>
  </si>
  <si>
    <t>12/30/2019 17:05:34</t>
  </si>
  <si>
    <t>12/30/2019 17:09:30</t>
  </si>
  <si>
    <t>41c797b5-026c-46ef-a57c-6307bfa796de.tmp</t>
  </si>
  <si>
    <t>\\acsfs\profiles$\fabianafv\Downloads\41c797b5-026c-46ef-a57c-6307bfa796de.tmp</t>
  </si>
  <si>
    <t>12/30/2019 17:04:42</t>
  </si>
  <si>
    <t>12/30/2019 17:10:31</t>
  </si>
  <si>
    <t>12/30/2019 17:04:50</t>
  </si>
  <si>
    <t>12/30/2019 17:04:52</t>
  </si>
  <si>
    <t>12/30/2019 17:05:05</t>
  </si>
  <si>
    <t>12/30/2019 17:05:37</t>
  </si>
  <si>
    <t>pdf;</t>
  </si>
  <si>
    <t>pdf</t>
  </si>
  <si>
    <t>12/30/2019 17:05:45</t>
  </si>
  <si>
    <t>12/30/2019 17:05:55</t>
  </si>
  <si>
    <t>12/30/2019 17:06:01</t>
  </si>
  <si>
    <t>12/30/2019 17:06:06</t>
  </si>
  <si>
    <t>12/30/2019 17:06:10</t>
  </si>
  <si>
    <t>12/30/2019 17:06:16</t>
  </si>
  <si>
    <t>12/30/2019 17:06:26</t>
  </si>
  <si>
    <t>12/30/2019 17:06:45</t>
  </si>
  <si>
    <t>12/30/2019 17:06:50</t>
  </si>
  <si>
    <t>12/30/2019 17:06:56</t>
  </si>
  <si>
    <t>12/30/2019 17:07:07</t>
  </si>
  <si>
    <t>12/30/2019 17:07:12</t>
  </si>
  <si>
    <t>12/30/2019 17:07:17</t>
  </si>
  <si>
    <t>mail.google.com/sync/u/0/i/s?hl=pt-BR&amp;c=599</t>
  </si>
  <si>
    <t>12/30/2019 17:07:22</t>
  </si>
  <si>
    <t>12/30/2019 17:07:47</t>
  </si>
  <si>
    <t>12/30/2019 17:08:05</t>
  </si>
  <si>
    <t>12/30/2019 17:08:15</t>
  </si>
  <si>
    <t>12/30/2019 17:08:20</t>
  </si>
  <si>
    <t>12/30/2019 17:08:25</t>
  </si>
  <si>
    <t>12/30/2019 17:08:29</t>
  </si>
  <si>
    <t>12/30/2019 17:08:58</t>
  </si>
  <si>
    <t>12/30/2019 17:09:18</t>
  </si>
  <si>
    <t>12/30/2019 17:09:27</t>
  </si>
  <si>
    <t>mail.google.com/sync/u/0/i/s?hl=pt-BR&amp;c=630</t>
  </si>
  <si>
    <t>12/30/2019 17:09:32</t>
  </si>
  <si>
    <t>mail.google.com/sync/u/0/i/s?hl=pt-BR&amp;c=632</t>
  </si>
  <si>
    <t>12/30/2019 17:09:33</t>
  </si>
  <si>
    <t>12/30/2019 17:07:51</t>
  </si>
  <si>
    <t>12/30/2019 17:11:31</t>
  </si>
  <si>
    <t>12/30/2019 17:08:21</t>
  </si>
  <si>
    <t>12/30/2019 17:07:50</t>
  </si>
  <si>
    <t>12/30/2019 17:08:23</t>
  </si>
  <si>
    <t>12/30/2019 17:10:08</t>
  </si>
  <si>
    <t>12/30/2019 17:06:07</t>
  </si>
  <si>
    <t>https://sac-algarcsc.ascbrazil.com.br/chat/login/resp-login</t>
  </si>
  <si>
    <t>12/30/2019 17:06:25</t>
  </si>
  <si>
    <t>12/30/2019 17:06:52</t>
  </si>
  <si>
    <t>https://sac-algarcsc.ascbrazil.com.br/chat/asc/trata-flow</t>
  </si>
  <si>
    <t>23590;</t>
  </si>
  <si>
    <t>https://23590</t>
  </si>
  <si>
    <t>12/30/2019 17:07:02</t>
  </si>
  <si>
    <t>12/30/2019 17:07:20</t>
  </si>
  <si>
    <t>12/30/2019 17:07:32</t>
  </si>
  <si>
    <t>12/30/2019 17:07:42</t>
  </si>
  <si>
    <t>12/30/2019 17:07:46</t>
  </si>
  <si>
    <t>12/30/2019 17:07:52</t>
  </si>
  <si>
    <t>12/30/2019 17:08:02</t>
  </si>
  <si>
    <t>12/30/2019 17:08:46</t>
  </si>
  <si>
    <t>12/30/2019 17:08:18</t>
  </si>
  <si>
    <t>12/30/2019 17:12:30</t>
  </si>
  <si>
    <t>Relatorio.Recibo.Ferias_20191230170805210629.pdf.krp8qie.partial</t>
  </si>
  <si>
    <t>\\acsfs\profiles$\sayharaefs\Downloads\Relatorio.Recibo.Ferias_20191230170805210629.pdf.krp8qie.partial</t>
  </si>
  <si>
    <t>12/30/2019 17:07:06</t>
  </si>
  <si>
    <t>MONITORIA DEZEMBRO 30-12.docx</t>
  </si>
  <si>
    <t>\\acsfs\Deptos\EDUCACAO EMPRESARIAL\FERNANDA MONIT\Fernanda\MONITORIAS DEZEMBRO\MONITORIA DEZEMBRO 30-12.docx</t>
  </si>
  <si>
    <t>12/30/2019 17:10:50</t>
  </si>
  <si>
    <t>12/30/2019 17:10:18</t>
  </si>
  <si>
    <t>12/30/2019 17:13:31</t>
  </si>
  <si>
    <t>b4fb8741-fbf4-45f0-9f08-06d270a0f6b6.tmp</t>
  </si>
  <si>
    <t>\\acsfs\profiles$\ingridsm\Downloads\b4fb8741-fbf4-45f0-9f08-06d270a0f6b6.tmp</t>
  </si>
  <si>
    <t>12/30/2019 17:10:40</t>
  </si>
  <si>
    <t>8a94e742-0ac0-4887-a640-1a5ddd80078f.tmp</t>
  </si>
  <si>
    <t>\\acsfs\profiles$\ingridsm\Downloads\8a94e742-0ac0-4887-a640-1a5ddd80078f.tmp</t>
  </si>
  <si>
    <t>12/30/2019 17:13:03</t>
  </si>
  <si>
    <t>12/30/2019 17:14:30</t>
  </si>
  <si>
    <t>12/30/2019 17:09:39</t>
  </si>
  <si>
    <t>12/30/2019 17:15:31</t>
  </si>
  <si>
    <t>12/30/2019 17:11:05</t>
  </si>
  <si>
    <t>12/30/2019 17:14:05</t>
  </si>
  <si>
    <t>12/30/2019 17:11:45</t>
  </si>
  <si>
    <t>12/30/2019 17:16:31</t>
  </si>
  <si>
    <t>12/30/2019 17:12:43</t>
  </si>
  <si>
    <t>12/30/2019 17:13:38</t>
  </si>
  <si>
    <t>12/30/2019 17:13:45</t>
  </si>
  <si>
    <t>12/30/2019 17:13:53</t>
  </si>
  <si>
    <t>2c03d11e-bea0-44f9-ac13-9962fc04a11e; asp.net_sessionid=tyb2w25hn4kf00utrai21rh0; __requestverificationtoken=jfgobnmtdzodwcshcsfv6dwf9sq3b33ao29l8j43dtkvz4ys22i12go2padpj9zcvh_ovn3uudnwankupnfmjr0ae64cit9nfxuwhsllbzu1; tp_stylesheet=light_blue; tp_layout_m</t>
  </si>
  <si>
    <t>12/30/2019 17:13:59</t>
  </si>
  <si>
    <t>38536;</t>
  </si>
  <si>
    <t>https://38536</t>
  </si>
  <si>
    <t>12/30/2019 17:14:08</t>
  </si>
  <si>
    <t>12/30/2019 17:14:10</t>
  </si>
  <si>
    <t>12/30/2019 17:14:15</t>
  </si>
  <si>
    <t>12/30/2019 17:14:32</t>
  </si>
  <si>
    <t>12/30/2019 17:14:45</t>
  </si>
  <si>
    <t>12/30/2019 17:14:29</t>
  </si>
  <si>
    <t>mail.google.com/sync/u/0/i/s?hl=pt-BR&amp;c=2</t>
  </si>
  <si>
    <t>12/30/2019 17:13:05</t>
  </si>
  <si>
    <t>12/30/2019 17:17:31</t>
  </si>
  <si>
    <t>Holerite_122019_2106291 (1).pdf.hhnscbj.partial</t>
  </si>
  <si>
    <t>\\acsfs\profiles$\sayharaefs\Downloads\Holerite_122019_2106291 (1).pdf.hhnscbj.partial</t>
  </si>
  <si>
    <t>12/30/2019 17:13:52</t>
  </si>
  <si>
    <t>12/30/2019 17:13:18</t>
  </si>
  <si>
    <t>12/30/2019 17:18:31</t>
  </si>
  <si>
    <t>12/30/2019 17:17:36</t>
  </si>
  <si>
    <t>12/30/2019 17:15:51</t>
  </si>
  <si>
    <t>12/30/2019 17:20:31</t>
  </si>
  <si>
    <t>12/30/2019 17:17:06</t>
  </si>
  <si>
    <t>12/30/2019 17:16:00</t>
  </si>
  <si>
    <t>12/30/2019 17:21:31</t>
  </si>
  <si>
    <t>12/30/2019 17:17:48</t>
  </si>
  <si>
    <t>12/30/2019 17:19:45</t>
  </si>
  <si>
    <t>12/30/2019 17:20:45</t>
  </si>
  <si>
    <t>12/30/2019 17:18:08</t>
  </si>
  <si>
    <t>12/30/2019 17:22:31</t>
  </si>
  <si>
    <t>12/30/2019 17:19:22</t>
  </si>
  <si>
    <t>12/30/2019 17:20:37</t>
  </si>
  <si>
    <t>12/30/2019 17:20:32</t>
  </si>
  <si>
    <t>12/30/2019 17:23:31</t>
  </si>
  <si>
    <t>mail.google.com/_/upload?authuser=2&amp;dcp=asu-n&amp;upload_id=AEnB2UpnvUSDAf73CvxX6D2uPqhEyrhKfyO068dbqbIzA9kSnFvEOgz7PvNujcFpKXQuTBtTBFVognmVXGzw05NFSEAXJYAAtAOIghx5bsVcZq5OSLGY1PA&amp;upload_protocol=resumable</t>
  </si>
  <si>
    <t>Electrolux_FTE_Realizado_DEZ.xlsb</t>
  </si>
  <si>
    <t>12/30/2019 17:20:06</t>
  </si>
  <si>
    <t>12/30/2019 17:25:31</t>
  </si>
  <si>
    <t>12/30/2019 17:23:06</t>
  </si>
  <si>
    <t>12/30/2019 17:21:50</t>
  </si>
  <si>
    <t>12/30/2019 17:26:31</t>
  </si>
  <si>
    <t>12/30/2019 17:22:26</t>
  </si>
  <si>
    <t>12/30/2019 17:22:43</t>
  </si>
  <si>
    <t>12/30/2019 17:23:57</t>
  </si>
  <si>
    <t>12/30/2019 17:25:11</t>
  </si>
  <si>
    <t>12/30/2019 17:25:46</t>
  </si>
  <si>
    <t>12/30/2019 17:21:58</t>
  </si>
  <si>
    <t>12/30/2019 17:27:31</t>
  </si>
  <si>
    <t>12/30/2019 17:28:32</t>
  </si>
  <si>
    <t>12/30/2019 17:26:06</t>
  </si>
  <si>
    <t>12/30/2019 17:30:32</t>
  </si>
  <si>
    <t>12/30/2019 17:29:06</t>
  </si>
  <si>
    <t>12/30/2019 17:25:28</t>
  </si>
  <si>
    <t>d488d38f-8082-47f0-b9bb-f67559ed0497.tmp</t>
  </si>
  <si>
    <t>\\acsfs\profiles$\nathaliarmr\Downloads\d488d38f-8082-47f0-b9bb-f67559ed0497.tmp</t>
  </si>
  <si>
    <t>12/30/2019 17:28:01</t>
  </si>
  <si>
    <t>12/30/2019 17:26:46</t>
  </si>
  <si>
    <t>12/30/2019 17:31:31</t>
  </si>
  <si>
    <t>12/30/2019 17:29:33</t>
  </si>
  <si>
    <t>12/30/2019 17:32:31</t>
  </si>
  <si>
    <t>12/30/2019 17:28:43</t>
  </si>
  <si>
    <t>12/30/2019 17:33:32</t>
  </si>
  <si>
    <t>12/30/2019 17:32:45</t>
  </si>
  <si>
    <t>12/30/2019 17:34:31</t>
  </si>
  <si>
    <t>12/30/2019 17:32:53</t>
  </si>
  <si>
    <t>TMO CONSOLIDADO FLAVIA-Dezembro.xlsx</t>
  </si>
  <si>
    <t>12/30/2019 17:32:06</t>
  </si>
  <si>
    <t>12/30/2019 17:35:31</t>
  </si>
  <si>
    <t>12/30/2019 17:32:33</t>
  </si>
  <si>
    <t>12/30/2019 17:36:32</t>
  </si>
  <si>
    <t>90941184-4d0a-4d78-9b02-bb634485f38f.tmp</t>
  </si>
  <si>
    <t>\\acsfs\profiles$\leandromsa\Downloads\90941184-4d0a-4d78-9b02-bb634485f38f.tmp</t>
  </si>
  <si>
    <t>12/30/2019 17:33:13</t>
  </si>
  <si>
    <t>12/30/2019 17:33:27</t>
  </si>
  <si>
    <t>12/30/2019 17:33:54</t>
  </si>
  <si>
    <t>12/30/2019 17:31:46</t>
  </si>
  <si>
    <t>12/30/2019 17:32:46</t>
  </si>
  <si>
    <t>12/30/2019 17:31:42</t>
  </si>
  <si>
    <t>12/30/2019 17:37:31</t>
  </si>
  <si>
    <t>não tem formulario;paulocruz@algartech.com;</t>
  </si>
  <si>
    <t>C:\A2\PAULAO\TIM\ORÇAMENTOS\REUNIÃO\DEZEMBRO\DEZEMBRO\CORREÇÃO\ATUALIZADO\</t>
  </si>
  <si>
    <t>Mobilizações_Orçamentos executados 01-12 à 15-12 - Algar ATUALIZADO 30-12-2019.xlsx</t>
  </si>
  <si>
    <t>não tem formulario,paulocruz@algartech.com</t>
  </si>
  <si>
    <t>12/30/2019 17:32:10</t>
  </si>
  <si>
    <t>carloswbj@algartech.com;não tem formulario;paulocruz@algartech.com;</t>
  </si>
  <si>
    <t>carloswbj@algartech.com,não tem formulario,paulocruz@algartech.com</t>
  </si>
  <si>
    <t>12/30/2019 17:32:30</t>
  </si>
  <si>
    <t>mail.google.com/_/upload?authuser=0&amp;dcp=asu-n&amp;upload_id=AEnB2UqIcOhOyB25nV1Q7k3_xUZJN7J5eBVVc31rTGeTqMwK_9PVNs_l1xNFd9JE8Uems4cJRvyGPGw0d4Slyix8zRRGJVXt0w&amp;upload_protocol=resumable</t>
  </si>
  <si>
    <t>12/30/2019 17:34:06</t>
  </si>
  <si>
    <t>aaadzviaaaabmqf-ywqqmdgmjru12rxcpgly_tnicq9lxwvibcrbyrjzccknb_a-go5jn1m5bon4h7plz3e-4zposz3nv9sgtp7ldvvmnrrmfgsr2uszc1q84ssglbbk8qziy_wtbm2xucqbexh_7g2szvq1p48cc9eqjsmfjvgzj9y9eacfzth_;carloswbj@algartech.com;elinconpa@algartech.com;fabioch@algartech.com;fernandords@algartech.com;flaviom@algartech.com;josafa@algartech.com;josepsda@algartech.com;marcelof@algartech.com;paulocpc@algartech.com;paulocruz@algartech.com;qualidade.commandcenter@algartech.com;rosimarlr@algartech.com;</t>
  </si>
  <si>
    <t>TIM Mobilizações_Orçamentos executados Consolidado Algar 06_12_2019_Fatura B_BBN_Analise_TIM_23.12.2019 ---TIM.xlsx</t>
  </si>
  <si>
    <t>aaadzviaaaabmqf-ywqqmdgmjru12rxcpgly_tnicq9lxwvibcrbyrjzccknb_a-go5jn1m5bon4h7plz3e-4zposz3nv9sgtp7ldvvmnrrmfgsr2uszc1q84ssglbbk8qziy_wtbm2xucqbexh_7g2szvq1p48cc9eqjsmfjvgzj9y9eacfzth_,carloswbj@algartech.com,elinconpa@algartech.com,fabioch@algartech.com,fernandords@algartech.com,flaviom@algartech.com,josafa@algartech.com,josepsda@algartech.com,marcelof@algartech.com,paulocpc@algartech.com,paulocruz@algartech.com,qualidade.commandcenter@algartech.com,rosimarlr@algartech.com</t>
  </si>
  <si>
    <t>12/30/2019 17:35:46</t>
  </si>
  <si>
    <t>fc85b6cb-7acc-450a-9fd5-5fc52e680528.tmp</t>
  </si>
  <si>
    <t>\\acsfs\profiles$\gabrielamdp\Downloads\fc85b6cb-7acc-450a-9fd5-5fc52e680528.tmp</t>
  </si>
  <si>
    <t>12/30/2019 17:37:34</t>
  </si>
  <si>
    <t>12/30/2019 17:38:31</t>
  </si>
  <si>
    <t>12/30/2019 17:34:44</t>
  </si>
  <si>
    <t>12/30/2019 17:39:31</t>
  </si>
  <si>
    <t>12/30/2019 17:35:36</t>
  </si>
  <si>
    <t>https://josiascdsj@algartech.com</t>
  </si>
  <si>
    <t>12/30/2019 17:36:10</t>
  </si>
  <si>
    <t>12/30/2019 17:36:31</t>
  </si>
  <si>
    <t>12/30/2019 17:36:36</t>
  </si>
  <si>
    <t>12/30/2019 17:36:40</t>
  </si>
  <si>
    <t>12/30/2019 17:36:47</t>
  </si>
  <si>
    <t>12/30/2019 17:36:55</t>
  </si>
  <si>
    <t>12/30/2019 17:35:06</t>
  </si>
  <si>
    <t>12/30/2019 17:40:31</t>
  </si>
  <si>
    <t>12/30/2019 17:38:06</t>
  </si>
  <si>
    <t>12/30/2019 17:36:53</t>
  </si>
  <si>
    <t>12/30/2019 17:41:31</t>
  </si>
  <si>
    <t>12/30/2019 17:37:23</t>
  </si>
  <si>
    <t>12/30/2019 17:38:51</t>
  </si>
  <si>
    <t>f7721764-9b48-4b3d-a2a7-d0033093cda9.tmp</t>
  </si>
  <si>
    <t>\\acsfs\profiles$\leandromsa\Downloads\f7721764-9b48-4b3d-a2a7-d0033093cda9.tmp</t>
  </si>
  <si>
    <t>12/30/2019 17:39:34</t>
  </si>
  <si>
    <t>f25b421e-4627-48fc-abbe-b4a29e85bd71.tmp</t>
  </si>
  <si>
    <t>\\acsfs\profiles$\leandromsa\Downloads\f25b421e-4627-48fc-abbe-b4a29e85bd71.tmp</t>
  </si>
  <si>
    <t>12/30/2019 17:37:46</t>
  </si>
  <si>
    <t>12/30/2019 17:38:46</t>
  </si>
  <si>
    <t>12/30/2019 17:37:30</t>
  </si>
  <si>
    <t>12/30/2019 17:42:32</t>
  </si>
  <si>
    <t>12/30/2019 17:39:29</t>
  </si>
  <si>
    <t>12/30/2019 17:37:48</t>
  </si>
  <si>
    <t>3579fa51-1e71-4b1d-b566-6a92579722d5.tmp</t>
  </si>
  <si>
    <t>\\acsfs\profiles$\brendadsl\Downloads\3579fa51-1e71-4b1d-b566-6a92579722d5.tmp</t>
  </si>
  <si>
    <t>12/30/2019 17:38:38</t>
  </si>
  <si>
    <t>aa2c1e60-4d99-4a8c-99eb-c10de0987f8c.tmp</t>
  </si>
  <si>
    <t>\\acsfs\profiles$\brendadsl\Downloads\aa2c1e60-4d99-4a8c-99eb-c10de0987f8c.tmp</t>
  </si>
  <si>
    <t>12/30/2019 17:38:56</t>
  </si>
  <si>
    <t>620a0758-2afb-4c76-95dd-175fe7dc06d8.tmp</t>
  </si>
  <si>
    <t>\\acsfs\profiles$\brendadsl\Downloads\620a0758-2afb-4c76-95dd-175fe7dc06d8.tmp</t>
  </si>
  <si>
    <t>12/30/2019 17:41:02</t>
  </si>
  <si>
    <t>12/30/2019 17:43:31</t>
  </si>
  <si>
    <t>12/30/2019 17:39:30</t>
  </si>
  <si>
    <t>12/30/2019 17:39:43</t>
  </si>
  <si>
    <t>12/30/2019 17:44:32</t>
  </si>
  <si>
    <t>12/30/2019 17:40:12</t>
  </si>
  <si>
    <t>12/30/2019 17:39:11</t>
  </si>
  <si>
    <t>12/30/2019 17:42:44</t>
  </si>
  <si>
    <t>\\acsfs\DEPTOS\Governança da Estratégia\M&amp;A e Parcerias\Buy Side\Avaliações estruturadas\Orquestrador de Cognição e Omnichannel\ASC Brazil\Documentos finais da oferta\</t>
  </si>
  <si>
    <t>12/30/2019 17:40:00</t>
  </si>
  <si>
    <t>1ae3bae6-1d36-4402-b1f7-1f37be376def.tmp</t>
  </si>
  <si>
    <t>\\acsfs\profiles$\fabianafv\Downloads\1ae3bae6-1d36-4402-b1f7-1f37be376def.tmp</t>
  </si>
  <si>
    <t>12/30/2019 17:41:07</t>
  </si>
  <si>
    <t>12/30/2019 17:45:31</t>
  </si>
  <si>
    <t>12/30/2019 17:44:06</t>
  </si>
  <si>
    <t>12/30/2019 17:44:54</t>
  </si>
  <si>
    <t>12/30/2019 17:46:31</t>
  </si>
  <si>
    <t>12/30/2019 17:45:24</t>
  </si>
  <si>
    <t>12/30/2019 17:43:46</t>
  </si>
  <si>
    <t>12/30/2019 17:44:46</t>
  </si>
  <si>
    <t>12/30/2019 17:42:19</t>
  </si>
  <si>
    <t>12/30/2019 17:47:31</t>
  </si>
  <si>
    <t>12/30/2019 17:43:49</t>
  </si>
  <si>
    <t>12/30/2019 17:45:37</t>
  </si>
  <si>
    <t>907f4473-3517-4ea4-afb8-3d750c370072.tmp</t>
  </si>
  <si>
    <t>\\acsfs\profiles$\taylaedoa\Downloads\907f4473-3517-4ea4-afb8-3d750c370072.tmp</t>
  </si>
  <si>
    <t>12/30/2019 17:44:05</t>
  </si>
  <si>
    <t>https://udpmailboxap01/h/search?si=0&amp;so=0&amp;sc=57865&amp;sfi=2&amp;st=conversation&amp;action=compose</t>
  </si>
  <si>
    <t>12/30/2019 17:44:35</t>
  </si>
  <si>
    <t>12/30/2019 17:45:05</t>
  </si>
  <si>
    <t>12/30/2019 17:44:38</t>
  </si>
  <si>
    <t>12/30/2019 17:48:32</t>
  </si>
  <si>
    <t>12/30/2019 17:47:06</t>
  </si>
  <si>
    <t>12/30/2019 17:50:31</t>
  </si>
  <si>
    <t>12/30/2019 17:46:24</t>
  </si>
  <si>
    <t>12/30/2019 17:51:32</t>
  </si>
  <si>
    <t>12/30/2019 17:50:25</t>
  </si>
  <si>
    <t>12/30/2019 17:50:10</t>
  </si>
  <si>
    <t>12/30/2019 17:50:48</t>
  </si>
  <si>
    <t>05c55e0c-65be-467a-a58e-965f1eb417af.tmp</t>
  </si>
  <si>
    <t>\\acsfs\profiles$\myllenardl\Downloads\05c55e0c-65be-467a-a58e-965f1eb417af.tmp</t>
  </si>
  <si>
    <t>12/30/2019 17:49:46</t>
  </si>
  <si>
    <t>12/30/2019 17:50:47</t>
  </si>
  <si>
    <t>12/30/2019 17:51:09</t>
  </si>
  <si>
    <t>12/30/2019 17:52:32</t>
  </si>
  <si>
    <t>12/30/2019 17:46:42</t>
  </si>
  <si>
    <t>12/30/2019 17:48:50</t>
  </si>
  <si>
    <t>f5a9df6b-69d2-464f-8e8f-6f530ffaf9f8.tmp</t>
  </si>
  <si>
    <t>\\acsfs\profiles$\taylaedoa\Downloads\f5a9df6b-69d2-464f-8e8f-6f530ffaf9f8.tmp</t>
  </si>
  <si>
    <t>12/30/2019 17:49:41</t>
  </si>
  <si>
    <t>e61966e9-e03e-439e-8ef3-a33b0cc6d8e4.tmp</t>
  </si>
  <si>
    <t>\\acsfs\profiles$\taylaedoa\Downloads\e61966e9-e03e-439e-8ef3-a33b0cc6d8e4.tmp</t>
  </si>
  <si>
    <t>12/30/2019 17:51:15</t>
  </si>
  <si>
    <t>7c776486-4247-4302-9814-dbfed290874c.tmp</t>
  </si>
  <si>
    <t>\\acsfs\profiles$\taylaedoa\Downloads\7c776486-4247-4302-9814-dbfed290874c.tmp</t>
  </si>
  <si>
    <t>12/30/2019 17:50:03</t>
  </si>
  <si>
    <t>12/30/2019 17:53:33</t>
  </si>
  <si>
    <t>12/30/2019 17:49:57</t>
  </si>
  <si>
    <t>12/30/2019 17:51:44</t>
  </si>
  <si>
    <t>12/30/2019 17:54:32</t>
  </si>
  <si>
    <t>12/30/2019 17:53:23</t>
  </si>
  <si>
    <t>https://www.portalfornecedores.tim.com.br/sap/bc/webdynpro/sap/zwd_cf/;sap-ext-sid=negx55boiw8eg6z5ws8ldw--2km*kdj8atc6sylhlax7rg--/~wd_key/?sap-contextid=sid:anon:hsapp1s_p1s_00:2fd47ncnce4pkqw-in6b1o2wjz3gzbojo1d2bweh-new&amp;sap-wd-resource-id=wd24&amp;sap-wd-secure-id=c7b14a023f2ba09fa7a1e121f17ef38a</t>
  </si>
  <si>
    <t>Pedidos - 2019-12-30T175223.257.csv</t>
  </si>
  <si>
    <t>12/30/2019 17:54:11</t>
  </si>
  <si>
    <t>https://www.portalfornecedores.tim.com.br/sap/bc/webdynpro/sap/zwd_cf/;sap-ext-sid=negx55boiw8eg6z5ws8ldw--w41eqflbmdfptotea5wftq--/~wd_key/?sap-contextid=sid:anon:hsapp1s_p1s_00:2fd4kjgzaxhvwabw7efhj_anc1phzboqo1cba4el-new&amp;sap-wd-resource-id=wd24&amp;sap-wd-secure-id=2403d0ea69918f4747babcfa20d3f90e</t>
  </si>
  <si>
    <t>Pedidos - 2019-12-30T175340.533.csv</t>
  </si>
  <si>
    <t>12/30/2019 17:50:06</t>
  </si>
  <si>
    <t>12/30/2019 17:55:32</t>
  </si>
  <si>
    <t>12/30/2019 17:53:06</t>
  </si>
  <si>
    <t>12/30/2019 17:51:25</t>
  </si>
  <si>
    <t>12/30/2019 17:56:32</t>
  </si>
  <si>
    <t>12/30/2019 17:51:55</t>
  </si>
  <si>
    <t>12/30/2019 17:52:25</t>
  </si>
  <si>
    <t>12/30/2019 17:52:55</t>
  </si>
  <si>
    <t>12/30/2019 17:53:25</t>
  </si>
  <si>
    <t>12/30/2019 17:54:25</t>
  </si>
  <si>
    <t>12/30/2019 17:51:36</t>
  </si>
  <si>
    <t>316b9026-0a3a-4586-b073-4a7181bb1cb9.tmp</t>
  </si>
  <si>
    <t>\\acsfs\profiles$\leandromsa\Downloads\316b9026-0a3a-4586-b073-4a7181bb1cb9.tmp</t>
  </si>
  <si>
    <t>12/30/2019 17:52:50</t>
  </si>
  <si>
    <t>cbcda84a-32e2-4c7b-80c7-3a03f0a290eb.tmp</t>
  </si>
  <si>
    <t>\\acsfs\profiles$\leandromsa\Downloads\cbcda84a-32e2-4c7b-80c7-3a03f0a290eb.tmp</t>
  </si>
  <si>
    <t>12/30/2019 17:55:19</t>
  </si>
  <si>
    <t>12/30/2019 17:55:38</t>
  </si>
  <si>
    <t>aaec2afe-843e-4448-8adb-2236376902f4.tmp</t>
  </si>
  <si>
    <t>\\acsfs\profiles$\alessandraan\Downloads\aaec2afe-843e-4448-8adb-2236376902f4.tmp</t>
  </si>
  <si>
    <t>12/30/2019 17:55:46</t>
  </si>
  <si>
    <t>12/30/2019 17:55:39</t>
  </si>
  <si>
    <t>12/30/2019 17:56:33</t>
  </si>
  <si>
    <t>12/30/2019 17:58:33</t>
  </si>
  <si>
    <t>45d98604-8aff-4dc7-985a-bdcbbdffd439.tmp</t>
  </si>
  <si>
    <t>\\acsfs\profiles$\fabianobmf\Downloads\45d98604-8aff-4dc7-985a-bdcbbdffd439.tmp</t>
  </si>
  <si>
    <t>12/30/2019 17:56:21</t>
  </si>
  <si>
    <t>12/30/2019 17:59:32</t>
  </si>
  <si>
    <t>12/30/2019 17:56:26</t>
  </si>
  <si>
    <t>12/30/2019 17:57:25</t>
  </si>
  <si>
    <t>12/30/2019 17:54:47</t>
  </si>
  <si>
    <t>https://www.portalfornecedores.tim.com.br/sap/bc/webdynpro/sap/zwd_cf/;sap-ext-sid=negx55boiw8eg6z5ws8ldw--3yin5ic83bmkhoahia73ew--/~wd_key/?sap-contextid=sid:anon:hsapp1s_p1s_00:2fd4rpnkepqdrs4yyq6daspsxu-gzboro1amdl-x-new&amp;sap-wd-resource-id=wd24&amp;sap-wd-secure-id=c8ac16036a6474ce88af038cb7216b04</t>
  </si>
  <si>
    <t>Pedidos - 2019-12-30T175418.771.csv</t>
  </si>
  <si>
    <t>12/30/2019 17:55:31</t>
  </si>
  <si>
    <t>https://www.portalfornecedores.tim.com.br/sap/bc/webdynpro/sap/zwd_cf/;sap-ext-sid=negx55boiw8eg6z5ws8ldw--jtvh9aexqjwneucptcggpq--/~wd_key/?sap-contextid=sid:anon:hsapp1s_p1s_00:2fd4ukojt3vswa139amfn9ajvdjhzboto1b7t7f--new&amp;sap-wd-resource-id=wd24&amp;sap-wd-secure-id=02c2d0152f4dfab221e4168be5ce9e42</t>
  </si>
  <si>
    <t>Pedidos - 2019-12-30T175458.793.csv</t>
  </si>
  <si>
    <t>12/30/2019 17:56:18</t>
  </si>
  <si>
    <t>943d0fc6-13c4-4046-927d-10cd1f634dec.tmp</t>
  </si>
  <si>
    <t>\\acsfs\profiles$\mariajaf\Downloads\943d0fc6-13c4-4046-927d-10cd1f634dec.tmp</t>
  </si>
  <si>
    <t>12/30/2019 17:56:24</t>
  </si>
  <si>
    <t>12/30/2019 17:57:36</t>
  </si>
  <si>
    <t>0c43cb6a-7090-4679-af10-be82a3920242.tmp</t>
  </si>
  <si>
    <t>\\acsfs\profiles$\mariajaf\Downloads\0c43cb6a-7090-4679-af10-be82a3920242.tmp</t>
  </si>
  <si>
    <t>12/30/2019 17:56:06</t>
  </si>
  <si>
    <t>12/30/2019 18:00:32</t>
  </si>
  <si>
    <t>12/30/2019 17:59:06</t>
  </si>
  <si>
    <t>12/30/2019 17:56:14</t>
  </si>
  <si>
    <t>Resultados Equipe.xlsx</t>
  </si>
  <si>
    <t>\\acsfs\Deptos\Operacao\Banco_Votorantim\Supervisao\Flávia Constantina Nogueira\Resultados Equipe.xlsx</t>
  </si>
  <si>
    <t>12/30/2019 17:57:11</t>
  </si>
  <si>
    <t>12/30/2019 17:57:34</t>
  </si>
  <si>
    <t>12/30/2019 17:57:39</t>
  </si>
  <si>
    <t>12/30/2019 17:56:25</t>
  </si>
  <si>
    <t>12/30/2019 18:01:32</t>
  </si>
  <si>
    <t>12/30/2019 17:56:55</t>
  </si>
  <si>
    <t>12/30/2019 17:57:10</t>
  </si>
  <si>
    <t>12/30/2019 17:57:22</t>
  </si>
  <si>
    <t>12/30/2019 17:57:52</t>
  </si>
  <si>
    <t>12/30/2019 17:56:28</t>
  </si>
  <si>
    <t>12/30/2019 17:58:21</t>
  </si>
  <si>
    <t>6026a491-0182-4a93-acac-6550eeebf6b4.tmp</t>
  </si>
  <si>
    <t>\\acsfs\profiles$\rosileiam\Downloads\6026a491-0182-4a93-acac-6550eeebf6b4.tmp</t>
  </si>
  <si>
    <t>12/30/2019 18:00:10</t>
  </si>
  <si>
    <t>93dc0c64-6f04-45c8-b9e7-4b7f7293b1c4.tmp</t>
  </si>
  <si>
    <t>\\acsfs\profiles$\rosileiam\Downloads\93dc0c64-6f04-45c8-b9e7-4b7f7293b1c4.tmp</t>
  </si>
  <si>
    <t>12/30/2019 17:56:46</t>
  </si>
  <si>
    <t>12/30/2019 17:59:46</t>
  </si>
  <si>
    <t>12/30/2019 18:02:32</t>
  </si>
  <si>
    <t>9d27a3df-91a8-43e1-aff3-2c785efe8bb8.tmp</t>
  </si>
  <si>
    <t>\\acsfs\profiles$\gabrielamdp\Downloads\9d27a3df-91a8-43e1-aff3-2c785efe8bb8.tmp</t>
  </si>
  <si>
    <t>12/30/2019 18:03:32</t>
  </si>
  <si>
    <t>12/30/2019 18:00:48</t>
  </si>
  <si>
    <t>12/30/2019 18:04:32</t>
  </si>
  <si>
    <t>12/30/2019 18:01:02</t>
  </si>
  <si>
    <t>12/30/2019 18:01:08</t>
  </si>
  <si>
    <t>12/30/2019 18:01:14</t>
  </si>
  <si>
    <t>12/30/2019 18:01:22</t>
  </si>
  <si>
    <t>100014123564284;joaogvc@algartech.com;marianadjc@algartech.com;rafaelggs@algartech.com;taysdss@algartech.com;viniciussg@algartech.com;</t>
  </si>
  <si>
    <t>100014123564284,joaogvc@algartech.com,marianadjc@algartech.com,rafaelggs@algartech.com,taysdss@algartech.com,viniciussg@algartech.com</t>
  </si>
  <si>
    <t>12/30/2019 18:01:25</t>
  </si>
  <si>
    <t>100014123564284;joaogvc@algartech.com;josiascdsj@algartech.com;marianadjc@algartech.com;rafaelggs@algartech.com;taysdss@algartech.com;viniciussg@algartech.com;</t>
  </si>
  <si>
    <t>100014123564284,joaogvc@algartech.com,josiascdsj@algartech.com,marianadjc@algartech.com,rafaelggs@algartech.com,taysdss@algartech.com,viniciussg@algartech.com</t>
  </si>
  <si>
    <t>12/30/2019 18:02:10</t>
  </si>
  <si>
    <t>12/30/2019 18:02:27</t>
  </si>
  <si>
    <t>12/30/2019 18:03:04</t>
  </si>
  <si>
    <t>12/30/2019 18:03:17</t>
  </si>
  <si>
    <t>12/30/2019 18:03:39</t>
  </si>
  <si>
    <t>12/30/2019 18:02:06</t>
  </si>
  <si>
    <t>12/30/2019 18:05:32</t>
  </si>
  <si>
    <t>12/30/2019 18:05:16</t>
  </si>
  <si>
    <t>12/30/2019 18:02:56</t>
  </si>
  <si>
    <t>12/30/2019 18:06:32</t>
  </si>
  <si>
    <t>12/30/2019 18:01:28</t>
  </si>
  <si>
    <t>https://udpmailboxap01/h/search?si=0&amp;so=0&amp;sc=57904&amp;sfi=2&amp;st=message&amp;action=compose</t>
  </si>
  <si>
    <t>12/30/2019 18:01:50</t>
  </si>
  <si>
    <t>12/30/2019 18:01:46</t>
  </si>
  <si>
    <t>12/30/2019 18:02:46</t>
  </si>
  <si>
    <t>12/30/2019 18:04:59</t>
  </si>
  <si>
    <t>12/30/2019 18:08:33</t>
  </si>
  <si>
    <t>ef1fd3ed-3196-4d0e-8390-c112d59b75ea.tmp</t>
  </si>
  <si>
    <t>\\acsfs\profiles$\fabianobmf\Downloads\ef1fd3ed-3196-4d0e-8390-c112d59b75ea.tmp</t>
  </si>
  <si>
    <t>12/30/2019 18:03:59</t>
  </si>
  <si>
    <t>12/30/2019 18:09:32</t>
  </si>
  <si>
    <t>12/30/2019 18:04:15</t>
  </si>
  <si>
    <t>12/30/2019 18:04:40</t>
  </si>
  <si>
    <t>12/30/2019 18:06:33</t>
  </si>
  <si>
    <t>12/30/2019 18:05:50</t>
  </si>
  <si>
    <t>https://www.portalfornecedores.tim.com.br/sap/bc/webdynpro/sap/zwd_cf/;sap-ext-sid=negx55boiw8eg6z5ws8ldw--2km*kdj8atc6sylhlax7rg--/~wd_key/?sap-contextid=sid:anon:hsapp1s_p1s_00:2fd4ptgx209c3d7lwmx7tq640atgzbqzplarcviq-new&amp;sap-wd-resource-id=wd24&amp;sap-wd-secure-id=80a42e687c1d18625c590ba4e335ebf3</t>
  </si>
  <si>
    <t>Pedidos - 2019-12-30T180517.790.csv</t>
  </si>
  <si>
    <t>12/30/2019 18:06:24</t>
  </si>
  <si>
    <t>https://www.portalfornecedores.tim.com.br/sap/bc/webdynpro/sap/zwd_cf/;sap-ext-sid=negx55boiw8eg6z5ws8ldw--w41eqflbmdfptotea5wftq--/~wd_key/?sap-contextid=sid:anon:hsapp1s_p1s_00:2fd4mkqtzqlmv3gwlej8yobibvphzbqaplbxrozo-new&amp;sap-wd-resource-id=wd24&amp;sap-wd-secure-id=0c4483765188134d6db7e44006d44f5d</t>
  </si>
  <si>
    <t>Pedidos - 2019-12-30T180558.236.csv</t>
  </si>
  <si>
    <t>12/30/2019 18:08:36</t>
  </si>
  <si>
    <t>https://www.portalfornecedores.tim.com.br/sap/bc/webdynpro/sap/zwd_cf/;sap-ext-sid=negx55boiw8eg6z5ws8ldw--3yin5ic83bmkhoahia73ew--/~wd_key/?sap-contextid=sid:anon:hsapp1s_p1s_00:2fd4z6v6pap__my3eo7ptq4w3ylgzbqbplbtmv-c-new&amp;sap-wd-resource-id=wd24&amp;sap-wd-secure-id=a316ca47d4432c1c50860eb50debce48</t>
  </si>
  <si>
    <t>Pedidos - 2019-12-30T180803.274.csv</t>
  </si>
  <si>
    <t>12/30/2019 18:05:06</t>
  </si>
  <si>
    <t>12/30/2019 18:10:33</t>
  </si>
  <si>
    <t>12/30/2019 18:08:06</t>
  </si>
  <si>
    <t>12/30/2019 18:09:42</t>
  </si>
  <si>
    <t>12/30/2019 18:11:32</t>
  </si>
  <si>
    <t>ffa050dd-f36e-4b5e-883f-21932db38dc0.tmp</t>
  </si>
  <si>
    <t>\\acsfs\profiles$\leandromsa\Downloads\ffa050dd-f36e-4b5e-883f-21932db38dc0.tmp</t>
  </si>
  <si>
    <t>12/30/2019 18:08:00</t>
  </si>
  <si>
    <t>12/30/2019 18:08:46</t>
  </si>
  <si>
    <t>12/30/2019 18:10:46</t>
  </si>
  <si>
    <t>12/30/2019 18:12:32</t>
  </si>
  <si>
    <t>12/30/2019 18:08:49</t>
  </si>
  <si>
    <t>12/30/2019 18:13:32</t>
  </si>
  <si>
    <t>12/30/2019 18:09:46</t>
  </si>
  <si>
    <t>12/30/2019 18:09:24</t>
  </si>
  <si>
    <t>12/30/2019 18:14:32</t>
  </si>
  <si>
    <t>https://www.portalfornecedores.tim.com.br/sap/bc/webdynpro/sap/zwd_cf/;sap-ext-sid=negx55boiw8eg6z5ws8ldw--jtvh9aexqjwneucptcggpq--/~wd_key/?sap-contextid=sid:anon:hsapp1s_p1s_00:2fd4hfokf43r1abvvz9mrg_qqtjhzbr6pla8ltvu-new&amp;sap-wd-resource-id=wd24&amp;sap-wd-secure-id=7f2dbe0aa289f33d668356cf771eed45</t>
  </si>
  <si>
    <t>Pedidos - 2019-12-30T180853.881.csv</t>
  </si>
  <si>
    <t>12/30/2019 18:11:37</t>
  </si>
  <si>
    <t>Pedidos - 2019-12-30T180954.344.csv</t>
  </si>
  <si>
    <t>12/30/2019 18:11:06</t>
  </si>
  <si>
    <t>12/30/2019 18:15:32</t>
  </si>
  <si>
    <t>12/30/2019 18:14:06</t>
  </si>
  <si>
    <t>12/30/2019 18:11:45</t>
  </si>
  <si>
    <t>2c5c42e2-961b-4fdf-bf6b-9d0f1ee5cf65.tmp</t>
  </si>
  <si>
    <t>\\acsfs\profiles$\nathaliarmr\Downloads\2c5c42e2-961b-4fdf-bf6b-9d0f1ee5cf65.tmp</t>
  </si>
  <si>
    <t>12/30/2019 18:11:24</t>
  </si>
  <si>
    <t>12/30/2019 18:16:32</t>
  </si>
  <si>
    <t>12/30/2019 18:13:46</t>
  </si>
  <si>
    <t>12/30/2019 18:14:46</t>
  </si>
  <si>
    <t>12/30/2019 18:13:38</t>
  </si>
  <si>
    <t>12/30/2019 18:17:32</t>
  </si>
  <si>
    <t>12/30/2019 18:14:28</t>
  </si>
  <si>
    <t>12/30/2019 18:19:32</t>
  </si>
  <si>
    <t>12/30/2019 18:14:36</t>
  </si>
  <si>
    <t>12/30/2019 18:14:39</t>
  </si>
  <si>
    <t>12/30/2019 18:14:43</t>
  </si>
  <si>
    <t>12/30/2019 18:15:03</t>
  </si>
  <si>
    <t>12/30/2019 18:15:08</t>
  </si>
  <si>
    <t>12/30/2019 18:15:26</t>
  </si>
  <si>
    <t>12/30/2019 18:15:34</t>
  </si>
  <si>
    <t>12/30/2019 18:15:57</t>
  </si>
  <si>
    <t>12/30/2019 18:16:00</t>
  </si>
  <si>
    <t>12/30/2019 18:16:53</t>
  </si>
  <si>
    <t>12/30/2019 18:16:59</t>
  </si>
  <si>
    <t>12/30/2019 18:17:03</t>
  </si>
  <si>
    <t>12/30/2019 18:17:18</t>
  </si>
  <si>
    <t>12/30/2019 18:17:24</t>
  </si>
  <si>
    <t>12/30/2019 18:17:26</t>
  </si>
  <si>
    <t>12/30/2019 18:17:33</t>
  </si>
  <si>
    <t>12/30/2019 18:17:44</t>
  </si>
  <si>
    <t>12/30/2019 18:17:55</t>
  </si>
  <si>
    <t>12/30/2019 18:17:06</t>
  </si>
  <si>
    <t>12/30/2019 18:20:33</t>
  </si>
  <si>
    <t>12/30/2019 18:19:50</t>
  </si>
  <si>
    <t>12/30/2019 18:21:33</t>
  </si>
  <si>
    <t>12/30/2019 18:20:17</t>
  </si>
  <si>
    <t>12/30/2019 18:19:46</t>
  </si>
  <si>
    <t>12/30/2019 18:20:46</t>
  </si>
  <si>
    <t>12/30/2019 18:18:35</t>
  </si>
  <si>
    <t>12/30/2019 18:22:34</t>
  </si>
  <si>
    <t>16dfff97-d589-4ce2-a8bc-9d9bb2c095ef.tmp</t>
  </si>
  <si>
    <t>\\acsfs\profiles$\brendadsl\Downloads\16dfff97-d589-4ce2-a8bc-9d9bb2c095ef.tmp</t>
  </si>
  <si>
    <t>12/30/2019 18:21:19</t>
  </si>
  <si>
    <t>12/30/2019 18:23:33</t>
  </si>
  <si>
    <t>12/30/2019 18:24:33</t>
  </si>
  <si>
    <t>12/30/2019 18:22:14</t>
  </si>
  <si>
    <t>12/30/2019 18:22:50</t>
  </si>
  <si>
    <t>12/30/2019 18:23:14</t>
  </si>
  <si>
    <t>12/30/2019 18:23:35</t>
  </si>
  <si>
    <t>12/30/2019 18:24:24</t>
  </si>
  <si>
    <t>12/30/2019 18:25:33</t>
  </si>
  <si>
    <t>12/30/2019 18:20:06</t>
  </si>
  <si>
    <t>12/30/2019 18:23:06</t>
  </si>
  <si>
    <t>12/30/2019 18:22:22</t>
  </si>
  <si>
    <t>12/30/2019 18:26:33</t>
  </si>
  <si>
    <t>janaynatro</t>
  </si>
  <si>
    <t>\\acsfs\profiles$\janaynatro\Downloads\</t>
  </si>
  <si>
    <t>72b8274b-d6f7-4f34-aa32-40fcae2565a8.tmp</t>
  </si>
  <si>
    <t>\\acsfs\profiles$\janaynatro\Downloads\72b8274b-d6f7-4f34-aa32-40fcae2565a8.tmp</t>
  </si>
  <si>
    <t>12/30/2019 18:22:30</t>
  </si>
  <si>
    <t>Unconfirmed 2735.crdownload</t>
  </si>
  <si>
    <t>\\acsfs\profiles$\janaynatro\Downloads\Unconfirmed 2735.crdownload</t>
  </si>
  <si>
    <t>79d3d2ca-d9e4-48ad-bfbe-99ecab705e38.tmp</t>
  </si>
  <si>
    <t>\\acsfs\profiles$\janaynatro\Downloads\79d3d2ca-d9e4-48ad-bfbe-99ecab705e38.tmp</t>
  </si>
  <si>
    <t>12/30/2019 18:22:39</t>
  </si>
  <si>
    <t>Unconfirmed 878934.crdownload</t>
  </si>
  <si>
    <t>\\acsfs\profiles$\janaynatro\Downloads\Unconfirmed 878934.crdownload</t>
  </si>
  <si>
    <t>46a93709-c540-4452-bdc1-2a8d5e59e4b5.tmp</t>
  </si>
  <si>
    <t>\\acsfs\profiles$\janaynatro\Downloads\46a93709-c540-4452-bdc1-2a8d5e59e4b5.tmp</t>
  </si>
  <si>
    <t>12/30/2019 18:22:41</t>
  </si>
  <si>
    <t>12/30/2019 18:25:46</t>
  </si>
  <si>
    <t>12/30/2019 18:23:13</t>
  </si>
  <si>
    <t>12/30/2019 18:27:33</t>
  </si>
  <si>
    <t>83f477cc-fd08-4c42-b68a-e9ad59470df1.tmp</t>
  </si>
  <si>
    <t>\\acsfs\profiles$\marcosvnds\Downloads\83f477cc-fd08-4c42-b68a-e9ad59470df1.tmp</t>
  </si>
  <si>
    <t>12/30/2019 18:25:00</t>
  </si>
  <si>
    <t>5dc33a05-354a-4a15-8206-1806cccd6bb8.tmp</t>
  </si>
  <si>
    <t>\\acsfs\profiles$\taylaedoa\Downloads\5dc33a05-354a-4a15-8206-1806cccd6bb8.tmp</t>
  </si>
  <si>
    <t>12/30/2019 18:26:54</t>
  </si>
  <si>
    <t>12/30/2019 18:28:33</t>
  </si>
  <si>
    <t>12/30/2019 18:24:26</t>
  </si>
  <si>
    <t>12/30/2019 18:29:33</t>
  </si>
  <si>
    <t>12/30/2019 18:28:24</t>
  </si>
  <si>
    <t>12/30/2019 18:26:06</t>
  </si>
  <si>
    <t>12/30/2019 18:30:33</t>
  </si>
  <si>
    <t>12/30/2019 18:29:06</t>
  </si>
  <si>
    <t>12/30/2019 18:26:46</t>
  </si>
  <si>
    <t>12/30/2019 18:31:33</t>
  </si>
  <si>
    <t>12/30/2019 18:27:02</t>
  </si>
  <si>
    <t>12/30/2019 18:32:34</t>
  </si>
  <si>
    <t>12/30/2019 18:28:37</t>
  </si>
  <si>
    <t>12/30/2019 18:33:24</t>
  </si>
  <si>
    <t>12/30/2019 18:33:33</t>
  </si>
  <si>
    <t>12/30/2019 18:31:38</t>
  </si>
  <si>
    <t>12/30/2019 18:34:33</t>
  </si>
  <si>
    <t>12/30/2019 18:31:45</t>
  </si>
  <si>
    <t>12/30/2019 18:31:52</t>
  </si>
  <si>
    <t>12/30/2019 18:32:33</t>
  </si>
  <si>
    <t>12/30/2019 18:32:36</t>
  </si>
  <si>
    <t>12/30/2019 18:32:39</t>
  </si>
  <si>
    <t>12/30/2019 18:32:47</t>
  </si>
  <si>
    <t>12/30/2019 18:32:56</t>
  </si>
  <si>
    <t>12/30/2019 18:32:06</t>
  </si>
  <si>
    <t>12/30/2019 18:35:33</t>
  </si>
  <si>
    <t>12/30/2019 18:32:22</t>
  </si>
  <si>
    <t>482c0bb0-d068-425e-81e7-9c7b7645fe66.tmp</t>
  </si>
  <si>
    <t>\\acsfs\profiles$\cintiadjl\Downloads\482c0bb0-d068-425e-81e7-9c7b7645fe66.tmp</t>
  </si>
  <si>
    <t>12/30/2019 18:33:26</t>
  </si>
  <si>
    <t>12/30/2019 18:33:22</t>
  </si>
  <si>
    <t>12/30/2019 18:36:33</t>
  </si>
  <si>
    <t>9ed57fc5-8b4b-4751-ba4a-8a448a6bdb04.tmp</t>
  </si>
  <si>
    <t>\\acsfs\profiles$\leandromsa\Downloads\9ed57fc5-8b4b-4751-ba4a-8a448a6bdb04.tmp</t>
  </si>
  <si>
    <t>12/30/2019 18:31:46</t>
  </si>
  <si>
    <t>12/30/2019 18:32:46</t>
  </si>
  <si>
    <t>12/30/2019 18:36:15</t>
  </si>
  <si>
    <t>12/30/2019 18:38:33</t>
  </si>
  <si>
    <t>12/30/2019 18:36:17</t>
  </si>
  <si>
    <t>12/30/2019 18:35:23</t>
  </si>
  <si>
    <t>79372fd1-c415-4c08-952f-f9347d0fdbce.tmp</t>
  </si>
  <si>
    <t>\\acsfs\profiles$\erichds\Downloads\79372fd1-c415-4c08-952f-f9347d0fdbce.tmp</t>
  </si>
  <si>
    <t>12/30/2019 18:35:48</t>
  </si>
  <si>
    <t>1aeb69d1-4e5e-4149-9826-0f51b4f34934.tmp</t>
  </si>
  <si>
    <t>\\acsfs\profiles$\erichds\Downloads\1aeb69d1-4e5e-4149-9826-0f51b4f34934.tmp</t>
  </si>
  <si>
    <t>12/30/2019 18:38:21</t>
  </si>
  <si>
    <t>12/30/2019 18:39:33</t>
  </si>
  <si>
    <t>bd632757-6b8c-4514-bd4f-0e7a5739cc78.tmp</t>
  </si>
  <si>
    <t>\\acsfs\profiles$\mariajaf\Downloads\bd632757-6b8c-4514-bd4f-0e7a5739cc78.tmp</t>
  </si>
  <si>
    <t>12/30/2019 18:35:06</t>
  </si>
  <si>
    <t>12/30/2019 18:40:33</t>
  </si>
  <si>
    <t>12/30/2019 18:38:06</t>
  </si>
  <si>
    <t>12/30/2019 18:36:57</t>
  </si>
  <si>
    <t>06330080-2b05-44c0-b1bd-e263432c2a1f.tmp</t>
  </si>
  <si>
    <t>\\acsfs\profiles$\cintiadjl\Downloads\06330080-2b05-44c0-b1bd-e263432c2a1f.tmp</t>
  </si>
  <si>
    <t>12/30/2019 18:36:56</t>
  </si>
  <si>
    <t>12/30/2019 18:41:34</t>
  </si>
  <si>
    <t>12/30/2019 18:37:46</t>
  </si>
  <si>
    <t>12/30/2019 18:38:46</t>
  </si>
  <si>
    <t>12/30/2019 18:41:07</t>
  </si>
  <si>
    <t>12/30/2019 18:45:33</t>
  </si>
  <si>
    <t>12/30/2019 18:44:06</t>
  </si>
  <si>
    <t>12/30/2019 18:43:46</t>
  </si>
  <si>
    <t>12/30/2019 18:46:34</t>
  </si>
  <si>
    <t>12/30/2019 18:44:46</t>
  </si>
  <si>
    <t>12/30/2019 18:47:23</t>
  </si>
  <si>
    <t>12/30/2019 18:48:33</t>
  </si>
  <si>
    <t>12/30/2019 18:45:25</t>
  </si>
  <si>
    <t>12/30/2019 18:49:34</t>
  </si>
  <si>
    <t>12/30/2019 18:44:50</t>
  </si>
  <si>
    <t>12/30/2019 18:50:33</t>
  </si>
  <si>
    <t>12/30/2019 18:47:06</t>
  </si>
  <si>
    <t>12/30/2019 18:49:46</t>
  </si>
  <si>
    <t>12/30/2019 18:51:33</t>
  </si>
  <si>
    <t>12/30/2019 18:50:46</t>
  </si>
  <si>
    <t>12/30/2019 18:47:58</t>
  </si>
  <si>
    <t>12/30/2019 18:53:33</t>
  </si>
  <si>
    <t>12/30/2019 18:49:03</t>
  </si>
  <si>
    <t>12/30/2019 18:49:38</t>
  </si>
  <si>
    <t>12/30/2019 18:50:15</t>
  </si>
  <si>
    <t>12/30/2019 18:53:34</t>
  </si>
  <si>
    <t>12/30/2019 18:54:33</t>
  </si>
  <si>
    <t>12/30/2019 18:50:12</t>
  </si>
  <si>
    <t>12/30/2019 18:50:19</t>
  </si>
  <si>
    <t>12/30/2019 18:50:30</t>
  </si>
  <si>
    <t>12/30/2019 18:50:35</t>
  </si>
  <si>
    <t>12/30/2019 18:50:39</t>
  </si>
  <si>
    <t>12/30/2019 18:50:42</t>
  </si>
  <si>
    <t>12/30/2019 18:50:45</t>
  </si>
  <si>
    <t>12/30/2019 18:50:52</t>
  </si>
  <si>
    <t>12/30/2019 18:51:00</t>
  </si>
  <si>
    <t>12/30/2019 18:53:39</t>
  </si>
  <si>
    <t>12/30/2019 18:50:06</t>
  </si>
  <si>
    <t>12/30/2019 18:55:33</t>
  </si>
  <si>
    <t>12/30/2019 18:53:06</t>
  </si>
  <si>
    <t>12/30/2019 18:54:56</t>
  </si>
  <si>
    <t>ca365502-4987-4c0a-be04-e28cac69701f.tmp</t>
  </si>
  <si>
    <t>\\acsfs\profiles$\henriqueco\Downloads\ca365502-4987-4c0a-be04-e28cac69701f.tmp</t>
  </si>
  <si>
    <t>12/30/2019 18:55:34</t>
  </si>
  <si>
    <t>12/30/2019 18:56:33</t>
  </si>
  <si>
    <t>12/30/2019 18:53:48</t>
  </si>
  <si>
    <t>12/30/2019 18:53:49</t>
  </si>
  <si>
    <t>12/30/2019 18:55:46</t>
  </si>
  <si>
    <t>12/30/2019 18:55:36</t>
  </si>
  <si>
    <t>12/30/2019 18:58:33</t>
  </si>
  <si>
    <t>12/30/2019 18:54:01</t>
  </si>
  <si>
    <t>12/30/2019 18:54:02</t>
  </si>
  <si>
    <t>12/30/2019 18:54:03</t>
  </si>
  <si>
    <t>12/30/2019 18:54:05</t>
  </si>
  <si>
    <t>12/30/2019 18:54:09</t>
  </si>
  <si>
    <t>12/30/2019 18:54:10</t>
  </si>
  <si>
    <t>12/30/2019 18:54:11</t>
  </si>
  <si>
    <t>12/30/2019 18:54:13</t>
  </si>
  <si>
    <t>12/30/2019 18:54:14</t>
  </si>
  <si>
    <t>12/30/2019 18:54:15</t>
  </si>
  <si>
    <t>12/30/2019 18:54:17</t>
  </si>
  <si>
    <t>12/30/2019 18:54:23</t>
  </si>
  <si>
    <t>12/30/2019 18:54:24</t>
  </si>
  <si>
    <t>12/30/2019 18:54:25</t>
  </si>
  <si>
    <t>12/30/2019 18:54:26</t>
  </si>
  <si>
    <t>12/30/2019 18:54:31</t>
  </si>
  <si>
    <t>12/30/2019 18:54:36</t>
  </si>
  <si>
    <t>12/30/2019 18:54:45</t>
  </si>
  <si>
    <t>12/30/2019 18:54:51</t>
  </si>
  <si>
    <t>12/30/2019 18:54:52</t>
  </si>
  <si>
    <t>12/30/2019 18:54:53</t>
  </si>
  <si>
    <t>12/30/2019 18:54:58</t>
  </si>
  <si>
    <t>12/30/2019 18:55:29</t>
  </si>
  <si>
    <t>12/30/2019 18:55:30</t>
  </si>
  <si>
    <t>12/30/2019 18:55:32</t>
  </si>
  <si>
    <t>12/30/2019 18:55:35</t>
  </si>
  <si>
    <t>12/30/2019 18:55:37</t>
  </si>
  <si>
    <t>12/30/2019 18:55:38</t>
  </si>
  <si>
    <t>12/30/2019 18:55:39</t>
  </si>
  <si>
    <t>12/30/2019 18:55:43</t>
  </si>
  <si>
    <t>12/30/2019 18:55:45</t>
  </si>
  <si>
    <t>12/30/2019 18:55:47</t>
  </si>
  <si>
    <t>12/30/2019 18:55:48</t>
  </si>
  <si>
    <t>12/30/2019 18:55:52</t>
  </si>
  <si>
    <t>12/30/2019 18:55:53</t>
  </si>
  <si>
    <t>12/30/2019 18:55:58</t>
  </si>
  <si>
    <t>12/30/2019 18:55:59</t>
  </si>
  <si>
    <t>12/30/2019 18:56:00</t>
  </si>
  <si>
    <t>12/30/2019 18:56:01</t>
  </si>
  <si>
    <t>12/30/2019 18:56:04</t>
  </si>
  <si>
    <t>12/30/2019 18:56:09</t>
  </si>
  <si>
    <t>12/30/2019 18:56:13</t>
  </si>
  <si>
    <t>12/30/2019 18:56:14</t>
  </si>
  <si>
    <t>12/30/2019 18:56:16</t>
  </si>
  <si>
    <t>12/30/2019 18:56:26</t>
  </si>
  <si>
    <t>12/30/2019 18:56:27</t>
  </si>
  <si>
    <t>12/30/2019 18:56:28</t>
  </si>
  <si>
    <t>12/30/2019 18:56:29</t>
  </si>
  <si>
    <t>12/30/2019 18:56:36</t>
  </si>
  <si>
    <t>12/30/2019 18:56:38</t>
  </si>
  <si>
    <t>12/30/2019 18:56:39</t>
  </si>
  <si>
    <t>12/30/2019 18:56:40</t>
  </si>
  <si>
    <t>12/30/2019 18:56:41</t>
  </si>
  <si>
    <t>12/30/2019 18:56:42</t>
  </si>
  <si>
    <t>12/30/2019 18:56:46</t>
  </si>
  <si>
    <t>12/30/2019 18:56:47</t>
  </si>
  <si>
    <t>12/30/2019 18:56:48</t>
  </si>
  <si>
    <t>12/30/2019 18:56:50</t>
  </si>
  <si>
    <t>12/30/2019 18:56:51</t>
  </si>
  <si>
    <t>12/30/2019 18:56:52</t>
  </si>
  <si>
    <t>12/30/2019 18:56:55</t>
  </si>
  <si>
    <t>12/30/2019 18:56:56</t>
  </si>
  <si>
    <t>12/30/2019 18:56:58</t>
  </si>
  <si>
    <t>12/30/2019 18:56:59</t>
  </si>
  <si>
    <t>12/30/2019 18:57:01</t>
  </si>
  <si>
    <t>12/30/2019 18:57:03</t>
  </si>
  <si>
    <t>12/30/2019 18:57:05</t>
  </si>
  <si>
    <t>12/30/2019 18:57:07</t>
  </si>
  <si>
    <t>12/30/2019 18:57:08</t>
  </si>
  <si>
    <t>12/30/2019 18:57:09</t>
  </si>
  <si>
    <t>12/30/2019 18:57:10</t>
  </si>
  <si>
    <t>12/30/2019 18:57:12</t>
  </si>
  <si>
    <t>12/30/2019 18:57:14</t>
  </si>
  <si>
    <t>12/30/2019 18:57:17</t>
  </si>
  <si>
    <t>12/30/2019 18:57:33</t>
  </si>
  <si>
    <t>12/30/2019 18:57:34</t>
  </si>
  <si>
    <t>12/30/2019 18:57:35</t>
  </si>
  <si>
    <t>12/30/2019 18:57:37</t>
  </si>
  <si>
    <t>12/30/2019 18:57:38</t>
  </si>
  <si>
    <t>12/30/2019 18:57:39</t>
  </si>
  <si>
    <t>12/30/2019 18:57:42</t>
  </si>
  <si>
    <t>12/30/2019 18:57:44</t>
  </si>
  <si>
    <t>12/30/2019 18:57:46</t>
  </si>
  <si>
    <t>12/30/2019 18:57:47</t>
  </si>
  <si>
    <t>12/30/2019 18:57:48</t>
  </si>
  <si>
    <t>12/30/2019 18:57:53</t>
  </si>
  <si>
    <t>12/30/2019 18:57:54</t>
  </si>
  <si>
    <t>12/30/2019 18:58:15</t>
  </si>
  <si>
    <t>12/30/2019 18:58:18</t>
  </si>
  <si>
    <t>12/30/2019 18:58:20</t>
  </si>
  <si>
    <t>12/30/2019 18:58:21</t>
  </si>
  <si>
    <t>12/30/2019 18:58:44</t>
  </si>
  <si>
    <t>12/30/2019 19:00:33</t>
  </si>
  <si>
    <t>12/30/2019 18:58:51</t>
  </si>
  <si>
    <t>12/30/2019 18:56:06</t>
  </si>
  <si>
    <t>12/30/2019 18:59:06</t>
  </si>
  <si>
    <t>12/30/2019 19:01:33</t>
  </si>
  <si>
    <t>12/30/2019 19:00:23</t>
  </si>
  <si>
    <t>12/30/2019 18:59:46</t>
  </si>
  <si>
    <t>12/30/2019 19:00:19</t>
  </si>
  <si>
    <t>12/30/2019 19:02:33</t>
  </si>
  <si>
    <t>12/30/2019 18:58:24</t>
  </si>
  <si>
    <t>12/30/2019 19:03:33</t>
  </si>
  <si>
    <t>12/30/2019 18:58:26</t>
  </si>
  <si>
    <t>12/30/2019 18:58:39</t>
  </si>
  <si>
    <t>12/30/2019 19:02:55</t>
  </si>
  <si>
    <t>12/30/2019 19:04:32</t>
  </si>
  <si>
    <t>12/30/2019 19:03:03</t>
  </si>
  <si>
    <t>12/30/2019 19:02:50</t>
  </si>
  <si>
    <t>12/30/2019 19:05:33</t>
  </si>
  <si>
    <t>12/30/2019 19:02:06</t>
  </si>
  <si>
    <t>12/30/2019 19:01:46</t>
  </si>
  <si>
    <t>12/30/2019 19:06:33</t>
  </si>
  <si>
    <t>12/30/2019 19:05:46</t>
  </si>
  <si>
    <t>12/30/2019 19:02:46</t>
  </si>
  <si>
    <t>12/30/2019 19:07:33</t>
  </si>
  <si>
    <t>12/30/2019 19:06:37</t>
  </si>
  <si>
    <t>12/30/2019 19:08:33</t>
  </si>
  <si>
    <t>12/30/2019 19:04:03</t>
  </si>
  <si>
    <t>12/30/2019 19:08:24</t>
  </si>
  <si>
    <t>12/30/2019 19:08:26</t>
  </si>
  <si>
    <t>12/30/2019 19:05:06</t>
  </si>
  <si>
    <t>12/30/2019 19:10:34</t>
  </si>
  <si>
    <t>12/30/2019 19:08:06</t>
  </si>
  <si>
    <t>12/30/2019 19:05:27</t>
  </si>
  <si>
    <t>12/30/2019 19:08:35</t>
  </si>
  <si>
    <t>12/30/2019 14:33:44</t>
  </si>
  <si>
    <t>12/30/2019 19:11:33</t>
  </si>
  <si>
    <t>Template Recuperação de Custos_DEZEMBRO.xlsx</t>
  </si>
  <si>
    <t>12/30/2019 19:06:09</t>
  </si>
  <si>
    <t>12/30/2019 19:07:46</t>
  </si>
  <si>
    <t>12/30/2019 19:07:17</t>
  </si>
  <si>
    <t>12/30/2019 19:12:33</t>
  </si>
  <si>
    <t>adicional metlife.txt</t>
  </si>
  <si>
    <t>\\acsfs\profiles$\thaynaracsl\My Documents\adicional metlife.txt</t>
  </si>
  <si>
    <t>12/30/2019 19:09:32</t>
  </si>
  <si>
    <t>12/30/2019 19:08:27</t>
  </si>
  <si>
    <t>12/30/2019 19:13:33</t>
  </si>
  <si>
    <t>12/30/2019 19:08:28</t>
  </si>
  <si>
    <t>12/30/2019 19:08:30</t>
  </si>
  <si>
    <t>12/30/2019 19:08:32</t>
  </si>
  <si>
    <t>12/30/2019 19:08:36</t>
  </si>
  <si>
    <t>12/30/2019 19:08:41</t>
  </si>
  <si>
    <t>12/30/2019 19:08:52</t>
  </si>
  <si>
    <t>12/30/2019 19:09:48</t>
  </si>
  <si>
    <t>12/30/2019 19:09:52</t>
  </si>
  <si>
    <t>12/30/2019 19:09:53</t>
  </si>
  <si>
    <t>12/30/2019 19:09:54</t>
  </si>
  <si>
    <t>12/30/2019 19:14:33</t>
  </si>
  <si>
    <t>12/30/2019 19:09:55</t>
  </si>
  <si>
    <t>12/30/2019 19:09:58</t>
  </si>
  <si>
    <t>12/30/2019 19:10:03</t>
  </si>
  <si>
    <t>12/30/2019 19:11:06</t>
  </si>
  <si>
    <t>12/30/2019 19:15:33</t>
  </si>
  <si>
    <t>12/30/2019 19:14:06</t>
  </si>
  <si>
    <t>12/30/2019 19:15:13</t>
  </si>
  <si>
    <t>12/30/2019 19:10:37</t>
  </si>
  <si>
    <t>151b20f5-1507-43f4-acb7-1f2bb7f35c14.tmp</t>
  </si>
  <si>
    <t>\\acsfs\profiles$\andreapdsg\Downloads\151b20f5-1507-43f4-acb7-1f2bb7f35c14.tmp</t>
  </si>
  <si>
    <t>12/30/2019 19:12:01</t>
  </si>
  <si>
    <t>12/30/2019 19:16:33</t>
  </si>
  <si>
    <t>12/30/2019 19:11:46</t>
  </si>
  <si>
    <t>12/30/2019 19:13:46</t>
  </si>
  <si>
    <t>12/30/2019 19:16:39</t>
  </si>
  <si>
    <t>12/30/2019 19:17:33</t>
  </si>
  <si>
    <t>12/30/2019 19:17:32</t>
  </si>
  <si>
    <t>12/30/2019 19:18:33</t>
  </si>
  <si>
    <t>12/30/2019 19:17:06</t>
  </si>
  <si>
    <t>12/30/2019 19:20:33</t>
  </si>
  <si>
    <t>12/30/2019 19:17:46</t>
  </si>
  <si>
    <t>12/30/2019 19:21:33</t>
  </si>
  <si>
    <t>12/30/2019 19:19:46</t>
  </si>
  <si>
    <t>12/30/2019 19:18:43</t>
  </si>
  <si>
    <t>12/30/2019 19:22:33</t>
  </si>
  <si>
    <t>04c4de08-2b19-4cc9-a205-9cef08a10d69.tmp</t>
  </si>
  <si>
    <t>\\acsfs\profiles$\gabrielamdp\Downloads\04c4de08-2b19-4cc9-a205-9cef08a10d69.tmp</t>
  </si>
  <si>
    <t>12/30/2019 19:20:50</t>
  </si>
  <si>
    <t>12/30/2019 19:23:33</t>
  </si>
  <si>
    <t>12/30/2019 19:22:06</t>
  </si>
  <si>
    <t>12/30/2019 19:22:35</t>
  </si>
  <si>
    <t>12/30/2019 19:18:51</t>
  </si>
  <si>
    <t>12/30/2019 19:24:33</t>
  </si>
  <si>
    <t>12/30/2019 19:18:52</t>
  </si>
  <si>
    <t>12/30/2019 19:20:46</t>
  </si>
  <si>
    <t>c88a43f4-73a8-4a3e-ac86-512c8e5d42d1.tmp</t>
  </si>
  <si>
    <t>\\acsfs\profiles$\victorgl\Downloads\c88a43f4-73a8-4a3e-ac86-512c8e5d42d1.tmp</t>
  </si>
  <si>
    <t>12/30/2019 19:21:23</t>
  </si>
  <si>
    <t>ec572d67-3e1f-41d7-bbc2-fa8a9847a5c3.tmp</t>
  </si>
  <si>
    <t>\\acsfs\profiles$\victorgl\Downloads\ec572d67-3e1f-41d7-bbc2-fa8a9847a5c3.tmp</t>
  </si>
  <si>
    <t>12/30/2019 19:20:06</t>
  </si>
  <si>
    <t>12/30/2019 19:25:33</t>
  </si>
  <si>
    <t>12/30/2019 19:23:06</t>
  </si>
  <si>
    <t>12/30/2019 19:21:52</t>
  </si>
  <si>
    <t>12/30/2019 19:26:33</t>
  </si>
  <si>
    <t>12/30/2019 19:23:54</t>
  </si>
  <si>
    <t>12/30/2019 19:25:46</t>
  </si>
  <si>
    <t>12/30/2019 19:25:48</t>
  </si>
  <si>
    <t>12/30/2019 19:27:33</t>
  </si>
  <si>
    <t>12/30/2019 19:24:29</t>
  </si>
  <si>
    <t>12/30/2019 19:28:33</t>
  </si>
  <si>
    <t>12/30/2019 19:25:04</t>
  </si>
  <si>
    <t>12/30/2019 19:24:16</t>
  </si>
  <si>
    <t>12/30/2019 19:29:33</t>
  </si>
  <si>
    <t>94e5cdc6-2d45-4e05-aef2-611ecd6b76ef.tmp</t>
  </si>
  <si>
    <t>\\acsfs\profiles$\victorgl\Downloads\94e5cdc6-2d45-4e05-aef2-611ecd6b76ef.tmp</t>
  </si>
  <si>
    <t>12/30/2019 19:26:06</t>
  </si>
  <si>
    <t>12/30/2019 19:30:32</t>
  </si>
  <si>
    <t>12/30/2019 19:29:32</t>
  </si>
  <si>
    <t>12/30/2019 19:29:46</t>
  </si>
  <si>
    <t>12/30/2019 19:31:33</t>
  </si>
  <si>
    <t>12/30/2019 19:29:40</t>
  </si>
  <si>
    <t>12/30/2019 19:34:33</t>
  </si>
  <si>
    <t>12/30/2019 19:29:41</t>
  </si>
  <si>
    <t>12/30/2019 19:29:43</t>
  </si>
  <si>
    <t>12/30/2019 19:29:45</t>
  </si>
  <si>
    <t>12/30/2019 19:29:49</t>
  </si>
  <si>
    <t>12/30/2019 19:29:50</t>
  </si>
  <si>
    <t>12/30/2019 19:29:59</t>
  </si>
  <si>
    <t>12/30/2019 19:30:04</t>
  </si>
  <si>
    <t>12/30/2019 19:30:07</t>
  </si>
  <si>
    <t>12/30/2019 19:30:11</t>
  </si>
  <si>
    <t>12/30/2019 19:30:41</t>
  </si>
  <si>
    <t>12/30/2019 19:31:10</t>
  </si>
  <si>
    <t>12/30/2019 19:31:15</t>
  </si>
  <si>
    <t>12/30/2019 19:31:16</t>
  </si>
  <si>
    <t>12/30/2019 19:31:17</t>
  </si>
  <si>
    <t>12/30/2019 19:31:18</t>
  </si>
  <si>
    <t>12/30/2019 19:32:18</t>
  </si>
  <si>
    <t>12/30/2019 19:32:28</t>
  </si>
  <si>
    <t>12/30/2019 19:32:06</t>
  </si>
  <si>
    <t>12/30/2019 19:35:32</t>
  </si>
  <si>
    <t>12/30/2019 19:31:46</t>
  </si>
  <si>
    <t>12/30/2019 19:36:33</t>
  </si>
  <si>
    <t>12/30/2019 19:35:46</t>
  </si>
  <si>
    <t>12/30/2019 19:37:40</t>
  </si>
  <si>
    <t>12/30/2019 19:39:33</t>
  </si>
  <si>
    <t>adbc9023-cfeb-49f2-8d38-3afa8b07d8ef.tmp</t>
  </si>
  <si>
    <t>\\acsfs\profiles$\victorgl\Downloads\adbc9023-cfeb-49f2-8d38-3afa8b07d8ef.tmp</t>
  </si>
  <si>
    <t>12/30/2019 19:35:06</t>
  </si>
  <si>
    <t>12/30/2019 19:40:33</t>
  </si>
  <si>
    <t>12/30/2019 19:38:06</t>
  </si>
  <si>
    <t>12/30/2019 19:37:55</t>
  </si>
  <si>
    <t>12/30/2019 19:37:49</t>
  </si>
  <si>
    <t>12/30/2019 19:41:33</t>
  </si>
  <si>
    <t>12/30/2019 19:37:46</t>
  </si>
  <si>
    <t>12/30/2019 19:41:21</t>
  </si>
  <si>
    <t>12/30/2019 19:42:33</t>
  </si>
  <si>
    <t>12/30/2019 19:39:23</t>
  </si>
  <si>
    <t>12/30/2019 19:44:33</t>
  </si>
  <si>
    <t>c4935733-ca1c-47c2-a00e-9c11c4a150b8.tmp</t>
  </si>
  <si>
    <t>\\acsfs\profiles$\victorgl\Downloads\c4935733-ca1c-47c2-a00e-9c11c4a150b8.tmp</t>
  </si>
  <si>
    <t>12/30/2019 19:41:07</t>
  </si>
  <si>
    <t>12/30/2019 19:45:33</t>
  </si>
  <si>
    <t>12/30/2019 19:44:06</t>
  </si>
  <si>
    <t>12/30/2019 19:41:46</t>
  </si>
  <si>
    <t>12/30/2019 19:46:33</t>
  </si>
  <si>
    <t>12/30/2019 19:43:46</t>
  </si>
  <si>
    <t>12/30/2019 19:42:34</t>
  </si>
  <si>
    <t>12/30/2019 19:47:33</t>
  </si>
  <si>
    <t>12/30/2019 19:45:25</t>
  </si>
  <si>
    <t>12/30/2019 19:43:41</t>
  </si>
  <si>
    <t>12/30/2019 19:48:33</t>
  </si>
  <si>
    <t>12/30/2019 19:47:06</t>
  </si>
  <si>
    <t>12/30/2019 19:50:33</t>
  </si>
  <si>
    <t>12/30/2019 19:48:12</t>
  </si>
  <si>
    <t>12/30/2019 19:51:33</t>
  </si>
  <si>
    <t>12/30/2019 19:47:46</t>
  </si>
  <si>
    <t>12/30/2019 19:49:46</t>
  </si>
  <si>
    <t>12/30/2019 19:49:01</t>
  </si>
  <si>
    <t>12/30/2019 19:52:33</t>
  </si>
  <si>
    <t>1a8f08d5-8474-4e7d-8c88-328890251d76.tmp</t>
  </si>
  <si>
    <t>\\acsfs\profiles$\taylaedoa\Downloads\1a8f08d5-8474-4e7d-8c88-328890251d76.tmp</t>
  </si>
  <si>
    <t>12/30/2019 19:50:06</t>
  </si>
  <si>
    <t>12/30/2019 19:55:34</t>
  </si>
  <si>
    <t>12/30/2019 19:53:06</t>
  </si>
  <si>
    <t>12/30/2019 19:54:52</t>
  </si>
  <si>
    <t>12/30/2019 19:56:33</t>
  </si>
  <si>
    <t>12/30/2019 19:53:46</t>
  </si>
  <si>
    <t>12/30/2019 19:55:46</t>
  </si>
  <si>
    <t>12/30/2019 19:57:46</t>
  </si>
  <si>
    <t>12/30/2019 20:00:33</t>
  </si>
  <si>
    <t>12/30/2019 19:56:06</t>
  </si>
  <si>
    <t>12/30/2019 19:59:06</t>
  </si>
  <si>
    <t>12/30/2019 19:59:47</t>
  </si>
  <si>
    <t>12/30/2019 20:01:33</t>
  </si>
  <si>
    <t>12/30/2019 20:02:13</t>
  </si>
  <si>
    <t>12/30/2019 20:03:34</t>
  </si>
  <si>
    <t>12/30/2019 19:58:54</t>
  </si>
  <si>
    <t>12/30/2019 20:02:06</t>
  </si>
  <si>
    <t>12/30/2019 20:05:33</t>
  </si>
  <si>
    <t>12/30/2019 20:01:47</t>
  </si>
  <si>
    <t>12/30/2019 20:06:33</t>
  </si>
  <si>
    <t>12/30/2019 20:05:47</t>
  </si>
  <si>
    <t>12/30/2019 20:03:29</t>
  </si>
  <si>
    <t>12/30/2019 20:07:33</t>
  </si>
  <si>
    <t>12/30/2019 20:05:06</t>
  </si>
  <si>
    <t>12/30/2019 20:10:33</t>
  </si>
  <si>
    <t>12/30/2019 20:08:06</t>
  </si>
  <si>
    <t>12/30/2019 20:09:19</t>
  </si>
  <si>
    <t>12/30/2019 20:11:34</t>
  </si>
  <si>
    <t>12/30/2019 20:05:50</t>
  </si>
  <si>
    <t>12/30/2019 20:07:47</t>
  </si>
  <si>
    <t>12/30/2019 20:10:54</t>
  </si>
  <si>
    <t>12/30/2019 20:12:33</t>
  </si>
  <si>
    <t>12/30/2019 20:09:30</t>
  </si>
  <si>
    <t>12/30/2019 20:11:41</t>
  </si>
  <si>
    <t>12/30/2019 20:13:33</t>
  </si>
  <si>
    <t>12/30/2019 20:09:52</t>
  </si>
  <si>
    <t>12/30/2019 20:14:33</t>
  </si>
  <si>
    <t>12/30/2019 20:10:09</t>
  </si>
  <si>
    <t>12/30/2019 20:11:06</t>
  </si>
  <si>
    <t>12/30/2019 20:15:33</t>
  </si>
  <si>
    <t>12/30/2019 20:14:07</t>
  </si>
  <si>
    <t>12/30/2019 20:12:49</t>
  </si>
  <si>
    <t>12/30/2019 20:13:05</t>
  </si>
  <si>
    <t>Vitoria.jpg</t>
  </si>
  <si>
    <t>12/30/2019 20:13:07</t>
  </si>
  <si>
    <t>12/30/2019 20:13:09</t>
  </si>
  <si>
    <t>12/30/2019 20:11:47</t>
  </si>
  <si>
    <t>12/30/2019 20:16:34</t>
  </si>
  <si>
    <t>12/30/2019 20:13:46</t>
  </si>
  <si>
    <t>12/30/2019 20:13:16</t>
  </si>
  <si>
    <t>12/30/2019 20:17:33</t>
  </si>
  <si>
    <t>12/30/2019 20:16:08</t>
  </si>
  <si>
    <t>12/30/2019 20:18:33</t>
  </si>
  <si>
    <t>12/30/2019 20:17:27</t>
  </si>
  <si>
    <t>12/30/2019 20:16:30</t>
  </si>
  <si>
    <t>12/30/2019 20:19:34</t>
  </si>
  <si>
    <t>12/30/2019 20:16:35</t>
  </si>
  <si>
    <t>12/30/2019 20:16:38</t>
  </si>
  <si>
    <t>12/30/2019 20:16:57</t>
  </si>
  <si>
    <t>12/30/2019 20:17:03</t>
  </si>
  <si>
    <t>12/30/2019 20:17:22</t>
  </si>
  <si>
    <t>12/30/2019 20:17:26</t>
  </si>
  <si>
    <t>12/30/2019 20:17:45</t>
  </si>
  <si>
    <t>12/30/2019 20:17:48</t>
  </si>
  <si>
    <t>12/30/2019 20:17:55</t>
  </si>
  <si>
    <t>12/30/2019 20:18:07</t>
  </si>
  <si>
    <t>12/30/2019 20:18:10</t>
  </si>
  <si>
    <t>12/30/2019 20:18:13</t>
  </si>
  <si>
    <t>12/30/2019 20:18:22</t>
  </si>
  <si>
    <t>12/30/2019 20:18:40</t>
  </si>
  <si>
    <t>12/30/2019 20:17:07</t>
  </si>
  <si>
    <t>12/30/2019 20:20:34</t>
  </si>
  <si>
    <t>12/30/2019 20:17:31</t>
  </si>
  <si>
    <t>12/30/2019 20:21:34</t>
  </si>
  <si>
    <t>12/30/2019 20:18:53</t>
  </si>
  <si>
    <t>12/30/2019 20:17:47</t>
  </si>
  <si>
    <t>12/30/2019 20:19:46</t>
  </si>
  <si>
    <t>12/30/2019 20:22:54</t>
  </si>
  <si>
    <t>12/30/2019 20:23:34</t>
  </si>
  <si>
    <t>12/30/2019 20:22:55</t>
  </si>
  <si>
    <t>lu331963sp20r.tmp</t>
  </si>
  <si>
    <t>\\acsfs\profiles$\edicarlosdl\My Documents\lu331963sp20r.tmp</t>
  </si>
  <si>
    <t>\\acsfs\profiles$\edicarlosdl\My Documents\lu331963sp20r.tmp\</t>
  </si>
  <si>
    <t>\\acsfs\profiles$\edicarlosdl\My Documents\lu331963sp20r.tmp\META-INF\</t>
  </si>
  <si>
    <t>\\acsfs\profiles$\edicarlosdl\My Documents\lu331963sp20r.tmp\Thumbnails\</t>
  </si>
  <si>
    <t>12/30/2019 20:20:07</t>
  </si>
  <si>
    <t>12/30/2019 20:25:33</t>
  </si>
  <si>
    <t>12/30/2019 20:23:07</t>
  </si>
  <si>
    <t>12/30/2019 20:23:46</t>
  </si>
  <si>
    <t>12/30/2019 20:26:34</t>
  </si>
  <si>
    <t>12/30/2019 20:25:47</t>
  </si>
  <si>
    <t>12/30/2019 20:27:34</t>
  </si>
  <si>
    <t>12/30/2019 20:29:34</t>
  </si>
  <si>
    <t>12/30/2019 20:28:25</t>
  </si>
  <si>
    <t>12/30/2019 20:28:26</t>
  </si>
  <si>
    <t>12/30/2019 20:28:27</t>
  </si>
  <si>
    <t>12/30/2019 20:28:28</t>
  </si>
  <si>
    <t>12/30/2019 20:28:30</t>
  </si>
  <si>
    <t>12/30/2019 20:28:31</t>
  </si>
  <si>
    <t>12/30/2019 20:28:34</t>
  </si>
  <si>
    <t>12/30/2019 20:25:29</t>
  </si>
  <si>
    <t>12/30/2019 20:25:44</t>
  </si>
  <si>
    <t>12/30/2019 20:25:50</t>
  </si>
  <si>
    <t>12/30/2019 20:26:44</t>
  </si>
  <si>
    <t>12/30/2019 20:26:46</t>
  </si>
  <si>
    <t>12/30/2019 20:27:09</t>
  </si>
  <si>
    <t>12/30/2019 20:27:13</t>
  </si>
  <si>
    <t>12/30/2019 20:27:16</t>
  </si>
  <si>
    <t>12/30/2019 20:27:19</t>
  </si>
  <si>
    <t>12/30/2019 20:27:25</t>
  </si>
  <si>
    <t>12/30/2019 20:27:36</t>
  </si>
  <si>
    <t>12/30/2019 20:26:35</t>
  </si>
  <si>
    <t>12/30/2019 20:26:07</t>
  </si>
  <si>
    <t>12/30/2019 20:30:34</t>
  </si>
  <si>
    <t>12/30/2019 20:29:07</t>
  </si>
  <si>
    <t>12/30/2019 20:26:21</t>
  </si>
  <si>
    <t>41ba502d-e759-48d6-9341-03b6fe94c705.tmp</t>
  </si>
  <si>
    <t>\\acsfs\profiles$\brendadsl\Downloads\41ba502d-e759-48d6-9341-03b6fe94c705.tmp</t>
  </si>
  <si>
    <t>12/30/2019 20:26:25</t>
  </si>
  <si>
    <t>892806b9-dc41-4d7a-831c-8ae3d1cb887b.tmp</t>
  </si>
  <si>
    <t>\\acsfs\profiles$\brendadsl\Downloads\892806b9-dc41-4d7a-831c-8ae3d1cb887b.tmp</t>
  </si>
  <si>
    <t>12/30/2019 20:26:26</t>
  </si>
  <si>
    <t>f98874b7-0d6e-4350-8761-fbffa91d0f88.tmp</t>
  </si>
  <si>
    <t>\\acsfs\profiles$\brendadsl\Downloads\f98874b7-0d6e-4350-8761-fbffa91d0f88.tmp</t>
  </si>
  <si>
    <t>095c16a0-8c4c-4664-a96e-ecf915b2c0ce.tmp</t>
  </si>
  <si>
    <t>\\acsfs\profiles$\brendadsl\Downloads\095c16a0-8c4c-4664-a96e-ecf915b2c0ce.tmp</t>
  </si>
  <si>
    <t>12/30/2019 20:26:28</t>
  </si>
  <si>
    <t>6168534e-4526-4a74-a4b6-aeb146268e4c.tmp</t>
  </si>
  <si>
    <t>\\acsfs\profiles$\brendadsl\Downloads\6168534e-4526-4a74-a4b6-aeb146268e4c.tmp</t>
  </si>
  <si>
    <t>d2d0e261-43c5-426f-aa87-51f46339b675.tmp</t>
  </si>
  <si>
    <t>\\acsfs\profiles$\brendadsl\Downloads\d2d0e261-43c5-426f-aa87-51f46339b675.tmp</t>
  </si>
  <si>
    <t>12/30/2019 20:28:12</t>
  </si>
  <si>
    <t>bc8dbe88-fc3f-4db7-bcf9-581a6eb04f8f.tmp</t>
  </si>
  <si>
    <t>\\acsfs\profiles$\brendadsl\Downloads\bc8dbe88-fc3f-4db7-bcf9-581a6eb04f8f.tmp</t>
  </si>
  <si>
    <t>12/30/2019 20:29:05</t>
  </si>
  <si>
    <t>1b8fbdd5-72b3-49fb-8b3c-cca923d2db13.tmp</t>
  </si>
  <si>
    <t>\\acsfs\profiles$\brendadsl\Downloads\1b8fbdd5-72b3-49fb-8b3c-cca923d2db13.tmp</t>
  </si>
  <si>
    <t>12/30/2019 20:29:47</t>
  </si>
  <si>
    <t>12/30/2019 20:31:34</t>
  </si>
  <si>
    <t>12/30/2019 20:30:25</t>
  </si>
  <si>
    <t>12/30/2019 20:32:34</t>
  </si>
  <si>
    <t>1369859a-fe7f-41c5-8309-8c6fbb1d7e38.tmp</t>
  </si>
  <si>
    <t>\\acsfs\profiles$\gabrielamdp\Downloads\1369859a-fe7f-41c5-8309-8c6fbb1d7e38.tmp</t>
  </si>
  <si>
    <t>12/30/2019 20:31:29</t>
  </si>
  <si>
    <t>12/30/2019 20:33:33</t>
  </si>
  <si>
    <t>lu331963sp20x.tmp</t>
  </si>
  <si>
    <t>\\acsfs\profiles$\edicarlosdl\My Documents\lu331963sp20x.tmp</t>
  </si>
  <si>
    <t>\\acsfs\profiles$\edicarlosdl\My Documents\lu331963sp20x.tmp\</t>
  </si>
  <si>
    <t>\\acsfs\profiles$\edicarlosdl\My Documents\lu331963sp20x.tmp\META-INF\</t>
  </si>
  <si>
    <t>\\acsfs\profiles$\edicarlosdl\My Documents\lu331963sp20x.tmp\Thumbnails\</t>
  </si>
  <si>
    <t>12/30/2019 20:28:38</t>
  </si>
  <si>
    <t>12/30/2019 20:34:34</t>
  </si>
  <si>
    <t>12/30/2019 20:28:44</t>
  </si>
  <si>
    <t>12/30/2019 20:28:45</t>
  </si>
  <si>
    <t>12/30/2019 20:28:48</t>
  </si>
  <si>
    <t>12/30/2019 20:28:49</t>
  </si>
  <si>
    <t>12/30/2019 20:28:50</t>
  </si>
  <si>
    <t>12/30/2019 20:28:53</t>
  </si>
  <si>
    <t>12/30/2019 20:28:54</t>
  </si>
  <si>
    <t>12/30/2019 20:28:55</t>
  </si>
  <si>
    <t>12/30/2019 20:28:58</t>
  </si>
  <si>
    <t>12/30/2019 20:29:03</t>
  </si>
  <si>
    <t>12/30/2019 20:29:04</t>
  </si>
  <si>
    <t>12/30/2019 20:29:16</t>
  </si>
  <si>
    <t>12/30/2019 20:29:21</t>
  </si>
  <si>
    <t>12/30/2019 20:29:25</t>
  </si>
  <si>
    <t>12/30/2019 20:29:28</t>
  </si>
  <si>
    <t>12/30/2019 20:29:38</t>
  </si>
  <si>
    <t>12/30/2019 20:29:45</t>
  </si>
  <si>
    <t>12/30/2019 20:29:54</t>
  </si>
  <si>
    <t>12/30/2019 20:29:56</t>
  </si>
  <si>
    <t>12/30/2019 20:30:26</t>
  </si>
  <si>
    <t>12/30/2019 20:30:27</t>
  </si>
  <si>
    <t>12/30/2019 20:32:07</t>
  </si>
  <si>
    <t>12/30/2019 20:35:33</t>
  </si>
  <si>
    <t>12/30/2019 20:31:47</t>
  </si>
  <si>
    <t>12/30/2019 20:36:34</t>
  </si>
  <si>
    <t>12/30/2019 20:35:48</t>
  </si>
  <si>
    <t>12/30/2019 20:35:12</t>
  </si>
  <si>
    <t>12/30/2019 20:38:33</t>
  </si>
  <si>
    <t>12/30/2019 20:34:38</t>
  </si>
  <si>
    <t>12/30/2019 20:33:18</t>
  </si>
  <si>
    <t>12/30/2019 20:35:07</t>
  </si>
  <si>
    <t>12/30/2019 20:40:34</t>
  </si>
  <si>
    <t>12/30/2019 20:38:07</t>
  </si>
  <si>
    <t>12/30/2019 20:40:25</t>
  </si>
  <si>
    <t>12/30/2019 20:41:33</t>
  </si>
  <si>
    <t>$I7HLKTL.pdf</t>
  </si>
  <si>
    <t>\\acsfs\profiles$\philipegsf\Downloads\$RECYCLE.BIN\$I7HLKTL.pdf</t>
  </si>
  <si>
    <t>$IOQLFD2.pdf</t>
  </si>
  <si>
    <t>\\acsfs\profiles$\philipegsf\Downloads\$RECYCLE.BIN\$IOQLFD2.pdf</t>
  </si>
  <si>
    <t>12/30/2019 20:40:26</t>
  </si>
  <si>
    <t>$I6SKMCI.pdf</t>
  </si>
  <si>
    <t>\\acsfs\profiles$\philipegsf\Downloads\$RECYCLE.BIN\$I6SKMCI.pdf</t>
  </si>
  <si>
    <t>12/30/2019 20:38:51</t>
  </si>
  <si>
    <t>12/30/2019 20:37:48</t>
  </si>
  <si>
    <t>12/30/2019 20:40:36</t>
  </si>
  <si>
    <t>12/30/2019 20:42:34</t>
  </si>
  <si>
    <t>de3036f2-041a-4774-98c8-d36e86c60d77.tmp</t>
  </si>
  <si>
    <t>\\acsfs\profiles$\marcosvnds\Downloads\de3036f2-041a-4774-98c8-d36e86c60d77.tmp</t>
  </si>
  <si>
    <t>12/30/2019 20:38:14</t>
  </si>
  <si>
    <t>12/30/2019 20:41:07</t>
  </si>
  <si>
    <t>12/30/2019 20:45:34</t>
  </si>
  <si>
    <t>12/30/2019 20:44:07</t>
  </si>
  <si>
    <t>12/30/2019 20:41:48</t>
  </si>
  <si>
    <t>12/30/2019 20:46:33</t>
  </si>
  <si>
    <t>12/30/2019 20:43:49</t>
  </si>
  <si>
    <t>12/30/2019 20:45:13</t>
  </si>
  <si>
    <t>12/30/2019 20:47:33</t>
  </si>
  <si>
    <t>12/30/2019 20:47:52</t>
  </si>
  <si>
    <t>12/30/2019 20:48:33</t>
  </si>
  <si>
    <t>12/30/2019 20:44:26</t>
  </si>
  <si>
    <t>12/30/2019 20:47:27</t>
  </si>
  <si>
    <t>12/30/2019 20:45:32</t>
  </si>
  <si>
    <t>12/30/2019 20:49:33</t>
  </si>
  <si>
    <t>12/30/2019 20:45:35</t>
  </si>
  <si>
    <t>12/30/2019 20:45:53</t>
  </si>
  <si>
    <t>12/30/2019 20:46:15</t>
  </si>
  <si>
    <t>12/30/2019 20:47:29</t>
  </si>
  <si>
    <t>12/30/2019 20:47:56</t>
  </si>
  <si>
    <t>12/30/2019 20:47:07</t>
  </si>
  <si>
    <t>12/30/2019 20:50:33</t>
  </si>
  <si>
    <t>12/30/2019 20:47:49</t>
  </si>
  <si>
    <t>12/30/2019 20:51:33</t>
  </si>
  <si>
    <t>12/30/2019 20:49:49</t>
  </si>
  <si>
    <t>12/30/2019 20:48:57</t>
  </si>
  <si>
    <t>12/30/2019 20:54:34</t>
  </si>
  <si>
    <t>12/30/2019 20:49:01</t>
  </si>
  <si>
    <t>12/30/2019 20:51:10</t>
  </si>
  <si>
    <t>12/30/2019 20:50:07</t>
  </si>
  <si>
    <t>12/30/2019 20:55:33</t>
  </si>
  <si>
    <t>12/30/2019 20:53:07</t>
  </si>
  <si>
    <t>12/30/2019 20:53:03</t>
  </si>
  <si>
    <t>12/30/2019 20:54:04</t>
  </si>
  <si>
    <t>12/30/2019 20:56:33</t>
  </si>
  <si>
    <t>12/30/2019 20:53:49</t>
  </si>
  <si>
    <t>12/30/2019 20:55:49</t>
  </si>
  <si>
    <t>12/30/2019 20:54:45</t>
  </si>
  <si>
    <t>12/30/2019 20:57:33</t>
  </si>
  <si>
    <t>12/30/2019 20:57:18</t>
  </si>
  <si>
    <t>12/30/2019 20:58:33</t>
  </si>
  <si>
    <t>3aeca472-18d4-4715-9474-86494de26767.tmp</t>
  </si>
  <si>
    <t>\\acsfs\profiles$\joycemmdl\Downloads\3aeca472-18d4-4715-9474-86494de26767.tmp</t>
  </si>
  <si>
    <t>12/30/2019 20:56:48</t>
  </si>
  <si>
    <t>12/30/2019 20:56:07</t>
  </si>
  <si>
    <t>12/30/2019 21:00:32</t>
  </si>
  <si>
    <t>12/30/2019 20:59:07</t>
  </si>
  <si>
    <t>12/30/2019 20:59:49</t>
  </si>
  <si>
    <t>12/30/2019 21:01:33</t>
  </si>
  <si>
    <t>12/30/2019 21:02:07</t>
  </si>
  <si>
    <t>12/30/2019 21:05:33</t>
  </si>
  <si>
    <t>12/30/2019 21:02:24</t>
  </si>
  <si>
    <t>12/30/2019 21:01:49</t>
  </si>
  <si>
    <t>12/30/2019 21:06:32</t>
  </si>
  <si>
    <t>12/30/2019 21:05:49</t>
  </si>
  <si>
    <t>12/30/2019 21:03:43</t>
  </si>
  <si>
    <t>12/30/2019 21:07:33</t>
  </si>
  <si>
    <t>12/30/2019 21:04:28</t>
  </si>
  <si>
    <t>12/30/2019 21:06:19</t>
  </si>
  <si>
    <t>bd27a223-1d88-4a29-b113-742ce92124b6.tmp</t>
  </si>
  <si>
    <t>\\acsfs\profiles$\layonmof\Downloads\bd27a223-1d88-4a29-b113-742ce92124b6.tmp</t>
  </si>
  <si>
    <t>12/30/2019 21:03:49</t>
  </si>
  <si>
    <t>12/30/2019 21:08:33</t>
  </si>
  <si>
    <t>12/30/2019 21:06:11</t>
  </si>
  <si>
    <t>12/30/2019 21:06:01</t>
  </si>
  <si>
    <t>12/30/2019 21:09:33</t>
  </si>
  <si>
    <t>12/30/2019 21:06:02</t>
  </si>
  <si>
    <t>12/30/2019 21:06:06</t>
  </si>
  <si>
    <t>12/30/2019 21:06:10</t>
  </si>
  <si>
    <t>12/30/2019 21:06:12</t>
  </si>
  <si>
    <t>12/30/2019 21:06:13</t>
  </si>
  <si>
    <t>12/30/2019 21:06:14</t>
  </si>
  <si>
    <t>12/30/2019 21:06:15</t>
  </si>
  <si>
    <t>12/30/2019 21:06:16</t>
  </si>
  <si>
    <t>12/30/2019 21:06:18</t>
  </si>
  <si>
    <t>12/30/2019 21:06:20</t>
  </si>
  <si>
    <t>12/30/2019 21:06:27</t>
  </si>
  <si>
    <t>12/30/2019 21:06:28</t>
  </si>
  <si>
    <t>12/30/2019 21:06:29</t>
  </si>
  <si>
    <t>12/30/2019 21:06:30</t>
  </si>
  <si>
    <t>12/30/2019 21:06:31</t>
  </si>
  <si>
    <t>12/30/2019 21:06:33</t>
  </si>
  <si>
    <t>12/30/2019 21:06:35</t>
  </si>
  <si>
    <t>12/30/2019 21:06:36</t>
  </si>
  <si>
    <t>12/30/2019 21:06:38</t>
  </si>
  <si>
    <t>12/30/2019 21:06:39</t>
  </si>
  <si>
    <t>12/30/2019 21:06:49</t>
  </si>
  <si>
    <t>12/30/2019 21:06:55</t>
  </si>
  <si>
    <t>12/30/2019 21:06:56</t>
  </si>
  <si>
    <t>bgrayenywbdwabdfxvdoe0fctvkjgaamrfcw;bgrayenywbdwabdfxvdos1fqs1umgaqrx1yubv1suexaeboglgr3;</t>
  </si>
  <si>
    <t>https://bgrayenywbdwabdfxvdoe0fctvkjgaamrfcw,bgrayenywbdwabdfxvdos1fqs1umgaqrx1yubv1suexaeboglgr3</t>
  </si>
  <si>
    <t>12/30/2019 21:06:57</t>
  </si>
  <si>
    <t>12/30/2019 21:07:09</t>
  </si>
  <si>
    <t>12/30/2019 21:07:24</t>
  </si>
  <si>
    <t>12/30/2019 21:07:28</t>
  </si>
  <si>
    <t>h2;</t>
  </si>
  <si>
    <t>https://h2</t>
  </si>
  <si>
    <t>12/30/2019 21:07:32</t>
  </si>
  <si>
    <t>12/30/2019 21:07:40</t>
  </si>
  <si>
    <t>12/30/2019 21:07:41</t>
  </si>
  <si>
    <t>12/30/2019 21:08:05</t>
  </si>
  <si>
    <t>12/30/2019 21:05:07</t>
  </si>
  <si>
    <t>12/30/2019 21:10:33</t>
  </si>
  <si>
    <t>12/30/2019 21:08:07</t>
  </si>
  <si>
    <t>12/30/2019 21:09:03</t>
  </si>
  <si>
    <t>12/30/2019 21:11:33</t>
  </si>
  <si>
    <t>12/30/2019 21:07:49</t>
  </si>
  <si>
    <t>12/30/2019 21:10:43</t>
  </si>
  <si>
    <t>12/30/2019 21:12:34</t>
  </si>
  <si>
    <t>12/30/2019 21:11:07</t>
  </si>
  <si>
    <t>12/30/2019 21:15:33</t>
  </si>
  <si>
    <t>12/30/2019 21:14:07</t>
  </si>
  <si>
    <t>12/30/2019 21:15:17</t>
  </si>
  <si>
    <t>12/30/2019 21:16:33</t>
  </si>
  <si>
    <t>\\acsfs\profiles$\marcosvnds\Contacts\</t>
  </si>
  <si>
    <t>MARCOS VINICIUS NARCIZO DA SILVA (11997).contact</t>
  </si>
  <si>
    <t>\\acsfs\profiles$\marcosvnds\Contacts\MARCOS VINICIUS NARCIZO DA SILVA (11997).contact</t>
  </si>
  <si>
    <t>12/30/2019 21:15:25</t>
  </si>
  <si>
    <t>\\acsfs\profiles$\marcosvnds\My Documents\My Videos\</t>
  </si>
  <si>
    <t>\\acsfs\profiles$\marcosvnds\My Documents\My Videos\desktop.ini</t>
  </si>
  <si>
    <t>12/30/2019 21:15:26</t>
  </si>
  <si>
    <t>\\acsfs\profiles$\marcosvnds\My Documents\My Pictures\</t>
  </si>
  <si>
    <t>\\acsfs\profiles$\marcosvnds\My Documents\My Pictures\desktop.ini</t>
  </si>
  <si>
    <t>12/30/2019 21:15:27</t>
  </si>
  <si>
    <t>\\acsfs\profiles$\marcosvnds\Contacts\desktop.ini</t>
  </si>
  <si>
    <t>12/30/2019 21:15:28</t>
  </si>
  <si>
    <t>\\acsfs\profiles$\marcosvnds\Favorites\</t>
  </si>
  <si>
    <t>\\acsfs\profiles$\marcosvnds\Favorites\desktop.ini</t>
  </si>
  <si>
    <t>12/30/2019 21:15:29</t>
  </si>
  <si>
    <t>12/30/2019 21:15:30</t>
  </si>
  <si>
    <t>\\acsfs\profiles$\marcosvnds\My Documents\My Music\</t>
  </si>
  <si>
    <t>\\acsfs\profiles$\marcosvnds\My Documents\My Music\desktop.ini</t>
  </si>
  <si>
    <t>12/30/2019 21:15:31</t>
  </si>
  <si>
    <t>\\acsfs\profiles$\marcosvnds\Searches\</t>
  </si>
  <si>
    <t>\\acsfs\profiles$\marcosvnds\Searches\desktop.ini</t>
  </si>
  <si>
    <t>\\acsfs\profiles$\marcosvnds\Downloads\desktop.ini</t>
  </si>
  <si>
    <t>12/30/2019 21:15:32</t>
  </si>
  <si>
    <t>\\acsfs\profiles$\marcosvnds\My Documents\</t>
  </si>
  <si>
    <t>\\acsfs\profiles$\marcosvnds\My Documents\desktop.ini</t>
  </si>
  <si>
    <t>12/30/2019 21:15:34</t>
  </si>
  <si>
    <t>\\acsfs\profiles$\marcosvnds\Saved Games\</t>
  </si>
  <si>
    <t>\\acsfs\profiles$\marcosvnds\Saved Games\desktop.ini</t>
  </si>
  <si>
    <t>12/30/2019 21:15:47</t>
  </si>
  <si>
    <t>\\acsfs\profiles$\marcosvnds\Favorites\Links for Brasil\</t>
  </si>
  <si>
    <t>\\acsfs\profiles$\marcosvnds\Favorites\Links for Brasil\desktop.ini</t>
  </si>
  <si>
    <t>12/30/2019 21:15:48</t>
  </si>
  <si>
    <t>\\acsfs\profiles$\marcosvnds\Favorites\Links for Brasil\Microsoft Brasil.url</t>
  </si>
  <si>
    <t>12/30/2019 21:15:49</t>
  </si>
  <si>
    <t>\\acsfs\profiles$\marcosvnds\Favorites\Links for Brasil\Windows Brasil.url</t>
  </si>
  <si>
    <t>\\acsfs\profiles$\marcosvnds\Favorites\Links for Brasil\MSN Brasil.url</t>
  </si>
  <si>
    <t>12/30/2019 21:15:50</t>
  </si>
  <si>
    <t>12/30/2019 21:11:50</t>
  </si>
  <si>
    <t>12/30/2019 21:13:49</t>
  </si>
  <si>
    <t>12/30/2019 21:15:01</t>
  </si>
  <si>
    <t>12/30/2019 21:19:32</t>
  </si>
  <si>
    <t>12/30/2019 21:17:07</t>
  </si>
  <si>
    <t>12/30/2019 21:20:33</t>
  </si>
  <si>
    <t>12/30/2019 21:17:49</t>
  </si>
  <si>
    <t>12/30/2019 21:21:33</t>
  </si>
  <si>
    <t>12/30/2019 21:19:49</t>
  </si>
  <si>
    <t>12/30/2019 21:21:02</t>
  </si>
  <si>
    <t>12/30/2019 21:23:33</t>
  </si>
  <si>
    <t>12/30/2019 21:20:21</t>
  </si>
  <si>
    <t>12/30/2019 21:21:56</t>
  </si>
  <si>
    <t>12/30/2019 21:24:32</t>
  </si>
  <si>
    <t>12/30/2019 21:20:07</t>
  </si>
  <si>
    <t>12/30/2019 21:25:33</t>
  </si>
  <si>
    <t>12/30/2019 21:23:07</t>
  </si>
  <si>
    <t>12/30/2019 21:25:38</t>
  </si>
  <si>
    <t>12/30/2019 21:26:33</t>
  </si>
  <si>
    <t>12/30/2019 21:26:05</t>
  </si>
  <si>
    <t>12/30/2019 21:23:49</t>
  </si>
  <si>
    <t>12/30/2019 21:25:49</t>
  </si>
  <si>
    <t>12/30/2019 21:26:07</t>
  </si>
  <si>
    <t>12/30/2019 21:30:32</t>
  </si>
  <si>
    <t>12/30/2019 21:29:07</t>
  </si>
  <si>
    <t>12/30/2019 21:29:49</t>
  </si>
  <si>
    <t>12/30/2019 21:31:33</t>
  </si>
  <si>
    <t>12/30/2019 21:31:36</t>
  </si>
  <si>
    <t>12/30/2019 21:32:32</t>
  </si>
  <si>
    <t>47f56337-9738-4cc8-8abe-4f621177eac2.tmp</t>
  </si>
  <si>
    <t>\\acsfs\profiles$\taylaedoa\Downloads\47f56337-9738-4cc8-8abe-4f621177eac2.tmp</t>
  </si>
  <si>
    <t>12/30/2019 21:29:52</t>
  </si>
  <si>
    <t>12/30/2019 21:34:33</t>
  </si>
  <si>
    <t>12/30/2019 21:28:55</t>
  </si>
  <si>
    <t>12/30/2019 21:28:59</t>
  </si>
  <si>
    <t>12/30/2019 21:29:03</t>
  </si>
  <si>
    <t>12/30/2019 21:29:25</t>
  </si>
  <si>
    <t>12/30/2019 21:29:28</t>
  </si>
  <si>
    <t>12/30/2019 21:29:53</t>
  </si>
  <si>
    <t>12/30/2019 21:30:11</t>
  </si>
  <si>
    <t>12/30/2019 21:30:15</t>
  </si>
  <si>
    <t>12/30/2019 21:30:42</t>
  </si>
  <si>
    <t>12/30/2019 21:30:53</t>
  </si>
  <si>
    <t>12/30/2019 21:30:56</t>
  </si>
  <si>
    <t>12/30/2019 21:31:05</t>
  </si>
  <si>
    <t>12/30/2019 21:31:18</t>
  </si>
  <si>
    <t>12/30/2019 21:31:22</t>
  </si>
  <si>
    <t>12/30/2019 21:33:14</t>
  </si>
  <si>
    <t>12/30/2019 21:33:43</t>
  </si>
  <si>
    <t>12/30/2019 21:33:48</t>
  </si>
  <si>
    <t>12/30/2019 21:32:06</t>
  </si>
  <si>
    <t>12/30/2019 21:32:07</t>
  </si>
  <si>
    <t>12/30/2019 21:35:32</t>
  </si>
  <si>
    <t>12/30/2019 21:31:49</t>
  </si>
  <si>
    <t>12/30/2019 21:36:33</t>
  </si>
  <si>
    <t>12/30/2019 21:35:49</t>
  </si>
  <si>
    <t>12/30/2019 21:33:56</t>
  </si>
  <si>
    <t>12/30/2019 21:39:33</t>
  </si>
  <si>
    <t>12/30/2019 21:34:04</t>
  </si>
  <si>
    <t>12/30/2019 21:34:13</t>
  </si>
  <si>
    <t>12/30/2019 21:36:43</t>
  </si>
  <si>
    <t>12/30/2019 21:36:47</t>
  </si>
  <si>
    <t>12/30/2019 21:37:52</t>
  </si>
  <si>
    <t>12/30/2019 21:35:07</t>
  </si>
  <si>
    <t>12/30/2019 21:40:33</t>
  </si>
  <si>
    <t>12/30/2019 21:38:07</t>
  </si>
  <si>
    <t>12/30/2019 21:37:23</t>
  </si>
  <si>
    <t>12/30/2019 21:41:32</t>
  </si>
  <si>
    <t>12/30/2019 21:37:49</t>
  </si>
  <si>
    <t>12/30/2019 21:41:42</t>
  </si>
  <si>
    <t>12/30/2019 21:44:33</t>
  </si>
  <si>
    <t>12/30/2019 21:41:45</t>
  </si>
  <si>
    <t>12/30/2019 21:41:50</t>
  </si>
  <si>
    <t>12/30/2019 21:41:52</t>
  </si>
  <si>
    <t>12/30/2019 21:41:55</t>
  </si>
  <si>
    <t>12/30/2019 21:42:02</t>
  </si>
  <si>
    <t>12/30/2019 21:39:38</t>
  </si>
  <si>
    <t>12/30/2019 21:40:19</t>
  </si>
  <si>
    <t>12/30/2019 21:41:08</t>
  </si>
  <si>
    <t>12/30/2019 21:45:33</t>
  </si>
  <si>
    <t>12/30/2019 21:44:07</t>
  </si>
  <si>
    <t>12/30/2019 21:41:49</t>
  </si>
  <si>
    <t>12/30/2019 21:46:32</t>
  </si>
  <si>
    <t>12/30/2019 21:43:49</t>
  </si>
  <si>
    <t>12/30/2019 21:44:49</t>
  </si>
  <si>
    <t>12/30/2019 21:48:32</t>
  </si>
  <si>
    <t>12/30/2019 21:45:53</t>
  </si>
  <si>
    <t>12/30/2019 21:47:07</t>
  </si>
  <si>
    <t>12/30/2019 21:50:33</t>
  </si>
  <si>
    <t>12/30/2019 21:50:45</t>
  </si>
  <si>
    <t>12/30/2019 21:51:33</t>
  </si>
  <si>
    <t>0251bb4e-0dc5-40eb-93bf-1e0dd6864086.tmp</t>
  </si>
  <si>
    <t>\\acsfs\profiles$\myllenardl\Downloads\0251bb4e-0dc5-40eb-93bf-1e0dd6864086.tmp</t>
  </si>
  <si>
    <t>12/30/2019 21:47:49</t>
  </si>
  <si>
    <t>12/30/2019 21:49:49</t>
  </si>
  <si>
    <t>12/30/2019 21:50:07</t>
  </si>
  <si>
    <t>12/30/2019 21:55:33</t>
  </si>
  <si>
    <t>12/30/2019 21:53:07</t>
  </si>
  <si>
    <t>12/30/2019 21:52:49</t>
  </si>
  <si>
    <t>12/30/2019 21:54:15</t>
  </si>
  <si>
    <t>12/30/2019 21:56:33</t>
  </si>
  <si>
    <t>12/30/2019 21:53:49</t>
  </si>
  <si>
    <t>12/30/2019 21:55:49</t>
  </si>
  <si>
    <t>12/30/2019 21:58:35</t>
  </si>
  <si>
    <t>12/30/2019 21:59:33</t>
  </si>
  <si>
    <t>12/30/2019 21:56:07</t>
  </si>
  <si>
    <t>12/30/2019 22:00:33</t>
  </si>
  <si>
    <t>12/30/2019 21:59:07</t>
  </si>
  <si>
    <t>12/30/2019 21:59:49</t>
  </si>
  <si>
    <t>12/30/2019 22:01:33</t>
  </si>
  <si>
    <t>12/30/2019 22:00:30</t>
  </si>
  <si>
    <t>12/30/2019 22:02:33</t>
  </si>
  <si>
    <t>XLOG_marcosvnds_30122019_135412.log</t>
  </si>
  <si>
    <t>\\acsfs\profiles$\marcosvnds\My Documents\xworkcenter\logs\XLOG_marcosvnds_30122019_135412.log</t>
  </si>
  <si>
    <t>12/30/2019 22:02:37</t>
  </si>
  <si>
    <t>12/30/2019 22:03:33</t>
  </si>
  <si>
    <t>12/30/2019 22:00:45</t>
  </si>
  <si>
    <t>12/30/2019 22:01:12</t>
  </si>
  <si>
    <t>12/30/2019 22:04:33</t>
  </si>
  <si>
    <t>12/30/2019 22:01:17</t>
  </si>
  <si>
    <t>12/30/2019 22:01:20</t>
  </si>
  <si>
    <t>12/30/2019 22:02:07</t>
  </si>
  <si>
    <t>12/30/2019 22:05:33</t>
  </si>
  <si>
    <t>12/30/2019 22:01:49</t>
  </si>
  <si>
    <t>12/30/2019 22:06:34</t>
  </si>
  <si>
    <t>12/30/2019 22:05:50</t>
  </si>
  <si>
    <t>12/30/2019 22:05:07</t>
  </si>
  <si>
    <t>12/30/2019 22:10:33</t>
  </si>
  <si>
    <t>12/30/2019 22:08:08</t>
  </si>
  <si>
    <t>12/30/2019 22:07:50</t>
  </si>
  <si>
    <t>12/30/2019 22:11:33</t>
  </si>
  <si>
    <t>12/30/2019 22:11:18</t>
  </si>
  <si>
    <t>12/30/2019 22:12:34</t>
  </si>
  <si>
    <t>12/30/2019 22:10:47</t>
  </si>
  <si>
    <t>12/30/2019 22:07:45</t>
  </si>
  <si>
    <t>12/30/2019 22:11:09</t>
  </si>
  <si>
    <t>12/30/2019 22:15:33</t>
  </si>
  <si>
    <t>12/30/2019 22:14:09</t>
  </si>
  <si>
    <t>12/30/2019 22:12:02</t>
  </si>
  <si>
    <t>12/30/2019 22:11:50</t>
  </si>
  <si>
    <t>12/30/2019 22:16:33</t>
  </si>
  <si>
    <t>12/30/2019 22:13:50</t>
  </si>
  <si>
    <t>12/30/2019 22:17:10</t>
  </si>
  <si>
    <t>12/30/2019 22:18:32</t>
  </si>
  <si>
    <t>12/30/2019 22:17:45</t>
  </si>
  <si>
    <t>12/30/2019 22:17:09</t>
  </si>
  <si>
    <t>12/30/2019 22:20:33</t>
  </si>
  <si>
    <t>12/30/2019 22:17:50</t>
  </si>
  <si>
    <t>12/30/2019 22:21:33</t>
  </si>
  <si>
    <t>12/30/2019 22:19:50</t>
  </si>
  <si>
    <t>12/30/2019 22:20:09</t>
  </si>
  <si>
    <t>12/30/2019 22:25:33</t>
  </si>
  <si>
    <t>12/30/2019 22:23:09</t>
  </si>
  <si>
    <t>12/30/2019 22:23:50</t>
  </si>
  <si>
    <t>12/30/2019 22:26:33</t>
  </si>
  <si>
    <t>12/30/2019 22:25:50</t>
  </si>
  <si>
    <t>12/30/2019 22:28:29</t>
  </si>
  <si>
    <t>12/30/2019 22:29:33</t>
  </si>
  <si>
    <t>12/30/2019 22:26:09</t>
  </si>
  <si>
    <t>12/30/2019 22:30:33</t>
  </si>
  <si>
    <t>12/30/2019 22:29:09</t>
  </si>
  <si>
    <t>12/30/2019 22:29:50</t>
  </si>
  <si>
    <t>12/30/2019 22:31:34</t>
  </si>
  <si>
    <t>12/30/2019 22:32:09</t>
  </si>
  <si>
    <t>12/30/2019 22:35:33</t>
  </si>
  <si>
    <t>12/30/2019 22:31:50</t>
  </si>
  <si>
    <t>12/30/2019 22:36:34</t>
  </si>
  <si>
    <t>12/30/2019 22:35:50</t>
  </si>
  <si>
    <t>12/30/2019 22:36:14</t>
  </si>
  <si>
    <t>12/30/2019 22:38:34</t>
  </si>
  <si>
    <t>12/30/2019 22:35:09</t>
  </si>
  <si>
    <t>12/30/2019 22:40:34</t>
  </si>
  <si>
    <t>12/30/2019 22:38:09</t>
  </si>
  <si>
    <t>12/30/2019 22:37:50</t>
  </si>
  <si>
    <t>12/30/2019 22:41:34</t>
  </si>
  <si>
    <t>12/30/2019 22:41:10</t>
  </si>
  <si>
    <t>12/30/2019 22:45:34</t>
  </si>
  <si>
    <t>12/30/2019 22:44:09</t>
  </si>
  <si>
    <t>12/30/2019 22:41:50</t>
  </si>
  <si>
    <t>12/30/2019 22:46:33</t>
  </si>
  <si>
    <t>12/30/2019 22:43:50</t>
  </si>
  <si>
    <t>12/30/2019 22:47:09</t>
  </si>
  <si>
    <t>12/30/2019 22:50:33</t>
  </si>
  <si>
    <t>12/30/2019 22:47:50</t>
  </si>
  <si>
    <t>12/30/2019 22:51:34</t>
  </si>
  <si>
    <t>12/30/2019 22:49:50</t>
  </si>
  <si>
    <t>12/30/2019 22:50:09</t>
  </si>
  <si>
    <t>12/30/2019 22:55:34</t>
  </si>
  <si>
    <t>12/30/2019 22:53:09</t>
  </si>
  <si>
    <t>12/30/2019 22:53:50</t>
  </si>
  <si>
    <t>12/30/2019 22:57:34</t>
  </si>
  <si>
    <t>12/30/2019 22:55:50</t>
  </si>
  <si>
    <t>12/30/2019 22:56:09</t>
  </si>
  <si>
    <t>12/30/2019 23:00:33</t>
  </si>
  <si>
    <t>12/30/2019 22:59:09</t>
  </si>
  <si>
    <t>12/30/2019 22:59:50</t>
  </si>
  <si>
    <t>12/30/2019 23:02:33</t>
  </si>
  <si>
    <t>12/30/2019 23:02:09</t>
  </si>
  <si>
    <t>12/30/2019 23:05:33</t>
  </si>
  <si>
    <t>12/30/2019 23:03:32</t>
  </si>
  <si>
    <t>12/30/2019 23:02:11</t>
  </si>
  <si>
    <t>12/30/2019 23:06:34</t>
  </si>
  <si>
    <t>12/30/2019 23:01:50</t>
  </si>
  <si>
    <t>12/30/2019 23:07:33</t>
  </si>
  <si>
    <t>12/30/2019 23:05:50</t>
  </si>
  <si>
    <t>12/30/2019 23:05:09</t>
  </si>
  <si>
    <t>12/30/2019 23:10:33</t>
  </si>
  <si>
    <t>12/30/2019 23:08:09</t>
  </si>
  <si>
    <t>12/30/2019 23:08:53</t>
  </si>
  <si>
    <t>12/30/2019 23:11:33</t>
  </si>
  <si>
    <t>12/30/2019 23:07:50</t>
  </si>
  <si>
    <t>12/30/2019 23:12:33</t>
  </si>
  <si>
    <t>12/30/2019 23:09:05</t>
  </si>
  <si>
    <t>12/30/2019 23:11:09</t>
  </si>
  <si>
    <t>12/30/2019 23:15:33</t>
  </si>
  <si>
    <t>12/30/2019 23:14:09</t>
  </si>
  <si>
    <t>12/30/2019 23:11:51</t>
  </si>
  <si>
    <t>12/30/2019 23:17:33</t>
  </si>
  <si>
    <t>12/30/2019 23:13:50</t>
  </si>
  <si>
    <t>12/30/2019 23:14:27</t>
  </si>
  <si>
    <t>12/30/2019 23:17:09</t>
  </si>
  <si>
    <t>12/30/2019 23:20:33</t>
  </si>
  <si>
    <t>12/30/2019 23:17:42</t>
  </si>
  <si>
    <t>12/30/2019 23:21:33</t>
  </si>
  <si>
    <t>12/30/2019 23:17:50</t>
  </si>
  <si>
    <t>12/30/2019 23:22:33</t>
  </si>
  <si>
    <t>12/30/2019 23:19:51</t>
  </si>
  <si>
    <t>12/30/2019 23:17:06</t>
  </si>
  <si>
    <t>12/30/2019 23:21:57</t>
  </si>
  <si>
    <t>12/30/2019 23:23:33</t>
  </si>
  <si>
    <t>12/30/2019 23:20:09</t>
  </si>
  <si>
    <t>12/30/2019 23:25:33</t>
  </si>
  <si>
    <t>12/30/2019 23:23:09</t>
  </si>
  <si>
    <t>12/30/2019 23:23:50</t>
  </si>
  <si>
    <t>12/30/2019 23:27:33</t>
  </si>
  <si>
    <t>12/30/2019 23:25:50</t>
  </si>
  <si>
    <t>12/30/2019 23:26:09</t>
  </si>
  <si>
    <t>12/30/2019 23:30:33</t>
  </si>
  <si>
    <t>12/30/2019 23:29:10</t>
  </si>
  <si>
    <t>12/30/2019 23:29:50</t>
  </si>
  <si>
    <t>12/30/2019 23:32:33</t>
  </si>
  <si>
    <t>12/30/2019 23:33:11</t>
  </si>
  <si>
    <t>12/30/2019 23:33:32</t>
  </si>
  <si>
    <t>12/30/2019 23:32:10</t>
  </si>
  <si>
    <t>12/30/2019 23:35:32</t>
  </si>
  <si>
    <t>12/30/2019 23:34:05</t>
  </si>
  <si>
    <t>12/30/2019 23:31:50</t>
  </si>
  <si>
    <t>12/30/2019 23:37:33</t>
  </si>
  <si>
    <t>12/30/2019 23:35:50</t>
  </si>
  <si>
    <t>12/30/2019 23:33:49</t>
  </si>
  <si>
    <t>12/30/2019 23:35:10</t>
  </si>
  <si>
    <t>12/30/2019 23:40:32</t>
  </si>
  <si>
    <t>12/30/2019 23:38:10</t>
  </si>
  <si>
    <t>12/30/2019 23:37:50</t>
  </si>
  <si>
    <t>12/30/2019 23:42:32</t>
  </si>
  <si>
    <t>12/30/2019 23:41:10</t>
  </si>
  <si>
    <t>12/30/2019 23:45:32</t>
  </si>
  <si>
    <t>12/30/2019 23:44:10</t>
  </si>
  <si>
    <t>12/30/2019 23:43:43</t>
  </si>
  <si>
    <t>12/30/2019 23:46:33</t>
  </si>
  <si>
    <t>\\acsfs\profiles$\leandromsa\My Documents\Leandro\</t>
  </si>
  <si>
    <t>Senha.txt</t>
  </si>
  <si>
    <t>\\acsfs\profiles$\leandromsa\My Documents\Leandro\Senha.txt</t>
  </si>
  <si>
    <t>12/30/2019 23:41:51</t>
  </si>
  <si>
    <t>12/30/2019 23:47:33</t>
  </si>
  <si>
    <t>12/30/2019 23:43:51</t>
  </si>
  <si>
    <t>12/30/2019 23:46:17</t>
  </si>
  <si>
    <t>12/30/2019 23:48:33</t>
  </si>
  <si>
    <t>12/30/2019 23:47:10</t>
  </si>
  <si>
    <t>12/30/2019 23:50:33</t>
  </si>
  <si>
    <t>12/30/2019 23:49:34</t>
  </si>
  <si>
    <t>12/30/2019 23:51:33</t>
  </si>
  <si>
    <t>12/30/2019 23:47:51</t>
  </si>
  <si>
    <t>12/30/2019 23:52:33</t>
  </si>
  <si>
    <t>12/30/2019 23:49:51</t>
  </si>
  <si>
    <t>12/30/2019 23:51:06</t>
  </si>
  <si>
    <t>262d55d3-7ca8-42d5-a70b-565cbeddbc9b.tmp</t>
  </si>
  <si>
    <t>\\acsfs\profiles$\rogeriofd\Downloads\262d55d3-7ca8-42d5-a70b-565cbeddbc9b.tmp</t>
  </si>
  <si>
    <t>12/30/2019 23:51:40</t>
  </si>
  <si>
    <t>84c85ccd-d76c-46a8-a9d8-6e1636bbc6a0.tmp</t>
  </si>
  <si>
    <t>\\acsfs\profiles$\Adrieledgc\Downloads\84c85ccd-d76c-46a8-a9d8-6e1636bbc6a0.tmp</t>
  </si>
  <si>
    <t>12/30/2019 23:51:11</t>
  </si>
  <si>
    <t>12/30/2019 23:53:33</t>
  </si>
  <si>
    <t>12/30/2019 23:52:08</t>
  </si>
  <si>
    <t>12/30/2019 23:51:12</t>
  </si>
  <si>
    <t>12/30/2019 23:50:10</t>
  </si>
  <si>
    <t>12/30/2019 23:55:33</t>
  </si>
  <si>
    <t>12/30/2019 23:53:10</t>
  </si>
  <si>
    <t>12/30/2019 23:53:51</t>
  </si>
  <si>
    <t>12/30/2019 23:57:33</t>
  </si>
  <si>
    <t>12/30/2019 23:55:51</t>
  </si>
  <si>
    <t>12/30/2019 23:52:32</t>
  </si>
  <si>
    <t>a9c1bd53-fc39-4cdb-b329-ad3335ec45f5.tmp</t>
  </si>
  <si>
    <t>\\acsfs\profiles$\rogeriofd\Downloads\a9c1bd53-fc39-4cdb-b329-ad3335ec45f5.tmp</t>
  </si>
  <si>
    <t>12/30/2019 23:52:40</t>
  </si>
  <si>
    <t>f121e1ea-27a6-4e86-8b67-bb48ddb4d9a9.tmp</t>
  </si>
  <si>
    <t>\\acsfs\profiles$\Adrieledgc\Downloads\f121e1ea-27a6-4e86-8b67-bb48ddb4d9a9.tmp</t>
  </si>
  <si>
    <t>12/30/2019 23:52:52</t>
  </si>
  <si>
    <t>7b61db03-9852-414b-825d-05c74d21b974.tmp</t>
  </si>
  <si>
    <t>\\acsfs\profiles$\marlyannegdls\Downloads\7b61db03-9852-414b-825d-05c74d21b974.tmp</t>
  </si>
  <si>
    <t>12/30/2019 23:54:15</t>
  </si>
  <si>
    <t>224e343f-3d8c-483e-a69e-917eeebb3841.tmp</t>
  </si>
  <si>
    <t>\\acsfs\profiles$\marlyannegdls\Downloads\224e343f-3d8c-483e-a69e-917eeebb3841.tmp</t>
  </si>
  <si>
    <t>12/30/2019 23:58:11</t>
  </si>
  <si>
    <t>12/30/2019 23:58:33</t>
  </si>
  <si>
    <t>22c50448-8e70-4f85-9981-1ceb20eb9e3a.tmp</t>
  </si>
  <si>
    <t>\\acsfs\profiles$\joycemmdl\Downloads\22c50448-8e70-4f85-9981-1ceb20eb9e3a.tmp</t>
  </si>
  <si>
    <t>12/30/2019 23:56:10</t>
  </si>
  <si>
    <t>12/31/2019 00:00:33</t>
  </si>
  <si>
    <t>12/30/2019 23:59:10</t>
  </si>
  <si>
    <t>12/30/2019 23:59:51</t>
  </si>
  <si>
    <t>12/31/2019 00:02:33</t>
  </si>
  <si>
    <t>12/31/2019 00:02:08</t>
  </si>
  <si>
    <t>12/31/2019 00:03:33</t>
  </si>
  <si>
    <t>12/31/2019 00:02:52</t>
  </si>
  <si>
    <t>12/31/2019 00:02:10</t>
  </si>
  <si>
    <t>12/31/2019 00:05:33</t>
  </si>
  <si>
    <t>12/31/2019 00:04:12</t>
  </si>
  <si>
    <t>12/31/2019 00:06:33</t>
  </si>
  <si>
    <t>12/31/2019 00:04:15</t>
  </si>
  <si>
    <t>12/31/2019 00:01:51</t>
  </si>
  <si>
    <t>12/31/2019 00:07:32</t>
  </si>
  <si>
    <t>12/31/2019 00:05:51</t>
  </si>
  <si>
    <t>12/31/2019 00:03:04</t>
  </si>
  <si>
    <t>12/31/2019 00:05:35</t>
  </si>
  <si>
    <t>12/31/2019 00:05:57</t>
  </si>
  <si>
    <t>12/31/2019 00:08:33</t>
  </si>
  <si>
    <t>12/31/2019 00:06:45</t>
  </si>
  <si>
    <t>12/31/2019 00:06:35</t>
  </si>
  <si>
    <t>12/31/2019 00:03:08</t>
  </si>
  <si>
    <t>12/31/2019 00:06:37</t>
  </si>
  <si>
    <t>12/31/2019 00:07:01</t>
  </si>
  <si>
    <t>12/31/2019 00:07:17</t>
  </si>
  <si>
    <t>12/31/2019 00:09:33</t>
  </si>
  <si>
    <t>12/31/2019 00:08:27</t>
  </si>
  <si>
    <t>12/31/2019 00:10:33</t>
  </si>
  <si>
    <t>12/31/2019 00:05:10</t>
  </si>
  <si>
    <t>12/31/2019 00:08:10</t>
  </si>
  <si>
    <t>12/31/2019 00:08:47</t>
  </si>
  <si>
    <t>12/31/2019 00:06:50</t>
  </si>
  <si>
    <t>12/31/2019 00:08:13</t>
  </si>
  <si>
    <t>12/31/2019 00:11:33</t>
  </si>
  <si>
    <t>12/31/2019 00:08:11</t>
  </si>
  <si>
    <t>12/31/2019 00:07:51</t>
  </si>
  <si>
    <t>12/31/2019 00:12:34</t>
  </si>
  <si>
    <t>12/31/2019 00:08:57</t>
  </si>
  <si>
    <t>12/31/2019 00:08:30</t>
  </si>
  <si>
    <t>12/31/2019 00:10:07</t>
  </si>
  <si>
    <t>12/31/2019 00:09:32</t>
  </si>
  <si>
    <t>12/31/2019 00:13:33</t>
  </si>
  <si>
    <t>12/31/2019 00:12:03</t>
  </si>
  <si>
    <t>12/31/2019 00:11:10</t>
  </si>
  <si>
    <t>12/31/2019 00:15:33</t>
  </si>
  <si>
    <t>12/31/2019 00:14:10</t>
  </si>
  <si>
    <t>12/31/2019 00:13:11</t>
  </si>
  <si>
    <t>12/31/2019 00:15:35</t>
  </si>
  <si>
    <t>12/31/2019 00:16:33</t>
  </si>
  <si>
    <t>12/31/2019 00:13:57</t>
  </si>
  <si>
    <t>12/31/2019 00:11:52</t>
  </si>
  <si>
    <t>12/31/2019 00:17:34</t>
  </si>
  <si>
    <t>12/31/2019 00:13:51</t>
  </si>
  <si>
    <t>12/31/2019 00:13:32</t>
  </si>
  <si>
    <t>07c39fd7-4865-4793-be1f-12c1f7cee45c.tmp</t>
  </si>
  <si>
    <t>\\acsfs\profiles$\Adrieledgc\Downloads\07c39fd7-4865-4793-be1f-12c1f7cee45c.tmp</t>
  </si>
  <si>
    <t>12/31/2019 00:13:08</t>
  </si>
  <si>
    <t>12/31/2019 00:15:58</t>
  </si>
  <si>
    <t>12/31/2019 00:18:33</t>
  </si>
  <si>
    <t>12/31/2019 00:17:10</t>
  </si>
  <si>
    <t>12/31/2019 00:20:34</t>
  </si>
  <si>
    <t>12/31/2019 00:17:51</t>
  </si>
  <si>
    <t>12/31/2019 00:22:35</t>
  </si>
  <si>
    <t>12/31/2019 00:19:51</t>
  </si>
  <si>
    <t>12/31/2019 00:20:56</t>
  </si>
  <si>
    <t>12/31/2019 00:21:43</t>
  </si>
  <si>
    <t>12/31/2019 00:24:34</t>
  </si>
  <si>
    <t>12/31/2019 00:20:10</t>
  </si>
  <si>
    <t>12/31/2019 00:25:34</t>
  </si>
  <si>
    <t>12/31/2019 00:23:10</t>
  </si>
  <si>
    <t>12/31/2019 00:20:57</t>
  </si>
  <si>
    <t>12/31/2019 00:23:51</t>
  </si>
  <si>
    <t>12/31/2019 00:27:34</t>
  </si>
  <si>
    <t>12/31/2019 00:25:51</t>
  </si>
  <si>
    <t>12/31/2019 00:26:10</t>
  </si>
  <si>
    <t>12/31/2019 00:30:34</t>
  </si>
  <si>
    <t>12/31/2019 00:29:11</t>
  </si>
  <si>
    <t>12/31/2019 00:29:51</t>
  </si>
  <si>
    <t>12/31/2019 00:32:34</t>
  </si>
  <si>
    <t>12/31/2019 00:32:10</t>
  </si>
  <si>
    <t>12/31/2019 00:35:34</t>
  </si>
  <si>
    <t>12/31/2019 00:31:51</t>
  </si>
  <si>
    <t>12/31/2019 00:37:34</t>
  </si>
  <si>
    <t>12/31/2019 00:35:51</t>
  </si>
  <si>
    <t>12/31/2019 00:35:10</t>
  </si>
  <si>
    <t>12/31/2019 00:40:34</t>
  </si>
  <si>
    <t>12/31/2019 00:38:10</t>
  </si>
  <si>
    <t>12/31/2019 00:37:51</t>
  </si>
  <si>
    <t>12/31/2019 00:42:34</t>
  </si>
  <si>
    <t>12/31/2019 00:38:27</t>
  </si>
  <si>
    <t>4630e7d2-5bf0-47cc-84d6-a0b60d110ebb.tmp</t>
  </si>
  <si>
    <t>\\acsfs\profiles$\marlyannegdls\Downloads\4630e7d2-5bf0-47cc-84d6-a0b60d110ebb.tmp</t>
  </si>
  <si>
    <t>12/31/2019 00:43:46</t>
  </si>
  <si>
    <t>12/31/2019 00:45:34</t>
  </si>
  <si>
    <t>12/31/2019 00:41:11</t>
  </si>
  <si>
    <t>12/31/2019 00:44:10</t>
  </si>
  <si>
    <t>12/31/2019 00:41:51</t>
  </si>
  <si>
    <t>12/31/2019 00:47:33</t>
  </si>
  <si>
    <t>12/31/2019 00:43:51</t>
  </si>
  <si>
    <t>12/31/2019 00:47:10</t>
  </si>
  <si>
    <t>12/31/2019 00:50:34</t>
  </si>
  <si>
    <t>12/31/2019 00:48:35</t>
  </si>
  <si>
    <t>12/31/2019 00:51:34</t>
  </si>
  <si>
    <t>12/31/2019 00:47:51</t>
  </si>
  <si>
    <t>12/31/2019 00:52:34</t>
  </si>
  <si>
    <t>12/31/2019 00:49:51</t>
  </si>
  <si>
    <t>12/31/2019 00:51:29</t>
  </si>
  <si>
    <t>12/31/2019 00:53:34</t>
  </si>
  <si>
    <t>12/31/2019 00:50:10</t>
  </si>
  <si>
    <t>12/31/2019 00:55:34</t>
  </si>
  <si>
    <t>12/31/2019 00:53:11</t>
  </si>
  <si>
    <t>12/31/2019 00:53:51</t>
  </si>
  <si>
    <t>12/31/2019 00:57:33</t>
  </si>
  <si>
    <t>12/31/2019 00:55:51</t>
  </si>
  <si>
    <t>12/31/2019 00:56:06</t>
  </si>
  <si>
    <t>12/31/2019 00:56:11</t>
  </si>
  <si>
    <t>12/31/2019 01:00:33</t>
  </si>
  <si>
    <t>12/31/2019 00:59:11</t>
  </si>
  <si>
    <t>12/31/2019 00:59:51</t>
  </si>
  <si>
    <t>12/31/2019 01:12:33</t>
  </si>
  <si>
    <t>12/31/2019 01:01:12</t>
  </si>
  <si>
    <t>12/31/2019 01:02:11</t>
  </si>
  <si>
    <t>12/31/2019 01:02:35</t>
  </si>
  <si>
    <t>12/31/2019 01:13:33</t>
  </si>
  <si>
    <t>12/31/2019 01:07:39</t>
  </si>
  <si>
    <t>12/31/2019 01:01:51</t>
  </si>
  <si>
    <t>12/31/2019 01:05:51</t>
  </si>
  <si>
    <t>12/31/2019 01:06:28</t>
  </si>
  <si>
    <t>12/31/2019 01:09:36</t>
  </si>
  <si>
    <t>12/31/2019 01:05:11</t>
  </si>
  <si>
    <t>12/31/2019 01:08:11</t>
  </si>
  <si>
    <t>12/31/2019 01:11:53</t>
  </si>
  <si>
    <t>12/31/2019 01:14:33</t>
  </si>
  <si>
    <t>12/31/2019 01:15:33</t>
  </si>
  <si>
    <t>12/31/2019 01:11:15</t>
  </si>
  <si>
    <t>12/31/2019 01:16:33</t>
  </si>
  <si>
    <t>12/31/2019 01:07:51</t>
  </si>
  <si>
    <t>12/31/2019 01:11:51</t>
  </si>
  <si>
    <t>12/31/2019 01:13:51</t>
  </si>
  <si>
    <t>12/31/2019 01:17:33</t>
  </si>
  <si>
    <t>12/31/2019 01:18:33</t>
  </si>
  <si>
    <t>12/31/2019 01:11:11</t>
  </si>
  <si>
    <t>12/31/2019 01:14:11</t>
  </si>
  <si>
    <t>12/31/2019 01:17:11</t>
  </si>
  <si>
    <t>12/31/2019 01:16:59</t>
  </si>
  <si>
    <t>12/31/2019 01:14:37</t>
  </si>
  <si>
    <t>12/31/2019 01:15:01</t>
  </si>
  <si>
    <t>12/31/2019 01:16:07</t>
  </si>
  <si>
    <t>12/31/2019 01:17:51</t>
  </si>
  <si>
    <t>12/31/2019 01:21:33</t>
  </si>
  <si>
    <t>12/31/2019 01:19:51</t>
  </si>
  <si>
    <t>12/31/2019 01:16:23</t>
  </si>
  <si>
    <t>12/31/2019 01:20:11</t>
  </si>
  <si>
    <t>12/31/2019 01:23:33</t>
  </si>
  <si>
    <t>12/31/2019 01:23:59</t>
  </si>
  <si>
    <t>12/31/2019 01:26:33</t>
  </si>
  <si>
    <t>12/31/2019 01:23:39</t>
  </si>
  <si>
    <t>12/31/2019 01:23:11</t>
  </si>
  <si>
    <t>12/31/2019 01:28:34</t>
  </si>
  <si>
    <t>12/31/2019 01:25:58</t>
  </si>
  <si>
    <t>12/31/2019 01:26:11</t>
  </si>
  <si>
    <t>12/31/2019 01:27:57</t>
  </si>
  <si>
    <t>12/31/2019 01:29:33</t>
  </si>
  <si>
    <t>12/31/2019 01:25:52</t>
  </si>
  <si>
    <t>12/31/2019 01:31:33</t>
  </si>
  <si>
    <t>12/31/2019 01:29:52</t>
  </si>
  <si>
    <t>12/31/2019 01:31:11</t>
  </si>
  <si>
    <t>12/31/2019 01:33:33</t>
  </si>
  <si>
    <t>12/31/2019 01:32:11</t>
  </si>
  <si>
    <t>12/31/2019 01:32:34</t>
  </si>
  <si>
    <t>12/31/2019 01:35:33</t>
  </si>
  <si>
    <t>12/31/2019 01:31:52</t>
  </si>
  <si>
    <t>12/31/2019 01:36:34</t>
  </si>
  <si>
    <t>12/31/2019 01:37:33</t>
  </si>
  <si>
    <t>12/31/2019 01:37:11</t>
  </si>
  <si>
    <t>12/31/2019 01:38:34</t>
  </si>
  <si>
    <t>12/31/2019 01:35:52</t>
  </si>
  <si>
    <t>12/31/2019 01:41:33</t>
  </si>
  <si>
    <t>12/31/2019 01:36:00</t>
  </si>
  <si>
    <t>12/31/2019 01:36:01</t>
  </si>
  <si>
    <t>12/31/2019 01:36:02</t>
  </si>
  <si>
    <t>12/31/2019 01:36:03</t>
  </si>
  <si>
    <t>12/31/2019 01:36:05</t>
  </si>
  <si>
    <t>12/31/2019 01:36:06</t>
  </si>
  <si>
    <t>12/31/2019 01:37:52</t>
  </si>
  <si>
    <t>12/31/2019 01:38:11</t>
  </si>
  <si>
    <t>12/31/2019 01:43:33</t>
  </si>
  <si>
    <t>12/31/2019 01:41:52</t>
  </si>
  <si>
    <t>12/31/2019 01:46:33</t>
  </si>
  <si>
    <t>12/31/2019 01:43:52</t>
  </si>
  <si>
    <t>12/31/2019 01:43:12</t>
  </si>
  <si>
    <t>12/31/2019 01:48:33</t>
  </si>
  <si>
    <t>12/31/2019 01:44:11</t>
  </si>
  <si>
    <t>12/31/2019 01:47:52</t>
  </si>
  <si>
    <t>12/31/2019 01:51:33</t>
  </si>
  <si>
    <t>12/31/2019 01:49:52</t>
  </si>
  <si>
    <t>12/31/2019 01:47:43</t>
  </si>
  <si>
    <t>12/31/2019 01:52:33</t>
  </si>
  <si>
    <t>12/31/2019 01:49:11</t>
  </si>
  <si>
    <t>12/31/2019 01:53:33</t>
  </si>
  <si>
    <t>12/31/2019 01:50:11</t>
  </si>
  <si>
    <t>12/31/2019 01:53:52</t>
  </si>
  <si>
    <t>12/31/2019 01:56:33</t>
  </si>
  <si>
    <t>12/31/2019 01:55:12</t>
  </si>
  <si>
    <t>12/31/2019 01:58:33</t>
  </si>
  <si>
    <t>12/31/2019 01:56:12</t>
  </si>
  <si>
    <t>12/31/2019 01:57:41</t>
  </si>
  <si>
    <t>12/31/2019 02:00:33</t>
  </si>
  <si>
    <t>12/31/2019 01:55:52</t>
  </si>
  <si>
    <t>12/31/2019 02:01:33</t>
  </si>
  <si>
    <t>12/31/2019 01:59:52</t>
  </si>
  <si>
    <t>12/31/2019 02:01:12</t>
  </si>
  <si>
    <t>12/31/2019 02:03:32</t>
  </si>
  <si>
    <t>12/31/2019 02:02:12</t>
  </si>
  <si>
    <t>12/31/2019 02:01:52</t>
  </si>
  <si>
    <t>12/31/2019 02:06:33</t>
  </si>
  <si>
    <t>12/31/2019 02:07:12</t>
  </si>
  <si>
    <t>12/31/2019 02:08:33</t>
  </si>
  <si>
    <t>12/31/2019 02:05:52</t>
  </si>
  <si>
    <t>12/31/2019 02:11:33</t>
  </si>
  <si>
    <t>12/31/2019 02:07:53</t>
  </si>
  <si>
    <t>12/31/2019 02:08:18</t>
  </si>
  <si>
    <t>12/31/2019 02:13:33</t>
  </si>
  <si>
    <t>12/31/2019 02:07:37</t>
  </si>
  <si>
    <t>12/31/2019 02:08:12</t>
  </si>
  <si>
    <t>12/31/2019 02:11:52</t>
  </si>
  <si>
    <t>12/31/2019 02:16:33</t>
  </si>
  <si>
    <t>12/31/2019 02:13:52</t>
  </si>
  <si>
    <t>12/31/2019 02:13:25</t>
  </si>
  <si>
    <t>12/31/2019 02:15:01</t>
  </si>
  <si>
    <t>12/31/2019 02:17:33</t>
  </si>
  <si>
    <t>12/31/2019 02:13:12</t>
  </si>
  <si>
    <t>12/31/2019 02:18:33</t>
  </si>
  <si>
    <t>12/31/2019 02:14:12</t>
  </si>
  <si>
    <t>12/31/2019 02:17:52</t>
  </si>
  <si>
    <t>12/31/2019 02:21:33</t>
  </si>
  <si>
    <t>12/31/2019 02:19:52</t>
  </si>
  <si>
    <t>12/31/2019 02:19:12</t>
  </si>
  <si>
    <t>12/31/2019 02:23:33</t>
  </si>
  <si>
    <t>12/31/2019 02:20:12</t>
  </si>
  <si>
    <t>12/31/2019 02:21:16</t>
  </si>
  <si>
    <t>12/31/2019 02:24:33</t>
  </si>
  <si>
    <t>12/31/2019 02:23:52</t>
  </si>
  <si>
    <t>12/31/2019 02:26:33</t>
  </si>
  <si>
    <t>12/31/2019 02:24:08</t>
  </si>
  <si>
    <t>12/31/2019 02:25:12</t>
  </si>
  <si>
    <t>12/31/2019 02:28:33</t>
  </si>
  <si>
    <t>12/31/2019 02:26:12</t>
  </si>
  <si>
    <t>12/31/2019 02:25:53</t>
  </si>
  <si>
    <t>12/31/2019 02:31:33</t>
  </si>
  <si>
    <t>12/31/2019 02:29:52</t>
  </si>
  <si>
    <t>12/31/2019 02:31:12</t>
  </si>
  <si>
    <t>12/31/2019 02:33:33</t>
  </si>
  <si>
    <t>12/31/2019 02:32:12</t>
  </si>
  <si>
    <t>12/31/2019 02:31:52</t>
  </si>
  <si>
    <t>12/31/2019 02:36:33</t>
  </si>
  <si>
    <t>12/31/2019 02:37:12</t>
  </si>
  <si>
    <t>12/31/2019 02:38:33</t>
  </si>
  <si>
    <t>12/31/2019 02:35:13</t>
  </si>
  <si>
    <t>12/31/2019 02:40:33</t>
  </si>
  <si>
    <t>12/31/2019 02:35:52</t>
  </si>
  <si>
    <t>12/31/2019 02:41:33</t>
  </si>
  <si>
    <t>12/31/2019 02:37:53</t>
  </si>
  <si>
    <t>12/31/2019 02:37:13</t>
  </si>
  <si>
    <t>12/31/2019 02:38:12</t>
  </si>
  <si>
    <t>12/31/2019 02:43:34</t>
  </si>
  <si>
    <t>12/31/2019 02:41:52</t>
  </si>
  <si>
    <t>12/31/2019 02:46:34</t>
  </si>
  <si>
    <t>12/31/2019 02:43:52</t>
  </si>
  <si>
    <t>12/31/2019 02:43:12</t>
  </si>
  <si>
    <t>12/31/2019 02:48:33</t>
  </si>
  <si>
    <t>12/31/2019 02:44:12</t>
  </si>
  <si>
    <t>12/31/2019 02:47:51</t>
  </si>
  <si>
    <t>12/31/2019 02:44:24</t>
  </si>
  <si>
    <t>12/31/2019 02:47:52</t>
  </si>
  <si>
    <t>12/31/2019 02:51:34</t>
  </si>
  <si>
    <t>12/31/2019 02:49:52</t>
  </si>
  <si>
    <t>12/31/2019 02:47:10</t>
  </si>
  <si>
    <t>12/31/2019 02:52:34</t>
  </si>
  <si>
    <t>12/31/2019 02:49:12</t>
  </si>
  <si>
    <t>12/31/2019 02:53:34</t>
  </si>
  <si>
    <t>12/31/2019 02:50:12</t>
  </si>
  <si>
    <t>12/31/2019 02:53:52</t>
  </si>
  <si>
    <t>12/31/2019 02:56:34</t>
  </si>
  <si>
    <t>12/31/2019 02:55:12</t>
  </si>
  <si>
    <t>12/31/2019 02:58:35</t>
  </si>
  <si>
    <t>12/31/2019 02:56:12</t>
  </si>
  <si>
    <t>12/31/2019 02:54:31</t>
  </si>
  <si>
    <t>12/31/2019 02:59:34</t>
  </si>
  <si>
    <t>12/31/2019 02:55:52</t>
  </si>
  <si>
    <t>12/31/2019 03:01:34</t>
  </si>
  <si>
    <t>12/31/2019 02:56:24</t>
  </si>
  <si>
    <t>12/31/2019 03:01:12</t>
  </si>
  <si>
    <t>12/31/2019 03:03:34</t>
  </si>
  <si>
    <t>12/31/2019 03:02:12</t>
  </si>
  <si>
    <t>12/31/2019 03:01:27</t>
  </si>
  <si>
    <t>12/31/2019 03:05:34</t>
  </si>
  <si>
    <t>12/31/2019 03:01:53</t>
  </si>
  <si>
    <t>12/31/2019 03:06:35</t>
  </si>
  <si>
    <t>12/31/2019 03:02:37</t>
  </si>
  <si>
    <t>12/31/2019 03:07:34</t>
  </si>
  <si>
    <t>12/31/2019 03:07:12</t>
  </si>
  <si>
    <t>12/31/2019 03:08:34</t>
  </si>
  <si>
    <t>12/31/2019 03:05:29</t>
  </si>
  <si>
    <t>12/31/2019 03:04:06</t>
  </si>
  <si>
    <t>12/31/2019 03:07:53</t>
  </si>
  <si>
    <t>12/31/2019 03:11:34</t>
  </si>
  <si>
    <t>12/31/2019 03:07:20</t>
  </si>
  <si>
    <t>12/31/2019 03:08:12</t>
  </si>
  <si>
    <t>12/31/2019 03:13:34</t>
  </si>
  <si>
    <t>12/31/2019 03:15:08</t>
  </si>
  <si>
    <t>12/31/2019 03:15:34</t>
  </si>
  <si>
    <t>12/31/2019 03:13:53</t>
  </si>
  <si>
    <t>12/31/2019 03:16:33</t>
  </si>
  <si>
    <t>12/31/2019 03:13:55</t>
  </si>
  <si>
    <t>12/31/2019 03:14:54</t>
  </si>
  <si>
    <t>12/31/2019 03:18:34</t>
  </si>
  <si>
    <t>12/31/2019 03:13:12</t>
  </si>
  <si>
    <t>12/31/2019 03:14:12</t>
  </si>
  <si>
    <t>12/31/2019 03:20:23</t>
  </si>
  <si>
    <t>12/31/2019 03:21:33</t>
  </si>
  <si>
    <t>12/31/2019 03:19:53</t>
  </si>
  <si>
    <t>12/31/2019 03:17:16</t>
  </si>
  <si>
    <t>12/31/2019 03:22:33</t>
  </si>
  <si>
    <t>12/31/2019 03:19:32</t>
  </si>
  <si>
    <t>12/31/2019 03:23:34</t>
  </si>
  <si>
    <t>12/31/2019 03:19:12</t>
  </si>
  <si>
    <t>12/31/2019 03:20:12</t>
  </si>
  <si>
    <t>12/31/2019 03:18:47</t>
  </si>
  <si>
    <t>12/31/2019 03:20:21</t>
  </si>
  <si>
    <t>12/31/2019 03:23:17</t>
  </si>
  <si>
    <t>12/31/2019 03:25:33</t>
  </si>
  <si>
    <t>12/31/2019 03:27:33</t>
  </si>
  <si>
    <t>12/31/2019 03:23:32</t>
  </si>
  <si>
    <t>12/31/2019 03:25:12</t>
  </si>
  <si>
    <t>12/31/2019 03:28:34</t>
  </si>
  <si>
    <t>12/31/2019 03:26:12</t>
  </si>
  <si>
    <t>12/31/2019 03:25:46</t>
  </si>
  <si>
    <t>12/31/2019 03:26:58</t>
  </si>
  <si>
    <t>12/31/2019 03:27:22</t>
  </si>
  <si>
    <t>12/31/2019 03:25:39</t>
  </si>
  <si>
    <t>12/31/2019 03:29:33</t>
  </si>
  <si>
    <t>12/31/2019 03:25:53</t>
  </si>
  <si>
    <t>12/31/2019 03:31:33</t>
  </si>
  <si>
    <t>12/31/2019 03:29:06</t>
  </si>
  <si>
    <t>12/31/2019 03:32:34</t>
  </si>
  <si>
    <t>cbf4dce2-9677-4bdc-b744-183b33a19a40.tmp</t>
  </si>
  <si>
    <t>\\acsfs\profiles$\Adrieledgc\Downloads\cbf4dce2-9677-4bdc-b744-183b33a19a40.tmp</t>
  </si>
  <si>
    <t>12/31/2019 03:30:06</t>
  </si>
  <si>
    <t>12/31/2019 03:28:14</t>
  </si>
  <si>
    <t>12/31/2019 03:31:12</t>
  </si>
  <si>
    <t>12/31/2019 03:33:33</t>
  </si>
  <si>
    <t>12/31/2019 03:32:12</t>
  </si>
  <si>
    <t>12/31/2019 03:28:40</t>
  </si>
  <si>
    <t>12/31/2019 03:32:33</t>
  </si>
  <si>
    <t>12/31/2019 03:31:53</t>
  </si>
  <si>
    <t>12/31/2019 03:36:33</t>
  </si>
  <si>
    <t>12/31/2019 03:35:06</t>
  </si>
  <si>
    <t>12/31/2019 03:37:33</t>
  </si>
  <si>
    <t>bd129819-0140-43eb-b652-420ffbf635ca.tmp</t>
  </si>
  <si>
    <t>\\acsfs\profiles$\Adrieledgc\Downloads\bd129819-0140-43eb-b652-420ffbf635ca.tmp</t>
  </si>
  <si>
    <t>12/31/2019 03:37:12</t>
  </si>
  <si>
    <t>12/31/2019 03:38:33</t>
  </si>
  <si>
    <t>12/31/2019 03:36:12</t>
  </si>
  <si>
    <t>12/31/2019 03:38:06</t>
  </si>
  <si>
    <t>12/31/2019 03:40:33</t>
  </si>
  <si>
    <t>12/31/2019 03:37:53</t>
  </si>
  <si>
    <t>12/31/2019 03:41:33</t>
  </si>
  <si>
    <t>12/31/2019 03:40:21</t>
  </si>
  <si>
    <t>12/31/2019 03:42:33</t>
  </si>
  <si>
    <t>12/31/2019 03:38:18</t>
  </si>
  <si>
    <t>935afbc9-e7c1-4c0f-a7c5-ce177d83bbc8.tmp</t>
  </si>
  <si>
    <t>\\acsfs\profiles$\marlyannegdls\Downloads\935afbc9-e7c1-4c0f-a7c5-ce177d83bbc8.tmp</t>
  </si>
  <si>
    <t>12/31/2019 03:38:12</t>
  </si>
  <si>
    <t>12/31/2019 03:43:33</t>
  </si>
  <si>
    <t>12/31/2019 03:39:59</t>
  </si>
  <si>
    <t>12/31/2019 03:45:33</t>
  </si>
  <si>
    <t>12/31/2019 03:42:18</t>
  </si>
  <si>
    <t>12/31/2019 03:46:33</t>
  </si>
  <si>
    <t>12/31/2019 03:43:53</t>
  </si>
  <si>
    <t>12/31/2019 03:42:27</t>
  </si>
  <si>
    <t>12/31/2019 03:47:33</t>
  </si>
  <si>
    <t>12/31/2019 03:43:13</t>
  </si>
  <si>
    <t>12/31/2019 03:48:33</t>
  </si>
  <si>
    <t>12/31/2019 03:44:12</t>
  </si>
  <si>
    <t>12/31/2019 03:44:54</t>
  </si>
  <si>
    <t>12/31/2019 03:48:59</t>
  </si>
  <si>
    <t>12/31/2019 03:50:33</t>
  </si>
  <si>
    <t>12/31/2019 03:46:55</t>
  </si>
  <si>
    <t>12/31/2019 03:51:33</t>
  </si>
  <si>
    <t>12/31/2019 03:49:53</t>
  </si>
  <si>
    <t>12/31/2019 03:49:12</t>
  </si>
  <si>
    <t>12/31/2019 03:53:33</t>
  </si>
  <si>
    <t>12/31/2019 03:50:12</t>
  </si>
  <si>
    <t>12/31/2019 03:51:53</t>
  </si>
  <si>
    <t>12/31/2019 03:49:55</t>
  </si>
  <si>
    <t>12/31/2019 03:52:56</t>
  </si>
  <si>
    <t>12/31/2019 03:56:33</t>
  </si>
  <si>
    <t>12/31/2019 03:56:38</t>
  </si>
  <si>
    <t>12/31/2019 03:57:33</t>
  </si>
  <si>
    <t>12/31/2019 03:54:11</t>
  </si>
  <si>
    <t>12/31/2019 03:55:12</t>
  </si>
  <si>
    <t>12/31/2019 03:58:33</t>
  </si>
  <si>
    <t>12/31/2019 03:56:12</t>
  </si>
  <si>
    <t>12/31/2019 03:56:06</t>
  </si>
  <si>
    <t>12/31/2019 04:00:33</t>
  </si>
  <si>
    <t>12/31/2019 04:00:03</t>
  </si>
  <si>
    <t>12/31/2019 03:55:53</t>
  </si>
  <si>
    <t>12/31/2019 04:01:33</t>
  </si>
  <si>
    <t>12/31/2019 03:58:49</t>
  </si>
  <si>
    <t>12/31/2019 04:02:34</t>
  </si>
  <si>
    <t>12/31/2019 04:01:13</t>
  </si>
  <si>
    <t>12/31/2019 04:03:33</t>
  </si>
  <si>
    <t>12/31/2019 04:02:13</t>
  </si>
  <si>
    <t>12/31/2019 04:01:53</t>
  </si>
  <si>
    <t>12/31/2019 04:06:33</t>
  </si>
  <si>
    <t>12/31/2019 04:02:01</t>
  </si>
  <si>
    <t>12/31/2019 04:07:33</t>
  </si>
  <si>
    <t>12/31/2019 04:07:13</t>
  </si>
  <si>
    <t>12/31/2019 04:08:33</t>
  </si>
  <si>
    <t>12/31/2019 04:07:54</t>
  </si>
  <si>
    <t>12/31/2019 04:11:33</t>
  </si>
  <si>
    <t>12/31/2019 04:08:13</t>
  </si>
  <si>
    <t>12/31/2019 04:13:33</t>
  </si>
  <si>
    <t>12/31/2019 04:13:53</t>
  </si>
  <si>
    <t>12/31/2019 04:16:33</t>
  </si>
  <si>
    <t>12/31/2019 04:14:28</t>
  </si>
  <si>
    <t>12/31/2019 04:17:34</t>
  </si>
  <si>
    <t>12/31/2019 04:14:14</t>
  </si>
  <si>
    <t>12/31/2019 04:13:13</t>
  </si>
  <si>
    <t>12/31/2019 04:18:33</t>
  </si>
  <si>
    <t>12/31/2019 04:14:13</t>
  </si>
  <si>
    <t>12/31/2019 04:13:41</t>
  </si>
  <si>
    <t>12/31/2019 04:14:34</t>
  </si>
  <si>
    <t>12/31/2019 04:19:33</t>
  </si>
  <si>
    <t>12/31/2019 04:19:53</t>
  </si>
  <si>
    <t>12/31/2019 04:21:33</t>
  </si>
  <si>
    <t>12/31/2019 04:19:13</t>
  </si>
  <si>
    <t>12/31/2019 04:23:33</t>
  </si>
  <si>
    <t>12/31/2019 04:20:13</t>
  </si>
  <si>
    <t>12/31/2019 04:25:54</t>
  </si>
  <si>
    <t>12/31/2019 04:26:33</t>
  </si>
  <si>
    <t>12/31/2019 04:23:50</t>
  </si>
  <si>
    <t>12/31/2019 04:27:34</t>
  </si>
  <si>
    <t>12/31/2019 04:25:13</t>
  </si>
  <si>
    <t>12/31/2019 04:28:33</t>
  </si>
  <si>
    <t>12/31/2019 04:26:13</t>
  </si>
  <si>
    <t>12/31/2019 04:31:13</t>
  </si>
  <si>
    <t>12/31/2019 04:33:33</t>
  </si>
  <si>
    <t>12/31/2019 04:32:13</t>
  </si>
  <si>
    <t>12/31/2019 04:31:22</t>
  </si>
  <si>
    <t>12/31/2019 04:35:33</t>
  </si>
  <si>
    <t>12/31/2019 04:31:54</t>
  </si>
  <si>
    <t>12/31/2019 04:36:33</t>
  </si>
  <si>
    <t>12/31/2019 04:33:15</t>
  </si>
  <si>
    <t>12/31/2019 04:37:32</t>
  </si>
  <si>
    <t>12/31/2019 04:35:14</t>
  </si>
  <si>
    <t>12/31/2019 04:34:47</t>
  </si>
  <si>
    <t>12/31/2019 04:38:33</t>
  </si>
  <si>
    <t>12/31/2019 04:37:13</t>
  </si>
  <si>
    <t>12/31/2019 04:37:54</t>
  </si>
  <si>
    <t>12/31/2019 04:41:33</t>
  </si>
  <si>
    <t>12/31/2019 04:38:13</t>
  </si>
  <si>
    <t>12/31/2019 04:43:33</t>
  </si>
  <si>
    <t>12/31/2019 04:42:00</t>
  </si>
  <si>
    <t>12/31/2019 04:45:33</t>
  </si>
  <si>
    <t>12/31/2019 04:43:54</t>
  </si>
  <si>
    <t>12/31/2019 04:46:33</t>
  </si>
  <si>
    <t>12/31/2019 04:47:32</t>
  </si>
  <si>
    <t>12/31/2019 04:46:17</t>
  </si>
  <si>
    <t>XLOG_danielpdl_20122019_114737.log</t>
  </si>
  <si>
    <t>\\acsfs\profiles$\danielpdl\My Documents\xworkcenter\logs\XLOG_danielpdl_20122019_114737.log</t>
  </si>
  <si>
    <t>12/31/2019 04:43:14</t>
  </si>
  <si>
    <t>12/31/2019 04:48:32</t>
  </si>
  <si>
    <t>12/31/2019 04:44:13</t>
  </si>
  <si>
    <t>12/31/2019 04:47:44</t>
  </si>
  <si>
    <t>12/31/2019 04:45:02</t>
  </si>
  <si>
    <t>12/31/2019 04:48:45</t>
  </si>
  <si>
    <t>12/31/2019 04:51:33</t>
  </si>
  <si>
    <t>12/31/2019 04:49:54</t>
  </si>
  <si>
    <t>12/31/2019 04:49:13</t>
  </si>
  <si>
    <t>12/31/2019 04:53:33</t>
  </si>
  <si>
    <t>12/31/2019 04:50:13</t>
  </si>
  <si>
    <t>12/31/2019 04:50:25</t>
  </si>
  <si>
    <t>12/31/2019 04:50:39</t>
  </si>
  <si>
    <t>12/31/2019 04:55:54</t>
  </si>
  <si>
    <t>12/31/2019 04:56:34</t>
  </si>
  <si>
    <t>12/31/2019 04:55:11</t>
  </si>
  <si>
    <t>12/31/2019 04:55:13</t>
  </si>
  <si>
    <t>12/31/2019 04:58:34</t>
  </si>
  <si>
    <t>12/31/2019 04:56:13</t>
  </si>
  <si>
    <t>12/31/2019 04:59:33</t>
  </si>
  <si>
    <t>12/31/2019 05:04:34</t>
  </si>
  <si>
    <t>12/31/2019 05:01:13</t>
  </si>
  <si>
    <t>12/31/2019 05:02:13</t>
  </si>
  <si>
    <t>12/31/2019 04:58:58</t>
  </si>
  <si>
    <t>12/31/2019 04:59:32</t>
  </si>
  <si>
    <t>12/31/2019 05:01:54</t>
  </si>
  <si>
    <t>12/31/2019 05:06:34</t>
  </si>
  <si>
    <t>12/31/2019 05:04:32</t>
  </si>
  <si>
    <t>12/31/2019 05:02:22</t>
  </si>
  <si>
    <t>12/31/2019 05:07:34</t>
  </si>
  <si>
    <t>12/31/2019 05:04:04</t>
  </si>
  <si>
    <t>12/31/2019 05:08:34</t>
  </si>
  <si>
    <t>12/31/2019 05:09:35</t>
  </si>
  <si>
    <t>12/31/2019 05:07:13</t>
  </si>
  <si>
    <t>12/31/2019 05:08:13</t>
  </si>
  <si>
    <t>12/31/2019 05:07:55</t>
  </si>
  <si>
    <t>12/31/2019 05:11:34</t>
  </si>
  <si>
    <t>12/31/2019 05:08:51</t>
  </si>
  <si>
    <t>12/31/2019 05:13:13</t>
  </si>
  <si>
    <t>12/31/2019 05:14:34</t>
  </si>
  <si>
    <t>12/31/2019 05:13:54</t>
  </si>
  <si>
    <t>12/31/2019 05:16:35</t>
  </si>
  <si>
    <t>12/31/2019 05:15:11</t>
  </si>
  <si>
    <t>12/31/2019 05:18:34</t>
  </si>
  <si>
    <t>12/31/2019 05:14:13</t>
  </si>
  <si>
    <t>12/31/2019 05:19:34</t>
  </si>
  <si>
    <t>12/31/2019 05:19:54</t>
  </si>
  <si>
    <t>12/31/2019 05:21:35</t>
  </si>
  <si>
    <t>12/31/2019 05:18:33</t>
  </si>
  <si>
    <t>12/31/2019 05:23:34</t>
  </si>
  <si>
    <t>12/31/2019 05:19:13</t>
  </si>
  <si>
    <t>12/31/2019 05:24:34</t>
  </si>
  <si>
    <t>12/31/2019 05:20:13</t>
  </si>
  <si>
    <t>12/31/2019 05:22:36</t>
  </si>
  <si>
    <t>12/31/2019 05:25:54</t>
  </si>
  <si>
    <t>12/31/2019 05:26:34</t>
  </si>
  <si>
    <t>12/31/2019 05:25:13</t>
  </si>
  <si>
    <t>12/31/2019 05:29:35</t>
  </si>
  <si>
    <t>12/31/2019 05:26:14</t>
  </si>
  <si>
    <t>12/31/2019 05:31:14</t>
  </si>
  <si>
    <t>12/31/2019 05:34:35</t>
  </si>
  <si>
    <t>12/31/2019 05:32:14</t>
  </si>
  <si>
    <t>12/31/2019 05:31:03</t>
  </si>
  <si>
    <t>12/31/2019 05:35:34</t>
  </si>
  <si>
    <t>12/31/2019 05:34:03</t>
  </si>
  <si>
    <t>12/31/2019 05:31:54</t>
  </si>
  <si>
    <t>12/31/2019 05:36:34</t>
  </si>
  <si>
    <t>12/31/2019 05:35:48</t>
  </si>
  <si>
    <t>12/31/2019 05:39:34</t>
  </si>
  <si>
    <t>12/31/2019 05:35:49</t>
  </si>
  <si>
    <t>12/31/2019 05:35:50</t>
  </si>
  <si>
    <t>12/31/2019 05:35:52</t>
  </si>
  <si>
    <t>12/31/2019 05:35:53</t>
  </si>
  <si>
    <t>12/31/2019 05:35:54</t>
  </si>
  <si>
    <t>12/31/2019 05:35:56</t>
  </si>
  <si>
    <t>12/31/2019 05:35:57</t>
  </si>
  <si>
    <t>12/31/2019 05:35:58</t>
  </si>
  <si>
    <t>12/31/2019 05:36:00</t>
  </si>
  <si>
    <t>12/31/2019 05:36:01</t>
  </si>
  <si>
    <t>12/31/2019 05:36:02</t>
  </si>
  <si>
    <t>12/31/2019 05:37:14</t>
  </si>
  <si>
    <t>12/31/2019 05:36:25</t>
  </si>
  <si>
    <t>12/31/2019 05:36:24</t>
  </si>
  <si>
    <t>12/31/2019 05:40:34</t>
  </si>
  <si>
    <t>12/31/2019 05:37:53</t>
  </si>
  <si>
    <t>12/31/2019 05:41:35</t>
  </si>
  <si>
    <t>12/31/2019 05:41:14</t>
  </si>
  <si>
    <t>12/31/2019 05:44:34</t>
  </si>
  <si>
    <t>12/31/2019 05:43:14</t>
  </si>
  <si>
    <t>12/31/2019 05:43:52</t>
  </si>
  <si>
    <t>12/31/2019 05:46:34</t>
  </si>
  <si>
    <t>12/31/2019 05:43:26</t>
  </si>
  <si>
    <t>12/31/2019 05:47:34</t>
  </si>
  <si>
    <t>aff8257f-cbcc-496b-b97d-2466d8110e3d.tmp</t>
  </si>
  <si>
    <t>\\acsfs\profiles$\Adrieledgc\Downloads\aff8257f-cbcc-496b-b97d-2466d8110e3d.tmp</t>
  </si>
  <si>
    <t>12/31/2019 05:47:14</t>
  </si>
  <si>
    <t>12/31/2019 05:49:34</t>
  </si>
  <si>
    <t>12/31/2019 05:49:52</t>
  </si>
  <si>
    <t>12/31/2019 05:51:34</t>
  </si>
  <si>
    <t>12/31/2019 05:49:07</t>
  </si>
  <si>
    <t>12/31/2019 05:53:34</t>
  </si>
  <si>
    <t>12/31/2019 05:49:14</t>
  </si>
  <si>
    <t>12/31/2019 05:54:33</t>
  </si>
  <si>
    <t>12/31/2019 05:53:14</t>
  </si>
  <si>
    <t>12/31/2019 05:51:16</t>
  </si>
  <si>
    <t>12/31/2019 05:56:34</t>
  </si>
  <si>
    <t>12/31/2019 05:55:52</t>
  </si>
  <si>
    <t>12/31/2019 05:57:34</t>
  </si>
  <si>
    <t>c695f9c1-13a6-4c8f-a411-425ce50a18a5.tmp</t>
  </si>
  <si>
    <t>\\acsfs\profiles$\marlyannegdls\Downloads\c695f9c1-13a6-4c8f-a411-425ce50a18a5.tmp</t>
  </si>
  <si>
    <t>12/31/2019 05:54:46</t>
  </si>
  <si>
    <t>c6e87e03-c2b2-4e9e-b289-59ff3c0d1879.tmp</t>
  </si>
  <si>
    <t>\\acsfs\profiles$\marlyannegdls\Downloads\c6e87e03-c2b2-4e9e-b289-59ff3c0d1879.tmp</t>
  </si>
  <si>
    <t>12/31/2019 05:57:16</t>
  </si>
  <si>
    <t>12/31/2019 05:58:34</t>
  </si>
  <si>
    <t>12/31/2019 05:53:11</t>
  </si>
  <si>
    <t>89668f27-ecbe-422c-90af-54df40ab13e7.tmp</t>
  </si>
  <si>
    <t>\\acsfs\profiles$\BRUNAAR\Downloads\89668f27-ecbe-422c-90af-54df40ab13e7.tmp</t>
  </si>
  <si>
    <t>12/31/2019 05:53:58</t>
  </si>
  <si>
    <t>12/31/2019 05:54:20</t>
  </si>
  <si>
    <t>fa7d53f7-7be8-41a6-8212-38cab205edab.tmp</t>
  </si>
  <si>
    <t>\\acsfs\profiles$\BRUNAAR\Downloads\fa7d53f7-7be8-41a6-8212-38cab205edab.tmp</t>
  </si>
  <si>
    <t>12/31/2019 05:55:14</t>
  </si>
  <si>
    <t>12/31/2019 05:59:35</t>
  </si>
  <si>
    <t>12/31/2019 05:57:13</t>
  </si>
  <si>
    <t>12/31/2019 06:01:34</t>
  </si>
  <si>
    <t>12/31/2019 05:59:14</t>
  </si>
  <si>
    <t>12/31/2019 06:04:34</t>
  </si>
  <si>
    <t>12/31/2019 06:01:14</t>
  </si>
  <si>
    <t>12/31/2019 06:03:24</t>
  </si>
  <si>
    <t>12/31/2019 06:05:34</t>
  </si>
  <si>
    <t>d9af6b97-0245-4158-a61b-ac5d33f454a0.tmp</t>
  </si>
  <si>
    <t>\\acsfs\profiles$\andressagr\Downloads\d9af6b97-0245-4158-a61b-ac5d33f454a0.tmp</t>
  </si>
  <si>
    <t>12/31/2019 06:04:44</t>
  </si>
  <si>
    <t>31071a47-0060-43a9-bff2-b98915193687.tmp</t>
  </si>
  <si>
    <t>\\acsfs\profiles$\andressagr\Downloads\31071a47-0060-43a9-bff2-b98915193687.tmp</t>
  </si>
  <si>
    <t>12/31/2019 06:02:31</t>
  </si>
  <si>
    <t>3e4533b1-88d6-4bd5-aa48-3ac59860d969.tmp</t>
  </si>
  <si>
    <t>\\acsfs\profiles$\eduardofss\Downloads\3e4533b1-88d6-4bd5-aa48-3ac59860d969.tmp</t>
  </si>
  <si>
    <t>12/31/2019 06:04:55</t>
  </si>
  <si>
    <t>9527d623-f4b7-43a8-bf2d-ebff36fcc6d0.tmp</t>
  </si>
  <si>
    <t>\\acsfs\profiles$\eduardofss\Downloads\9527d623-f4b7-43a8-bf2d-ebff36fcc6d0.tmp</t>
  </si>
  <si>
    <t>12/31/2019 06:01:52</t>
  </si>
  <si>
    <t>12/31/2019 06:06:34</t>
  </si>
  <si>
    <t>12/31/2019 06:06:49</t>
  </si>
  <si>
    <t>12/31/2019 06:08:34</t>
  </si>
  <si>
    <t>12/31/2019 06:05:14</t>
  </si>
  <si>
    <t>12/31/2019 06:09:34</t>
  </si>
  <si>
    <t>12/31/2019 06:07:14</t>
  </si>
  <si>
    <t>12/31/2019 06:07:52</t>
  </si>
  <si>
    <t>12/31/2019 06:11:34</t>
  </si>
  <si>
    <t>12/31/2019 06:11:14</t>
  </si>
  <si>
    <t>12/31/2019 06:14:34</t>
  </si>
  <si>
    <t>12/31/2019 06:13:14</t>
  </si>
  <si>
    <t>12/31/2019 06:10:58</t>
  </si>
  <si>
    <t>12/31/2019 06:13:52</t>
  </si>
  <si>
    <t>12/31/2019 06:16:34</t>
  </si>
  <si>
    <t>12/31/2019 06:16:48</t>
  </si>
  <si>
    <t>12/31/2019 06:17:33</t>
  </si>
  <si>
    <t>3da62c26-603b-4872-9745-37a51fa4c07e.tmp</t>
  </si>
  <si>
    <t>\\acsfs\profiles$\quindaizaagds\Downloads\3da62c26-603b-4872-9745-37a51fa4c07e.tmp</t>
  </si>
  <si>
    <t>12/31/2019 06:14:35</t>
  </si>
  <si>
    <t>12/31/2019 06:18:34</t>
  </si>
  <si>
    <t>12/31/2019 06:17:09</t>
  </si>
  <si>
    <t>12/31/2019 06:17:14</t>
  </si>
  <si>
    <t>12/31/2019 06:19:34</t>
  </si>
  <si>
    <t>12/31/2019 06:19:52</t>
  </si>
  <si>
    <t>12/31/2019 06:21:34</t>
  </si>
  <si>
    <t>12/31/2019 06:17:19</t>
  </si>
  <si>
    <t>12/31/2019 06:22:34</t>
  </si>
  <si>
    <t>dadcb26d-bb34-4adc-95d2-5a0c5d178c43.tmp</t>
  </si>
  <si>
    <t>\\acsfs\profiles$\quindaizaagds\Downloads\dadcb26d-bb34-4adc-95d2-5a0c5d178c43.tmp</t>
  </si>
  <si>
    <t>12/31/2019 06:19:14</t>
  </si>
  <si>
    <t>12/31/2019 06:24:34</t>
  </si>
  <si>
    <t>12/31/2019 06:23:14</t>
  </si>
  <si>
    <t>12/31/2019 06:25:53</t>
  </si>
  <si>
    <t>12/31/2019 06:26:34</t>
  </si>
  <si>
    <t>12/31/2019 06:25:14</t>
  </si>
  <si>
    <t>12/31/2019 06:29:34</t>
  </si>
  <si>
    <t>12/31/2019 06:26:19</t>
  </si>
  <si>
    <t>12/31/2019 06:31:33</t>
  </si>
  <si>
    <t>12/31/2019 06:29:14</t>
  </si>
  <si>
    <t>12/31/2019 06:34:34</t>
  </si>
  <si>
    <t>12/31/2019 06:31:14</t>
  </si>
  <si>
    <t>12/31/2019 06:31:53</t>
  </si>
  <si>
    <t>12/31/2019 06:36:33</t>
  </si>
  <si>
    <t>12/31/2019 06:34:48</t>
  </si>
  <si>
    <t>12/31/2019 06:38:34</t>
  </si>
  <si>
    <t>12/31/2019 06:34:39</t>
  </si>
  <si>
    <t>12/31/2019 06:35:14</t>
  </si>
  <si>
    <t>12/31/2019 06:39:33</t>
  </si>
  <si>
    <t>12/31/2019 06:37:14</t>
  </si>
  <si>
    <t>12/31/2019 06:37:02</t>
  </si>
  <si>
    <t>12/31/2019 06:40:34</t>
  </si>
  <si>
    <t>669af754-5893-40fe-a398-b0420ebe4f5e.tmp</t>
  </si>
  <si>
    <t>\\acsfs\profiles$\valeriasda\Downloads\669af754-5893-40fe-a398-b0420ebe4f5e.tmp</t>
  </si>
  <si>
    <t>12/31/2019 06:37:10</t>
  </si>
  <si>
    <t>cdab381f-cc36-4f85-b6e8-cd252a4de6a7.tmp</t>
  </si>
  <si>
    <t>\\acsfs\profiles$\valeriasda\Downloads\cdab381f-cc36-4f85-b6e8-cd252a4de6a7.tmp</t>
  </si>
  <si>
    <t>12/31/2019 06:37:53</t>
  </si>
  <si>
    <t>12/31/2019 06:41:33</t>
  </si>
  <si>
    <t>12/31/2019 06:41:13</t>
  </si>
  <si>
    <t>12/31/2019 06:43:33</t>
  </si>
  <si>
    <t>12/31/2019 06:41:14</t>
  </si>
  <si>
    <t>12/31/2019 06:44:34</t>
  </si>
  <si>
    <t>12/31/2019 06:43:15</t>
  </si>
  <si>
    <t>12/31/2019 06:42:05</t>
  </si>
  <si>
    <t>12/31/2019 06:44:16</t>
  </si>
  <si>
    <t>12/31/2019 06:45:33</t>
  </si>
  <si>
    <t>12/31/2019 06:42:17</t>
  </si>
  <si>
    <t>12/31/2019 06:46:34</t>
  </si>
  <si>
    <t>12/31/2019 06:41:55</t>
  </si>
  <si>
    <t>12/31/2019 06:43:53</t>
  </si>
  <si>
    <t>12/31/2019 06:46:14</t>
  </si>
  <si>
    <t>12/31/2019 06:47:34</t>
  </si>
  <si>
    <t>60e11fd1-17c4-4835-bee7-a1b0e17b9a42.tmp</t>
  </si>
  <si>
    <t>\\acsfs\profiles$\vivianealda\Downloads\60e11fd1-17c4-4835-bee7-a1b0e17b9a42.tmp</t>
  </si>
  <si>
    <t>12/31/2019 06:47:17</t>
  </si>
  <si>
    <t>de669a76-ece1-4b46-a733-5ce60cc6ceb0.tmp</t>
  </si>
  <si>
    <t>\\acsfs\profiles$\vivianealda\Downloads\de669a76-ece1-4b46-a733-5ce60cc6ceb0.tmp</t>
  </si>
  <si>
    <t>12/31/2019 06:47:15</t>
  </si>
  <si>
    <t>12/31/2019 06:49:34</t>
  </si>
  <si>
    <t>12/31/2019 06:44:22</t>
  </si>
  <si>
    <t>12/31/2019 06:45:23</t>
  </si>
  <si>
    <t>12/31/2019 06:50:34</t>
  </si>
  <si>
    <t>12/31/2019 06:47:53</t>
  </si>
  <si>
    <t>12/31/2019 06:51:34</t>
  </si>
  <si>
    <t>12/31/2019 06:49:53</t>
  </si>
  <si>
    <t>12/31/2019 06:48:33</t>
  </si>
  <si>
    <t>12/31/2019 06:52:34</t>
  </si>
  <si>
    <t>12/31/2019 06:49:15</t>
  </si>
  <si>
    <t>12/31/2019 06:54:34</t>
  </si>
  <si>
    <t>12/31/2019 06:53:15</t>
  </si>
  <si>
    <t>12/31/2019 06:53:52</t>
  </si>
  <si>
    <t>12/31/2019 06:56:34</t>
  </si>
  <si>
    <t>12/31/2019 06:55:38</t>
  </si>
  <si>
    <t>trilha sgi - sistema de gestÃo integrada (3).xlsx</t>
  </si>
  <si>
    <t>12/31/2019 06:55:53</t>
  </si>
  <si>
    <t>12/31/2019 06:54:24</t>
  </si>
  <si>
    <t>12/31/2019 06:55:17</t>
  </si>
  <si>
    <t>12/31/2019 06:59:34</t>
  </si>
  <si>
    <t>8e54d7d9-9925-46af-9c77-6b83d921da5b.tmp</t>
  </si>
  <si>
    <t>\\acsfs\profiles$\mariellecs\Downloads\8e54d7d9-9925-46af-9c77-6b83d921da5b.tmp</t>
  </si>
  <si>
    <t>12/31/2019 06:55:19</t>
  </si>
  <si>
    <t>07c28985-4369-4980-84fd-5d86d9475f2e.tmp</t>
  </si>
  <si>
    <t>\\acsfs\profiles$\mariellecs\Downloads\07c28985-4369-4980-84fd-5d86d9475f2e.tmp</t>
  </si>
  <si>
    <t>12/31/2019 06:58:23</t>
  </si>
  <si>
    <t>db876902-95d8-482c-8dcb-aafe86e50867.tmp</t>
  </si>
  <si>
    <t>\\acsfs\profiles$\mariellecs\Downloads\db876902-95d8-482c-8dcb-aafe86e50867.tmp</t>
  </si>
  <si>
    <t>12/31/2019 06:55:15</t>
  </si>
  <si>
    <t>12/31/2019 06:56:02</t>
  </si>
  <si>
    <t>12/31/2019 07:00:34</t>
  </si>
  <si>
    <t>12/31/2019 06:57:21</t>
  </si>
  <si>
    <t>e91359fb-0c87-4813-b3b3-a668c711aefe.tmp</t>
  </si>
  <si>
    <t>\\acsfs\profiles$\cintiadcf\Downloads\e91359fb-0c87-4813-b3b3-a668c711aefe.tmp</t>
  </si>
  <si>
    <t>12/31/2019 06:57:27</t>
  </si>
  <si>
    <t>54a4ffe4-42af-4c41-b5a7-fa81a730b3b2.tmp</t>
  </si>
  <si>
    <t>\\acsfs\profiles$\cintiadcf\Downloads\54a4ffe4-42af-4c41-b5a7-fa81a730b3b2.tmp</t>
  </si>
  <si>
    <t>12/31/2019 06:58:26</t>
  </si>
  <si>
    <t>5145dcf5-f64c-4e3b-9993-035aa3f40174.tmp</t>
  </si>
  <si>
    <t>\\acsfs\profiles$\cintiadcf\Downloads\5145dcf5-f64c-4e3b-9993-035aa3f40174.tmp</t>
  </si>
  <si>
    <t>12/31/2019 06:59:56</t>
  </si>
  <si>
    <t>12/31/2019 07:01:34</t>
  </si>
  <si>
    <t>12/31/2019 06:59:52</t>
  </si>
  <si>
    <t>12/31/2019 07:02:35</t>
  </si>
  <si>
    <t>b621966d-a8ed-4167-a875-565e57fc91ca.tmp</t>
  </si>
  <si>
    <t>\\acsfs\profiles$\gabrielarb\Downloads\b621966d-a8ed-4167-a875-565e57fc91ca.tmp</t>
  </si>
  <si>
    <t>a8d0a0dc-bdb2-4aa3-9f21-def07e011d88.tmp</t>
  </si>
  <si>
    <t>\\acsfs\profiles$\gabrielarb\Downloads\a8d0a0dc-bdb2-4aa3-9f21-def07e011d88.tmp</t>
  </si>
  <si>
    <t>12/31/2019 07:01:08</t>
  </si>
  <si>
    <t>d6763248-7c86-4f7c-bf82-47ef61531157.tmp</t>
  </si>
  <si>
    <t>\\acsfs\profiles$\gabrielarb\Downloads\d6763248-7c86-4f7c-bf82-47ef61531157.tmp</t>
  </si>
  <si>
    <t>12/31/2019 07:01:46</t>
  </si>
  <si>
    <t>cddfe985-955b-4b04-8d61-e07cbdf94ab2.tmp</t>
  </si>
  <si>
    <t>\\acsfs\profiles$\gabrielarb\Downloads\cddfe985-955b-4b04-8d61-e07cbdf94ab2.tmp</t>
  </si>
  <si>
    <t>12/31/2019 07:01:45</t>
  </si>
  <si>
    <t>951d4885-57f5-4d51-89dc-28d7928c5dfc.tmp</t>
  </si>
  <si>
    <t>\\acsfs\profiles$\vivianalds\Downloads\951d4885-57f5-4d51-89dc-28d7928c5dfc.tmp</t>
  </si>
  <si>
    <t>12/31/2019 06:59:30</t>
  </si>
  <si>
    <t>12/31/2019 07:00:42</t>
  </si>
  <si>
    <t>12/31/2019 07:03:34</t>
  </si>
  <si>
    <t>8d060640-1f39-4f71-a4a2-c445d95b0109.tmp</t>
  </si>
  <si>
    <t>\\acsfs\profiles$\websondsa\Downloads\8d060640-1f39-4f71-a4a2-c445d95b0109.tmp</t>
  </si>
  <si>
    <t>12/31/2019 07:01:13</t>
  </si>
  <si>
    <t>ac8d7769-7e4f-4cb2-9651-4d58cfcf9c26.tmp</t>
  </si>
  <si>
    <t>\\acsfs\profiles$\websondsa\Downloads\ac8d7769-7e4f-4cb2-9651-4d58cfcf9c26.tmp</t>
  </si>
  <si>
    <t>12/31/2019 06:59:39</t>
  </si>
  <si>
    <t>12/31/2019 07:04:34</t>
  </si>
  <si>
    <t>038c231f-6dc7-4491-8927-e4766e82c831.tmp</t>
  </si>
  <si>
    <t>\\acsfs\profiles$\mariellecs\Downloads\038c231f-6dc7-4491-8927-e4766e82c831.tmp</t>
  </si>
  <si>
    <t>12/31/2019 07:00:20</t>
  </si>
  <si>
    <t>ce89b388-d940-4934-963d-d4e68514edaf.tmp</t>
  </si>
  <si>
    <t>\\acsfs\profiles$\mariellecs\Downloads\ce89b388-d940-4934-963d-d4e68514edaf.tmp</t>
  </si>
  <si>
    <t>12/31/2019 06:59:15</t>
  </si>
  <si>
    <t>12/31/2019 07:01:15</t>
  </si>
  <si>
    <t>12/31/2019 07:00:00</t>
  </si>
  <si>
    <t>12/31/2019 07:02:39</t>
  </si>
  <si>
    <t>12/31/2019 07:05:35</t>
  </si>
  <si>
    <t>12/31/2019 07:03:15</t>
  </si>
  <si>
    <t>12/31/2019 07:01:53</t>
  </si>
  <si>
    <t>12/31/2019 07:06:34</t>
  </si>
  <si>
    <t>12/31/2019 07:05:52</t>
  </si>
  <si>
    <t>12/31/2019 07:07:34</t>
  </si>
  <si>
    <t>12/31/2019 07:03:10</t>
  </si>
  <si>
    <t>54422210-fcc9-4773-b3f0-e88c42644d12.tmp</t>
  </si>
  <si>
    <t>\\acsfs\profiles$\vivianalds\Downloads\54422210-fcc9-4773-b3f0-e88c42644d12.tmp</t>
  </si>
  <si>
    <t>12/31/2019 07:04:13</t>
  </si>
  <si>
    <t>12/31/2019 07:04:33</t>
  </si>
  <si>
    <t>12/31/2019 07:04:54</t>
  </si>
  <si>
    <t>12/31/2019 07:05:50</t>
  </si>
  <si>
    <t>2711f132-0408-4e11-8a28-bac862d69e5b.tmp</t>
  </si>
  <si>
    <t>\\acsfs\profiles$\dhiulliananads\Downloads\2711f132-0408-4e11-8a28-bac862d69e5b.tmp</t>
  </si>
  <si>
    <t>12/31/2019 07:06:23</t>
  </si>
  <si>
    <t>cdf70c1a-13c8-4061-b387-828f6cd97abd.tmp</t>
  </si>
  <si>
    <t>\\acsfs\profiles$\dhiulliananads\Downloads\cdf70c1a-13c8-4061-b387-828f6cd97abd.tmp</t>
  </si>
  <si>
    <t>12/31/2019 07:04:09</t>
  </si>
  <si>
    <t>12/31/2019 07:08:34</t>
  </si>
  <si>
    <t>12/31/2019 07:04:39</t>
  </si>
  <si>
    <t>e2a04c4e-1222-4db0-b6b3-e00026418fd7.tmp</t>
  </si>
  <si>
    <t>\\acsfs\profiles$\websondsa\Downloads\e2a04c4e-1222-4db0-b6b3-e00026418fd7.tmp</t>
  </si>
  <si>
    <t>12/31/2019 07:04:35</t>
  </si>
  <si>
    <t>12/31/2019 07:05:15</t>
  </si>
  <si>
    <t>12/31/2019 07:09:34</t>
  </si>
  <si>
    <t>12/31/2019 07:07:15</t>
  </si>
  <si>
    <t>12/31/2019 07:07:52</t>
  </si>
  <si>
    <t>12/31/2019 07:11:34</t>
  </si>
  <si>
    <t>12/31/2019 07:11:21</t>
  </si>
  <si>
    <t>12/31/2019 07:12:35</t>
  </si>
  <si>
    <t>12/31/2019 07:11:41</t>
  </si>
  <si>
    <t>12/31/2019 07:12:05</t>
  </si>
  <si>
    <t>12/31/2019 07:13:34</t>
  </si>
  <si>
    <t>f29c4a27-faa3-4001-aa22-c2c367d2da87.tmp</t>
  </si>
  <si>
    <t>\\acsfs\profiles$\ingridsm\Downloads\f29c4a27-faa3-4001-aa22-c2c367d2da87.tmp</t>
  </si>
  <si>
    <t>12/31/2019 07:12:21</t>
  </si>
  <si>
    <t>19304568-aefc-4b8e-927e-d990ca01e615.tmp</t>
  </si>
  <si>
    <t>\\acsfs\profiles$\ingridsm\Downloads\19304568-aefc-4b8e-927e-d990ca01e615.tmp</t>
  </si>
  <si>
    <t>12/31/2019 07:12:02</t>
  </si>
  <si>
    <t>35c02988-c57a-45b7-ae4e-22f442bc4de0.tmp</t>
  </si>
  <si>
    <t>\\acsfs\profiles$\websondsa\Downloads\35c02988-c57a-45b7-ae4e-22f442bc4de0.tmp</t>
  </si>
  <si>
    <t>12/31/2019 07:09:45</t>
  </si>
  <si>
    <t>12/31/2019 07:09:46</t>
  </si>
  <si>
    <t>12/31/2019 07:09:47</t>
  </si>
  <si>
    <t>12/31/2019 07:09:48</t>
  </si>
  <si>
    <t>12/31/2019 07:14:34</t>
  </si>
  <si>
    <t>12/31/2019 07:09:49</t>
  </si>
  <si>
    <t>12/31/2019 07:09:50</t>
  </si>
  <si>
    <t>12/31/2019 07:09:51</t>
  </si>
  <si>
    <t>12/31/2019 07:09:52</t>
  </si>
  <si>
    <t>12/31/2019 07:09:53</t>
  </si>
  <si>
    <t>12/31/2019 07:09:54</t>
  </si>
  <si>
    <t>12/31/2019 07:09:55</t>
  </si>
  <si>
    <t>12/31/2019 07:09:56</t>
  </si>
  <si>
    <t>12/31/2019 07:09:57</t>
  </si>
  <si>
    <t>12/31/2019 07:11:15</t>
  </si>
  <si>
    <t>12/31/2019 07:13:14</t>
  </si>
  <si>
    <t>12/31/2019 07:10:08</t>
  </si>
  <si>
    <t>12/31/2019 07:10:12</t>
  </si>
  <si>
    <t>12/31/2019 07:10:15</t>
  </si>
  <si>
    <t>12/31/2019 07:10:29</t>
  </si>
  <si>
    <t>12/31/2019 07:10:37</t>
  </si>
  <si>
    <t>12/31/2019 07:10:56</t>
  </si>
  <si>
    <t>12/31/2019 07:11:00</t>
  </si>
  <si>
    <t>12/31/2019 07:11:28</t>
  </si>
  <si>
    <t>12/31/2019 07:11:31</t>
  </si>
  <si>
    <t>12/31/2019 07:11:37</t>
  </si>
  <si>
    <t>12/31/2019 07:13:01</t>
  </si>
  <si>
    <t>12/31/2019 07:15:34</t>
  </si>
  <si>
    <t>12/31/2019 07:11:53</t>
  </si>
  <si>
    <t>12/31/2019 07:16:34</t>
  </si>
  <si>
    <t>12/31/2019 07:13:53</t>
  </si>
  <si>
    <t>12/31/2019 07:13:54</t>
  </si>
  <si>
    <t>12/31/2019 07:17:35</t>
  </si>
  <si>
    <t>26cf0b00-0c7e-4916-b565-ac79f17f7d91.tmp</t>
  </si>
  <si>
    <t>\\acsfs\profiles$\gabrielarb\Downloads\26cf0b00-0c7e-4916-b565-ac79f17f7d91.tmp</t>
  </si>
  <si>
    <t>12/31/2019 07:15:16</t>
  </si>
  <si>
    <t>12/31/2019 07:13:09</t>
  </si>
  <si>
    <t>12/31/2019 07:18:34</t>
  </si>
  <si>
    <t>9225a90f-e57f-4a2f-9704-7ca4e3a67df6.tmp</t>
  </si>
  <si>
    <t>\\acsfs\profiles$\ingridsm\Downloads\9225a90f-e57f-4a2f-9704-7ca4e3a67df6.tmp</t>
  </si>
  <si>
    <t>12/31/2019 07:13:22</t>
  </si>
  <si>
    <t>0a03cc83-bd8c-46fb-bd5e-95fbec94a732.tmp</t>
  </si>
  <si>
    <t>\\acsfs\profiles$\ingridsm\Downloads\0a03cc83-bd8c-46fb-bd5e-95fbec94a732.tmp</t>
  </si>
  <si>
    <t>12/31/2019 07:14:35</t>
  </si>
  <si>
    <t>c59e27dd-7963-4f67-b282-f7587cda8e3c.tmp</t>
  </si>
  <si>
    <t>\\acsfs\profiles$\ingridsm\Downloads\c59e27dd-7963-4f67-b282-f7587cda8e3c.tmp</t>
  </si>
  <si>
    <t>12/31/2019 07:15:15</t>
  </si>
  <si>
    <t>be9047d3-d60f-4f60-a2f0-d6f232081320.tmp</t>
  </si>
  <si>
    <t>\\acsfs\profiles$\ingridsm\Downloads\be9047d3-d60f-4f60-a2f0-d6f232081320.tmp</t>
  </si>
  <si>
    <t>ad25c5da-6be9-4fb5-b817-a31cffefa7da.tmp</t>
  </si>
  <si>
    <t>\\acsfs\profiles$\sarahbal\Downloads\ad25c5da-6be9-4fb5-b817-a31cffefa7da.tmp</t>
  </si>
  <si>
    <t>12/31/2019 07:15:46</t>
  </si>
  <si>
    <t>03b9f93c-e50a-4f1c-b512-fdde8a0499e8.tmp</t>
  </si>
  <si>
    <t>\\acsfs\profiles$\sarahbal\Downloads\03b9f93c-e50a-4f1c-b512-fdde8a0499e8.tmp</t>
  </si>
  <si>
    <t>12/31/2019 07:16:07</t>
  </si>
  <si>
    <t>5ca9a18d-93f3-415c-a5f7-0d385e37bd1a.tmp</t>
  </si>
  <si>
    <t>\\acsfs\profiles$\sarahbal\Downloads\5ca9a18d-93f3-415c-a5f7-0d385e37bd1a.tmp</t>
  </si>
  <si>
    <t>12/31/2019 07:14:23</t>
  </si>
  <si>
    <t>12/31/2019 07:19:35</t>
  </si>
  <si>
    <t>12/31/2019 07:17:14</t>
  </si>
  <si>
    <t>12/31/2019 07:14:14</t>
  </si>
  <si>
    <t>12/31/2019 07:14:25</t>
  </si>
  <si>
    <t>12/31/2019 07:15:51</t>
  </si>
  <si>
    <t>12/31/2019 07:15:54</t>
  </si>
  <si>
    <t>12/31/2019 07:15:58</t>
  </si>
  <si>
    <t>12/31/2019 07:16:31</t>
  </si>
  <si>
    <t>12/31/2019 07:16:43</t>
  </si>
  <si>
    <t>12/31/2019 07:17:02</t>
  </si>
  <si>
    <t>12/31/2019 07:17:07</t>
  </si>
  <si>
    <t>12/31/2019 07:17:27</t>
  </si>
  <si>
    <t>12/31/2019 07:17:39</t>
  </si>
  <si>
    <t>12/31/2019 07:17:45</t>
  </si>
  <si>
    <t>12/31/2019 07:17:46</t>
  </si>
  <si>
    <t>12/31/2019 07:19:29</t>
  </si>
  <si>
    <t>12/31/2019 07:20:35</t>
  </si>
  <si>
    <t>5cd25c59-ad09-4ba4-85c4-c40bd4f851a7.tmp</t>
  </si>
  <si>
    <t>\\acsfs\profiles$\inarajst\Downloads\5cd25c59-ad09-4ba4-85c4-c40bd4f851a7.tmp</t>
  </si>
  <si>
    <t>12/31/2019 07:19:34</t>
  </si>
  <si>
    <t>4bbae0d5-1211-4e35-896b-3a42e8bd41e2.tmp</t>
  </si>
  <si>
    <t>\\acsfs\profiles$\inarajst\Downloads\4bbae0d5-1211-4e35-896b-3a42e8bd41e2.tmp</t>
  </si>
  <si>
    <t>12/31/2019 07:20:11</t>
  </si>
  <si>
    <t>d47f0cd0-1c90-4316-bdff-0dea5c12acd5.tmp</t>
  </si>
  <si>
    <t>\\acsfs\profiles$\inarajst\Downloads\d47f0cd0-1c90-4316-bdff-0dea5c12acd5.tmp</t>
  </si>
  <si>
    <t>12/31/2019 07:20:15</t>
  </si>
  <si>
    <t>2e979c3d-bd8b-4fca-ae92-fd39551ae956.tmp</t>
  </si>
  <si>
    <t>\\acsfs\profiles$\inarajst\Downloads\2e979c3d-bd8b-4fca-ae92-fd39551ae956.tmp</t>
  </si>
  <si>
    <t>12/31/2019 07:20:31</t>
  </si>
  <si>
    <t>12/31/2019 07:21:34</t>
  </si>
  <si>
    <t>12/31/2019 07:17:53</t>
  </si>
  <si>
    <t>12/31/2019 07:19:53</t>
  </si>
  <si>
    <t>12/31/2019 07:20:00</t>
  </si>
  <si>
    <t>12/31/2019 07:23:34</t>
  </si>
  <si>
    <t>alinedss</t>
  </si>
  <si>
    <t>\\acsfs\Deptos\Operacao\Banco_Votorantim\Comum\Provas Regulamentação\Thumbs.db</t>
  </si>
  <si>
    <t>12/31/2019 07:21:18</t>
  </si>
  <si>
    <t>04d7f697-4eb4-43ec-aeec-72ee9f31d610.tmp</t>
  </si>
  <si>
    <t>\\acsfs\profiles$\laianear\Downloads\04d7f697-4eb4-43ec-aeec-72ee9f31d610.tmp</t>
  </si>
  <si>
    <t>12/31/2019 07:21:22</t>
  </si>
  <si>
    <t>d7236abc-9821-4c74-9830-6d29af826a42.tmp</t>
  </si>
  <si>
    <t>\\acsfs\profiles$\laianear\Downloads\d7236abc-9821-4c74-9830-6d29af826a42.tmp</t>
  </si>
  <si>
    <t>12/31/2019 07:19:14</t>
  </si>
  <si>
    <t>12/31/2019 07:24:35</t>
  </si>
  <si>
    <t>12/31/2019 07:23:14</t>
  </si>
  <si>
    <t>1A489E3.tmp</t>
  </si>
  <si>
    <t>\\acsfs\DEPTOS\Operacao\PCP\5 - Comum\PLANEJAMENTO BV\14 - ACOMPANHAMENTO\1 - REPORT ACOMPANHAMENTO\2019\12 - Dezembro\CARTÕES\1A489E3.tmp</t>
  </si>
  <si>
    <t>~$Range.xlsx</t>
  </si>
  <si>
    <t>\\acsfs\DEPTOS\Operacao\PCP\5 - Comum\PLANEJAMENTO BV\14 - ACOMPANHAMENTO\1 - REPORT ACOMPANHAMENTO\2019\12 - Dezembro\CARTÕES\~$Range.xlsx</t>
  </si>
  <si>
    <t>12/31/2019 07:23:11</t>
  </si>
  <si>
    <t>12/31/2019 07:20:32</t>
  </si>
  <si>
    <t>12/31/2019 07:25:34</t>
  </si>
  <si>
    <t>5e1c8823-3fbc-4869-afc5-01d955e60091.tmp</t>
  </si>
  <si>
    <t>\\acsfs\profiles$\inarajst\Downloads\5e1c8823-3fbc-4869-afc5-01d955e60091.tmp</t>
  </si>
  <si>
    <t>12/31/2019 07:21:10</t>
  </si>
  <si>
    <t>6c3dbae6-4490-4294-9e7b-86b4ffb5bbcb.tmp</t>
  </si>
  <si>
    <t>\\acsfs\profiles$\inarajst\Downloads\6c3dbae6-4490-4294-9e7b-86b4ffb5bbcb.tmp</t>
  </si>
  <si>
    <t>12/31/2019 07:21:19</t>
  </si>
  <si>
    <t>95fa0161-4423-488e-adcc-1fdd2e6ca739.tmp</t>
  </si>
  <si>
    <t>\\acsfs\profiles$\inarajst\Downloads\95fa0161-4423-488e-adcc-1fdd2e6ca739.tmp</t>
  </si>
  <si>
    <t>12/31/2019 07:21:29</t>
  </si>
  <si>
    <t>7b6db403-eeba-487f-8f80-47677205c22f.tmp</t>
  </si>
  <si>
    <t>\\acsfs\profiles$\inarajst\Downloads\7b6db403-eeba-487f-8f80-47677205c22f.tmp</t>
  </si>
  <si>
    <t>12/31/2019 07:21:55</t>
  </si>
  <si>
    <t>94235355-6c05-4c5f-88d6-bdbdda215e0d.tmp</t>
  </si>
  <si>
    <t>\\acsfs\profiles$\inarajst\Downloads\94235355-6c05-4c5f-88d6-bdbdda215e0d.tmp</t>
  </si>
  <si>
    <t>12/31/2019 07:23:41</t>
  </si>
  <si>
    <t>12/31/2019 07:26:34</t>
  </si>
  <si>
    <t>0758b1d5-75fd-47f6-828d-2db82e967fe4.tmp</t>
  </si>
  <si>
    <t>\\acsfs\profiles$\ayalabfi\Downloads\0758b1d5-75fd-47f6-828d-2db82e967fe4.tmp</t>
  </si>
  <si>
    <t>12/31/2019 07:23:43</t>
  </si>
  <si>
    <t>54089e00-7eca-4400-8691-fedef44475dc.tmp</t>
  </si>
  <si>
    <t>\\acsfs\profiles$\ayalabfi\Downloads\54089e00-7eca-4400-8691-fedef44475dc.tmp</t>
  </si>
  <si>
    <t>12/31/2019 07:23:46</t>
  </si>
  <si>
    <t>f21942d1-69a0-4f30-b5c8-f802c9eaef5c.tmp</t>
  </si>
  <si>
    <t>\\acsfs\profiles$\ayalabfi\Downloads\f21942d1-69a0-4f30-b5c8-f802c9eaef5c.tmp</t>
  </si>
  <si>
    <t>12/31/2019 07:25:52</t>
  </si>
  <si>
    <t>9f7c12b7-11d6-4941-80d0-284fa3c1b6ec.tmp</t>
  </si>
  <si>
    <t>\\acsfs\profiles$\ayalabfi\Downloads\9f7c12b7-11d6-4941-80d0-284fa3c1b6ec.tmp</t>
  </si>
  <si>
    <t>12/31/2019 07:23:53</t>
  </si>
  <si>
    <t>12/31/2019 07:25:53</t>
  </si>
  <si>
    <t>12/31/2019 07:25:26</t>
  </si>
  <si>
    <t>12/31/2019 07:27:35</t>
  </si>
  <si>
    <t>12/31/2019 07:23:26</t>
  </si>
  <si>
    <t>12/31/2019 07:28:34</t>
  </si>
  <si>
    <t>12/31/2019 07:23:27</t>
  </si>
  <si>
    <t>12/31/2019 07:23:28</t>
  </si>
  <si>
    <t>12/31/2019 07:23:29</t>
  </si>
  <si>
    <t>12/31/2019 07:23:30</t>
  </si>
  <si>
    <t>12/31/2019 07:23:31</t>
  </si>
  <si>
    <t>12/31/2019 07:23:32</t>
  </si>
  <si>
    <t>12/31/2019 07:24:40</t>
  </si>
  <si>
    <t>12/31/2019 07:24:01</t>
  </si>
  <si>
    <t>ab645ed9-ff72-4925-825d-d2ac8b3daed9.tmp</t>
  </si>
  <si>
    <t>\\acsfs\profiles$\laianear\Downloads\ab645ed9-ff72-4925-825d-d2ac8b3daed9.tmp</t>
  </si>
  <si>
    <t>12/31/2019 07:25:13</t>
  </si>
  <si>
    <t>12/31/2019 07:29:35</t>
  </si>
  <si>
    <t>12/31/2019 07:29:38</t>
  </si>
  <si>
    <t>12/31/2019 07:30:34</t>
  </si>
  <si>
    <t>12/31/2019 07:29:51</t>
  </si>
  <si>
    <t>12/31/2019 07:30:00</t>
  </si>
  <si>
    <t>12/31/2019 07:30:03</t>
  </si>
  <si>
    <t>12/31/2019 07:29:53</t>
  </si>
  <si>
    <t>12/31/2019 07:31:34</t>
  </si>
  <si>
    <t>12/31/2019 07:30:43</t>
  </si>
  <si>
    <t>12/31/2019 07:33:34</t>
  </si>
  <si>
    <t>12/31/2019 07:29:13</t>
  </si>
  <si>
    <t>12/31/2019 07:34:35</t>
  </si>
  <si>
    <t>12/31/2019 07:31:13</t>
  </si>
  <si>
    <t>12/31/2019 07:32:36</t>
  </si>
  <si>
    <t>12/31/2019 07:35:34</t>
  </si>
  <si>
    <t>12/31/2019 07:33:45</t>
  </si>
  <si>
    <t>517bf5e3-813a-46af-8203-a54f1a2b637f.tmp</t>
  </si>
  <si>
    <t>\\acsfs\profiles$\mariajra\Downloads\517bf5e3-813a-46af-8203-a54f1a2b637f.tmp</t>
  </si>
  <si>
    <t>12/31/2019 07:35:00</t>
  </si>
  <si>
    <t>35502f92-f964-47da-9d10-294c46e5eadf.tmp</t>
  </si>
  <si>
    <t>\\acsfs\profiles$\mariajra\Downloads\35502f92-f964-47da-9d10-294c46e5eadf.tmp</t>
  </si>
  <si>
    <t>12/31/2019 07:32:35</t>
  </si>
  <si>
    <t>12/31/2019 07:33:27</t>
  </si>
  <si>
    <t>12/31/2019 07:34:30</t>
  </si>
  <si>
    <t>12/31/2019 07:35:08</t>
  </si>
  <si>
    <t>fd0237ad-cf54-4611-b3fd-be3cd3dd4a95.tmp</t>
  </si>
  <si>
    <t>\\acsfs\profiles$\eduardofss\Downloads\fd0237ad-cf54-4611-b3fd-be3cd3dd4a95.tmp</t>
  </si>
  <si>
    <t>12/31/2019 07:32:44</t>
  </si>
  <si>
    <t>12/31/2019 07:36:35</t>
  </si>
  <si>
    <t>GABRIELE OLIVEIRA DE SOUSA (22898).contact</t>
  </si>
  <si>
    <t>\\acsfs\profiles$\gabrieleods\Contacts\GABRIELE OLIVEIRA DE SOUSA (22898).contact</t>
  </si>
  <si>
    <t>12/31/2019 07:33:04</t>
  </si>
  <si>
    <t>12/31/2019 07:33:05</t>
  </si>
  <si>
    <t>12/31/2019 07:33:06</t>
  </si>
  <si>
    <t>12/31/2019 07:33:07</t>
  </si>
  <si>
    <t>12/31/2019 07:33:08</t>
  </si>
  <si>
    <t>12/31/2019 07:33:09</t>
  </si>
  <si>
    <t>12/31/2019 07:33:10</t>
  </si>
  <si>
    <t>12/31/2019 07:33:11</t>
  </si>
  <si>
    <t>12/31/2019 07:33:28</t>
  </si>
  <si>
    <t>12/31/2019 07:31:53</t>
  </si>
  <si>
    <t>12/31/2019 07:35:43</t>
  </si>
  <si>
    <t>12/31/2019 07:33:02</t>
  </si>
  <si>
    <t>12/31/2019 07:37:34</t>
  </si>
  <si>
    <t>c5c580ac-6102-4123-ad3a-3fe3662ef744.tmp</t>
  </si>
  <si>
    <t>\\acsfs\profiles$\deboraaa\Downloads\c5c580ac-6102-4123-ad3a-3fe3662ef744.tmp</t>
  </si>
  <si>
    <t>8e9f6a9f-f200-4209-8441-220b904117ba.tmp</t>
  </si>
  <si>
    <t>\\acsfs\profiles$\deboraaa\Downloads\8e9f6a9f-f200-4209-8441-220b904117ba.tmp</t>
  </si>
  <si>
    <t>c0240c66-3be3-4d68-aa7d-91eebd407d15.tmp</t>
  </si>
  <si>
    <t>\\acsfs\profiles$\deboraaa\Downloads\c0240c66-3be3-4d68-aa7d-91eebd407d15.tmp</t>
  </si>
  <si>
    <t>12/31/2019 07:34:19</t>
  </si>
  <si>
    <t>60e23c2f-41b9-4f4b-9012-5a5da8c309c2.tmp</t>
  </si>
  <si>
    <t>\\acsfs\profiles$\deboraaa\Downloads\60e23c2f-41b9-4f4b-9012-5a5da8c309c2.tmp</t>
  </si>
  <si>
    <t>12/31/2019 07:36:02</t>
  </si>
  <si>
    <t>ef6e940b-8b40-4120-a33c-277738613366.tmp</t>
  </si>
  <si>
    <t>\\acsfs\profiles$\deboraaa\Downloads\ef6e940b-8b40-4120-a33c-277738613366.tmp</t>
  </si>
  <si>
    <t>12/31/2019 07:35:13</t>
  </si>
  <si>
    <t>12/31/2019 07:39:35</t>
  </si>
  <si>
    <t>12/31/2019 07:37:13</t>
  </si>
  <si>
    <t>12/31/2019 07:37:31</t>
  </si>
  <si>
    <t>12/31/2019 07:37:40</t>
  </si>
  <si>
    <t>12/31/2019 07:37:42</t>
  </si>
  <si>
    <t>12/31/2019 07:37:57</t>
  </si>
  <si>
    <t>12/31/2019 07:38:03</t>
  </si>
  <si>
    <t>12/31/2019 07:38:21</t>
  </si>
  <si>
    <t>12/31/2019 07:38:51</t>
  </si>
  <si>
    <t>12/31/2019 07:37:39</t>
  </si>
  <si>
    <t>12/31/2019 07:40:34</t>
  </si>
  <si>
    <t>12/31/2019 07:36:51</t>
  </si>
  <si>
    <t>0e7942b7-b6b7-45f7-a856-5a6f10778671.tmp</t>
  </si>
  <si>
    <t>\\acsfs\profiles$\eduardofss\Downloads\0e7942b7-b6b7-45f7-a856-5a6f10778671.tmp</t>
  </si>
  <si>
    <t>12/31/2019 07:37:53</t>
  </si>
  <si>
    <t>12/31/2019 07:41:35</t>
  </si>
  <si>
    <t>12/31/2019 07:40:53</t>
  </si>
  <si>
    <t>12/31/2019 07:36:41</t>
  </si>
  <si>
    <t>12/31/2019 07:42:34</t>
  </si>
  <si>
    <t>12/31/2019 07:36:42</t>
  </si>
  <si>
    <t>12/31/2019 07:36:46</t>
  </si>
  <si>
    <t>d2eb3f35-cd5e-44f8-9eba-1a2a9a4fb09b.tmp</t>
  </si>
  <si>
    <t>\\acsfs\profiles$\deboraaa\Downloads\d2eb3f35-cd5e-44f8-9eba-1a2a9a4fb09b.tmp</t>
  </si>
  <si>
    <t>12/31/2019 07:37:54</t>
  </si>
  <si>
    <t>36a4ec7a-038d-47b2-921a-14f7311c0989.tmp</t>
  </si>
  <si>
    <t>\\acsfs\profiles$\deboraaa\Downloads\36a4ec7a-038d-47b2-921a-14f7311c0989.tmp</t>
  </si>
  <si>
    <t>12/31/2019 07:41:13</t>
  </si>
  <si>
    <t>12/31/2019 07:44:34</t>
  </si>
  <si>
    <t>12/31/2019 07:43:13</t>
  </si>
  <si>
    <t>12/31/2019 07:39:19</t>
  </si>
  <si>
    <t>12/31/2019 07:39:29</t>
  </si>
  <si>
    <t>12/31/2019 07:39:39</t>
  </si>
  <si>
    <t>12/31/2019 07:42:03</t>
  </si>
  <si>
    <t>12/31/2019 07:42:38</t>
  </si>
  <si>
    <t>12/31/2019 07:45:34</t>
  </si>
  <si>
    <t>55a5e9c8-70ce-4591-a677-e43e5af1de21.tmp</t>
  </si>
  <si>
    <t>\\acsfs\profiles$\mariajra\Downloads\55a5e9c8-70ce-4591-a677-e43e5af1de21.tmp</t>
  </si>
  <si>
    <t>12/31/2019 07:43:53</t>
  </si>
  <si>
    <t>12/31/2019 07:46:34</t>
  </si>
  <si>
    <t>12/31/2019 07:44:35</t>
  </si>
  <si>
    <t>12/31/2019 07:47:34</t>
  </si>
  <si>
    <t>12/31/2019 07:43:54</t>
  </si>
  <si>
    <t>ulog_Acrobat12_Reader_22bb18ef-a0cc-4985-b2f1-d8449a05e1d0_0b8d04fe-f8ab-4bb5-8364-4756b0546a7b_0.log</t>
  </si>
  <si>
    <t>C:\Users\Jordanarb\AppData\Roaming\Adobe\LogTransport2\Logs\ulog_Acrobat12_Reader_22bb18ef-a0cc-4985-b2f1-d8449a05e1d0_0b8d04fe-f8ab-4bb5-8364-4756b0546a7b_0.log\</t>
  </si>
  <si>
    <t>12/31/2019 07:47:54</t>
  </si>
  <si>
    <t>12/31/2019 07:48:34</t>
  </si>
  <si>
    <t>2a806557-6164-4bbe-b4b4-836b5211d961.tmp</t>
  </si>
  <si>
    <t>\\acsfs\profiles$\anafsb\Downloads\2a806557-6164-4bbe-b4b4-836b5211d961.tmp</t>
  </si>
  <si>
    <t>12/31/2019 07:47:55</t>
  </si>
  <si>
    <t>eb734e94-be4f-4c95-9226-5e4dbbb825fb.tmp</t>
  </si>
  <si>
    <t>\\acsfs\profiles$\anafsb\Downloads\eb734e94-be4f-4c95-9226-5e4dbbb825fb.tmp</t>
  </si>
  <si>
    <t>12/31/2019 07:47:56</t>
  </si>
  <si>
    <t>d6c49e16-ece1-441c-8738-707864568287.tmp</t>
  </si>
  <si>
    <t>\\acsfs\profiles$\anafsb\Downloads\d6c49e16-ece1-441c-8738-707864568287.tmp</t>
  </si>
  <si>
    <t>12/31/2019 07:44:00</t>
  </si>
  <si>
    <t>12/31/2019 07:47:14</t>
  </si>
  <si>
    <t>12/31/2019 07:49:34</t>
  </si>
  <si>
    <t>12/31/2019 07:50:10</t>
  </si>
  <si>
    <t>12/31/2019 07:50:35</t>
  </si>
  <si>
    <t>\\acsfs\profiles$\stefaniasdf\Favorites\Citrix.url\</t>
  </si>
  <si>
    <t>\\acsfs\profiles$\stefaniasdf\Favorites\Citrix.url\:favicon:$DATA</t>
  </si>
  <si>
    <t>Citrix.url</t>
  </si>
  <si>
    <t>\\acsfs\profiles$\stefaniasdf\Favorites\Citrix.url</t>
  </si>
  <si>
    <t>12/31/2019 07:49:38</t>
  </si>
  <si>
    <t>12/31/2019 07:51:34</t>
  </si>
  <si>
    <t>12/31/2019 07:46:54</t>
  </si>
  <si>
    <t>12/31/2019 07:49:53</t>
  </si>
  <si>
    <t>12/31/2019 07:51:15</t>
  </si>
  <si>
    <t>12/31/2019 07:53:34</t>
  </si>
  <si>
    <t>0a719d41-5701-470b-865d-efe4c95710c7.tmp</t>
  </si>
  <si>
    <t>\\acsfs\profiles$\anafsb\Downloads\0a719d41-5701-470b-865d-efe4c95710c7.tmp</t>
  </si>
  <si>
    <t>12/31/2019 07:51:16</t>
  </si>
  <si>
    <t>80699f1e-b2d8-4b06-8027-dc24513b60cc.tmp</t>
  </si>
  <si>
    <t>\\acsfs\profiles$\anafsb\Downloads\80699f1e-b2d8-4b06-8027-dc24513b60cc.tmp</t>
  </si>
  <si>
    <t>12/31/2019 07:51:32</t>
  </si>
  <si>
    <t>12/31/2019 07:49:14</t>
  </si>
  <si>
    <t>12/31/2019 07:54:35</t>
  </si>
  <si>
    <t>12/31/2019 07:53:14</t>
  </si>
  <si>
    <t>12/31/2019 07:52:34</t>
  </si>
  <si>
    <t>12/31/2019 07:52:37</t>
  </si>
  <si>
    <t>12/31/2019 07:52:50</t>
  </si>
  <si>
    <t>12/31/2019 07:52:59</t>
  </si>
  <si>
    <t>12/31/2019 07:53:07</t>
  </si>
  <si>
    <t>12/31/2019 07:53:50</t>
  </si>
  <si>
    <t>12/31/2019 07:50:32</t>
  </si>
  <si>
    <t>12/31/2019 07:55:34</t>
  </si>
  <si>
    <t>\\acsfs\profiles$\leticiaat\My Documents\</t>
  </si>
  <si>
    <t>\\acsfs\profiles$\leticiaat\My Documents\Download.pdf</t>
  </si>
  <si>
    <t>12/31/2019 07:53:47</t>
  </si>
  <si>
    <t>80a6122a-39a1-4323-8418-62b07e62e869.tmp</t>
  </si>
  <si>
    <t>\\acsfs\profiles$\valeriasda\Downloads\80a6122a-39a1-4323-8418-62b07e62e869.tmp</t>
  </si>
  <si>
    <t>12/31/2019 07:53:55</t>
  </si>
  <si>
    <t>12/31/2019 07:56:35</t>
  </si>
  <si>
    <t>2c3ae275-e7ae-4a70-ab7d-24e97f12e2ec.tmp</t>
  </si>
  <si>
    <t>\\acsfs\profiles$\larissaad\Downloads\2c3ae275-e7ae-4a70-ab7d-24e97f12e2ec.tmp</t>
  </si>
  <si>
    <t>12/31/2019 07:54:24</t>
  </si>
  <si>
    <t>f8da8f31-4ce1-4e1d-bda4-2f4f16ecc683.tmp</t>
  </si>
  <si>
    <t>\\acsfs\profiles$\larissaad\Downloads\f8da8f31-4ce1-4e1d-bda4-2f4f16ecc683.tmp</t>
  </si>
  <si>
    <t>12/31/2019 07:53:06</t>
  </si>
  <si>
    <t>12/31/2019 07:55:53</t>
  </si>
  <si>
    <t>12/31/2019 07:54:23</t>
  </si>
  <si>
    <t>12/31/2019 07:57:35</t>
  </si>
  <si>
    <t>12/30/2019 21:36:54</t>
  </si>
  <si>
    <t>12/31/2019 07:53:15</t>
  </si>
  <si>
    <t>12/31/2019 07:54:47</t>
  </si>
  <si>
    <t>12/31/2019 07:53:39</t>
  </si>
  <si>
    <t>acc8241e-658e-4337-aa1f-3bb219f7186b.tmp</t>
  </si>
  <si>
    <t>\\acsfs\profiles$\vivianealda\Downloads\acc8241e-658e-4337-aa1f-3bb219f7186b.tmp</t>
  </si>
  <si>
    <t>12/31/2019 07:55:54</t>
  </si>
  <si>
    <t>c53139de-4fe2-47e2-879b-996d2b00681d.tmp</t>
  </si>
  <si>
    <t>\\acsfs\profiles$\vivianealda\Downloads\c53139de-4fe2-47e2-879b-996d2b00681d.tmp</t>
  </si>
  <si>
    <t>12/31/2019 07:54:04</t>
  </si>
  <si>
    <t>12/31/2019 07:56:44</t>
  </si>
  <si>
    <t>12/31/2019 07:58:35</t>
  </si>
  <si>
    <t>12/31/2019 07:56:56</t>
  </si>
  <si>
    <t>12/31/2019 07:55:14</t>
  </si>
  <si>
    <t>12/31/2019 07:59:35</t>
  </si>
  <si>
    <t>12/31/2019 07:53:56</t>
  </si>
  <si>
    <t>12/31/2019 07:54:06</t>
  </si>
  <si>
    <t>12/31/2019 07:56:45</t>
  </si>
  <si>
    <t>12/31/2019 07:56:55</t>
  </si>
  <si>
    <t>joaogvc@algartech.com;leonardoao@algartech.com;marianadjc@algartech.com;paulacn@algartech.com;planejamentodeoperacoesetrafego@bv.com.br;rafaelggs@algartech.com;taysdss@algartech.com;thiagordu@algartech.com;viniciussg@algartech.com;</t>
  </si>
  <si>
    <t>joaogvc@algartech.com,leonardoao@algartech.com,marianadjc@algartech.com,paulacn@algartech.com,planejamentodeoperacoesetrafego@bv.com.br,rafaelggs@algartech.com,taysdss@algartech.com,thiagordu@algartech.com,viniciussg@algartech.com</t>
  </si>
  <si>
    <t>12/31/2019 07:57:04</t>
  </si>
  <si>
    <t>12/31/2019 07:57:12</t>
  </si>
  <si>
    <t>12/31/2019 07:57:18</t>
  </si>
  <si>
    <t>12/31/2019 07:57:37</t>
  </si>
  <si>
    <t>12/31/2019 07:58:23</t>
  </si>
  <si>
    <t>12/31/2019 07:58:27</t>
  </si>
  <si>
    <t>12/31/2019 07:58:54</t>
  </si>
  <si>
    <t>12/31/2019 07:56:57</t>
  </si>
  <si>
    <t>12/31/2019 08:00:34</t>
  </si>
  <si>
    <t>12/31/2019 07:59:03</t>
  </si>
  <si>
    <t>12/31/2019 08:01:35</t>
  </si>
  <si>
    <t>12/31/2019 07:57:22</t>
  </si>
  <si>
    <t>a39975e0-62ef-4f01-bbe1-e92d1c92d848.tmp</t>
  </si>
  <si>
    <t>\\acsfs\profiles$\larissaad\Downloads\a39975e0-62ef-4f01-bbe1-e92d1c92d848.tmp</t>
  </si>
  <si>
    <t>12/31/2019 07:58:53</t>
  </si>
  <si>
    <t>12/31/2019 07:59:22</t>
  </si>
  <si>
    <t>12/31/2019 08:02:35</t>
  </si>
  <si>
    <t>12/31/2019 08:00:54</t>
  </si>
  <si>
    <t>e1e89975-78f0-446e-afba-e238810d996d.tmp</t>
  </si>
  <si>
    <t>\\acsfs\profiles$\marcellewdl\Downloads\e1e89975-78f0-446e-afba-e238810d996d.tmp</t>
  </si>
  <si>
    <t>12/31/2019 08:01:49</t>
  </si>
  <si>
    <t>1d0e29ae-ab81-4d30-98df-b3f5ffd92ac8.tmp</t>
  </si>
  <si>
    <t>\\acsfs\profiles$\marcellewdl\Downloads\1d0e29ae-ab81-4d30-98df-b3f5ffd92ac8.tmp</t>
  </si>
  <si>
    <t>12/31/2019 07:59:05</t>
  </si>
  <si>
    <t>12/31/2019 07:59:08</t>
  </si>
  <si>
    <t>12/31/2019 08:01:30</t>
  </si>
  <si>
    <t>250881d5-68cd-426e-bf74-35fdc10d3e52.tmp</t>
  </si>
  <si>
    <t>\\acsfs\profiles$\vivianealda\Downloads\250881d5-68cd-426e-bf74-35fdc10d3e52.tmp</t>
  </si>
  <si>
    <t>12/31/2019 07:58:44</t>
  </si>
  <si>
    <t>12/31/2019 08:03:34</t>
  </si>
  <si>
    <t>12/31/2019 07:59:17</t>
  </si>
  <si>
    <t>88d76a92-d6ae-453b-88ba-f1490fcf3087.tmp</t>
  </si>
  <si>
    <t>\\acsfs\profiles$\wenderbnm\Downloads\88d76a92-d6ae-453b-88ba-f1490fcf3087.tmp</t>
  </si>
  <si>
    <t>12/31/2019 08:01:08</t>
  </si>
  <si>
    <t>7b4fdf9f-7e7a-4bca-beb9-e086cd60b4ae.tmp</t>
  </si>
  <si>
    <t>\\acsfs\profiles$\wenderbnm\Downloads\7b4fdf9f-7e7a-4bca-beb9-e086cd60b4ae.tmp</t>
  </si>
  <si>
    <t>12/31/2019 07:59:11</t>
  </si>
  <si>
    <t>e2a657bd-f104-4733-83a3-aee82ed9065c.tmp</t>
  </si>
  <si>
    <t>\\acsfs\profiles$\milenaas\Downloads\e2a657bd-f104-4733-83a3-aee82ed9065c.tmp</t>
  </si>
  <si>
    <t>12/31/2019 08:00:41</t>
  </si>
  <si>
    <t>f1a2fcc6-f8bc-4adc-b9ac-e11cfe94726a.tmp</t>
  </si>
  <si>
    <t>\\acsfs\profiles$\milenaas\Downloads\f1a2fcc6-f8bc-4adc-b9ac-e11cfe94726a.tmp</t>
  </si>
  <si>
    <t>12/31/2019 08:01:09</t>
  </si>
  <si>
    <t>db7aee23-2332-4f2c-a735-bb9b580800b7.tmp</t>
  </si>
  <si>
    <t>\\acsfs\profiles$\milenaas\Downloads\db7aee23-2332-4f2c-a735-bb9b580800b7.tmp</t>
  </si>
  <si>
    <t>fe667803-6103-482a-8a87-ea1a77bd8c03.tmp</t>
  </si>
  <si>
    <t>\\acsfs\profiles$\rafaelamsv\Downloads\fe667803-6103-482a-8a87-ea1a77bd8c03.tmp</t>
  </si>
  <si>
    <t>12/31/2019 07:59:18</t>
  </si>
  <si>
    <t>9c8d90c9-cf3b-45b1-819b-7e363c92144f.tmp</t>
  </si>
  <si>
    <t>\\acsfs\profiles$\rafaelamsv\Downloads\9c8d90c9-cf3b-45b1-819b-7e363c92144f.tmp</t>
  </si>
  <si>
    <t>12/31/2019 08:01:53</t>
  </si>
  <si>
    <t>464d2fe4-27e3-4d13-ac81-96ea29b84715.tmp</t>
  </si>
  <si>
    <t>\\acsfs\profiles$\ANAPDSB\Downloads\464d2fe4-27e3-4d13-ac81-96ea29b84715.tmp</t>
  </si>
  <si>
    <t>12/31/2019 08:02:04</t>
  </si>
  <si>
    <t>12/31/2019 08:03:07</t>
  </si>
  <si>
    <t>8511a603-2c8a-4271-820e-49abd3354b64.tmp</t>
  </si>
  <si>
    <t>\\acsfs\profiles$\ANAPDSB\Downloads\8511a603-2c8a-4271-820e-49abd3354b64.tmp</t>
  </si>
  <si>
    <t>a199a7f3-f93c-452f-a143-bafd57a57ce8.tmp</t>
  </si>
  <si>
    <t>\\acsfs\profiles$\anafsb\Downloads\a199a7f3-f93c-452f-a143-bafd57a57ce8.tmp</t>
  </si>
  <si>
    <t>12/31/2019 07:59:15</t>
  </si>
  <si>
    <t>12/31/2019 08:04:35</t>
  </si>
  <si>
    <t>6471f792-d42c-433f-b27e-aae4594d4526.tmp</t>
  </si>
  <si>
    <t>\\acsfs\profiles$\deborahsi\Downloads\6471f792-d42c-433f-b27e-aae4594d4526.tmp</t>
  </si>
  <si>
    <t>12/31/2019 08:00:37</t>
  </si>
  <si>
    <t>c6f76e6b-7b44-450f-8b6e-056b756e7eaf.tmp</t>
  </si>
  <si>
    <t>\\acsfs\profiles$\deborahsi\Downloads\c6f76e6b-7b44-450f-8b6e-056b756e7eaf.tmp</t>
  </si>
  <si>
    <t>12/31/2019 08:01:23</t>
  </si>
  <si>
    <t>7b9cf1d8-a1a7-4798-ad4f-a783c3ddebc1.tmp</t>
  </si>
  <si>
    <t>\\acsfs\profiles$\deborahsi\Downloads\7b9cf1d8-a1a7-4798-ad4f-a783c3ddebc1.tmp</t>
  </si>
  <si>
    <t>12/31/2019 08:02:55</t>
  </si>
  <si>
    <t>12/31/2019 07:59:14</t>
  </si>
  <si>
    <t>12/31/2019 08:01:14</t>
  </si>
  <si>
    <t>12/31/2019 07:59:21</t>
  </si>
  <si>
    <t>12/31/2019 07:59:25</t>
  </si>
  <si>
    <t>12/31/2019 07:59:54</t>
  </si>
  <si>
    <t>12/31/2019 07:59:55</t>
  </si>
  <si>
    <t>12/31/2019 08:00:00</t>
  </si>
  <si>
    <t>12/31/2019 08:01:25</t>
  </si>
  <si>
    <t>12/31/2019 08:01:28</t>
  </si>
  <si>
    <t>12/31/2019 08:01:46</t>
  </si>
  <si>
    <t>12/31/2019 08:02:13</t>
  </si>
  <si>
    <t>mail.google.com/_/upload?authuser=0&amp;dcp=asu-n&amp;upload_id=AEnB2UreJZ4LiCD4dkNlrdvhu3C-kercnJe7o8WeMgDSgDYnu5N9DGmYrWUmJ2VNOfEh0jFR6hzfX7NTbbTXgB7lWWXVPkB99Q&amp;upload_protocol=resumable</t>
  </si>
  <si>
    <t>12/31/2019 08:03:06</t>
  </si>
  <si>
    <t>12/31/2019 08:05:34</t>
  </si>
  <si>
    <t>89ec5943-3c72-4e19-99bf-5832819e81c7.tmp</t>
  </si>
  <si>
    <t>\\acsfs\profiles$\cintiadcf\Downloads\89ec5943-3c72-4e19-99bf-5832819e81c7.tmp</t>
  </si>
  <si>
    <t>12/30/2019 21:27:59</t>
  </si>
  <si>
    <t>12/31/2019 08:06:35</t>
  </si>
  <si>
    <t>4506ac80-54fb-4978-a688-027b26ae4a32.tmp</t>
  </si>
  <si>
    <t>\\acsfs\profiles$\ayalabfi\Downloads\4506ac80-54fb-4978-a688-027b26ae4a32.tmp</t>
  </si>
  <si>
    <t>12/31/2019 08:04:57</t>
  </si>
  <si>
    <t>12/31/2019 08:04:23</t>
  </si>
  <si>
    <t>12/31/2019 08:07:35</t>
  </si>
  <si>
    <t>12/31/2019 08:07:27</t>
  </si>
  <si>
    <t>12/31/2019 08:08:35</t>
  </si>
  <si>
    <t>8806a741-e059-4358-81d0-d4ff2924de38.tmp</t>
  </si>
  <si>
    <t>\\acsfs\profiles$\geovannasm\Downloads\8806a741-e059-4358-81d0-d4ff2924de38.tmp</t>
  </si>
  <si>
    <t>12/31/2019 08:04:20</t>
  </si>
  <si>
    <t>706bae15-e302-496e-9546-71c5c6712110.tmp</t>
  </si>
  <si>
    <t>\\acsfs\profiles$\milenaas\Downloads\706bae15-e302-496e-9546-71c5c6712110.tmp</t>
  </si>
  <si>
    <t>12/31/2019 08:04:37</t>
  </si>
  <si>
    <t>b4d78dfe-3a86-438a-865f-fa6d97febe28.tmp</t>
  </si>
  <si>
    <t>\\acsfs\profiles$\THYAGOSP\Downloads\b4d78dfe-3a86-438a-865f-fa6d97febe28.tmp</t>
  </si>
  <si>
    <t>12/31/2019 08:04:41</t>
  </si>
  <si>
    <t>b089dbf1-d4f5-4880-98d0-dfe290a43bf0.tmp</t>
  </si>
  <si>
    <t>\\acsfs\profiles$\THYAGOSP\Downloads\b089dbf1-d4f5-4880-98d0-dfe290a43bf0.tmp</t>
  </si>
  <si>
    <t>12/31/2019 08:05:04</t>
  </si>
  <si>
    <t>12/31/2019 08:09:35</t>
  </si>
  <si>
    <t>3cd1c6ba-58fa-48ea-a3b8-d2fb63ca4ae3.tmp</t>
  </si>
  <si>
    <t>\\acsfs\profiles$\luanarda\Downloads\3cd1c6ba-58fa-48ea-a3b8-d2fb63ca4ae3.tmp</t>
  </si>
  <si>
    <t>12/31/2019 08:06:54</t>
  </si>
  <si>
    <t>9b7eb059-d0f0-408c-b7dd-8d84d6d078e3.tmp</t>
  </si>
  <si>
    <t>\\acsfs\profiles$\luanarda\Downloads\9b7eb059-d0f0-408c-b7dd-8d84d6d078e3.tmp</t>
  </si>
  <si>
    <t>12/31/2019 08:08:47</t>
  </si>
  <si>
    <t>12/31/2019 08:05:14</t>
  </si>
  <si>
    <t>12/31/2019 08:07:14</t>
  </si>
  <si>
    <t>12/31/2019 08:08:39</t>
  </si>
  <si>
    <t>12/31/2019 08:07:49</t>
  </si>
  <si>
    <t>12/31/2019 08:10:35</t>
  </si>
  <si>
    <t>12/31/2019 08:10:20</t>
  </si>
  <si>
    <t>12/31/2019 08:11:35</t>
  </si>
  <si>
    <t>12/31/2019 08:10:28</t>
  </si>
  <si>
    <t>ee9b1407-5cda-4571-9179-3288d4bcdb08.tmp</t>
  </si>
  <si>
    <t>\\acsfs\profiles$\felipetds\Downloads\ee9b1407-5cda-4571-9179-3288d4bcdb08.tmp</t>
  </si>
  <si>
    <t>12/31/2019 08:07:54</t>
  </si>
  <si>
    <t>12/31/2019 08:10:57</t>
  </si>
  <si>
    <t>12/31/2019 08:08:00</t>
  </si>
  <si>
    <t>169.254.106.91</t>
  </si>
  <si>
    <t>mail.google.com/_/upload?authuser=0&amp;dcp=asu-n&amp;upload_id=AEnB2UqOqHo5xKKVyssfP-GdTa9_4rk4IKn7JAf18S4JHfQRAGr5he2Tmb4y5XZ5_V9lst29UIAw7a2mx2gX5tiQdokq89P8LYxnM1n9FaHpR3KUz7KI980&amp;upload_protocol=resumable</t>
  </si>
  <si>
    <t>12/31/2019 08:07:59</t>
  </si>
  <si>
    <t>12/31/2019 08:12:36</t>
  </si>
  <si>
    <t>15009667-c086-45fe-ab68-d90641e9057c.tmp</t>
  </si>
  <si>
    <t>\\acsfs\profiles$\quindaizaagds\Downloads\15009667-c086-45fe-ab68-d90641e9057c.tmp</t>
  </si>
  <si>
    <t>12/31/2019 08:08:03</t>
  </si>
  <si>
    <t>dbd59a2d-2ad6-4604-a0c8-33446f8306c7.tmp</t>
  </si>
  <si>
    <t>\\acsfs\profiles$\quindaizaagds\Downloads\dbd59a2d-2ad6-4604-a0c8-33446f8306c7.tmp</t>
  </si>
  <si>
    <t>12/31/2019 08:08:13</t>
  </si>
  <si>
    <t>3f4815b3-8b86-4173-a16d-817f0edbfac5.tmp</t>
  </si>
  <si>
    <t>\\acsfs\profiles$\quindaizaagds\Downloads\3f4815b3-8b86-4173-a16d-817f0edbfac5.tmp</t>
  </si>
  <si>
    <t>12/31/2019 08:09:48</t>
  </si>
  <si>
    <t>b95760ba-9759-451b-a5b7-4ff4e3e12700.tmp</t>
  </si>
  <si>
    <t>\\acsfs\profiles$\quindaizaagds\Downloads\b95760ba-9759-451b-a5b7-4ff4e3e12700.tmp</t>
  </si>
  <si>
    <t>12/31/2019 08:10:29</t>
  </si>
  <si>
    <t>12/31/2019 08:08:24</t>
  </si>
  <si>
    <t>12/31/2019 08:13:35</t>
  </si>
  <si>
    <t>98b5f534-a9af-4a0e-bec9-b8374712e08e.tmp</t>
  </si>
  <si>
    <t>\\acsfs\profiles$\geovannasm\Downloads\98b5f534-a9af-4a0e-bec9-b8374712e08e.tmp</t>
  </si>
  <si>
    <t>12/31/2019 08:09:43</t>
  </si>
  <si>
    <t>13417789-098e-4191-aac3-bca4059409e9.tmp</t>
  </si>
  <si>
    <t>\\acsfs\profiles$\geovannasm\Downloads\13417789-098e-4191-aac3-bca4059409e9.tmp</t>
  </si>
  <si>
    <t>12/31/2019 08:11:18</t>
  </si>
  <si>
    <t>12/31/2019 08:08:42</t>
  </si>
  <si>
    <t>5634fd66-1a3f-4edd-b2bd-838519d08f45.tmp</t>
  </si>
  <si>
    <t>\\acsfs\profiles$\THYAGOSP\Downloads\5634fd66-1a3f-4edd-b2bd-838519d08f45.tmp</t>
  </si>
  <si>
    <t>12/31/2019 08:12:18</t>
  </si>
  <si>
    <t>dd08646d-4954-4747-9d8c-3b49c1828e1f.tmp</t>
  </si>
  <si>
    <t>\\acsfs\profiles$\THYAGOSP\Downloads\dd08646d-4954-4747-9d8c-3b49c1828e1f.tmp</t>
  </si>
  <si>
    <t>12/31/2019 08:11:14</t>
  </si>
  <si>
    <t>12/31/2019 08:14:36</t>
  </si>
  <si>
    <t>12/31/2019 08:13:14</t>
  </si>
  <si>
    <t>12/31/2019 08:10:52</t>
  </si>
  <si>
    <t>12/31/2019 08:11:49</t>
  </si>
  <si>
    <t>12/31/2019 08:16:36</t>
  </si>
  <si>
    <t>d9c7f25b-b19a-4f8e-a8e3-78585b9612cd.tmp</t>
  </si>
  <si>
    <t>\\acsfs\profiles$\felipetds\Downloads\d9c7f25b-b19a-4f8e-a8e3-78585b9612cd.tmp</t>
  </si>
  <si>
    <t>12/31/2019 08:13:45</t>
  </si>
  <si>
    <t>12/31/2019 08:13:53</t>
  </si>
  <si>
    <t>12/31/2019 08:15:48</t>
  </si>
  <si>
    <t>12/31/2019 08:12:33</t>
  </si>
  <si>
    <t>12/31/2019 08:17:35</t>
  </si>
  <si>
    <t>12/31/2019 08:13:32</t>
  </si>
  <si>
    <t>12/31/2019 08:18:35</t>
  </si>
  <si>
    <t>14d30577-ecb6-4443-900d-6dc516285ef8.tmp</t>
  </si>
  <si>
    <t>\\acsfs\profiles$\THYAGOSP\Downloads\14d30577-ecb6-4443-900d-6dc516285ef8.tmp</t>
  </si>
  <si>
    <t>12/31/2019 08:17:54</t>
  </si>
  <si>
    <t>12/31/2019 08:17:50</t>
  </si>
  <si>
    <t>12/31/2019 08:19:35</t>
  </si>
  <si>
    <t>12/31/2019 08:15:51</t>
  </si>
  <si>
    <t>12/31/2019 08:14:14</t>
  </si>
  <si>
    <t>12/31/2019 08:15:55</t>
  </si>
  <si>
    <t>12/31/2019 08:14:56</t>
  </si>
  <si>
    <t>12/31/2019 08:18:15</t>
  </si>
  <si>
    <t>12/31/2019 08:14:57</t>
  </si>
  <si>
    <t>12/31/2019 08:14:58</t>
  </si>
  <si>
    <t>12/31/2019 08:14:59</t>
  </si>
  <si>
    <t>12/31/2019 08:15:00</t>
  </si>
  <si>
    <t>12/31/2019 08:15:01</t>
  </si>
  <si>
    <t>12/31/2019 08:15:02</t>
  </si>
  <si>
    <t>12/31/2019 08:15:03</t>
  </si>
  <si>
    <t>12/31/2019 08:15:04</t>
  </si>
  <si>
    <t>12/31/2019 08:15:05</t>
  </si>
  <si>
    <t>12/31/2019 08:15:06</t>
  </si>
  <si>
    <t>12/31/2019 08:15:07</t>
  </si>
  <si>
    <t>12/31/2019 08:15:08</t>
  </si>
  <si>
    <t>12/31/2019 08:15:09</t>
  </si>
  <si>
    <t>12/31/2019 08:15:10</t>
  </si>
  <si>
    <t>12/31/2019 08:15:11</t>
  </si>
  <si>
    <t>12/31/2019 08:15:12</t>
  </si>
  <si>
    <t>12/31/2019 08:15:13</t>
  </si>
  <si>
    <t>12/31/2019 08:15:14</t>
  </si>
  <si>
    <t>12/31/2019 08:15:15</t>
  </si>
  <si>
    <t>12/31/2019 08:15:16</t>
  </si>
  <si>
    <t>12/31/2019 08:15:17</t>
  </si>
  <si>
    <t>12/31/2019 08:15:18</t>
  </si>
  <si>
    <t>12/31/2019 08:15:19</t>
  </si>
  <si>
    <t>12/31/2019 08:15:20</t>
  </si>
  <si>
    <t>12/31/2019 08:15:21</t>
  </si>
  <si>
    <t>12/31/2019 08:15:22</t>
  </si>
  <si>
    <t>12/31/2019 08:15:23</t>
  </si>
  <si>
    <t>12/31/2019 08:15:24</t>
  </si>
  <si>
    <t>12/31/2019 08:17:56</t>
  </si>
  <si>
    <t>e58edd4b-39cf-457d-be63-fdd8d954d1b4.tmp</t>
  </si>
  <si>
    <t>\\acsfs\profiles$\adelvinsonle\Downloads\e58edd4b-39cf-457d-be63-fdd8d954d1b4.tmp</t>
  </si>
  <si>
    <t>12/31/2019 08:18:03</t>
  </si>
  <si>
    <t>12/31/2019 08:15:25</t>
  </si>
  <si>
    <t>12/31/2019 08:15:26</t>
  </si>
  <si>
    <t>12/31/2019 08:15:27</t>
  </si>
  <si>
    <t>12/31/2019 08:15:28</t>
  </si>
  <si>
    <t>12/31/2019 08:15:29</t>
  </si>
  <si>
    <t>12/31/2019 08:16:10</t>
  </si>
  <si>
    <t>12/31/2019 08:21:35</t>
  </si>
  <si>
    <t>dc74ac47-90ad-4169-bdc5-d99542b16984.tmp</t>
  </si>
  <si>
    <t>\\acsfs\profiles$\ayalabfi\Downloads\dc74ac47-90ad-4169-bdc5-d99542b16984.tmp</t>
  </si>
  <si>
    <t>12/31/2019 08:16:53</t>
  </si>
  <si>
    <t>12/31/2019 08:20:53</t>
  </si>
  <si>
    <t>12/31/2019 08:20:13</t>
  </si>
  <si>
    <t>12/31/2019 08:23:35</t>
  </si>
  <si>
    <t>12/31/2019 08:22:14</t>
  </si>
  <si>
    <t>12/31/2019 08:22:29</t>
  </si>
  <si>
    <t>d669613b-9c43-4cd5-b598-90ad841f299f.tmp</t>
  </si>
  <si>
    <t>\\acsfs\profiles$\ERICALSR\Downloads\d669613b-9c43-4cd5-b598-90ad841f299f.tmp</t>
  </si>
  <si>
    <t>12/31/2019 08:23:02</t>
  </si>
  <si>
    <t>12/31/2019 08:19:14</t>
  </si>
  <si>
    <t>12/31/2019 08:24:35</t>
  </si>
  <si>
    <t>12/31/2019 08:21:14</t>
  </si>
  <si>
    <t>12/31/2019 08:20:51</t>
  </si>
  <si>
    <t>12/31/2019 08:22:47</t>
  </si>
  <si>
    <t>981b14af-cb6d-48d5-9ac0-62d3236d534b.tmp</t>
  </si>
  <si>
    <t>\\acsfs\profiles$\isabellegtds\Downloads\981b14af-cb6d-48d5-9ac0-62d3236d534b.tmp</t>
  </si>
  <si>
    <t>12/31/2019 08:23:55</t>
  </si>
  <si>
    <t>d0a2887b-525e-4f70-99c1-e5bc4cff984b.tmp</t>
  </si>
  <si>
    <t>\\acsfs\profiles$\isabellegtds\Downloads\d0a2887b-525e-4f70-99c1-e5bc4cff984b.tmp</t>
  </si>
  <si>
    <t>12/31/2019 08:20:50</t>
  </si>
  <si>
    <t>12/31/2019 08:25:35</t>
  </si>
  <si>
    <t>12/31/2019 08:25:12</t>
  </si>
  <si>
    <t>12/31/2019 08:26:34</t>
  </si>
  <si>
    <t>https://udpmailboxap01.acs.com.br:8443/h/search?si=0&amp;so=0&amp;sc=58044&amp;sfi=2&amp;st=conversation&amp;action=compose</t>
  </si>
  <si>
    <t>12/31/2019 08:23:12</t>
  </si>
  <si>
    <t>12/31/2019 08:21:17</t>
  </si>
  <si>
    <t>12/31/2019 08:22:53</t>
  </si>
  <si>
    <t>12/31/2019 08:22:26</t>
  </si>
  <si>
    <t>12/31/2019 08:27:35</t>
  </si>
  <si>
    <t>d20f6362-20db-4fbd-b5b0-b15971ff26b6.tmp</t>
  </si>
  <si>
    <t>\\acsfs\profiles$\nayarasds\Downloads\d20f6362-20db-4fbd-b5b0-b15971ff26b6.tmp</t>
  </si>
  <si>
    <t>12/31/2019 08:23:13</t>
  </si>
  <si>
    <t>ff72004b-18ce-4da5-bebc-420d2be38de2.tmp</t>
  </si>
  <si>
    <t>\\acsfs\profiles$\nayarasds\Downloads\ff72004b-18ce-4da5-bebc-420d2be38de2.tmp</t>
  </si>
  <si>
    <t>12/31/2019 08:23:57</t>
  </si>
  <si>
    <t>1c448fc2-c6df-4a14-ba21-bcaf3d28d24a.tmp</t>
  </si>
  <si>
    <t>\\acsfs\profiles$\nayarasds\Downloads\1c448fc2-c6df-4a14-ba21-bcaf3d28d24a.tmp</t>
  </si>
  <si>
    <t>3704618b-6347-4357-a7d8-132b4eafc15a.tmp</t>
  </si>
  <si>
    <t>\\acsfs\profiles$\nayarasds\Downloads\3704618b-6347-4357-a7d8-132b4eafc15a.tmp</t>
  </si>
  <si>
    <t>12/31/2019 08:24:44</t>
  </si>
  <si>
    <t>e7cad388-ece6-4895-9169-60c26d200f0f.tmp</t>
  </si>
  <si>
    <t>\\acsfs\profiles$\nayarasds\Downloads\e7cad388-ece6-4895-9169-60c26d200f0f.tmp</t>
  </si>
  <si>
    <t>12/31/2019 08:22:34</t>
  </si>
  <si>
    <t>e691327a-800c-445d-90a2-d8e82ec68cfd.tmp</t>
  </si>
  <si>
    <t>\\acsfs\profiles$\victoriaksr\Downloads\e691327a-800c-445d-90a2-d8e82ec68cfd.tmp</t>
  </si>
  <si>
    <t>12/31/2019 08:26:00</t>
  </si>
  <si>
    <t>12/31/2019 08:28:35</t>
  </si>
  <si>
    <t>62e15805-d93d-4938-8926-64a1647283d2.tmp</t>
  </si>
  <si>
    <t>\\acsfs\profiles$\ingridsm\Downloads\62e15805-d93d-4938-8926-64a1647283d2.tmp</t>
  </si>
  <si>
    <t>12/31/2019 08:23:23</t>
  </si>
  <si>
    <t>b9216989-decb-4377-912b-6fe8a82bbdd1.tmp</t>
  </si>
  <si>
    <t>\\acsfs\profiles$\ERICALSR\Downloads\b9216989-decb-4377-912b-6fe8a82bbdd1.tmp</t>
  </si>
  <si>
    <t>12/31/2019 08:24:18</t>
  </si>
  <si>
    <t>d22a3864-251c-4828-b850-ab0dfec92d22.tmp</t>
  </si>
  <si>
    <t>\\acsfs\profiles$\ERICALSR\Downloads\d22a3864-251c-4828-b850-ab0dfec92d22.tmp</t>
  </si>
  <si>
    <t>12/31/2019 08:25:14</t>
  </si>
  <si>
    <t>12/31/2019 08:29:35</t>
  </si>
  <si>
    <t>12/31/2019 08:27:14</t>
  </si>
  <si>
    <t>12/31/2019 08:26:12</t>
  </si>
  <si>
    <t>12/31/2019 08:26:48</t>
  </si>
  <si>
    <t>802b31e9-b4a9-4050-87a0-81ab04bae1b4.tmp</t>
  </si>
  <si>
    <t>\\acsfs\profiles$\isabellegtds\Downloads\802b31e9-b4a9-4050-87a0-81ab04bae1b4.tmp</t>
  </si>
  <si>
    <t>12/31/2019 08:26:56</t>
  </si>
  <si>
    <t>12/31/2019 08:30:35</t>
  </si>
  <si>
    <t>12/31/2019 08:28:14</t>
  </si>
  <si>
    <t>12/31/2019 08:31:35</t>
  </si>
  <si>
    <t>12/31/2019 08:29:03</t>
  </si>
  <si>
    <t>12/31/2019 08:26:53</t>
  </si>
  <si>
    <t>12/31/2019 08:28:53</t>
  </si>
  <si>
    <t>12/31/2019 08:26:38</t>
  </si>
  <si>
    <t>\\ACSFS\Engeset\FINANCEIRO_ULA\CONTROLA\SG\00 - Aplicações\01- Fechamento Contábil\02- PWEB\122019\</t>
  </si>
  <si>
    <t>00_Template Recuperação de Custos_03_Edilson.xlsx</t>
  </si>
  <si>
    <t>12/31/2019 08:28:44</t>
  </si>
  <si>
    <t>12/31/2019 08:32:35</t>
  </si>
  <si>
    <t>83dcef5d-076b-4a8c-906e-3155a3df66ce.tmp</t>
  </si>
  <si>
    <t>\\acsfs\profiles$\danielmlds\Downloads\83dcef5d-076b-4a8c-906e-3155a3df66ce.tmp</t>
  </si>
  <si>
    <t>12/31/2019 08:30:21</t>
  </si>
  <si>
    <t>12/31/2019 08:29:04</t>
  </si>
  <si>
    <t>12/31/2019 08:31:50</t>
  </si>
  <si>
    <t>12/31/2019 08:29:45</t>
  </si>
  <si>
    <t>12/31/2019 08:33:34</t>
  </si>
  <si>
    <t>9700106e-b87b-4818-805b-a55a37418f12.tmp</t>
  </si>
  <si>
    <t>\\acsfs\profiles$\geovannasm\Downloads\9700106e-b87b-4818-805b-a55a37418f12.tmp</t>
  </si>
  <si>
    <t>12/31/2019 08:31:14</t>
  </si>
  <si>
    <t>12/31/2019 08:34:34</t>
  </si>
  <si>
    <t>12/31/2019 08:33:14</t>
  </si>
  <si>
    <t>12/31/2019 08:31:56</t>
  </si>
  <si>
    <t>12/31/2019 08:31:19</t>
  </si>
  <si>
    <t>12/31/2019 08:35:34</t>
  </si>
  <si>
    <t>3bd08b48-16a8-495b-b4b6-3f0163c1e17c.tmp</t>
  </si>
  <si>
    <t>\\acsfs\profiles$\nataliacsl\Downloads\3bd08b48-16a8-495b-b4b6-3f0163c1e17c.tmp</t>
  </si>
  <si>
    <t>12/31/2019 08:33:03</t>
  </si>
  <si>
    <t>0cc56f29-0580-4b53-91bc-fe773f8e6b46.tmp</t>
  </si>
  <si>
    <t>\\acsfs\profiles$\nataliacsl\Downloads\0cc56f29-0580-4b53-91bc-fe773f8e6b46.tmp</t>
  </si>
  <si>
    <t>12/31/2019 08:34:11</t>
  </si>
  <si>
    <t>12/31/2019 08:36:34</t>
  </si>
  <si>
    <t>12/31/2019 08:32:02</t>
  </si>
  <si>
    <t>12/31/2019 08:33:53</t>
  </si>
  <si>
    <t>12/31/2019 08:32:53</t>
  </si>
  <si>
    <t>12/31/2019 08:34:53</t>
  </si>
  <si>
    <t>12/31/2019 08:34:57</t>
  </si>
  <si>
    <t>12/31/2019 08:37:34</t>
  </si>
  <si>
    <t>12/31/2019 08:36:33</t>
  </si>
  <si>
    <t>12/31/2019 08:33:10</t>
  </si>
  <si>
    <t>307c06db-6270-4b7d-a636-8fcc498322ce.tmp</t>
  </si>
  <si>
    <t>\\acsfs\profiles$\YASMINSC\Downloads\307c06db-6270-4b7d-a636-8fcc498322ce.tmp</t>
  </si>
  <si>
    <t>12/31/2019 08:34:25</t>
  </si>
  <si>
    <t>2c65057d-8697-4896-bd3e-ac667222be36.tmp</t>
  </si>
  <si>
    <t>\\acsfs\profiles$\YASMINSC\Downloads\2c65057d-8697-4896-bd3e-ac667222be36.tmp</t>
  </si>
  <si>
    <t>12/31/2019 08:35:59</t>
  </si>
  <si>
    <t>12/31/2019 08:32:56</t>
  </si>
  <si>
    <t>12/31/2019 08:38:34</t>
  </si>
  <si>
    <t>12/31/2019 08:35:09</t>
  </si>
  <si>
    <t>12/31/2019 08:32:23</t>
  </si>
  <si>
    <t>12/31/2019 08:36:40</t>
  </si>
  <si>
    <t>12/31/2019 08:39:33</t>
  </si>
  <si>
    <t>Lucasgpe</t>
  </si>
  <si>
    <t>9af1a586-72d4-4d6a-83a0-d4adce9c9ba0.tmp</t>
  </si>
  <si>
    <t>\\acsfs\profiles$\lucasgpe\Downloads\9af1a586-72d4-4d6a-83a0-d4adce9c9ba0.tmp</t>
  </si>
  <si>
    <t>12/31/2019 08:38:04</t>
  </si>
  <si>
    <t>ea361719-c923-4cbc-84b2-75d5c863d024.tmp</t>
  </si>
  <si>
    <t>\\acsfs\profiles$\lucasgpe\Downloads\ea361719-c923-4cbc-84b2-75d5c863d024.tmp</t>
  </si>
  <si>
    <t>12/31/2019 08:37:14</t>
  </si>
  <si>
    <t>12/31/2019 08:35:29</t>
  </si>
  <si>
    <t>12/31/2019 08:35:49</t>
  </si>
  <si>
    <t>RELATORIO DE LOGIN - FINANCEIRA - 30-12.xlsm</t>
  </si>
  <si>
    <t>\\acsfs\DEPTOS\Operacao\PCP\5 - Comum\PLANEJAMENTO BV\14 - ACOMPANHAMENTO\1 - REPORT ACOMPANHAMENTO\2019\12 - Dezembro\FINANCEIRA\Login Logout Financeira\RELATORIO DE LOGIN - FINANCEIRA - 30-12.xlsm</t>
  </si>
  <si>
    <t>12/31/2019 08:37:08</t>
  </si>
  <si>
    <t>12/31/2019 08:37:15</t>
  </si>
  <si>
    <t>12/31/2019 08:37:26</t>
  </si>
  <si>
    <t>12/31/2019 08:37:31</t>
  </si>
  <si>
    <t>12/31/2019 08:37:32</t>
  </si>
  <si>
    <t>12/31/2019 08:37:35</t>
  </si>
  <si>
    <t>12/31/2019 08:37:53</t>
  </si>
  <si>
    <t>12/31/2019 08:37:59</t>
  </si>
  <si>
    <t>12/31/2019 08:38:11</t>
  </si>
  <si>
    <t>12/31/2019 08:38:16</t>
  </si>
  <si>
    <t>12/31/2019 08:38:18</t>
  </si>
  <si>
    <t>12/31/2019 08:38:51</t>
  </si>
  <si>
    <t>12/31/2019 08:38:54</t>
  </si>
  <si>
    <t>12/31/2019 08:40:34</t>
  </si>
  <si>
    <t>82fd90c0-d6cb-4a46-b4e2-40f359339dd2.tmp</t>
  </si>
  <si>
    <t>\\acsfs\profiles$\LUCASNS\Downloads\82fd90c0-d6cb-4a46-b4e2-40f359339dd2.tmp</t>
  </si>
  <si>
    <t>12/31/2019 08:35:11</t>
  </si>
  <si>
    <t>12/31/2019 08:35:19</t>
  </si>
  <si>
    <t>b6e2b1f3-501b-4dd0-b270-e14c092d7d24.tmp</t>
  </si>
  <si>
    <t>\\acsfs\profiles$\LUCASNS\Downloads\b6e2b1f3-501b-4dd0-b270-e14c092d7d24.tmp</t>
  </si>
  <si>
    <t>12/31/2019 08:38:20</t>
  </si>
  <si>
    <t>12/31/2019 08:41:33</t>
  </si>
  <si>
    <t>12/31/2019 08:36:19</t>
  </si>
  <si>
    <t>lu18508zy21t.tmp</t>
  </si>
  <si>
    <t>\\acsfs\profiles$\geovanaasa\My Documents\lu18508zy21t.tmp</t>
  </si>
  <si>
    <t>\\acsfs\profiles$\geovanaasa\My Documents\lu18508zy21t.tmp\</t>
  </si>
  <si>
    <t>\\acsfs\profiles$\geovanaasa\My Documents\lu18508zy21t.tmp\META-INF\</t>
  </si>
  <si>
    <t>\\acsfs\profiles$\geovanaasa\My Documents\lu18508zy21t.tmp\Thumbnails\</t>
  </si>
  <si>
    <t>12/31/2019 08:38:53</t>
  </si>
  <si>
    <t>12/31/2019 08:40:54</t>
  </si>
  <si>
    <t>12/31/2019 08:40:18</t>
  </si>
  <si>
    <t>12/31/2019 08:42:34</t>
  </si>
  <si>
    <t>12/31/2019 08:40:19</t>
  </si>
  <si>
    <t>12/31/2019 08:40:20</t>
  </si>
  <si>
    <t>12/31/2019 08:40:21</t>
  </si>
  <si>
    <t>12/31/2019 08:40:22</t>
  </si>
  <si>
    <t>12/31/2019 08:40:23</t>
  </si>
  <si>
    <t>12/31/2019 08:40:24</t>
  </si>
  <si>
    <t>12/31/2019 08:40:25</t>
  </si>
  <si>
    <t>12/31/2019 08:40:26</t>
  </si>
  <si>
    <t>12/31/2019 08:40:27</t>
  </si>
  <si>
    <t>12/31/2019 08:40:28</t>
  </si>
  <si>
    <t>12/31/2019 08:40:29</t>
  </si>
  <si>
    <t>12/31/2019 08:40:30</t>
  </si>
  <si>
    <t>12/31/2019 08:40:31</t>
  </si>
  <si>
    <t>12/31/2019 08:40:32</t>
  </si>
  <si>
    <t>12/31/2019 08:40:33</t>
  </si>
  <si>
    <t>12/31/2019 08:40:35</t>
  </si>
  <si>
    <t>12/31/2019 08:40:36</t>
  </si>
  <si>
    <t>12/31/2019 08:40:37</t>
  </si>
  <si>
    <t>12/31/2019 08:40:38</t>
  </si>
  <si>
    <t>12/31/2019 08:41:23</t>
  </si>
  <si>
    <t>12/31/2019 08:43:33</t>
  </si>
  <si>
    <t>642dbbe6-2df0-4875-9eb4-e598a8cbe8a3.tmp</t>
  </si>
  <si>
    <t>\\acsfs\profiles$\antoniosva\Downloads\642dbbe6-2df0-4875-9eb4-e598a8cbe8a3.tmp</t>
  </si>
  <si>
    <t>12/31/2019 08:38:40</t>
  </si>
  <si>
    <t>bb99dc81-bb2a-429e-a001-c6ea03f1b7e8.tmp</t>
  </si>
  <si>
    <t>\\acsfs\profiles$\victoriaksr\Downloads\bb99dc81-bb2a-429e-a001-c6ea03f1b7e8.tmp</t>
  </si>
  <si>
    <t>12/31/2019 08:41:17</t>
  </si>
  <si>
    <t>12/31/2019 08:41:02</t>
  </si>
  <si>
    <t>12/31/2019 08:38:45</t>
  </si>
  <si>
    <t>12/31/2019 08:44:34</t>
  </si>
  <si>
    <t>12/31/2019 08:38:46</t>
  </si>
  <si>
    <t>12/31/2019 08:38:47</t>
  </si>
  <si>
    <t>12/31/2019 08:38:48</t>
  </si>
  <si>
    <t>12/31/2019 08:38:49</t>
  </si>
  <si>
    <t>12/31/2019 08:38:50</t>
  </si>
  <si>
    <t>12/31/2019 08:38:52</t>
  </si>
  <si>
    <t>12/31/2019 08:38:55</t>
  </si>
  <si>
    <t>12/31/2019 08:38:56</t>
  </si>
  <si>
    <t>12/31/2019 08:38:57</t>
  </si>
  <si>
    <t>12/31/2019 08:38:58</t>
  </si>
  <si>
    <t>12/31/2019 08:38:59</t>
  </si>
  <si>
    <t>12/31/2019 08:39:00</t>
  </si>
  <si>
    <t>12/31/2019 08:39:01</t>
  </si>
  <si>
    <t>12/31/2019 08:39:02</t>
  </si>
  <si>
    <t>12/31/2019 08:39:03</t>
  </si>
  <si>
    <t>12/31/2019 08:39:04</t>
  </si>
  <si>
    <t>12/31/2019 08:39:05</t>
  </si>
  <si>
    <t>12/31/2019 08:39:06</t>
  </si>
  <si>
    <t>12/31/2019 08:39:07</t>
  </si>
  <si>
    <t>12/31/2019 08:39:08</t>
  </si>
  <si>
    <t>12/31/2019 08:39:09</t>
  </si>
  <si>
    <t>12/31/2019 08:39:10</t>
  </si>
  <si>
    <t>12/31/2019 08:39:11</t>
  </si>
  <si>
    <t>12/31/2019 08:39:12</t>
  </si>
  <si>
    <t>12/31/2019 08:39:13</t>
  </si>
  <si>
    <t>12/31/2019 08:39:14</t>
  </si>
  <si>
    <t>12/31/2019 08:43:14</t>
  </si>
  <si>
    <t>12/31/2019 08:39:19</t>
  </si>
  <si>
    <t>12/31/2019 08:39:36</t>
  </si>
  <si>
    <t>12/31/2019 08:39:39</t>
  </si>
  <si>
    <t>12/31/2019 08:40:03</t>
  </si>
  <si>
    <t>joaogvc@algartech.com;katia.cardoso@bv.com.br;leonardoao@algartech.com;paulacn@algartech.com;rafaelggs@algartech.com;taysdss@algartech.com;viniciussg@algartech.com;</t>
  </si>
  <si>
    <t>joaogvc@algartech.com,katia.cardoso@bv.com.br,leonardoao@algartech.com,paulacn@algartech.com,rafaelggs@algartech.com,taysdss@algartech.com,viniciussg@algartech.com</t>
  </si>
  <si>
    <t>12/31/2019 08:40:06</t>
  </si>
  <si>
    <t>12/31/2019 08:40:13</t>
  </si>
  <si>
    <t>12/31/2019 08:40:17</t>
  </si>
  <si>
    <t>12/31/2019 08:41:11</t>
  </si>
  <si>
    <t>12/31/2019 08:41:14</t>
  </si>
  <si>
    <t>12/31/2019 08:41:24</t>
  </si>
  <si>
    <t>12/31/2019 08:41:26</t>
  </si>
  <si>
    <t>12/31/2019 08:41:45</t>
  </si>
  <si>
    <t>12/31/2019 08:41:53</t>
  </si>
  <si>
    <t>12/31/2019 08:42:03</t>
  </si>
  <si>
    <t>mail.google.com/_/upload?authuser=0&amp;dcp=asu-n&amp;upload_id=AEnB2Ur_uWhzgKgMmNYPUECAK4YoWvpKqesaOxBi4yRs-cwoQECYE9VDc7y4lg23DVI_d4rW_wD6f1XDEsEt0oUhJ--AIVmmwajNzcUI2TXF_1vApoqNreY&amp;upload_protocol=resumable</t>
  </si>
  <si>
    <t>12/31/2019 08:41:51</t>
  </si>
  <si>
    <t>12/31/2019 08:45:33</t>
  </si>
  <si>
    <t>8c8cf3be-9473-4d6b-aeb0-c758d0950f18.tmp</t>
  </si>
  <si>
    <t>\\acsfs\profiles$\eduardofss\Downloads\8c8cf3be-9473-4d6b-aeb0-c758d0950f18.tmp</t>
  </si>
  <si>
    <t>12/31/2019 08:44:49</t>
  </si>
  <si>
    <t>053e26c0-d986-4362-a862-2fec51d47ced.tmp</t>
  </si>
  <si>
    <t>\\acsfs\profiles$\eduardofss\Downloads\053e26c0-d986-4362-a862-2fec51d47ced.tmp</t>
  </si>
  <si>
    <t>12/31/2019 08:44:14</t>
  </si>
  <si>
    <t>12/31/2019 08:46:34</t>
  </si>
  <si>
    <t>10.200.67.129</t>
  </si>
  <si>
    <t>LETICIA LIMA ALVES (39).contact</t>
  </si>
  <si>
    <t>\\acsfs\profiles$\leticiala\Contacts\LETICIA LIMA ALVES (39).contact</t>
  </si>
  <si>
    <t>12/31/2019 08:44:15</t>
  </si>
  <si>
    <t>12/31/2019 08:44:50</t>
  </si>
  <si>
    <t>12/31/2019 08:44:51</t>
  </si>
  <si>
    <t>12/31/2019 08:44:52</t>
  </si>
  <si>
    <t>12/31/2019 08:44:53</t>
  </si>
  <si>
    <t>12/31/2019 08:44:54</t>
  </si>
  <si>
    <t>12/31/2019 08:44:55</t>
  </si>
  <si>
    <t>12/31/2019 08:44:56</t>
  </si>
  <si>
    <t>12/31/2019 08:44:57</t>
  </si>
  <si>
    <t>12/31/2019 08:44:58</t>
  </si>
  <si>
    <t>12/31/2019 08:44:59</t>
  </si>
  <si>
    <t>12/31/2019 08:45:00</t>
  </si>
  <si>
    <t>12/31/2019 08:45:01</t>
  </si>
  <si>
    <t>12/31/2019 08:45:03</t>
  </si>
  <si>
    <t>12/31/2019 08:45:04</t>
  </si>
  <si>
    <t>12/31/2019 08:45:05</t>
  </si>
  <si>
    <t>12/31/2019 08:45:06</t>
  </si>
  <si>
    <t>12/31/2019 08:45:07</t>
  </si>
  <si>
    <t>12/31/2019 08:45:08</t>
  </si>
  <si>
    <t>12/31/2019 08:45:09</t>
  </si>
  <si>
    <t>12/31/2019 08:45:11</t>
  </si>
  <si>
    <t>12/31/2019 08:45:12</t>
  </si>
  <si>
    <t>12/31/2019 08:44:12</t>
  </si>
  <si>
    <t>12/31/2019 08:47:34</t>
  </si>
  <si>
    <t>12/31/2019 08:43:16</t>
  </si>
  <si>
    <t>12/31/2019 08:43:17</t>
  </si>
  <si>
    <t>12/31/2019 08:43:19</t>
  </si>
  <si>
    <t>12/31/2019 08:43:20</t>
  </si>
  <si>
    <t>12/31/2019 08:43:21</t>
  </si>
  <si>
    <t>12/31/2019 08:43:22</t>
  </si>
  <si>
    <t>12/31/2019 08:43:23</t>
  </si>
  <si>
    <t>12/31/2019 08:43:26</t>
  </si>
  <si>
    <t>12/31/2019 08:43:27</t>
  </si>
  <si>
    <t>12/31/2019 08:43:29</t>
  </si>
  <si>
    <t>12/31/2019 08:43:30</t>
  </si>
  <si>
    <t>12/31/2019 08:43:32</t>
  </si>
  <si>
    <t>12/31/2019 08:43:35</t>
  </si>
  <si>
    <t>12/31/2019 08:43:36</t>
  </si>
  <si>
    <t>12/31/2019 08:43:38</t>
  </si>
  <si>
    <t>12/31/2019 08:43:39</t>
  </si>
  <si>
    <t>12/31/2019 08:43:41</t>
  </si>
  <si>
    <t>12/31/2019 08:43:43</t>
  </si>
  <si>
    <t>12/31/2019 08:43:44</t>
  </si>
  <si>
    <t>12/31/2019 08:43:45</t>
  </si>
  <si>
    <t>12/31/2019 08:43:46</t>
  </si>
  <si>
    <t>12/31/2019 08:43:47</t>
  </si>
  <si>
    <t>12/31/2019 08:43:49</t>
  </si>
  <si>
    <t>12/31/2019 08:43:50</t>
  </si>
  <si>
    <t>12/31/2019 08:43:51</t>
  </si>
  <si>
    <t>12/31/2019 08:43:52</t>
  </si>
  <si>
    <t>12/31/2019 08:43:53</t>
  </si>
  <si>
    <t>12/31/2019 08:43:54</t>
  </si>
  <si>
    <t>12/31/2019 08:43:55</t>
  </si>
  <si>
    <t>12/31/2019 08:43:58</t>
  </si>
  <si>
    <t>12/31/2019 08:44:00</t>
  </si>
  <si>
    <t>12/31/2019 08:44:01</t>
  </si>
  <si>
    <t>12/31/2019 08:44:02</t>
  </si>
  <si>
    <t>12/31/2019 08:44:03</t>
  </si>
  <si>
    <t>12/31/2019 08:44:05</t>
  </si>
  <si>
    <t>12/31/2019 08:44:06</t>
  </si>
  <si>
    <t>12/31/2019 08:44:09</t>
  </si>
  <si>
    <t>12/31/2019 08:46:10</t>
  </si>
  <si>
    <t>12/31/2019 08:48:33</t>
  </si>
  <si>
    <t>56a9b4e0-f181-4904-a962-b39dd652e05e.tmp</t>
  </si>
  <si>
    <t>\\acsfs\profiles$\antoniosva\Downloads\56a9b4e0-f181-4904-a962-b39dd652e05e.tmp</t>
  </si>
  <si>
    <t>12/31/2019 08:46:25</t>
  </si>
  <si>
    <t>0c39394e-8566-4f5f-b73f-61ba04d2e064.tmp</t>
  </si>
  <si>
    <t>\\acsfs\profiles$\antoniosva\Downloads\0c39394e-8566-4f5f-b73f-61ba04d2e064.tmp</t>
  </si>
  <si>
    <t>12/31/2019 08:47:26</t>
  </si>
  <si>
    <t>2caadd67-ca96-4bf0-b197-93c278a4e16d.tmp</t>
  </si>
  <si>
    <t>\\acsfs\profiles$\antoniosva\Downloads\2caadd67-ca96-4bf0-b197-93c278a4e16d.tmp</t>
  </si>
  <si>
    <t>ae5a704c-73f3-44c3-a2ef-da8f98f683c7.tmp</t>
  </si>
  <si>
    <t>\\acsfs\profiles$\georgendsq\Downloads\ae5a704c-73f3-44c3-a2ef-da8f98f683c7.tmp</t>
  </si>
  <si>
    <t>12/31/2019 08:44:31</t>
  </si>
  <si>
    <t>a7c9ca0c-7fc6-4bdf-af64-9693cbd73eb9.tmp</t>
  </si>
  <si>
    <t>\\acsfs\profiles$\georgendsq\Downloads\a7c9ca0c-7fc6-4bdf-af64-9693cbd73eb9.tmp</t>
  </si>
  <si>
    <t>12/31/2019 08:45:20</t>
  </si>
  <si>
    <t>1202168f-ff68-4a59-bdf5-b7d8a49ea349.tmp</t>
  </si>
  <si>
    <t>\\acsfs\profiles$\georgendsq\Downloads\1202168f-ff68-4a59-bdf5-b7d8a49ea349.tmp</t>
  </si>
  <si>
    <t>12/31/2019 08:46:15</t>
  </si>
  <si>
    <t>b2bf1ce1-783a-474f-ac5b-64c0b8f4f19b.tmp</t>
  </si>
  <si>
    <t>\\acsfs\profiles$\georgendsq\Downloads\b2bf1ce1-783a-474f-ac5b-64c0b8f4f19b.tmp</t>
  </si>
  <si>
    <t>12/31/2019 08:46:30</t>
  </si>
  <si>
    <t>85d85527-33ec-4efa-b47b-e754a20f9195.tmp</t>
  </si>
  <si>
    <t>\\acsfs\profiles$\georgendsq\Downloads\85d85527-33ec-4efa-b47b-e754a20f9195.tmp</t>
  </si>
  <si>
    <t>12/31/2019 08:46:48</t>
  </si>
  <si>
    <t>5b5c5982-c5aa-4c94-ab8f-caaa5d3537d8.tmp</t>
  </si>
  <si>
    <t>\\acsfs\profiles$\georgendsq\Downloads\5b5c5982-c5aa-4c94-ab8f-caaa5d3537d8.tmp</t>
  </si>
  <si>
    <t>12/31/2019 08:47:18</t>
  </si>
  <si>
    <t>5e4c35b8-b9ad-4983-b2dd-fb6b086bc3f0.tmp</t>
  </si>
  <si>
    <t>\\acsfs\profiles$\vivianealda\Downloads\5e4c35b8-b9ad-4983-b2dd-fb6b086bc3f0.tmp</t>
  </si>
  <si>
    <t>12/31/2019 08:46:39</t>
  </si>
  <si>
    <t>673badc1-b461-4ebc-9b47-4237cf091b29.tmp</t>
  </si>
  <si>
    <t>\\acsfs\profiles$\vivianealda\Downloads\673badc1-b461-4ebc-9b47-4237cf091b29.tmp</t>
  </si>
  <si>
    <t>12/31/2019 08:46:37</t>
  </si>
  <si>
    <t>12/31/2019 08:49:33</t>
  </si>
  <si>
    <t>12/31/2019 08:45:14</t>
  </si>
  <si>
    <t>12/31/2019 08:46:31</t>
  </si>
  <si>
    <t>12/31/2019 08:51:34</t>
  </si>
  <si>
    <t>\\acsfs\profiles$\leticiala\My Documents\Automation Anywhere Files\ConfigFiles\</t>
  </si>
  <si>
    <t>log4net-config.xml</t>
  </si>
  <si>
    <t>\\acsfs\profiles$\leticiala\My Documents\Automation Anywhere Files\ConfigFiles\log4net-config.xml</t>
  </si>
  <si>
    <t>12/31/2019 08:46:32</t>
  </si>
  <si>
    <t>\\acsfs\profiles$\leticiala\My Documents\Automation Anywhere Files\</t>
  </si>
  <si>
    <t>AA.Trigger.xml</t>
  </si>
  <si>
    <t>\\acsfs\profiles$\leticiala\My Documents\Automation Anywhere Files\AA.Trigger.xml</t>
  </si>
  <si>
    <t>12/31/2019 08:46:33</t>
  </si>
  <si>
    <t>12/31/2019 08:46:35</t>
  </si>
  <si>
    <t>12/31/2019 08:46:36</t>
  </si>
  <si>
    <t>12/31/2019 08:48:12</t>
  </si>
  <si>
    <t>12/31/2019 08:49:42</t>
  </si>
  <si>
    <t>12/31/2019 08:50:12</t>
  </si>
  <si>
    <t>12/31/2019 08:50:42</t>
  </si>
  <si>
    <t>12/31/2019 08:46:26</t>
  </si>
  <si>
    <t>a44689bb-6f93-4f8c-b91e-ca73cb61d2a4.tmp</t>
  </si>
  <si>
    <t>\\acsfs\profiles$\alessandraan\Downloads\a44689bb-6f93-4f8c-b91e-ca73cb61d2a4.tmp</t>
  </si>
  <si>
    <t>12/31/2019 08:46:28</t>
  </si>
  <si>
    <t>04306eb4-5bbd-46e6-bc76-e8f2c45da5a7.tmp</t>
  </si>
  <si>
    <t>\\acsfs\profiles$\alessandraan\Downloads\04306eb4-5bbd-46e6-bc76-e8f2c45da5a7.tmp</t>
  </si>
  <si>
    <t>12/31/2019 08:46:29</t>
  </si>
  <si>
    <t>e022ded0-a87c-4923-8472-f87e23488233.tmp</t>
  </si>
  <si>
    <t>\\acsfs\profiles$\alessandraan\Downloads\e022ded0-a87c-4923-8472-f87e23488233.tmp</t>
  </si>
  <si>
    <t>cf7cd1ac-2eb3-46f3-acf2-7e59cb850ccb.tmp</t>
  </si>
  <si>
    <t>\\acsfs\profiles$\alessandraan\Downloads\cf7cd1ac-2eb3-46f3-acf2-7e59cb850ccb.tmp</t>
  </si>
  <si>
    <t>12/31/2019 08:47:08</t>
  </si>
  <si>
    <t>082755d4-d612-41de-8582-b0bc0a137ef5.tmp</t>
  </si>
  <si>
    <t>\\acsfs\profiles$\alessandraan\Downloads\082755d4-d612-41de-8582-b0bc0a137ef5.tmp</t>
  </si>
  <si>
    <t>12/31/2019 08:47:11</t>
  </si>
  <si>
    <t>48e5ecb5-31e7-4dfa-8b41-12e0e8c380e0.tmp</t>
  </si>
  <si>
    <t>\\acsfs\profiles$\alessandraan\Downloads\48e5ecb5-31e7-4dfa-8b41-12e0e8c380e0.tmp</t>
  </si>
  <si>
    <t>12/31/2019 08:47:20</t>
  </si>
  <si>
    <t>a05fa638-806d-49d2-aad7-f0213331b6bd.tmp</t>
  </si>
  <si>
    <t>\\acsfs\profiles$\alessandraan\Downloads\a05fa638-806d-49d2-aad7-f0213331b6bd.tmp</t>
  </si>
  <si>
    <t>12/31/2019 08:48:53</t>
  </si>
  <si>
    <t>12/31/2019 08:47:59</t>
  </si>
  <si>
    <t>lu18508zy222.tmp</t>
  </si>
  <si>
    <t>\\acsfs\profiles$\geovanaasa\My Documents\lu18508zy222.tmp</t>
  </si>
  <si>
    <t>\\acsfs\profiles$\geovanaasa\My Documents\lu18508zy222.tmp\</t>
  </si>
  <si>
    <t>\\acsfs\profiles$\geovanaasa\My Documents\lu18508zy222.tmp\META-INF\</t>
  </si>
  <si>
    <t>\\acsfs\profiles$\geovanaasa\My Documents\lu18508zy222.tmp\Thumbnails\</t>
  </si>
  <si>
    <t>12/31/2019 08:48:28</t>
  </si>
  <si>
    <t>1580154a-fb32-4eca-8ddf-dd34674b87a0.tmp</t>
  </si>
  <si>
    <t>\\acsfs\profiles$\kamilamrc\Downloads\1580154a-fb32-4eca-8ddf-dd34674b87a0.tmp</t>
  </si>
  <si>
    <t>12/31/2019 08:50:45</t>
  </si>
  <si>
    <t>ee0f35a7-a1f2-48c3-94cf-35c174fd462c.tmp</t>
  </si>
  <si>
    <t>\\acsfs\profiles$\kamilamrc\Downloads\ee0f35a7-a1f2-48c3-94cf-35c174fd462c.tmp</t>
  </si>
  <si>
    <t>12/31/2019 08:51:13</t>
  </si>
  <si>
    <t>684e8665-5a6c-4de3-81a5-4af257a081e2.tmp</t>
  </si>
  <si>
    <t>\\acsfs\profiles$\kamilamrc\Downloads\684e8665-5a6c-4de3-81a5-4af257a081e2.tmp</t>
  </si>
  <si>
    <t>12/31/2019 08:48:40</t>
  </si>
  <si>
    <t>12/31/2019 08:52:34</t>
  </si>
  <si>
    <t>b2c9c06f-0f7a-4b1a-8393-33fb14bf8826.tmp</t>
  </si>
  <si>
    <t>\\acsfs\profiles$\gabrielhca\Downloads\b2c9c06f-0f7a-4b1a-8393-33fb14bf8826.tmp</t>
  </si>
  <si>
    <t>12/31/2019 08:49:34</t>
  </si>
  <si>
    <t>6ef525fe-0d17-4ac8-bf81-2354cb7dc0ef.tmp</t>
  </si>
  <si>
    <t>\\acsfs\profiles$\gabrielhca\Downloads\6ef525fe-0d17-4ac8-bf81-2354cb7dc0ef.tmp</t>
  </si>
  <si>
    <t>12/31/2019 08:50:49</t>
  </si>
  <si>
    <t>dfba3574-3cd0-4c47-a9c7-68287c96f920.tmp</t>
  </si>
  <si>
    <t>\\acsfs\profiles$\gabrielhca\Downloads\dfba3574-3cd0-4c47-a9c7-68287c96f920.tmp</t>
  </si>
  <si>
    <t>12/31/2019 08:49:21</t>
  </si>
  <si>
    <t>12/31/2019 08:48:10</t>
  </si>
  <si>
    <t>12/31/2019 08:53:34</t>
  </si>
  <si>
    <t>184fef04-535e-4996-acb8-a49d80b1ad7d.tmp</t>
  </si>
  <si>
    <t>\\acsfs\profiles$\antoniosva\Downloads\184fef04-535e-4996-acb8-a49d80b1ad7d.tmp</t>
  </si>
  <si>
    <t>12/31/2019 08:48:02</t>
  </si>
  <si>
    <t>12/31/2019 08:50:36</t>
  </si>
  <si>
    <t>bc93f7ef-4edd-4d83-8862-9e3148610b73.tmp</t>
  </si>
  <si>
    <t>\\acsfs\profiles$\jonatanls\Downloads\bc93f7ef-4edd-4d83-8862-9e3148610b73.tmp</t>
  </si>
  <si>
    <t>12/31/2019 08:51:08</t>
  </si>
  <si>
    <t>c85e0e61-0be4-470c-8974-d6c10b987130.tmp</t>
  </si>
  <si>
    <t>\\acsfs\profiles$\jonatanls\Downloads\c85e0e61-0be4-470c-8974-d6c10b987130.tmp</t>
  </si>
  <si>
    <t>12/31/2019 08:51:52</t>
  </si>
  <si>
    <t>56ce1685-cb16-441b-9417-2a4db2925fe5.tmp</t>
  </si>
  <si>
    <t>\\acsfs\profiles$\jonatanls\Downloads\56ce1685-cb16-441b-9417-2a4db2925fe5.tmp</t>
  </si>
  <si>
    <t>12/31/2019 08:50:40</t>
  </si>
  <si>
    <t>a2b0d549-8fb5-4100-9232-591007fd3a2e.tmp</t>
  </si>
  <si>
    <t>\\acsfs\profiles$\sarahbal\Downloads\a2b0d549-8fb5-4100-9232-591007fd3a2e.tmp</t>
  </si>
  <si>
    <t>12/31/2019 08:50:43</t>
  </si>
  <si>
    <t>815eb9bf-74c4-4df8-8ee9-16f7efb4d6d8.tmp</t>
  </si>
  <si>
    <t>\\acsfs\profiles$\sarahbal\Downloads\815eb9bf-74c4-4df8-8ee9-16f7efb4d6d8.tmp</t>
  </si>
  <si>
    <t>12/31/2019 08:49:24</t>
  </si>
  <si>
    <t>3bc43e4a-2c13-434b-8bab-f451ae4c3a6b.tmp</t>
  </si>
  <si>
    <t>\\acsfs\profiles$\laianear\Downloads\3bc43e4a-2c13-434b-8bab-f451ae4c3a6b.tmp</t>
  </si>
  <si>
    <t>12/31/2019 08:49:38</t>
  </si>
  <si>
    <t>35caaef7-2611-4af0-b42e-bb5047e664cb.tmp</t>
  </si>
  <si>
    <t>\\acsfs\profiles$\laianear\Downloads\35caaef7-2611-4af0-b42e-bb5047e664cb.tmp</t>
  </si>
  <si>
    <t>Não confirmado 524890.crdownload</t>
  </si>
  <si>
    <t>\\acsfs\profiles$\laianear\Downloads\Não confirmado 524890.crdownload</t>
  </si>
  <si>
    <t>12/31/2019 08:49:26</t>
  </si>
  <si>
    <t>12/31/2019 08:51:58</t>
  </si>
  <si>
    <t>bf191e38-aae6-4de5-a59d-f1914f567883.tmp</t>
  </si>
  <si>
    <t>\\acsfs\profiles$\claudiajca\Downloads\bf191e38-aae6-4de5-a59d-f1914f567883.tmp</t>
  </si>
  <si>
    <t>12/31/2019 08:46:55</t>
  </si>
  <si>
    <t>12/31/2019 08:54:35</t>
  </si>
  <si>
    <t>12/31/2019 08:50:54</t>
  </si>
  <si>
    <t>12/31/2019 08:49:15</t>
  </si>
  <si>
    <t>12/31/2019 08:51:14</t>
  </si>
  <si>
    <t>12/31/2019 08:52:53</t>
  </si>
  <si>
    <t>12/31/2019 08:52:39</t>
  </si>
  <si>
    <t>3f837233-b6cb-4505-b34c-3f8cbf31c76e.tmp</t>
  </si>
  <si>
    <t>\\acsfs\profiles$\isabellegtds\Downloads\3f837233-b6cb-4505-b34c-3f8cbf31c76e.tmp</t>
  </si>
  <si>
    <t>12/31/2019 08:51:12</t>
  </si>
  <si>
    <t>12/31/2019 08:56:34</t>
  </si>
  <si>
    <t>12/31/2019 08:52:12</t>
  </si>
  <si>
    <t>12/31/2019 08:55:38</t>
  </si>
  <si>
    <t>12/31/2019 08:55:44</t>
  </si>
  <si>
    <t>12/31/2019 08:54:03</t>
  </si>
  <si>
    <t>9bef2b08-85f1-4836-b8de-7af5fc5bab17.tmp</t>
  </si>
  <si>
    <t>\\acsfs\profiles$\geovanaasa\Downloads\9bef2b08-85f1-4836-b8de-7af5fc5bab17.tmp</t>
  </si>
  <si>
    <t>12/31/2019 08:51:41</t>
  </si>
  <si>
    <t>0c13edd0-e720-430e-96bb-9611a0c44a14.tmp</t>
  </si>
  <si>
    <t>\\acsfs\profiles$\kamilamrc\Downloads\0c13edd0-e720-430e-96bb-9611a0c44a14.tmp</t>
  </si>
  <si>
    <t>12/31/2019 08:51:45</t>
  </si>
  <si>
    <t>f6c2841d-68a1-47c8-b32f-9269c843ef64.tmp</t>
  </si>
  <si>
    <t>\\acsfs\profiles$\kamilamrc\Downloads\f6c2841d-68a1-47c8-b32f-9269c843ef64.tmp</t>
  </si>
  <si>
    <t>12/31/2019 08:51:49</t>
  </si>
  <si>
    <t>99b29b36-ec29-467b-9dfb-a76f8628d67a.tmp</t>
  </si>
  <si>
    <t>\\acsfs\profiles$\kamilamrc\Downloads\99b29b36-ec29-467b-9dfb-a76f8628d67a.tmp</t>
  </si>
  <si>
    <t>12/31/2019 08:55:21</t>
  </si>
  <si>
    <t>12/31/2019 08:55:22</t>
  </si>
  <si>
    <t>12/31/2019 08:55:23</t>
  </si>
  <si>
    <t>12/31/2019 08:55:24</t>
  </si>
  <si>
    <t>12/31/2019 08:55:25</t>
  </si>
  <si>
    <t>12/31/2019 08:55:26</t>
  </si>
  <si>
    <t>12/31/2019 08:55:27</t>
  </si>
  <si>
    <t>12/31/2019 08:55:28</t>
  </si>
  <si>
    <t>12/31/2019 08:55:29</t>
  </si>
  <si>
    <t>12/31/2019 08:55:30</t>
  </si>
  <si>
    <t>12/31/2019 08:55:31</t>
  </si>
  <si>
    <t>12/31/2019 08:55:32</t>
  </si>
  <si>
    <t>12/31/2019 08:55:33</t>
  </si>
  <si>
    <t>12/31/2019 08:55:34</t>
  </si>
  <si>
    <t>12/31/2019 08:55:35</t>
  </si>
  <si>
    <t>12/31/2019 08:55:36</t>
  </si>
  <si>
    <t>12/31/2019 08:55:37</t>
  </si>
  <si>
    <t>12/31/2019 08:55:39</t>
  </si>
  <si>
    <t>12/31/2019 08:55:40</t>
  </si>
  <si>
    <t>12/31/2019 08:55:41</t>
  </si>
  <si>
    <t>12/31/2019 08:55:42</t>
  </si>
  <si>
    <t>12/31/2019 08:55:43</t>
  </si>
  <si>
    <t>12/31/2019 08:55:45</t>
  </si>
  <si>
    <t>12/31/2019 08:55:46</t>
  </si>
  <si>
    <t>12/31/2019 08:52:13</t>
  </si>
  <si>
    <t>12/31/2019 08:57:34</t>
  </si>
  <si>
    <t>3929decf-40cc-44d5-b199-56b630b1b9cc.tmp</t>
  </si>
  <si>
    <t>\\acsfs\profiles$\gabrielhca\Downloads\3929decf-40cc-44d5-b199-56b630b1b9cc.tmp</t>
  </si>
  <si>
    <t>12/31/2019 08:53:59</t>
  </si>
  <si>
    <t>5e1871fa-4989-4c11-99a6-c0feddcb1c3a.tmp</t>
  </si>
  <si>
    <t>\\acsfs\profiles$\PEDROHAB\Downloads\5e1871fa-4989-4c11-99a6-c0feddcb1c3a.tmp</t>
  </si>
  <si>
    <t>12/31/2019 08:54:07</t>
  </si>
  <si>
    <t>Unconfirmed 744426.crdownload</t>
  </si>
  <si>
    <t>\\acsfs\profiles$\PEDROHAB\Downloads\Unconfirmed 744426.crdownload</t>
  </si>
  <si>
    <t>a401f86f-f82a-4173-9a8f-8a6c990c9998.tmp</t>
  </si>
  <si>
    <t>\\acsfs\profiles$\PEDROHAB\Downloads\a401f86f-f82a-4173-9a8f-8a6c990c9998.tmp</t>
  </si>
  <si>
    <t>12/31/2019 08:54:10</t>
  </si>
  <si>
    <t>5e683a44-850c-4d32-93a6-ac36c8e605e7.tmp</t>
  </si>
  <si>
    <t>\\acsfs\profiles$\PEDROHAB\Downloads\5e683a44-850c-4d32-93a6-ac36c8e605e7.tmp</t>
  </si>
  <si>
    <t>12/31/2019 08:54:32</t>
  </si>
  <si>
    <t>Unconfirmed 437604.crdownload</t>
  </si>
  <si>
    <t>\\acsfs\profiles$\PEDROHAB\Downloads\Unconfirmed 437604.crdownload</t>
  </si>
  <si>
    <t>12/31/2019 08:54:33</t>
  </si>
  <si>
    <t>Unconfirmed 466216.crdownload</t>
  </si>
  <si>
    <t>\\acsfs\profiles$\PEDROHAB\Downloads\Unconfirmed 466216.crdownload</t>
  </si>
  <si>
    <t>12/31/2019 08:54:45</t>
  </si>
  <si>
    <t>ed1e2f80-4556-4cbc-9e3c-1bdaa4437fb6.tmp</t>
  </si>
  <si>
    <t>\\acsfs\profiles$\PEDROHAB\Downloads\ed1e2f80-4556-4cbc-9e3c-1bdaa4437fb6.tmp</t>
  </si>
  <si>
    <t>3e5d6d3b-ed9f-46f3-8359-e699b44caae4.tmp</t>
  </si>
  <si>
    <t>\\acsfs\profiles$\PEDROHAB\Downloads\3e5d6d3b-ed9f-46f3-8359-e699b44caae4.tmp</t>
  </si>
  <si>
    <t>12/31/2019 08:56:44</t>
  </si>
  <si>
    <t>12/31/2019 08:54:30</t>
  </si>
  <si>
    <t>12/31/2019 08:58:34</t>
  </si>
  <si>
    <t>12/31/2019 08:53:57</t>
  </si>
  <si>
    <t>b540accf-b1e1-40e9-8792-02b2c1715ddc.tmp</t>
  </si>
  <si>
    <t>\\acsfs\profiles$\sarahbal\Downloads\b540accf-b1e1-40e9-8792-02b2c1715ddc.tmp</t>
  </si>
  <si>
    <t>12/31/2019 08:58:11</t>
  </si>
  <si>
    <t>12/31/2019 08:54:29</t>
  </si>
  <si>
    <t>63de600a-0f60-4502-a310-37a70df4750d.tmp</t>
  </si>
  <si>
    <t>\\acsfs\profiles$\andrezacapf\Downloads\63de600a-0f60-4502-a310-37a70df4750d.tmp</t>
  </si>
  <si>
    <t>12/31/2019 08:54:34</t>
  </si>
  <si>
    <t>93de887d-b6d6-4018-af88-1d51684e6457.tmp</t>
  </si>
  <si>
    <t>\\acsfs\profiles$\andrezacapf\Downloads\93de887d-b6d6-4018-af88-1d51684e6457.tmp</t>
  </si>
  <si>
    <t>12/31/2019 08:54:37</t>
  </si>
  <si>
    <t>6749e8c7-52c4-4c9c-8984-2ec74c48e58e.tmp</t>
  </si>
  <si>
    <t>\\acsfs\profiles$\andrezacapf\Downloads\6749e8c7-52c4-4c9c-8984-2ec74c48e58e.tmp</t>
  </si>
  <si>
    <t>12/31/2019 08:54:41</t>
  </si>
  <si>
    <t>a1682fd5-2fb2-4db7-a34f-6e02515b0ff6.tmp</t>
  </si>
  <si>
    <t>\\acsfs\profiles$\andrezacapf\Downloads\a1682fd5-2fb2-4db7-a34f-6e02515b0ff6.tmp</t>
  </si>
  <si>
    <t>12/31/2019 08:54:43</t>
  </si>
  <si>
    <t>262538c7-e2d6-44b7-acf3-a02a6687fa98.tmp</t>
  </si>
  <si>
    <t>\\acsfs\profiles$\andrezacapf\Downloads\262538c7-e2d6-44b7-acf3-a02a6687fa98.tmp</t>
  </si>
  <si>
    <t>12/31/2019 08:55:14</t>
  </si>
  <si>
    <t>31a68df6-898e-4212-9d45-bb2784bda151.tmp</t>
  </si>
  <si>
    <t>\\acsfs\profiles$\andrezacapf\Downloads\31a68df6-898e-4212-9d45-bb2784bda151.tmp</t>
  </si>
  <si>
    <t>87b5cfb1-faec-43b9-ab42-2adf1d64d8fa.tmp</t>
  </si>
  <si>
    <t>\\acsfs\profiles$\andrezacapf\Downloads\87b5cfb1-faec-43b9-ab42-2adf1d64d8fa.tmp</t>
  </si>
  <si>
    <t>12/31/2019 08:57:47</t>
  </si>
  <si>
    <t>93faa5a8-d214-4357-abb6-02ec5b2d4151.tmp</t>
  </si>
  <si>
    <t>\\acsfs\profiles$\andrezacapf\Downloads\93faa5a8-d214-4357-abb6-02ec5b2d4151.tmp</t>
  </si>
  <si>
    <t>12/31/2019 08:53:01</t>
  </si>
  <si>
    <t>12/31/2019 08:59:34</t>
  </si>
  <si>
    <t>12/31/2019 08:56:53</t>
  </si>
  <si>
    <t>12/31/2019 08:57:14</t>
  </si>
  <si>
    <t>12/31/2019 08:59:09</t>
  </si>
  <si>
    <t>ae9f2ae7-2b28-4e69-af13-944ca07dd623.tmp</t>
  </si>
  <si>
    <t>\\acsfs\profiles$\adelvinsonle\Downloads\ae9f2ae7-2b28-4e69-af13-944ca07dd623.tmp</t>
  </si>
  <si>
    <t>12/31/2019 08:58:25</t>
  </si>
  <si>
    <t>12/31/2019 09:00:34</t>
  </si>
  <si>
    <t>cd84345a-67c6-4cd0-aa79-51fb707f0f5a.tmp</t>
  </si>
  <si>
    <t>\\acsfs\profiles$\brendadsl\Downloads\cd84345a-67c6-4cd0-aa79-51fb707f0f5a.tmp</t>
  </si>
  <si>
    <t>12/31/2019 08:58:26</t>
  </si>
  <si>
    <t>88122aae-2014-4134-ac97-88ed316b3600.tmp</t>
  </si>
  <si>
    <t>\\acsfs\profiles$\brendadsl\Downloads\88122aae-2014-4134-ac97-88ed316b3600.tmp</t>
  </si>
  <si>
    <t>12/31/2019 08:58:38</t>
  </si>
  <si>
    <t>79ea00ff-0252-4e7f-9f25-99ea68534a8e.tmp</t>
  </si>
  <si>
    <t>\\acsfs\profiles$\brendadsl\Downloads\79ea00ff-0252-4e7f-9f25-99ea68534a8e.tmp</t>
  </si>
  <si>
    <t>12/31/2019 08:58:40</t>
  </si>
  <si>
    <t>e88eb418-3e7e-40fe-b1c6-c6055b9db364.tmp</t>
  </si>
  <si>
    <t>\\acsfs\profiles$\brendadsl\Downloads\e88eb418-3e7e-40fe-b1c6-c6055b9db364.tmp</t>
  </si>
  <si>
    <t>12/31/2019 08:58:41</t>
  </si>
  <si>
    <t>e6c6ba9b-296b-455f-9547-e3b49b5922f5.tmp</t>
  </si>
  <si>
    <t>\\acsfs\profiles$\brendadsl\Downloads\e6c6ba9b-296b-455f-9547-e3b49b5922f5.tmp</t>
  </si>
  <si>
    <t>12/31/2019 08:59:39</t>
  </si>
  <si>
    <t>9ea576e0-c375-4306-be8d-227fb4a3036b.tmp</t>
  </si>
  <si>
    <t>\\acsfs\profiles$\brendadsl\Downloads\9ea576e0-c375-4306-be8d-227fb4a3036b.tmp</t>
  </si>
  <si>
    <t>12/31/2019 08:59:40</t>
  </si>
  <si>
    <t>9c8a5391-be0f-43e5-80e8-6d5768f4ac81.tmp</t>
  </si>
  <si>
    <t>\\acsfs\profiles$\brendadsl\Downloads\9c8a5391-be0f-43e5-80e8-6d5768f4ac81.tmp</t>
  </si>
  <si>
    <t>12/31/2019 08:59:42</t>
  </si>
  <si>
    <t>12/31/2019 08:56:32</t>
  </si>
  <si>
    <t>12/31/2019 08:56:04</t>
  </si>
  <si>
    <t>12/31/2019 09:01:34</t>
  </si>
  <si>
    <t>12/31/2019 09:00:17</t>
  </si>
  <si>
    <t>12/31/2019 09:02:34</t>
  </si>
  <si>
    <t>72c1e15b-7c3f-4a2f-81a3-0b96b33c3f31.tmp</t>
  </si>
  <si>
    <t>\\acsfs\profiles$\nayarasds\Downloads\72c1e15b-7c3f-4a2f-81a3-0b96b33c3f31.tmp</t>
  </si>
  <si>
    <t>12/31/2019 09:00:49</t>
  </si>
  <si>
    <t>12/31/2019 09:00:02</t>
  </si>
  <si>
    <t>94a788db-282b-48b2-bf32-09a3e229504b.tmp</t>
  </si>
  <si>
    <t>\\acsfs\profiles$\PEDROHAB\Downloads\94a788db-282b-48b2-bf32-09a3e229504b.tmp</t>
  </si>
  <si>
    <t>12/31/2019 09:02:25</t>
  </si>
  <si>
    <t>12/31/2019 09:03:34</t>
  </si>
  <si>
    <t>.~lock.RENEG BV Venc 20.12.2019.ods#</t>
  </si>
  <si>
    <t>\\acsfs\profiles$\LUCASBS\RENEG BV\.~lock.RENEG BV Venc 20.12.2019.ods#</t>
  </si>
  <si>
    <t>12/31/2019 09:02:35</t>
  </si>
  <si>
    <t>lu460565c683s.tmp</t>
  </si>
  <si>
    <t>\\acsfs\profiles$\LUCASBS\RENEG BV\lu460565c683s.tmp</t>
  </si>
  <si>
    <t>\\acsfs\profiles$\LUCASBS\RENEG BV\lu460565c683s.tmp\</t>
  </si>
  <si>
    <t>\\acsfs\profiles$\LUCASBS\RENEG BV\lu460565c683s.tmp\META-INF\</t>
  </si>
  <si>
    <t>\\acsfs\profiles$\LUCASBS\RENEG BV\lu460565c683s.tmp\Thumbnails\</t>
  </si>
  <si>
    <t>12/31/2019 09:01:23</t>
  </si>
  <si>
    <t>8ff365fc-ae17-455d-bb48-6d0a829127f2.tmp</t>
  </si>
  <si>
    <t>\\acsfs\profiles$\Flaviojmm\Downloads\8ff365fc-ae17-455d-bb48-6d0a829127f2.tmp</t>
  </si>
  <si>
    <t>12/31/2019 09:00:15</t>
  </si>
  <si>
    <t>4a163441-6b39-456f-878c-5dee3f95687e.tmp</t>
  </si>
  <si>
    <t>\\acsfs\profiles$\andrezacapf\Downloads\4a163441-6b39-456f-878c-5dee3f95687e.tmp</t>
  </si>
  <si>
    <t>12/31/2019 09:03:06</t>
  </si>
  <si>
    <t>Não%20Me%20Ligue%20Mais%20_%20Versão%20Acústica (1).5p0e5iu.partial</t>
  </si>
  <si>
    <t>\\acsfs\profiles$\danielta\Downloads\Não%20Me%20Ligue%20Mais%20_%20Versão%20Acústica (1).5p0e5iu.partial</t>
  </si>
  <si>
    <t>12/31/2019 08:59:52</t>
  </si>
  <si>
    <t>29d3aac2-c2ed-4d9d-9877-e64e3623cf05.tmp</t>
  </si>
  <si>
    <t>\\acsfs\profiles$\vivianealda\Downloads\29d3aac2-c2ed-4d9d-9877-e64e3623cf05.tmp</t>
  </si>
  <si>
    <t>12/31/2019 08:58:53</t>
  </si>
  <si>
    <t>12/31/2019 09:04:33</t>
  </si>
  <si>
    <t>12/31/2019 09:02:54</t>
  </si>
  <si>
    <t>12/31/2019 09:01:14</t>
  </si>
  <si>
    <t>12/31/2019 09:03:14</t>
  </si>
  <si>
    <t>12/31/2019 09:04:36</t>
  </si>
  <si>
    <t>12/31/2019 09:05:34</t>
  </si>
  <si>
    <t>12/31/2019 09:02:58</t>
  </si>
  <si>
    <t>68c32258-161c-4506-b85b-ac690bfa9da3.tmp</t>
  </si>
  <si>
    <t>\\acsfs\profiles$\brendadsl\Downloads\68c32258-161c-4506-b85b-ac690bfa9da3.tmp</t>
  </si>
  <si>
    <t>12/30/2019 17:46:35</t>
  </si>
  <si>
    <t>mail.google.com/_/upload?authuser=0&amp;dcp=asu-n&amp;upload_id=AEnB2UoBfdlAYOyH9-CfctMUdznt8Qc869CnobUAtVBi_9XrsTTTFV3CjE2LUUhkFCAti4a9-LvY135pHPOjcqVmzKuxHA8wig&amp;upload_protocol=resumable</t>
  </si>
  <si>
    <t>celmars@algartech.com;diegorg@algartech.com;ericacdosc@algartech.com;</t>
  </si>
  <si>
    <t>Cópia de EXTRACAO_COMPROMISSOS_A19M12D30.xlsb</t>
  </si>
  <si>
    <t>celmars@algartech.com,diegorg@algartech.com,ericacdosc@algartech.com</t>
  </si>
  <si>
    <t>12/31/2019 09:01:19</t>
  </si>
  <si>
    <t>12/31/2019 09:06:34</t>
  </si>
  <si>
    <t>12/31/2019 09:02:15</t>
  </si>
  <si>
    <t>12/31/2019 09:06:30</t>
  </si>
  <si>
    <t>12/31/2019 09:07:34</t>
  </si>
  <si>
    <t>763cd470-0f56-4387-93cb-18590aeba935.tmp</t>
  </si>
  <si>
    <t>\\acsfs\profiles$\victorgl\Downloads\763cd470-0f56-4387-93cb-18590aeba935.tmp</t>
  </si>
  <si>
    <t>12/31/2019 09:06:33</t>
  </si>
  <si>
    <t>4cd37040-8245-42ba-9939-816db1bf775e.tmp</t>
  </si>
  <si>
    <t>\\acsfs\profiles$\victorgl\Downloads\4cd37040-8245-42ba-9939-816db1bf775e.tmp</t>
  </si>
  <si>
    <t>12/31/2019 09:04:35</t>
  </si>
  <si>
    <t>\\acsfs\profiles$\antoniosva\Contacts\</t>
  </si>
  <si>
    <t>ANTONIO SIDNEY VIEIRA ARAUJO (1715).contact</t>
  </si>
  <si>
    <t>\\acsfs\profiles$\antoniosva\Contacts\ANTONIO SIDNEY VIEIRA ARAUJO (1715).contact</t>
  </si>
  <si>
    <t>12/31/2019 09:04:46</t>
  </si>
  <si>
    <t>\\acsfs\profiles$\antoniosva\My Documents\My Videos\</t>
  </si>
  <si>
    <t>\\acsfs\profiles$\antoniosva\My Documents\My Videos\desktop.ini</t>
  </si>
  <si>
    <t>\\acsfs\profiles$\antoniosva\My Documents\My Pictures\</t>
  </si>
  <si>
    <t>\\acsfs\profiles$\antoniosva\My Documents\My Pictures\desktop.ini</t>
  </si>
  <si>
    <t>12/31/2019 09:04:47</t>
  </si>
  <si>
    <t>\\acsfs\profiles$\antoniosva\Contacts\desktop.ini</t>
  </si>
  <si>
    <t>\\acsfs\profiles$\antoniosva\Favorites\</t>
  </si>
  <si>
    <t>\\acsfs\profiles$\antoniosva\Favorites\desktop.ini</t>
  </si>
  <si>
    <t>12/31/2019 09:04:48</t>
  </si>
  <si>
    <t>\\acsfs\profiles$\antoniosva\My Documents\My Music\</t>
  </si>
  <si>
    <t>\\acsfs\profiles$\antoniosva\My Documents\My Music\desktop.ini</t>
  </si>
  <si>
    <t>12/31/2019 09:04:49</t>
  </si>
  <si>
    <t>\\acsfs\profiles$\antoniosva\Searches\</t>
  </si>
  <si>
    <t>\\acsfs\profiles$\antoniosva\Searches\desktop.ini</t>
  </si>
  <si>
    <t>\\acsfs\profiles$\antoniosva\Downloads\desktop.ini</t>
  </si>
  <si>
    <t>12/31/2019 09:04:50</t>
  </si>
  <si>
    <t>\\acsfs\profiles$\antoniosva\My Documents\</t>
  </si>
  <si>
    <t>\\acsfs\profiles$\antoniosva\My Documents\desktop.ini</t>
  </si>
  <si>
    <t>12/31/2019 09:04:51</t>
  </si>
  <si>
    <t>\\acsfs\profiles$\antoniosva\Saved Games\</t>
  </si>
  <si>
    <t>\\acsfs\profiles$\antoniosva\Saved Games\desktop.ini</t>
  </si>
  <si>
    <t>12/31/2019 09:05:00</t>
  </si>
  <si>
    <t>\\acsfs\profiles$\antoniosva\Favorites\Links for Brasil\</t>
  </si>
  <si>
    <t>\\acsfs\profiles$\antoniosva\Favorites\Links for Brasil\desktop.ini</t>
  </si>
  <si>
    <t>\\acsfs\profiles$\antoniosva\Favorites\Links for Brasil\Microsoft Brasil.url</t>
  </si>
  <si>
    <t>12/31/2019 09:05:01</t>
  </si>
  <si>
    <t>\\acsfs\profiles$\antoniosva\Favorites\Links for Brasil\Windows Brasil.url</t>
  </si>
  <si>
    <t>12/31/2019 09:05:02</t>
  </si>
  <si>
    <t>\\acsfs\profiles$\antoniosva\Favorites\Links for Brasil\MSN Brasil.url</t>
  </si>
  <si>
    <t>12/31/2019 09:02:49</t>
  </si>
  <si>
    <t>12/31/2019 09:08:34</t>
  </si>
  <si>
    <t>32c416f0-9d17-420e-a0f9-ebc95f16766f.tmp</t>
  </si>
  <si>
    <t>\\acsfs\profiles$\LUCASBS\Downloads\32c416f0-9d17-420e-a0f9-ebc95f16766f.tmp</t>
  </si>
  <si>
    <t>12/31/2019 09:03:49</t>
  </si>
  <si>
    <t>74eb9a1e-c070-4101-9f9b-94b7f3770f7c.tmp</t>
  </si>
  <si>
    <t>\\acsfs\profiles$\LUCASBS\Downloads\74eb9a1e-c070-4101-9f9b-94b7f3770f7c.tmp</t>
  </si>
  <si>
    <t>12/31/2019 09:03:47</t>
  </si>
  <si>
    <t>3e4fb65b-8a5f-49b3-9c7e-0f39ff4ed7bb.tmp</t>
  </si>
  <si>
    <t>\\acsfs\profiles$\sarahbal\Downloads\3e4fb65b-8a5f-49b3-9c7e-0f39ff4ed7bb.tmp</t>
  </si>
  <si>
    <t>7282d454-6959-48d0-a954-1fa278eda2fb.tmp</t>
  </si>
  <si>
    <t>\\acsfs\profiles$\sarahbal\Downloads\7282d454-6959-48d0-a954-1fa278eda2fb.tmp</t>
  </si>
  <si>
    <t>12/31/2019 09:03:23</t>
  </si>
  <si>
    <t>Não%20Me%20Ligue%20Mais%20_%20Versão%20Acústica (2).2goyxeh.partial</t>
  </si>
  <si>
    <t>\\acsfs\profiles$\danielta\Downloads\Não%20Me%20Ligue%20Mais%20_%20Versão%20Acústica (2).2goyxeh.partial</t>
  </si>
  <si>
    <t>12/31/2019 09:07:20</t>
  </si>
  <si>
    <t>b996502a-9639-4e56-8fbf-7bb316a2eb35.tmp</t>
  </si>
  <si>
    <t>\\acsfs\profiles$\anafsb\Downloads\b996502a-9639-4e56-8fbf-7bb316a2eb35.tmp</t>
  </si>
  <si>
    <t>12/31/2019 09:04:53</t>
  </si>
  <si>
    <t>12/31/2019 09:09:33</t>
  </si>
  <si>
    <t>12/31/2019 09:07:14</t>
  </si>
  <si>
    <t>12/31/2019 09:07:23</t>
  </si>
  <si>
    <t>1abc9624-f2e4-4af4-8814-8ce2718d000a.tmp</t>
  </si>
  <si>
    <t>\\acsfs\profiles$\regisadsa\Downloads\1abc9624-f2e4-4af4-8814-8ce2718d000a.tmp</t>
  </si>
  <si>
    <t>12/31/2019 09:08:35</t>
  </si>
  <si>
    <t>449d7722-76f5-47aa-925d-9b21a3faec27.tmp</t>
  </si>
  <si>
    <t>\\acsfs\profiles$\regisadsa\Downloads\449d7722-76f5-47aa-925d-9b21a3faec27.tmp</t>
  </si>
  <si>
    <t>12/31/2019 09:08:43</t>
  </si>
  <si>
    <t>12/31/2019 09:10:34</t>
  </si>
  <si>
    <t>5a5e7e3c-c9ff-4e85-9c5c-de52e9219a16.tmp</t>
  </si>
  <si>
    <t>\\acsfs\profiles$\bernardopcm\Downloads\5a5e7e3c-c9ff-4e85-9c5c-de52e9219a16.tmp</t>
  </si>
  <si>
    <t>12/31/2019 09:08:46</t>
  </si>
  <si>
    <t>bea64ff9-1e2b-4f1d-97ae-78a2bb3fd7c3.tmp</t>
  </si>
  <si>
    <t>\\acsfs\profiles$\bernardopcm\Downloads\bea64ff9-1e2b-4f1d-97ae-78a2bb3fd7c3.tmp</t>
  </si>
  <si>
    <t>12/31/2019 09:07:12</t>
  </si>
  <si>
    <t>12/31/2019 09:12:33</t>
  </si>
  <si>
    <t>7830f5dd-08a6-4076-9472-dc2f53ec4c0e.tmp</t>
  </si>
  <si>
    <t>\\acsfs\profiles$\victorgl\Downloads\7830f5dd-08a6-4076-9472-dc2f53ec4c0e.tmp</t>
  </si>
  <si>
    <t>12/31/2019 09:08:20</t>
  </si>
  <si>
    <t>068f90b6-af74-48c4-b11d-368f2f09ae2c.tmp</t>
  </si>
  <si>
    <t>\\acsfs\profiles$\victorgl\Downloads\068f90b6-af74-48c4-b11d-368f2f09ae2c.tmp</t>
  </si>
  <si>
    <t>7ef835c1-0777-489d-80cd-31c9021ce2e9.tmp</t>
  </si>
  <si>
    <t>\\acsfs\profiles$\victorgl\Downloads\7ef835c1-0777-489d-80cd-31c9021ce2e9.tmp</t>
  </si>
  <si>
    <t>12/31/2019 09:11:39</t>
  </si>
  <si>
    <t>fc8e7315-1640-468e-8c0c-993e19cf4338.tmp</t>
  </si>
  <si>
    <t>\\acsfs\profiles$\victorgl\Downloads\fc8e7315-1640-468e-8c0c-993e19cf4338.tmp</t>
  </si>
  <si>
    <t>12/31/2019 09:12:09</t>
  </si>
  <si>
    <t>12/31/2019 09:13:33</t>
  </si>
  <si>
    <t>12/31/2019 09:12:30</t>
  </si>
  <si>
    <t>12/31/2019 09:11:12</t>
  </si>
  <si>
    <t>12/31/2019 09:10:24</t>
  </si>
  <si>
    <t>a658e02b-aa75-4c48-9bb8-cd8cca2ff9c1.tmp</t>
  </si>
  <si>
    <t>\\acsfs\profiles$\vivianealda\Downloads\a658e02b-aa75-4c48-9bb8-cd8cca2ff9c1.tmp</t>
  </si>
  <si>
    <t>12/31/2019 09:08:53</t>
  </si>
  <si>
    <t>12/31/2019 09:14:33</t>
  </si>
  <si>
    <t>12/31/2019 09:10:53</t>
  </si>
  <si>
    <t>12/31/2019 09:09:14</t>
  </si>
  <si>
    <t>12/31/2019 09:13:14</t>
  </si>
  <si>
    <t>12/31/2019 09:09:06</t>
  </si>
  <si>
    <t>9b4d14cc-6963-4e6a-8be0-f7da26bd2c4a.tmp</t>
  </si>
  <si>
    <t>\\acsfs\profiles$\regisadsa\Downloads\9b4d14cc-6963-4e6a-8be0-f7da26bd2c4a.tmp</t>
  </si>
  <si>
    <t>12/31/2019 09:09:21</t>
  </si>
  <si>
    <t>a0c4a452-40ad-4491-9f47-4b4dda26df3e.tmp</t>
  </si>
  <si>
    <t>\\acsfs\profiles$\regisadsa\Downloads\a0c4a452-40ad-4491-9f47-4b4dda26df3e.tmp</t>
  </si>
  <si>
    <t>12/31/2019 09:10:01</t>
  </si>
  <si>
    <t>12/31/2019 09:15:34</t>
  </si>
  <si>
    <t>390344cc-65c9-411c-9b66-25964c62e71f.tmp</t>
  </si>
  <si>
    <t>\\acsfs\profiles$\bernardopcm\Downloads\390344cc-65c9-411c-9b66-25964c62e71f.tmp</t>
  </si>
  <si>
    <t>12/31/2019 09:15:08</t>
  </si>
  <si>
    <t>D0-67-E5-FF-14-72</t>
  </si>
  <si>
    <t>VOTORANT-AFB005</t>
  </si>
  <si>
    <t>layscb</t>
  </si>
  <si>
    <t>12/31/2019 09:14:31</t>
  </si>
  <si>
    <t>12/31/2019 09:16:34</t>
  </si>
  <si>
    <t>12/31/2019 09:14:13</t>
  </si>
  <si>
    <t>38219d52-2fab-42a0-974d-70b7fa1f1d92.tmp</t>
  </si>
  <si>
    <t>\\acsfs\profiles$\ayalabfi\Downloads\38219d52-2fab-42a0-974d-70b7fa1f1d92.tmp</t>
  </si>
  <si>
    <t>12/31/2019 09:17:34</t>
  </si>
  <si>
    <t>cd636b41-8f73-464d-a0dc-c2a1c0b870d7.tmp</t>
  </si>
  <si>
    <t>\\acsfs\profiles$\danielmlds\Downloads\cd636b41-8f73-464d-a0dc-c2a1c0b870d7.tmp</t>
  </si>
  <si>
    <t>12/31/2019 09:12:34</t>
  </si>
  <si>
    <t>12/31/2019 09:12:35</t>
  </si>
  <si>
    <t>12/31/2019 09:12:36</t>
  </si>
  <si>
    <t>12/31/2019 09:12:37</t>
  </si>
  <si>
    <t>12/31/2019 09:12:38</t>
  </si>
  <si>
    <t>12/31/2019 09:12:39</t>
  </si>
  <si>
    <t>12/31/2019 09:12:40</t>
  </si>
  <si>
    <t>12/31/2019 09:12:41</t>
  </si>
  <si>
    <t>12/31/2019 09:12:42</t>
  </si>
  <si>
    <t>12/31/2019 09:12:43</t>
  </si>
  <si>
    <t>12/31/2019 09:12:44</t>
  </si>
  <si>
    <t>12/31/2019 09:12:45</t>
  </si>
  <si>
    <t>12/31/2019 09:12:46</t>
  </si>
  <si>
    <t>12/31/2019 09:12:47</t>
  </si>
  <si>
    <t>12/31/2019 09:12:48</t>
  </si>
  <si>
    <t>12/31/2019 09:12:49</t>
  </si>
  <si>
    <t>12/31/2019 09:12:50</t>
  </si>
  <si>
    <t>12/31/2019 09:12:51</t>
  </si>
  <si>
    <t>12/31/2019 09:12:52</t>
  </si>
  <si>
    <t>12/31/2019 09:12:53</t>
  </si>
  <si>
    <t>12/31/2019 09:12:54</t>
  </si>
  <si>
    <t>12/31/2019 09:12:55</t>
  </si>
  <si>
    <t>12/31/2019 09:12:56</t>
  </si>
  <si>
    <t>12/31/2019 09:12:57</t>
  </si>
  <si>
    <t>12/31/2019 09:12:58</t>
  </si>
  <si>
    <t>12/31/2019 09:12:59</t>
  </si>
  <si>
    <t>12/31/2019 09:13:00</t>
  </si>
  <si>
    <t>12/31/2019 09:13:01</t>
  </si>
  <si>
    <t>12/31/2019 09:13:02</t>
  </si>
  <si>
    <t>12/31/2019 09:13:34</t>
  </si>
  <si>
    <t>e726756c-3998-4c3d-9eb9-161e55a0c3be.tmp</t>
  </si>
  <si>
    <t>\\acsfs\profiles$\marcosvnds\Downloads\e726756c-3998-4c3d-9eb9-161e55a0c3be.tmp</t>
  </si>
  <si>
    <t>12/31/2019 09:15:02</t>
  </si>
  <si>
    <t>97ef98b0-f5b2-4d34-ae49-38f9a3db8d67.tmp</t>
  </si>
  <si>
    <t>\\acsfs\profiles$\marcosvnds\Downloads\97ef98b0-f5b2-4d34-ae49-38f9a3db8d67.tmp</t>
  </si>
  <si>
    <t>12/31/2019 09:15:20</t>
  </si>
  <si>
    <t>10cf2c82-f08f-4ad8-b6ef-d5b9575ec485.tmp</t>
  </si>
  <si>
    <t>\\acsfs\profiles$\marcosvnds\Downloads\10cf2c82-f08f-4ad8-b6ef-d5b9575ec485.tmp</t>
  </si>
  <si>
    <t>12/31/2019 09:15:52</t>
  </si>
  <si>
    <t>6a6d2816-f0de-491b-b8c5-7f45753e3e63.tmp</t>
  </si>
  <si>
    <t>\\acsfs\profiles$\marcosvnds\Downloads\6a6d2816-f0de-491b-b8c5-7f45753e3e63.tmp</t>
  </si>
  <si>
    <t>12/31/2019 09:15:09</t>
  </si>
  <si>
    <t>12/31/2019 09:18:34</t>
  </si>
  <si>
    <t>12/31/2019 09:15:10</t>
  </si>
  <si>
    <t>lu460565c6841.tmp</t>
  </si>
  <si>
    <t>\\acsfs\profiles$\LUCASBS\RENEG BV\lu460565c6841.tmp</t>
  </si>
  <si>
    <t>\\acsfs\profiles$\LUCASBS\RENEG BV\lu460565c6841.tmp\</t>
  </si>
  <si>
    <t>\\acsfs\profiles$\LUCASBS\RENEG BV\lu460565c6841.tmp\META-INF\</t>
  </si>
  <si>
    <t>\\acsfs\profiles$\LUCASBS\RENEG BV\lu460565c6841.tmp\Thumbnails\</t>
  </si>
  <si>
    <t>12/31/2019 09:15:39</t>
  </si>
  <si>
    <t>\\acsfs\profiles$\LUCASBS\RENEG BV\Consolidado\</t>
  </si>
  <si>
    <t>.~lock.RENEG BV - Venc 20.12.2019 - Lucas.ods#</t>
  </si>
  <si>
    <t>\\acsfs\profiles$\LUCASBS\RENEG BV\Consolidado\.~lock.RENEG BV - Venc 20.12.2019 - Lucas.ods#</t>
  </si>
  <si>
    <t>12/31/2019 09:15:56</t>
  </si>
  <si>
    <t>.~lock.RENEG BV 23-12 Venc 26.12.2019.ods#</t>
  </si>
  <si>
    <t>\\acsfs\profiles$\LUCASBS\RENEG BV\.~lock.RENEG BV 23-12 Venc 26.12.2019.ods#</t>
  </si>
  <si>
    <t>12/31/2019 09:16:08</t>
  </si>
  <si>
    <t>12/31/2019 09:17:50</t>
  </si>
  <si>
    <t>12/31/2019 09:17:22</t>
  </si>
  <si>
    <t>Rap do 17 ft. VMZ _ Dragon Ball Super _ VG Beats _ Prod[1]. by Shuka4Beats.chvj5h8.partial</t>
  </si>
  <si>
    <t>\\acsfs\profiles$\danielta\Downloads\Rap do 17 ft. VMZ _ Dragon Ball Super _ VG Beats _ Prod[1]. by Shuka4Beats.chvj5h8.partial</t>
  </si>
  <si>
    <t>12/31/2019 09:14:24</t>
  </si>
  <si>
    <t>12/31/2019 09:14:54</t>
  </si>
  <si>
    <t>12/31/2019 09:19:34</t>
  </si>
  <si>
    <t>12/31/2019 09:16:53</t>
  </si>
  <si>
    <t>12/31/2019 09:15:14</t>
  </si>
  <si>
    <t>12/31/2019 09:17:15</t>
  </si>
  <si>
    <t>12/31/2019 09:15:13</t>
  </si>
  <si>
    <t>12/31/2019 09:20:33</t>
  </si>
  <si>
    <t>03ee8b8f-0f6c-4f62-976a-61f5b712f673.tmp</t>
  </si>
  <si>
    <t>\\acsfs\profiles$\LAISLG\Downloads\03ee8b8f-0f6c-4f62-976a-61f5b712f673.tmp</t>
  </si>
  <si>
    <t>12/31/2019 09:15:49</t>
  </si>
  <si>
    <t>12/31/2019 09:16:25</t>
  </si>
  <si>
    <t>470203f0-6094-4fcd-b89a-e54747136936.tmp</t>
  </si>
  <si>
    <t>\\acsfs\profiles$\LAISLG\Downloads\470203f0-6094-4fcd-b89a-e54747136936.tmp</t>
  </si>
  <si>
    <t>12/31/2019 09:18:31</t>
  </si>
  <si>
    <t>12/31/2019 09:15:58</t>
  </si>
  <si>
    <t>12/31/2019 09:21:34</t>
  </si>
  <si>
    <t>10.200.66.63</t>
  </si>
  <si>
    <t>12/31/2019 09:17:27</t>
  </si>
  <si>
    <t>12/31/2019 09:22:34</t>
  </si>
  <si>
    <t>09a917e1-804d-409e-966e-9869d7e5465b.tmp</t>
  </si>
  <si>
    <t>\\acsfs\profiles$\gabrielamdp\Downloads\09a917e1-804d-409e-966e-9869d7e5465b.tmp</t>
  </si>
  <si>
    <t>12/31/2019 09:17:28</t>
  </si>
  <si>
    <t>a82cc9a0-d156-4c78-bc10-dd7f6e41f594.tmp</t>
  </si>
  <si>
    <t>\\acsfs\profiles$\gabrielamdp\Downloads\a82cc9a0-d156-4c78-bc10-dd7f6e41f594.tmp</t>
  </si>
  <si>
    <t>12/31/2019 09:17:33</t>
  </si>
  <si>
    <t>32b4ba0f-8e2c-4a6b-8e59-5b404f40902c.tmp</t>
  </si>
  <si>
    <t>\\acsfs\profiles$\gabrielamdp\Downloads\32b4ba0f-8e2c-4a6b-8e59-5b404f40902c.tmp</t>
  </si>
  <si>
    <t>12/31/2019 09:20:16</t>
  </si>
  <si>
    <t>d1fd4ff1-e4d6-4485-bb33-ac9a9309a6e6.tmp</t>
  </si>
  <si>
    <t>\\acsfs\profiles$\gabrielamdp\Downloads\d1fd4ff1-e4d6-4485-bb33-ac9a9309a6e6.tmp</t>
  </si>
  <si>
    <t>12/31/2019 09:18:53</t>
  </si>
  <si>
    <t>12/31/2019 09:23:33</t>
  </si>
  <si>
    <t>585fbeab-fe34-48d4-b12e-fe8064add1bd.tmp</t>
  </si>
  <si>
    <t>\\acsfs\profiles$\ingridsm\Downloads\585fbeab-fe34-48d4-b12e-fe8064add1bd.tmp</t>
  </si>
  <si>
    <t>12/31/2019 09:18:09</t>
  </si>
  <si>
    <t>lu440885crg3k.tmp</t>
  </si>
  <si>
    <t>\\acsfs\profiles$\LUCASBS\RENEG BV\lu440885crg3k.tmp</t>
  </si>
  <si>
    <t>\\acsfs\profiles$\LUCASBS\RENEG BV\lu440885crg3k.tmp\</t>
  </si>
  <si>
    <t>\\acsfs\profiles$\LUCASBS\RENEG BV\lu440885crg3k.tmp\META-INF\</t>
  </si>
  <si>
    <t>\\acsfs\profiles$\LUCASBS\RENEG BV\lu440885crg3k.tmp\Thumbnails\</t>
  </si>
  <si>
    <t>12/31/2019 09:18:44</t>
  </si>
  <si>
    <t>12/31/2019 09:18:45</t>
  </si>
  <si>
    <t>lu440885crg3p.tmp</t>
  </si>
  <si>
    <t>\\acsfs\profiles$\LUCASBS\RENEG BV\lu440885crg3p.tmp</t>
  </si>
  <si>
    <t>\\acsfs\profiles$\LUCASBS\RENEG BV\lu440885crg3p.tmp\</t>
  </si>
  <si>
    <t>\\acsfs\profiles$\LUCASBS\RENEG BV\lu440885crg3p.tmp\META-INF\</t>
  </si>
  <si>
    <t>\\acsfs\profiles$\LUCASBS\RENEG BV\lu440885crg3p.tmp\Thumbnails\</t>
  </si>
  <si>
    <t>12/31/2019 09:18:55</t>
  </si>
  <si>
    <t>12/31/2019 09:20:05</t>
  </si>
  <si>
    <t>.~lock.RENEG BV - 30.12 - Venc 01.01.2020 - Lucas.ods#</t>
  </si>
  <si>
    <t>\\acsfs\profiles$\LUCASBS\RENEG BV\Consolidado\.~lock.RENEG BV - 30.12 - Venc 01.01.2020 - Lucas.ods#</t>
  </si>
  <si>
    <t>12/31/2019 09:20:46</t>
  </si>
  <si>
    <t>12/31/2019 09:22:05</t>
  </si>
  <si>
    <t>12/31/2019 09:22:07</t>
  </si>
  <si>
    <t>lu477525cxeew.tmp</t>
  </si>
  <si>
    <t>\\acsfs\profiles$\LUCASBS\RENEG BV\lu477525cxeew.tmp</t>
  </si>
  <si>
    <t>\\acsfs\profiles$\LUCASBS\RENEG BV\lu477525cxeew.tmp\</t>
  </si>
  <si>
    <t>\\acsfs\profiles$\LUCASBS\RENEG BV\lu477525cxeew.tmp\META-INF\</t>
  </si>
  <si>
    <t>\\acsfs\profiles$\LUCASBS\RENEG BV\lu477525cxeew.tmp\Thumbnails\</t>
  </si>
  <si>
    <t>12/31/2019 09:21:42</t>
  </si>
  <si>
    <t>12/31/2019 09:22:44</t>
  </si>
  <si>
    <t>12/31/2019 09:20:53</t>
  </si>
  <si>
    <t>12/31/2019 09:24:34</t>
  </si>
  <si>
    <t>12/31/2019 09:22:53</t>
  </si>
  <si>
    <t>12/31/2019 09:21:14</t>
  </si>
  <si>
    <t>12/31/2019 09:22:54</t>
  </si>
  <si>
    <t>12/31/2019 09:22:56</t>
  </si>
  <si>
    <t>12/31/2019 09:23:14</t>
  </si>
  <si>
    <t>12/31/2019 09:23:05</t>
  </si>
  <si>
    <t>12/31/2019 09:25:33</t>
  </si>
  <si>
    <t>12/31/2019 09:21:24</t>
  </si>
  <si>
    <t>12/31/2019 09:26:34</t>
  </si>
  <si>
    <t>efba32c0-b68e-438a-b7a2-162426ef3a5b.tmp</t>
  </si>
  <si>
    <t>\\acsfs\profiles$\alinepp\Downloads\efba32c0-b68e-438a-b7a2-162426ef3a5b.tmp</t>
  </si>
  <si>
    <t>12/31/2019 09:22:50</t>
  </si>
  <si>
    <t>430e10a8-48c3-434a-8bd0-0ba9c3fe7738.tmp</t>
  </si>
  <si>
    <t>\\acsfs\profiles$\alinepp\Downloads\430e10a8-48c3-434a-8bd0-0ba9c3fe7738.tmp</t>
  </si>
  <si>
    <t>c692bc43-0789-4b35-bcca-a789c182d729.tmp</t>
  </si>
  <si>
    <t>\\acsfs\profiles$\alinepp\Downloads\c692bc43-0789-4b35-bcca-a789c182d729.tmp</t>
  </si>
  <si>
    <t>12/31/2019 09:25:46</t>
  </si>
  <si>
    <t>12/31/2019 09:25:30</t>
  </si>
  <si>
    <t>12/31/2019 09:28:34</t>
  </si>
  <si>
    <t>12/31/2019 09:27:00</t>
  </si>
  <si>
    <t>\\acsfs\profiles$\LUCASBS\RENEG BV\Consolidado\.~lock.RENEG BV - Venc 26.12.2019 - Lucas.ods#</t>
  </si>
  <si>
    <t>12/31/2019 09:27:19</t>
  </si>
  <si>
    <t>12/31/2019 09:27:20</t>
  </si>
  <si>
    <t>lu451685d3gzz.tmp</t>
  </si>
  <si>
    <t>\\acsfs\profiles$\LUCASBS\RENEG BV\lu451685d3gzz.tmp</t>
  </si>
  <si>
    <t>\\acsfs\profiles$\LUCASBS\RENEG BV\lu451685d3gzz.tmp\</t>
  </si>
  <si>
    <t>\\acsfs\profiles$\LUCASBS\RENEG BV\lu451685d3gzz.tmp\META-INF\</t>
  </si>
  <si>
    <t>\\acsfs\profiles$\LUCASBS\RENEG BV\lu451685d3gzz.tmp\Thumbnails\</t>
  </si>
  <si>
    <t>12/31/2019 09:27:39</t>
  </si>
  <si>
    <t>12/31/2019 09:26:53</t>
  </si>
  <si>
    <t>12/31/2019 09:29:34</t>
  </si>
  <si>
    <t>12/31/2019 09:28:14</t>
  </si>
  <si>
    <t>12/31/2019 09:28:25</t>
  </si>
  <si>
    <t>12/31/2019 09:24:51</t>
  </si>
  <si>
    <t>\\acsfs\DEPTOS\Operacao\PCP\5 - Comum\PLANEJAMENTO BV\22 - BANCO DE DADOS BV\FINANCEIRA\Banco de Dados BV 12-2019.xlsx\</t>
  </si>
  <si>
    <t>\\acsfs\DEPTOS\Operacao\PCP\5 - Comum\JUKA\Login Logout Financeira\Banco de Dados BV 12-2019.xlsx</t>
  </si>
  <si>
    <t>Banco de Dados BV 12-2019.xlsx</t>
  </si>
  <si>
    <t>\\acsfs\DEPTOS\Operacao\PCP\5 - Comum\JUKA\Login Logout Financeira\Banco de Dados BV 12-2019.xlsx\</t>
  </si>
  <si>
    <t>\\acsfs\DEPTOS\Operacao\PCP\5 - Comum\JUKA\Login Logout Financeira\Banco de Dados BV 12-2019.xlsx\:Zone.Identifier:$DATA</t>
  </si>
  <si>
    <t>12/31/2019 09:28:41</t>
  </si>
  <si>
    <t>12/31/2019 09:30:34</t>
  </si>
  <si>
    <t>12/31/2019 09:28:42</t>
  </si>
  <si>
    <t>12/31/2019 09:31:34</t>
  </si>
  <si>
    <t>12/31/2019 09:30:12</t>
  </si>
  <si>
    <t>12/31/2019 09:26:04</t>
  </si>
  <si>
    <t>12/31/2019 09:28:08</t>
  </si>
  <si>
    <t>12/31/2019 09:29:43</t>
  </si>
  <si>
    <t>12/31/2019 09:27:57</t>
  </si>
  <si>
    <t>12/31/2019 09:32:34</t>
  </si>
  <si>
    <t>gustavodsil</t>
  </si>
  <si>
    <t>12/31/2019 09:28:53</t>
  </si>
  <si>
    <t>b6dea420-7cc3-4d27-a7c8-01567ecea694.tmp</t>
  </si>
  <si>
    <t>\\acsfs\profiles$\gabrielhca\Downloads\b6dea420-7cc3-4d27-a7c8-01567ecea694.tmp</t>
  </si>
  <si>
    <t>12/27/2019 14:38:55</t>
  </si>
  <si>
    <t>12/27/2019 14:38:59</t>
  </si>
  <si>
    <t>12/27/2019 14:39:01</t>
  </si>
  <si>
    <t>12/27/2019 14:39:02</t>
  </si>
  <si>
    <t>12/27/2019 14:40:11</t>
  </si>
  <si>
    <t>12/27/2019 14:40:13</t>
  </si>
  <si>
    <t>12/27/2019 14:40:14</t>
  </si>
  <si>
    <t>12/27/2019 14:40:15</t>
  </si>
  <si>
    <t>12/31/2019 09:31:05</t>
  </si>
  <si>
    <t>31649922-0e10-43e8-9143-45fdf8c8b2d9.tmp</t>
  </si>
  <si>
    <t>\\acsfs\profiles$\gabrielamdp\Downloads\31649922-0e10-43e8-9143-45fdf8c8b2d9.tmp</t>
  </si>
  <si>
    <t>12/27/2019 14:40:27</t>
  </si>
  <si>
    <t>12/27/2019 14:40:29</t>
  </si>
  <si>
    <t>12/27/2019 14:40:31</t>
  </si>
  <si>
    <t>12/27/2019 14:40:32</t>
  </si>
  <si>
    <t>12/27/2019 14:40:33</t>
  </si>
  <si>
    <t>12/27/2019 14:40:37</t>
  </si>
  <si>
    <t>12/27/2019 14:40:38</t>
  </si>
  <si>
    <t>12/27/2019 14:41:00</t>
  </si>
  <si>
    <t>12/27/2019 14:41:02</t>
  </si>
  <si>
    <t>12/27/2019 14:41:06</t>
  </si>
  <si>
    <t>12/27/2019 14:41:07</t>
  </si>
  <si>
    <t>12/31/2019 09:33:34</t>
  </si>
  <si>
    <t>12/27/2019 14:41:09</t>
  </si>
  <si>
    <t>12/27/2019 14:41:10</t>
  </si>
  <si>
    <t>12/27/2019 14:41:11</t>
  </si>
  <si>
    <t>12/27/2019 14:41:23</t>
  </si>
  <si>
    <t>12/27/2019 14:41:35</t>
  </si>
  <si>
    <t>12/27/2019 14:42:05</t>
  </si>
  <si>
    <t>12/27/2019 14:42:06</t>
  </si>
  <si>
    <t>12/31/2019 09:27:55</t>
  </si>
  <si>
    <t>12/31/2019 09:29:32</t>
  </si>
  <si>
    <t>.~lock.RENEG BV - Venc 01.01.2020 - Lucas.ods#</t>
  </si>
  <si>
    <t>\\acsfs\profiles$\LUCASBS\RENEG BV\Consolidado\.~lock.RENEG BV - Venc 01.01.2020 - Lucas.ods#</t>
  </si>
  <si>
    <t>12/31/2019 09:30:17</t>
  </si>
  <si>
    <t>12/31/2019 09:30:18</t>
  </si>
  <si>
    <t>lu474165d8nug.tmp</t>
  </si>
  <si>
    <t>\\acsfs\profiles$\LUCASBS\RENEG BV\Consolidado\lu474165d8nug.tmp</t>
  </si>
  <si>
    <t>\\acsfs\profiles$\LUCASBS\RENEG BV\Consolidado\lu474165d8nug.tmp\</t>
  </si>
  <si>
    <t>\\acsfs\profiles$\LUCASBS\RENEG BV\Consolidado\lu474165d8nug.tmp\META-INF\</t>
  </si>
  <si>
    <t>\\acsfs\profiles$\LUCASBS\RENEG BV\Consolidado\lu474165d8nug.tmp\Thumbnails\</t>
  </si>
  <si>
    <t>12/31/2019 09:30:25</t>
  </si>
  <si>
    <t>12/31/2019 09:31:19</t>
  </si>
  <si>
    <t>12/31/2019 09:31:20</t>
  </si>
  <si>
    <t>lu385365d9tgo.tmp</t>
  </si>
  <si>
    <t>\\acsfs\profiles$\LUCASBS\RENEG BV\Consolidado\lu385365d9tgo.tmp</t>
  </si>
  <si>
    <t>\\acsfs\profiles$\LUCASBS\RENEG BV\Consolidado\lu385365d9tgo.tmp\</t>
  </si>
  <si>
    <t>\\acsfs\profiles$\LUCASBS\RENEG BV\Consolidado\lu385365d9tgo.tmp\META-INF\</t>
  </si>
  <si>
    <t>\\acsfs\profiles$\LUCASBS\RENEG BV\Consolidado\lu385365d9tgo.tmp\Thumbnails\</t>
  </si>
  <si>
    <t>12/31/2019 09:31:37</t>
  </si>
  <si>
    <t>12/31/2019 09:32:43</t>
  </si>
  <si>
    <t>12/31/2019 09:32:44</t>
  </si>
  <si>
    <t>lu451885dbby7.tmp</t>
  </si>
  <si>
    <t>\\acsfs\profiles$\LUCASBS\RENEG BV\Consolidado\lu451885dbby7.tmp</t>
  </si>
  <si>
    <t>\\acsfs\profiles$\LUCASBS\RENEG BV\Consolidado\lu451885dbby7.tmp\</t>
  </si>
  <si>
    <t>\\acsfs\profiles$\LUCASBS\RENEG BV\Consolidado\lu451885dbby7.tmp\META-INF\</t>
  </si>
  <si>
    <t>\\acsfs\profiles$\LUCASBS\RENEG BV\Consolidado\lu451885dbby7.tmp\Thumbnails\</t>
  </si>
  <si>
    <t>12/27/2019 14:42:07</t>
  </si>
  <si>
    <t>12/27/2019 14:42:08</t>
  </si>
  <si>
    <t>12/27/2019 14:42:09</t>
  </si>
  <si>
    <t>12/27/2019 14:42:10</t>
  </si>
  <si>
    <t>12/27/2019 14:42:11</t>
  </si>
  <si>
    <t>12/27/2019 14:42:13</t>
  </si>
  <si>
    <t>12/27/2019 14:42:14</t>
  </si>
  <si>
    <t>12/27/2019 14:42:15</t>
  </si>
  <si>
    <t>12/27/2019 14:42:36</t>
  </si>
  <si>
    <t>12/31/2019 09:29:09</t>
  </si>
  <si>
    <t>Rap do 17 ft. VMZ _ Dragon Ball Super _ VG Beats _ Prod[1]. by Shuka4Beats (1).1pqnhvf.partial</t>
  </si>
  <si>
    <t>\\acsfs\profiles$\danielta\Downloads\Rap do 17 ft. VMZ _ Dragon Ball Super _ VG Beats _ Prod[1]. by Shuka4Beats (1).1pqnhvf.partial</t>
  </si>
  <si>
    <t>12/31/2019 09:32:04</t>
  </si>
  <si>
    <t>12/31/2019 09:34:34</t>
  </si>
  <si>
    <t>12/31/2019 09:32:53</t>
  </si>
  <si>
    <t>12/31/2019 09:29:14</t>
  </si>
  <si>
    <t>12/31/2019 09:30:57</t>
  </si>
  <si>
    <t>5f094b01-8c15-4501-b04b-86c20b761e61.tmp</t>
  </si>
  <si>
    <t>\\acsfs\profiles$\gabrieleods\Downloads\5f094b01-8c15-4501-b04b-86c20b761e61.tmp</t>
  </si>
  <si>
    <t>12/31/2019 09:30:58</t>
  </si>
  <si>
    <t>3e9b1c8b-0ea2-402d-a2b5-e8f89fed5e71.tmp</t>
  </si>
  <si>
    <t>\\acsfs\profiles$\gabrieleods\Downloads\3e9b1c8b-0ea2-402d-a2b5-e8f89fed5e71.tmp</t>
  </si>
  <si>
    <t>12/31/2019 09:31:35</t>
  </si>
  <si>
    <t>eb67598c-efd3-4cc7-8d40-35b33586f227.tmp</t>
  </si>
  <si>
    <t>\\acsfs\profiles$\gabrieleods\Downloads\eb67598c-efd3-4cc7-8d40-35b33586f227.tmp</t>
  </si>
  <si>
    <t>12/31/2019 09:33:39</t>
  </si>
  <si>
    <t>8fb2836b-83fc-4365-9f91-424fc3544943.tmp</t>
  </si>
  <si>
    <t>\\acsfs\profiles$\gabrieleods\Downloads\8fb2836b-83fc-4365-9f91-424fc3544943.tmp</t>
  </si>
  <si>
    <t>12/31/2019 09:34:10</t>
  </si>
  <si>
    <t>6bec41a8-caba-45a8-adb6-9cb59358dad0.tmp</t>
  </si>
  <si>
    <t>\\acsfs\profiles$\gabrieleods\Downloads\6bec41a8-caba-45a8-adb6-9cb59358dad0.tmp</t>
  </si>
  <si>
    <t>12/31/2019 09:34:18</t>
  </si>
  <si>
    <t>0c264759-fd17-4e3f-9eae-a158e3b5d8bc.tmp</t>
  </si>
  <si>
    <t>\\acsfs\profiles$\gabrieleods\Downloads\0c264759-fd17-4e3f-9eae-a158e3b5d8bc.tmp</t>
  </si>
  <si>
    <t>12/31/2019 09:32:38</t>
  </si>
  <si>
    <t>12/31/2019 09:35:34</t>
  </si>
  <si>
    <t>12/31/2019 09:32:50</t>
  </si>
  <si>
    <t>12/31/2019 09:33:09</t>
  </si>
  <si>
    <t>12/31/2019 09:33:10</t>
  </si>
  <si>
    <t>12/31/2019 09:33:24</t>
  </si>
  <si>
    <t>12/31/2019 09:33:37</t>
  </si>
  <si>
    <t>12/31/2019 09:34:27</t>
  </si>
  <si>
    <t>12/31/2019 09:34:42</t>
  </si>
  <si>
    <t>12/31/2019 09:36:34</t>
  </si>
  <si>
    <t>12/31/2019 09:35:12</t>
  </si>
  <si>
    <t>12/31/2019 09:35:42</t>
  </si>
  <si>
    <t>12/31/2019 09:32:57</t>
  </si>
  <si>
    <t>12/31/2019 09:38:34</t>
  </si>
  <si>
    <t>12/31/2019 09:33:16</t>
  </si>
  <si>
    <t>12/31/2019 09:33:17</t>
  </si>
  <si>
    <t>lu464885dcwqw.tmp</t>
  </si>
  <si>
    <t>\\acsfs\profiles$\LUCASBS\RENEG BV\Consolidado\lu464885dcwqw.tmp</t>
  </si>
  <si>
    <t>\\acsfs\profiles$\LUCASBS\RENEG BV\Consolidado\lu464885dcwqw.tmp\</t>
  </si>
  <si>
    <t>\\acsfs\profiles$\LUCASBS\RENEG BV\Consolidado\lu464885dcwqw.tmp\META-INF\</t>
  </si>
  <si>
    <t>\\acsfs\profiles$\LUCASBS\RENEG BV\Consolidado\lu464885dcwqw.tmp\Thumbnails\</t>
  </si>
  <si>
    <t>.~lock.RENEG BV - Venc 28.12.2019 - Lucas.ods#</t>
  </si>
  <si>
    <t>\\acsfs\profiles$\LUCASBS\RENEG BV\Consolidado\.~lock.RENEG BV - Venc 28.12.2019 - Lucas.ods#</t>
  </si>
  <si>
    <t>12/31/2019 09:34:21</t>
  </si>
  <si>
    <t>12/31/2019 09:34:22</t>
  </si>
  <si>
    <t>lu431885dduyp.tmp</t>
  </si>
  <si>
    <t>\\acsfs\profiles$\LUCASBS\RENEG BV\Consolidado\lu431885dduyp.tmp</t>
  </si>
  <si>
    <t>\\acsfs\profiles$\LUCASBS\RENEG BV\Consolidado\lu431885dduyp.tmp\</t>
  </si>
  <si>
    <t>\\acsfs\profiles$\LUCASBS\RENEG BV\Consolidado\lu431885dduyp.tmp\META-INF\</t>
  </si>
  <si>
    <t>\\acsfs\profiles$\LUCASBS\RENEG BV\Consolidado\lu431885dduyp.tmp\Thumbnails\</t>
  </si>
  <si>
    <t>12/31/2019 09:36:12</t>
  </si>
  <si>
    <t>12/31/2019 09:34:53</t>
  </si>
  <si>
    <t>12/31/2019 09:39:34</t>
  </si>
  <si>
    <t>12/31/2019 09:34:14</t>
  </si>
  <si>
    <t>12/31/2019 09:35:14</t>
  </si>
  <si>
    <t>12/31/2019 09:35:41</t>
  </si>
  <si>
    <t>12/31/2019 09:38:39</t>
  </si>
  <si>
    <t>12/31/2019 09:39:28</t>
  </si>
  <si>
    <t>12/31/2019 09:40:34</t>
  </si>
  <si>
    <t>12/31/2019 09:37:16</t>
  </si>
  <si>
    <t>3c51e361-b71a-4677-a692-406c144afac1.tmp</t>
  </si>
  <si>
    <t>\\acsfs\profiles$\mariajra\Downloads\3c51e361-b71a-4677-a692-406c144afac1.tmp</t>
  </si>
  <si>
    <t>12/31/2019 09:41:34</t>
  </si>
  <si>
    <t>12/31/2019 09:36:42</t>
  </si>
  <si>
    <t>12/31/2019 09:37:12</t>
  </si>
  <si>
    <t>12/31/2019 09:38:12</t>
  </si>
  <si>
    <t>12/31/2019 09:38:42</t>
  </si>
  <si>
    <t>12/31/2019 09:37:17</t>
  </si>
  <si>
    <t>12/31/2019 09:41:54</t>
  </si>
  <si>
    <t>12/31/2019 09:43:33</t>
  </si>
  <si>
    <t>12/31/2019 09:38:53</t>
  </si>
  <si>
    <t>12/31/2019 09:44:34</t>
  </si>
  <si>
    <t>12/31/2019 09:40:56</t>
  </si>
  <si>
    <t>12/31/2019 09:40:14</t>
  </si>
  <si>
    <t>12/31/2019 09:41:14</t>
  </si>
  <si>
    <t>12/31/2019 09:40:57</t>
  </si>
  <si>
    <t>12/31/2019 09:40:23</t>
  </si>
  <si>
    <t>12/31/2019 09:45:35</t>
  </si>
  <si>
    <t>b6dc3b2f-86d1-4513-9b0f-461cebff945a.tmp</t>
  </si>
  <si>
    <t>\\acsfs\profiles$\LAISLG\Downloads\b6dc3b2f-86d1-4513-9b0f-461cebff945a.tmp</t>
  </si>
  <si>
    <t>12/31/2019 09:41:31</t>
  </si>
  <si>
    <t>12/31/2019 09:41:04</t>
  </si>
  <si>
    <t>10.200.67.14</t>
  </si>
  <si>
    <t>TALITA SANTOS SILVA CASTRO (5375).contact</t>
  </si>
  <si>
    <t>\\acsfs\profiles$\talitassc\Contacts\TALITA SANTOS SILVA CASTRO (5375).contact</t>
  </si>
  <si>
    <t>12/31/2019 09:41:15</t>
  </si>
  <si>
    <t>12/31/2019 09:41:16</t>
  </si>
  <si>
    <t>12/31/2019 09:41:17</t>
  </si>
  <si>
    <t>12/31/2019 09:41:18</t>
  </si>
  <si>
    <t>12/31/2019 09:41:19</t>
  </si>
  <si>
    <t>12/31/2019 09:41:20</t>
  </si>
  <si>
    <t>12/31/2019 09:41:21</t>
  </si>
  <si>
    <t>12/31/2019 09:41:33</t>
  </si>
  <si>
    <t>12/31/2019 09:45:20</t>
  </si>
  <si>
    <t>12/31/2019 09:47:34</t>
  </si>
  <si>
    <t>fee88bbe-3684-4ff9-8470-1abaf3c3ed5d.tmp</t>
  </si>
  <si>
    <t>\\acsfs\profiles$\marcosvnds\Downloads\fee88bbe-3684-4ff9-8470-1abaf3c3ed5d.tmp</t>
  </si>
  <si>
    <t>12/31/2019 09:43:56</t>
  </si>
  <si>
    <t>CURVA NORMAL - 30/12/2019</t>
  </si>
  <si>
    <t>12/31/2019 09:43:57</t>
  </si>
  <si>
    <t>12/31/2019 09:43:58</t>
  </si>
  <si>
    <t>12/31/2019 09:44:01</t>
  </si>
  <si>
    <t>12/31/2019 09:48:34</t>
  </si>
  <si>
    <t>12/31/2019 09:44:02</t>
  </si>
  <si>
    <t>12/31/2019 09:44:03</t>
  </si>
  <si>
    <t>12/31/2019 09:44:04</t>
  </si>
  <si>
    <t>12/31/2019 09:44:05</t>
  </si>
  <si>
    <t>12/31/2019 09:44:06</t>
  </si>
  <si>
    <t>12/31/2019 09:44:07</t>
  </si>
  <si>
    <t>12/31/2019 09:44:08</t>
  </si>
  <si>
    <t>12/31/2019 09:44:09</t>
  </si>
  <si>
    <t>12/31/2019 09:44:10</t>
  </si>
  <si>
    <t>12/31/2019 09:44:11</t>
  </si>
  <si>
    <t>12/31/2019 09:44:12</t>
  </si>
  <si>
    <t>12/31/2019 09:44:13</t>
  </si>
  <si>
    <t>12/31/2019 09:44:14</t>
  </si>
  <si>
    <t>12/31/2019 09:44:15</t>
  </si>
  <si>
    <t>12/31/2019 09:44:16</t>
  </si>
  <si>
    <t>12/31/2019 09:47:54</t>
  </si>
  <si>
    <t>12/31/2019 09:46:14</t>
  </si>
  <si>
    <t>12/31/2019 09:49:34</t>
  </si>
  <si>
    <t>12/31/2019 09:47:14</t>
  </si>
  <si>
    <t>12/31/2019 09:44:54</t>
  </si>
  <si>
    <t>12/31/2019 09:46:55</t>
  </si>
  <si>
    <t>12/31/2019 09:46:18</t>
  </si>
  <si>
    <t>12/31/2019 09:51:34</t>
  </si>
  <si>
    <t>af33d511-f73a-43e1-8371-ccc23fb09d15.tmp</t>
  </si>
  <si>
    <t>\\acsfs\profiles$\alinepp\Downloads\af33d511-f73a-43e1-8371-ccc23fb09d15.tmp</t>
  </si>
  <si>
    <t>12/31/2019 09:47:51</t>
  </si>
  <si>
    <t>f0fa67d5-7d0b-4dad-bcc7-ff2f39045fc4.tmp</t>
  </si>
  <si>
    <t>\\acsfs\profiles$\gabrielafs\Downloads\f0fa67d5-7d0b-4dad-bcc7-ff2f39045fc4.tmp</t>
  </si>
  <si>
    <t>eb0b9a25-7d15-4870-8968-8f139a40767e.tmp</t>
  </si>
  <si>
    <t>\\acsfs\profiles$\gabrielafs\Downloads\eb0b9a25-7d15-4870-8968-8f139a40767e.tmp</t>
  </si>
  <si>
    <t>12/31/2019 09:47:55</t>
  </si>
  <si>
    <t>8ad7a619-a813-4094-baaa-483b2275ad8f.tmp</t>
  </si>
  <si>
    <t>\\acsfs\profiles$\gabrielafs\Downloads\8ad7a619-a813-4094-baaa-483b2275ad8f.tmp</t>
  </si>
  <si>
    <t>1b0799e7-f43d-441c-bfd6-0b138c2b4ddd.tmp</t>
  </si>
  <si>
    <t>\\acsfs\profiles$\gabrielafs\Downloads\1b0799e7-f43d-441c-bfd6-0b138c2b4ddd.tmp</t>
  </si>
  <si>
    <t>12/31/2019 09:51:29</t>
  </si>
  <si>
    <t>12/31/2019 09:52:34</t>
  </si>
  <si>
    <t>558c52f8-5218-4bf3-867c-11ec44a7638b.tmp</t>
  </si>
  <si>
    <t>\\acsfs\profiles$\marcosvnds\Downloads\558c52f8-5218-4bf3-867c-11ec44a7638b.tmp</t>
  </si>
  <si>
    <t>12/31/2019 09:49:37</t>
  </si>
  <si>
    <t>12/31/2019 09:53:34</t>
  </si>
  <si>
    <t>12/31/2019 09:52:10</t>
  </si>
  <si>
    <t>68333b71-b0f2-4ae1-9701-f3f07a476286.tmp</t>
  </si>
  <si>
    <t>\\acsfs\profiles$\kellzylenneasr\Downloads\68333b71-b0f2-4ae1-9701-f3f07a476286.tmp</t>
  </si>
  <si>
    <t>12/31/2019 09:52:38</t>
  </si>
  <si>
    <t>12/31/2019 09:52:56</t>
  </si>
  <si>
    <t>12/30/2019 16:24:57</t>
  </si>
  <si>
    <t>12/31/2019 09:54:34</t>
  </si>
  <si>
    <t>12/31/2019 09:52:15</t>
  </si>
  <si>
    <t>12/31/2019 09:53:14</t>
  </si>
  <si>
    <t>12/31/2019 09:50:53</t>
  </si>
  <si>
    <t>12/31/2019 09:52:53</t>
  </si>
  <si>
    <t>12/31/2019 09:50:15</t>
  </si>
  <si>
    <t>\\acsfs\DEPTOS\Operacao\PCP\5 - Comum\JUKA\Login Logout Financeira\Pausas.xlsx</t>
  </si>
  <si>
    <t>12/31/2019 09:53:45</t>
  </si>
  <si>
    <t>12/31/2019 09:51:30</t>
  </si>
  <si>
    <t>12/31/2019 09:55:35</t>
  </si>
  <si>
    <t>12/31/2019 09:53:38</t>
  </si>
  <si>
    <t>12/31/2019 09:57:35</t>
  </si>
  <si>
    <t>ec21e57f-ff35-4eab-a05c-2f0c93eb397e.tmp</t>
  </si>
  <si>
    <t>\\acsfs\profiles$\matheushds\Downloads\ec21e57f-ff35-4eab-a05c-2f0c93eb397e.tmp</t>
  </si>
  <si>
    <t>12/31/2019 09:54:54</t>
  </si>
  <si>
    <t>143137bc-3429-423f-bbd9-fc3afa3fe4cf.tmp</t>
  </si>
  <si>
    <t>\\acsfs\profiles$\matheushds\Downloads\143137bc-3429-423f-bbd9-fc3afa3fe4cf.tmp</t>
  </si>
  <si>
    <t>12/31/2019 09:55:07</t>
  </si>
  <si>
    <t>30192920-55b4-4f3e-b0a1-9e80e14340d3.tmp</t>
  </si>
  <si>
    <t>\\acsfs\profiles$\matheushds\Downloads\30192920-55b4-4f3e-b0a1-9e80e14340d3.tmp</t>
  </si>
  <si>
    <t>12/31/2019 09:58:35</t>
  </si>
  <si>
    <t>1e9238aa-b717-4de6-8ee5-3af6c9a2bd17.tmp</t>
  </si>
  <si>
    <t>\\acsfs\profiles$\kellzylenneasr\Downloads\1e9238aa-b717-4de6-8ee5-3af6c9a2bd17.tmp</t>
  </si>
  <si>
    <t>12/31/2019 09:58:14</t>
  </si>
  <si>
    <t>12/31/2019 09:59:35</t>
  </si>
  <si>
    <t>12/31/2019 09:56:24</t>
  </si>
  <si>
    <t>12/31/2019 09:56:54</t>
  </si>
  <si>
    <t>12/31/2019 09:59:08</t>
  </si>
  <si>
    <t>12/31/2019 09:59:10</t>
  </si>
  <si>
    <t>12/31/2019 09:59:14</t>
  </si>
  <si>
    <t>12/31/2019 09:59:16</t>
  </si>
  <si>
    <t>12/31/2019 09:59:17</t>
  </si>
  <si>
    <t>12/31/2019 09:59:18</t>
  </si>
  <si>
    <t>12/31/2019 09:59:19</t>
  </si>
  <si>
    <t>12/31/2019 09:59:20</t>
  </si>
  <si>
    <t>12/31/2019 09:59:21</t>
  </si>
  <si>
    <t>12/31/2019 09:58:10</t>
  </si>
  <si>
    <t>12/31/2019 10:00:36</t>
  </si>
  <si>
    <t>12/31/2019 09:58:12</t>
  </si>
  <si>
    <t>12/31/2019 09:58:13</t>
  </si>
  <si>
    <t>12/31/2019 09:58:15</t>
  </si>
  <si>
    <t>12/31/2019 09:58:58</t>
  </si>
  <si>
    <t>12/31/2019 10:02:35</t>
  </si>
  <si>
    <t>c90fd534-04fc-4382-a98f-eecb75c2a364.tmp</t>
  </si>
  <si>
    <t>\\acsfs\profiles$\matheushds\Downloads\c90fd534-04fc-4382-a98f-eecb75c2a364.tmp</t>
  </si>
  <si>
    <t>12/31/2019 09:59:50</t>
  </si>
  <si>
    <t>12/31/2019 10:00:28</t>
  </si>
  <si>
    <t>bd1acfe1-6709-424c-a1e5-450e239e3bf8.tmp</t>
  </si>
  <si>
    <t>\\acsfs\profiles$\victorgl\Downloads\bd1acfe1-6709-424c-a1e5-450e239e3bf8.tmp</t>
  </si>
  <si>
    <t>12/31/2019 10:00:13</t>
  </si>
  <si>
    <t>12/31/2019 10:03:35</t>
  </si>
  <si>
    <t>12/31/2019 10:00:52</t>
  </si>
  <si>
    <t>12/31/2019 10:00:53</t>
  </si>
  <si>
    <t>lu585167by2jd.tmp</t>
  </si>
  <si>
    <t>\\acsfs\profiles$\BRUNAAR\Numero\lu585167by2jd.tmp</t>
  </si>
  <si>
    <t>12/31/2019 10:02:49</t>
  </si>
  <si>
    <t>12/31/2019 10:02:26</t>
  </si>
  <si>
    <t>12/31/2019 10:04:36</t>
  </si>
  <si>
    <t>12/31/2019 10:00:22</t>
  </si>
  <si>
    <t>12/31/2019 10:00:30</t>
  </si>
  <si>
    <t>12/31/2019 10:00:35</t>
  </si>
  <si>
    <t>12/31/2019 09:58:54</t>
  </si>
  <si>
    <t>12/31/2019 10:02:53</t>
  </si>
  <si>
    <t>12/31/2019 09:59:23</t>
  </si>
  <si>
    <t>12/31/2019 09:59:24</t>
  </si>
  <si>
    <t>12/31/2019 09:59:25</t>
  </si>
  <si>
    <t>12/31/2019 09:59:26</t>
  </si>
  <si>
    <t>12/31/2019 09:59:28</t>
  </si>
  <si>
    <t>12/31/2019 09:59:30</t>
  </si>
  <si>
    <t>12/31/2019 09:59:32</t>
  </si>
  <si>
    <t>12/31/2019 09:59:34</t>
  </si>
  <si>
    <t>12/31/2019 09:59:37</t>
  </si>
  <si>
    <t>12/31/2019 09:59:38</t>
  </si>
  <si>
    <t>12/31/2019 09:59:39</t>
  </si>
  <si>
    <t>12/31/2019 09:59:40</t>
  </si>
  <si>
    <t>12/31/2019 09:59:41</t>
  </si>
  <si>
    <t>12/31/2019 09:59:42</t>
  </si>
  <si>
    <t>12/31/2019 09:59:43</t>
  </si>
  <si>
    <t>12/31/2019 09:59:44</t>
  </si>
  <si>
    <t>12/31/2019 09:59:46</t>
  </si>
  <si>
    <t>12/31/2019 09:59:47</t>
  </si>
  <si>
    <t>12/31/2019 09:59:49</t>
  </si>
  <si>
    <t>12/31/2019 09:59:51</t>
  </si>
  <si>
    <t>12/31/2019 09:59:52</t>
  </si>
  <si>
    <t>12/31/2019 09:59:53</t>
  </si>
  <si>
    <t>12/31/2019 09:59:54</t>
  </si>
  <si>
    <t>12/31/2019 09:59:56</t>
  </si>
  <si>
    <t>12/31/2019 09:59:57</t>
  </si>
  <si>
    <t>12/31/2019 09:59:59</t>
  </si>
  <si>
    <t>12/31/2019 10:00:00</t>
  </si>
  <si>
    <t>12/31/2019 10:00:01</t>
  </si>
  <si>
    <t>12/31/2019 10:00:02</t>
  </si>
  <si>
    <t>12/31/2019 10:00:19</t>
  </si>
  <si>
    <t>winrt--{S-1-5-21-602162358-764733703-839522115-358571}-.searchconnector-ms</t>
  </si>
  <si>
    <t>\\acsfs\profiles$\regisedsj\Searches\winrt--{S-1-5-21-602162358-764733703-839522115-358571}-.searchconnector-ms</t>
  </si>
  <si>
    <t>12/31/2019 10:01:53</t>
  </si>
  <si>
    <t>11a2c13b-3a9b-4277-9d2d-d325327be2a1.tmp</t>
  </si>
  <si>
    <t>\\acsfs\profiles$\regisedsj\Downloads\11a2c13b-3a9b-4277-9d2d-d325327be2a1.tmp</t>
  </si>
  <si>
    <t>69777bd0-fc49-4317-b05b-a0d1ca95b52f.tmp</t>
  </si>
  <si>
    <t>\\acsfs\profiles$\regisedsj\Downloads\69777bd0-fc49-4317-b05b-a0d1ca95b52f.tmp</t>
  </si>
  <si>
    <t>12/31/2019 10:03:18</t>
  </si>
  <si>
    <t>8d70052c-c0f8-442f-af73-42f81fc21db6.tmp</t>
  </si>
  <si>
    <t>\\acsfs\profiles$\regisedsj\Downloads\8d70052c-c0f8-442f-af73-42f81fc21db6.tmp</t>
  </si>
  <si>
    <t>12/31/2019 10:07:42</t>
  </si>
  <si>
    <t>12/31/2019 10:08:37</t>
  </si>
  <si>
    <t>1c96cc08-0d89-40ae-b0be-4f040ac4f488.tmp</t>
  </si>
  <si>
    <t>\\acsfs\profiles$\vivianealda\Downloads\1c96cc08-0d89-40ae-b0be-4f040ac4f488.tmp</t>
  </si>
  <si>
    <t>12/31/2019 10:04:14</t>
  </si>
  <si>
    <t>12/31/2019 10:09:36</t>
  </si>
  <si>
    <t>12/31/2019 10:05:14</t>
  </si>
  <si>
    <t>12/31/2019 10:07:19</t>
  </si>
  <si>
    <t>12/31/2019 10:07:26</t>
  </si>
  <si>
    <t>12/31/2019 10:07:31</t>
  </si>
  <si>
    <t>12/31/2019 10:07:34</t>
  </si>
  <si>
    <t>12/31/2019 10:04:53</t>
  </si>
  <si>
    <t>12/31/2019 10:08:56</t>
  </si>
  <si>
    <t>12/31/2019 10:09:38</t>
  </si>
  <si>
    <t>12/31/2019 10:10:36</t>
  </si>
  <si>
    <t>12/31/2019 10:10:09</t>
  </si>
  <si>
    <t>12/31/2019 10:12:36</t>
  </si>
  <si>
    <t>552be74d-05ea-4c7f-80e6-0e441b3c1442.tmp</t>
  </si>
  <si>
    <t>\\acsfs\profiles$\maxmillianosv\Downloads\552be74d-05ea-4c7f-80e6-0e441b3c1442.tmp</t>
  </si>
  <si>
    <t>12/31/2019 10:11:21</t>
  </si>
  <si>
    <t>d37147ff-afab-4ac8-984d-24fd5a5ce381.tmp</t>
  </si>
  <si>
    <t>\\acsfs\profiles$\maxmillianosv\Downloads\d37147ff-afab-4ac8-984d-24fd5a5ce381.tmp</t>
  </si>
  <si>
    <t>12/31/2019 10:11:22</t>
  </si>
  <si>
    <t>4e2c7062-3a94-42d2-b5d5-3b90de60ba47.tmp</t>
  </si>
  <si>
    <t>\\acsfs\profiles$\maxmillianosv\Downloads\4e2c7062-3a94-42d2-b5d5-3b90de60ba47.tmp</t>
  </si>
  <si>
    <t>12/31/2019 10:11:45</t>
  </si>
  <si>
    <t>24aac937-1ff3-4f89-9951-0422c38aa7fa.tmp</t>
  </si>
  <si>
    <t>\\acsfs\profiles$\maxmillianosv\Downloads\24aac937-1ff3-4f89-9951-0422c38aa7fa.tmp</t>
  </si>
  <si>
    <t>12/31/2019 10:11:49</t>
  </si>
  <si>
    <t>d3eb8e23-fbbc-4268-aee4-8a8f4eff7020.tmp</t>
  </si>
  <si>
    <t>\\acsfs\profiles$\maxmillianosv\Downloads\d3eb8e23-fbbc-4268-aee4-8a8f4eff7020.tmp</t>
  </si>
  <si>
    <t>12/31/2019 10:11:55</t>
  </si>
  <si>
    <t>2bc2a9d2-1f07-4199-ad47-65a43af41b84.tmp</t>
  </si>
  <si>
    <t>\\acsfs\profiles$\maxmillianosv\Downloads\2bc2a9d2-1f07-4199-ad47-65a43af41b84.tmp</t>
  </si>
  <si>
    <t>12/31/2019 10:10:48</t>
  </si>
  <si>
    <t>63711a17-ea23-4aa3-bbb1-f1de91b48685.tmp</t>
  </si>
  <si>
    <t>\\acsfs\profiles$\MATEUSJM\Downloads\63711a17-ea23-4aa3-bbb1-f1de91b48685.tmp</t>
  </si>
  <si>
    <t>12/31/2019 10:10:55</t>
  </si>
  <si>
    <t>12/31/2019 10:11:16</t>
  </si>
  <si>
    <t>12/31/2019 10:13:36</t>
  </si>
  <si>
    <t>e2560c31-2b79-475f-a74b-c460cfa7194d.tmp</t>
  </si>
  <si>
    <t>\\acsfs\profiles$\ingridsm\Downloads\e2560c31-2b79-475f-a74b-c460cfa7194d.tmp</t>
  </si>
  <si>
    <t>12/31/2019 10:10:22</t>
  </si>
  <si>
    <t>12/31/2019 10:12:04</t>
  </si>
  <si>
    <t>4247053e-d3be-4b6a-be40-7ef20c7b908d.tmp</t>
  </si>
  <si>
    <t>\\acsfs\profiles$\jonatanls\Downloads\4247053e-d3be-4b6a-be40-7ef20c7b908d.tmp</t>
  </si>
  <si>
    <t>12/31/2019 10:12:54</t>
  </si>
  <si>
    <t>$IXKVVKN.pdf</t>
  </si>
  <si>
    <t>\\acsfs\profiles$\jonatanls\Downloads\$RECYCLE.BIN\$IXKVVKN.pdf</t>
  </si>
  <si>
    <t>12/31/2019 10:12:55</t>
  </si>
  <si>
    <t>$IGG8SQC.pdf</t>
  </si>
  <si>
    <t>\\acsfs\profiles$\jonatanls\Downloads\$RECYCLE.BIN\$IGG8SQC.pdf</t>
  </si>
  <si>
    <t>$IVLQJMS.pdf</t>
  </si>
  <si>
    <t>\\acsfs\profiles$\jonatanls\Downloads\$RECYCLE.BIN\$IVLQJMS.pdf</t>
  </si>
  <si>
    <t>12/31/2019 10:13:12</t>
  </si>
  <si>
    <t>86208901-9c76-4f30-b18f-99525acaf9f3.tmp</t>
  </si>
  <si>
    <t>\\acsfs\profiles$\jonatanls\Downloads\86208901-9c76-4f30-b18f-99525acaf9f3.tmp</t>
  </si>
  <si>
    <t>12/31/2019 10:09:48</t>
  </si>
  <si>
    <t>09e7e54e-7914-4315-a6af-fca9827ab2fa.tmp</t>
  </si>
  <si>
    <t>\\acsfs\profiles$\claudiajca\Downloads\09e7e54e-7914-4315-a6af-fca9827ab2fa.tmp</t>
  </si>
  <si>
    <t>12/31/2019 10:10:14</t>
  </si>
  <si>
    <t>12/31/2019 10:14:36</t>
  </si>
  <si>
    <t>12/31/2019 10:11:14</t>
  </si>
  <si>
    <t>12/31/2019 10:11:05</t>
  </si>
  <si>
    <t>12/31/2019 10:11:29</t>
  </si>
  <si>
    <t>12/31/2019 10:10:53</t>
  </si>
  <si>
    <t>12/31/2019 10:15:12</t>
  </si>
  <si>
    <t>12/31/2019 10:16:36</t>
  </si>
  <si>
    <t>12/31/2019 10:12:37</t>
  </si>
  <si>
    <t>12/31/2019 10:17:36</t>
  </si>
  <si>
    <t>12/31/2019 10:12:38</t>
  </si>
  <si>
    <t>12/31/2019 10:12:39</t>
  </si>
  <si>
    <t>12/31/2019 10:12:40</t>
  </si>
  <si>
    <t>12/31/2019 10:12:41</t>
  </si>
  <si>
    <t>12/31/2019 10:12:42</t>
  </si>
  <si>
    <t>12/31/2019 10:12:43</t>
  </si>
  <si>
    <t>12/31/2019 10:12:44</t>
  </si>
  <si>
    <t>12/31/2019 10:12:45</t>
  </si>
  <si>
    <t>12/31/2019 10:12:46</t>
  </si>
  <si>
    <t>12/31/2019 10:12:47</t>
  </si>
  <si>
    <t>12/31/2019 10:12:48</t>
  </si>
  <si>
    <t>12/31/2019 10:12:49</t>
  </si>
  <si>
    <t>12/31/2019 10:12:50</t>
  </si>
  <si>
    <t>12/31/2019 10:12:51</t>
  </si>
  <si>
    <t>3b8dd775-f279-468b-b989-f4d8e822274d.tmp</t>
  </si>
  <si>
    <t>\\acsfs\profiles$\maxmillianosv\Downloads\3b8dd775-f279-468b-b989-f4d8e822274d.tmp</t>
  </si>
  <si>
    <t>12/31/2019 10:13:28</t>
  </si>
  <si>
    <t>12/31/2019 10:13:06</t>
  </si>
  <si>
    <t>c8459c54-ac52-4ede-8fb6-481cf97067d3.tmp</t>
  </si>
  <si>
    <t>\\acsfs\profiles$\MATEUSJM\Downloads\c8459c54-ac52-4ede-8fb6-481cf97067d3.tmp</t>
  </si>
  <si>
    <t>12/31/2019 10:15:29</t>
  </si>
  <si>
    <t>f63ecc3b-80df-4830-89be-38e2587b514c.tmp</t>
  </si>
  <si>
    <t>\\acsfs\profiles$\MATEUSJM\Downloads\f63ecc3b-80df-4830-89be-38e2587b514c.tmp</t>
  </si>
  <si>
    <t>12/31/2019 10:14:24</t>
  </si>
  <si>
    <t>12/31/2019 10:18:36</t>
  </si>
  <si>
    <t>12/31/2019 10:13:30</t>
  </si>
  <si>
    <t>$INMKGGI.pdf</t>
  </si>
  <si>
    <t>\\acsfs\profiles$\jonatanls\Downloads\$RECYCLE.BIN\$INMKGGI.pdf</t>
  </si>
  <si>
    <t>$IFCVMUV.pdf</t>
  </si>
  <si>
    <t>\\acsfs\profiles$\jonatanls\Downloads\$RECYCLE.BIN\$IFCVMUV.pdf</t>
  </si>
  <si>
    <t>12/31/2019 10:13:31</t>
  </si>
  <si>
    <t>$IMB43KF.pdf</t>
  </si>
  <si>
    <t>\\acsfs\profiles$\jonatanls\Downloads\$RECYCLE.BIN\$IMB43KF.pdf</t>
  </si>
  <si>
    <t>$IB0YK5H.pdf</t>
  </si>
  <si>
    <t>\\acsfs\profiles$\jonatanls\Downloads\$RECYCLE.BIN\$IB0YK5H.pdf</t>
  </si>
  <si>
    <t>12/31/2019 10:15:25</t>
  </si>
  <si>
    <t>663ba433-cd61-4f62-9ddc-7135e77d3c00.tmp</t>
  </si>
  <si>
    <t>\\acsfs\profiles$\ANAPDSB\Downloads\663ba433-cd61-4f62-9ddc-7135e77d3c00.tmp</t>
  </si>
  <si>
    <t>12/31/2019 10:16:57</t>
  </si>
  <si>
    <t>12/31/2019 10:16:14</t>
  </si>
  <si>
    <t>12/31/2019 10:19:36</t>
  </si>
  <si>
    <t>12/31/2019 10:17:14</t>
  </si>
  <si>
    <t>12/31/2019 10:14:53</t>
  </si>
  <si>
    <t>12/31/2019 10:16:54</t>
  </si>
  <si>
    <t>12/31/2019 10:18:47</t>
  </si>
  <si>
    <t>12/31/2019 10:18:32</t>
  </si>
  <si>
    <t>12/31/2019 10:15:44</t>
  </si>
  <si>
    <t>12/31/2019 10:20:36</t>
  </si>
  <si>
    <t>366176d0-70b6-475a-9f82-128a749c0a91.tmp</t>
  </si>
  <si>
    <t>\\acsfs\profiles$\brendadsl\Downloads\366176d0-70b6-475a-9f82-128a749c0a91.tmp</t>
  </si>
  <si>
    <t>12/31/2019 10:16:17</t>
  </si>
  <si>
    <t>780e8199-1c3d-43e9-91db-635755acf338.tmp</t>
  </si>
  <si>
    <t>\\acsfs\profiles$\brendadsl\Downloads\780e8199-1c3d-43e9-91db-635755acf338.tmp</t>
  </si>
  <si>
    <t>12/31/2019 10:16:33</t>
  </si>
  <si>
    <t>2bb8d5a5-0812-4e75-a74f-f0cac107ad7c.tmp</t>
  </si>
  <si>
    <t>\\acsfs\profiles$\brendadsl\Downloads\2bb8d5a5-0812-4e75-a74f-f0cac107ad7c.tmp</t>
  </si>
  <si>
    <t>12/31/2019 10:17:52</t>
  </si>
  <si>
    <t>RELATÓRIO FATURAMENTO 01.12.2019 A 31.12.2019.xlsx</t>
  </si>
  <si>
    <t>12/31/2019 10:20:12</t>
  </si>
  <si>
    <t>12/31/2019 10:21:36</t>
  </si>
  <si>
    <t>12/31/2019 10:20:42</t>
  </si>
  <si>
    <t>12/31/2019 10:18:00</t>
  </si>
  <si>
    <t>12/31/2019 10:19:02</t>
  </si>
  <si>
    <t>12/31/2019 10:22:14</t>
  </si>
  <si>
    <t>12/31/2019 10:24:36</t>
  </si>
  <si>
    <t>12/31/2019 10:23:14</t>
  </si>
  <si>
    <t>12/31/2019 10:20:53</t>
  </si>
  <si>
    <t>12/31/2019 10:22:54</t>
  </si>
  <si>
    <t>12/31/2019 10:20:22</t>
  </si>
  <si>
    <t>12/31/2019 10:25:36</t>
  </si>
  <si>
    <t>da453bbb-2044-4f2c-96b8-80565db4ad1f.tmp</t>
  </si>
  <si>
    <t>\\acsfs\profiles$\bernardopcm\Downloads\da453bbb-2044-4f2c-96b8-80565db4ad1f.tmp</t>
  </si>
  <si>
    <t>12/31/2019 10:21:12</t>
  </si>
  <si>
    <t>12/31/2019 10:26:36</t>
  </si>
  <si>
    <t>12/31/2019 10:21:42</t>
  </si>
  <si>
    <t>12/31/2019 10:24:11</t>
  </si>
  <si>
    <t>12/31/2019 10:23:56</t>
  </si>
  <si>
    <t>12/31/2019 10:27:36</t>
  </si>
  <si>
    <t>12/31/2019 10:26:21</t>
  </si>
  <si>
    <t>54233b7d-5efe-4a84-a276-0ecadce6cd62.tmp</t>
  </si>
  <si>
    <t>\\acsfs\profiles$\marcosvnds\Downloads\54233b7d-5efe-4a84-a276-0ecadce6cd62.tmp</t>
  </si>
  <si>
    <t>12/31/2019 10:22:29</t>
  </si>
  <si>
    <t>12/31/2019 10:28:14</t>
  </si>
  <si>
    <t>12/31/2019 10:29:36</t>
  </si>
  <si>
    <t>12/31/2019 10:26:54</t>
  </si>
  <si>
    <t>12/31/2019 10:28:45</t>
  </si>
  <si>
    <t>12/31/2019 10:28:54</t>
  </si>
  <si>
    <t>12/31/2019 10:28:57</t>
  </si>
  <si>
    <t>12/31/2019 10:29:01</t>
  </si>
  <si>
    <t>12/31/2019 10:29:48</t>
  </si>
  <si>
    <t>12/31/2019 10:31:37</t>
  </si>
  <si>
    <t>12/31/2019 10:29:51</t>
  </si>
  <si>
    <t>12/31/2019 10:29:52</t>
  </si>
  <si>
    <t>12/31/2019 10:29:53</t>
  </si>
  <si>
    <t>12/31/2019 10:29:54</t>
  </si>
  <si>
    <t>12/31/2019 10:29:56</t>
  </si>
  <si>
    <t>12/31/2019 10:29:57</t>
  </si>
  <si>
    <t>12/31/2019 10:29:58</t>
  </si>
  <si>
    <t>12/31/2019 10:29:59</t>
  </si>
  <si>
    <t>12/31/2019 10:30:00</t>
  </si>
  <si>
    <t>12/31/2019 10:30:01</t>
  </si>
  <si>
    <t>12/31/2019 10:30:02</t>
  </si>
  <si>
    <t>12/31/2019 10:30:03</t>
  </si>
  <si>
    <t>12/31/2019 10:30:05</t>
  </si>
  <si>
    <t>12/31/2019 10:30:07</t>
  </si>
  <si>
    <t>12/31/2019 10:30:09</t>
  </si>
  <si>
    <t>12/31/2019 10:30:10</t>
  </si>
  <si>
    <t>12/31/2019 10:30:12</t>
  </si>
  <si>
    <t>12/31/2019 10:30:13</t>
  </si>
  <si>
    <t>12/31/2019 10:30:14</t>
  </si>
  <si>
    <t>12/31/2019 10:30:15</t>
  </si>
  <si>
    <t>12/31/2019 10:30:17</t>
  </si>
  <si>
    <t>12/31/2019 10:30:18</t>
  </si>
  <si>
    <t>12/31/2019 10:30:19</t>
  </si>
  <si>
    <t>12/31/2019 10:30:20</t>
  </si>
  <si>
    <t>12/31/2019 10:30:21</t>
  </si>
  <si>
    <t>12/31/2019 10:30:22</t>
  </si>
  <si>
    <t>12/31/2019 10:30:23</t>
  </si>
  <si>
    <t>12/31/2019 10:30:24</t>
  </si>
  <si>
    <t>12/31/2019 10:30:25</t>
  </si>
  <si>
    <t>12/31/2019 10:30:26</t>
  </si>
  <si>
    <t>12/31/2019 10:30:27</t>
  </si>
  <si>
    <t>12/31/2019 10:30:29</t>
  </si>
  <si>
    <t>12/31/2019 10:30:30</t>
  </si>
  <si>
    <t>12/31/2019 10:30:31</t>
  </si>
  <si>
    <t>12/31/2019 10:30:33</t>
  </si>
  <si>
    <t>12/31/2019 10:30:35</t>
  </si>
  <si>
    <t>12/31/2019 10:30:36</t>
  </si>
  <si>
    <t>12/31/2019 10:30:59</t>
  </si>
  <si>
    <t>12/31/2019 10:31:49</t>
  </si>
  <si>
    <t>12/31/2019 10:32:36</t>
  </si>
  <si>
    <t>12/31/2019 10:32:10</t>
  </si>
  <si>
    <t>12/31/2019 10:29:14</t>
  </si>
  <si>
    <t>12/31/2019 10:34:36</t>
  </si>
  <si>
    <t>12/31/2019 10:29:18</t>
  </si>
  <si>
    <t>12/31/2019 10:31:03</t>
  </si>
  <si>
    <t>12/31/2019 10:31:09</t>
  </si>
  <si>
    <t>12/31/2019 10:31:19</t>
  </si>
  <si>
    <t>12/31/2019 10:31:33</t>
  </si>
  <si>
    <t>12/31/2019 10:31:55</t>
  </si>
  <si>
    <t>12/31/2019 10:31:59</t>
  </si>
  <si>
    <t>12/31/2019 10:32:54</t>
  </si>
  <si>
    <t>12/31/2019 10:32:49</t>
  </si>
  <si>
    <t>12/31/2019 10:35:36</t>
  </si>
  <si>
    <t>12/31/2019 10:34:03</t>
  </si>
  <si>
    <t>12/31/2019 10:35:28</t>
  </si>
  <si>
    <t>12/31/2019 10:36:36</t>
  </si>
  <si>
    <t>1f7efcc3-5067-4e66-b977-104edf2cf5eb.tmp</t>
  </si>
  <si>
    <t>\\acsfs\profiles$\alinepp\Downloads\1f7efcc3-5067-4e66-b977-104edf2cf5eb.tmp</t>
  </si>
  <si>
    <t>12/31/2019 10:31:52</t>
  </si>
  <si>
    <t>12/31/2019 10:36:38</t>
  </si>
  <si>
    <t>12/31/2019 10:37:36</t>
  </si>
  <si>
    <t>12/31/2019 10:34:28</t>
  </si>
  <si>
    <t>12/31/2019 10:35:17</t>
  </si>
  <si>
    <t>12/31/2019 10:33:12</t>
  </si>
  <si>
    <t>12/31/2019 10:38:36</t>
  </si>
  <si>
    <t>12/31/2019 10:34:14</t>
  </si>
  <si>
    <t>12/31/2019 10:39:36</t>
  </si>
  <si>
    <t>12/31/2019 10:35:14</t>
  </si>
  <si>
    <t>12/31/2019 10:34:54</t>
  </si>
  <si>
    <t>12/31/2019 10:35:35</t>
  </si>
  <si>
    <t>12/31/2019 10:35:46</t>
  </si>
  <si>
    <t>12/31/2019 10:35:52</t>
  </si>
  <si>
    <t>12/31/2019 10:35:53</t>
  </si>
  <si>
    <t>12/31/2019 10:35:56</t>
  </si>
  <si>
    <t>12/31/2019 10:38:57</t>
  </si>
  <si>
    <t>12/31/2019 10:40:36</t>
  </si>
  <si>
    <t>12/31/2019 10:36:57</t>
  </si>
  <si>
    <t>5ecaef99-952f-404b-938b-66c24dc86713.tmp</t>
  </si>
  <si>
    <t>\\acsfs\profiles$\nathaliarmr\Downloads\5ecaef99-952f-404b-938b-66c24dc86713.tmp</t>
  </si>
  <si>
    <t>12/31/2019 10:38:35</t>
  </si>
  <si>
    <t>f59acde5-4724-4407-84c9-eaff580cb923.tmp</t>
  </si>
  <si>
    <t>\\acsfs\profiles$\nathaliarmr\Downloads\f59acde5-4724-4407-84c9-eaff580cb923.tmp</t>
  </si>
  <si>
    <t>12/31/2019 10:40:42</t>
  </si>
  <si>
    <t>12/31/2019 10:41:36</t>
  </si>
  <si>
    <t>12/31/2019 10:38:05</t>
  </si>
  <si>
    <t>12/31/2019 10:40:14</t>
  </si>
  <si>
    <t>12/31/2019 10:42:36</t>
  </si>
  <si>
    <t>5c8dd64c-9b70-44cc-879c-5331a0eb2025.tmp</t>
  </si>
  <si>
    <t>\\acsfs\profiles$\regisedsj\Downloads\5c8dd64c-9b70-44cc-879c-5331a0eb2025.tmp</t>
  </si>
  <si>
    <t>12/31/2019 10:40:16</t>
  </si>
  <si>
    <t>4b4edc54-2fea-4fa6-8a12-771f809c4690.tmp</t>
  </si>
  <si>
    <t>\\acsfs\profiles$\regisedsj\Downloads\4b4edc54-2fea-4fa6-8a12-771f809c4690.tmp</t>
  </si>
  <si>
    <t>12/31/2019 10:40:43</t>
  </si>
  <si>
    <t>Q29udHJvbGxlci5QYXl3YXJlXzEtMg-- (25).ica</t>
  </si>
  <si>
    <t>\\acsfs\profiles$\regisedsj\Downloads\Q29udHJvbGxlci5QYXl3YXJlXzEtMg-- (25).ica</t>
  </si>
  <si>
    <t>12/31/2019 10:41:07</t>
  </si>
  <si>
    <t>\\acsfs\profiles$\regisedsj\Downloads\Q29udHJvbGxlci5DYWxjdWxhZG9yYURlVmVuY2lt (22).ica</t>
  </si>
  <si>
    <t>12/31/2019 10:40:41</t>
  </si>
  <si>
    <t>12/31/2019 10:43:36</t>
  </si>
  <si>
    <t>69e4b8a4-c115-44a0-b223-ac8cd5c1f7fc.tmp</t>
  </si>
  <si>
    <t>\\acsfs\profiles$\ingridsm\Downloads\69e4b8a4-c115-44a0-b223-ac8cd5c1f7fc.tmp</t>
  </si>
  <si>
    <t>12/31/2019 10:40:49</t>
  </si>
  <si>
    <t>b703ed89-d51d-49f5-a0e5-7e7dec016db5.tmp</t>
  </si>
  <si>
    <t>\\acsfs\profiles$\ingridsm\Downloads\b703ed89-d51d-49f5-a0e5-7e7dec016db5.tmp</t>
  </si>
  <si>
    <t>12/31/2019 10:44:36</t>
  </si>
  <si>
    <t>12/31/2019 10:41:14</t>
  </si>
  <si>
    <t>12/31/2019 10:43:14</t>
  </si>
  <si>
    <t>12/31/2019 10:45:36</t>
  </si>
  <si>
    <t>12/31/2019 10:42:13</t>
  </si>
  <si>
    <t>12/31/2019 10:42:18</t>
  </si>
  <si>
    <t>12/31/2019 10:41:12</t>
  </si>
  <si>
    <t>12/31/2019 10:46:36</t>
  </si>
  <si>
    <t>12/31/2019 10:41:42</t>
  </si>
  <si>
    <t>12/31/2019 10:42:12</t>
  </si>
  <si>
    <t>12/31/2019 10:42:42</t>
  </si>
  <si>
    <t>12/31/2019 10:43:12</t>
  </si>
  <si>
    <t>12/31/2019 10:44:42</t>
  </si>
  <si>
    <t>12/31/2019 10:44:29</t>
  </si>
  <si>
    <t>12/31/2019 10:45:49</t>
  </si>
  <si>
    <t>12/31/2019 10:43:38</t>
  </si>
  <si>
    <t>12/31/2019 10:47:36</t>
  </si>
  <si>
    <t>e5adf7b3-5665-4cb2-aeb2-9c046c73438d.tmp</t>
  </si>
  <si>
    <t>\\acsfs\profiles$\marcosvnds\Downloads\e5adf7b3-5665-4cb2-aeb2-9c046c73438d.tmp</t>
  </si>
  <si>
    <t>12/31/2019 10:43:02</t>
  </si>
  <si>
    <t>7e924350-8ec6-427a-8850-3f7785eb545b.tmp</t>
  </si>
  <si>
    <t>\\acsfs\profiles$\regisedsj\Downloads\7e924350-8ec6-427a-8850-3f7785eb545b.tmp</t>
  </si>
  <si>
    <t>12/31/2019 10:47:21</t>
  </si>
  <si>
    <t>12/31/2019 10:48:36</t>
  </si>
  <si>
    <t>12/31/2019 10:47:26</t>
  </si>
  <si>
    <t>72a20887-024b-4006-97f7-bd54e70f19a1.tmp</t>
  </si>
  <si>
    <t>\\acsfs\profiles$\georgendsq\Downloads\72a20887-024b-4006-97f7-bd54e70f19a1.tmp</t>
  </si>
  <si>
    <t>12/31/2019 10:46:14</t>
  </si>
  <si>
    <t>12/31/2019 10:49:36</t>
  </si>
  <si>
    <t>12/31/2019 10:47:14</t>
  </si>
  <si>
    <t>12/31/2019 10:46:57</t>
  </si>
  <si>
    <t>12/31/2019 10:50:37</t>
  </si>
  <si>
    <t>b6a1d2c6-748d-43e1-88cf-d2678179b53c.tmp</t>
  </si>
  <si>
    <t>\\acsfs\profiles$\bernardopcm\Downloads\b6a1d2c6-748d-43e1-88cf-d2678179b53c.tmp</t>
  </si>
  <si>
    <t>12/31/2019 10:49:22</t>
  </si>
  <si>
    <t>96a0d4c2-6960-42a0-ae34-c67535deddf1.tmp</t>
  </si>
  <si>
    <t>\\acsfs\profiles$\cintiadcf\Downloads\96a0d4c2-6960-42a0-ae34-c67535deddf1.tmp</t>
  </si>
  <si>
    <t>12/31/2019 10:46:56</t>
  </si>
  <si>
    <t>12/31/2019 10:52:36</t>
  </si>
  <si>
    <t>0d3b1bad-1d6c-4acf-9070-5fbdc001168f.tmp</t>
  </si>
  <si>
    <t>\\acsfs\profiles$\deboraaa\Downloads\0d3b1bad-1d6c-4acf-9070-5fbdc001168f.tmp</t>
  </si>
  <si>
    <t>12/31/2019 10:51:18</t>
  </si>
  <si>
    <t>12/31/2019 10:53:37</t>
  </si>
  <si>
    <t>12/31/2019 10:52:15</t>
  </si>
  <si>
    <t>12/31/2019 10:54:36</t>
  </si>
  <si>
    <t>12/31/2019 10:53:14</t>
  </si>
  <si>
    <t>12/31/2019 10:54:25</t>
  </si>
  <si>
    <t>12/31/2019 10:55:37</t>
  </si>
  <si>
    <t>4eb10484-129f-4727-8076-323bae181d5d.tmp</t>
  </si>
  <si>
    <t>\\acsfs\profiles$\cintiadcf\Downloads\4eb10484-129f-4727-8076-323bae181d5d.tmp</t>
  </si>
  <si>
    <t>12/31/2019 10:55:03</t>
  </si>
  <si>
    <t>12/31/2019 10:56:36</t>
  </si>
  <si>
    <t>12/31/2019 10:54:15</t>
  </si>
  <si>
    <t>12/31/2019 10:57:36</t>
  </si>
  <si>
    <t>ce1820c2-19b7-47ad-8cd4-794da0f008f5.tmp</t>
  </si>
  <si>
    <t>\\acsfs\profiles$\marcellewdl\Downloads\ce1820c2-19b7-47ad-8cd4-794da0f008f5.tmp</t>
  </si>
  <si>
    <t>12/31/2019 10:58:14</t>
  </si>
  <si>
    <t>12/31/2019 10:59:36</t>
  </si>
  <si>
    <t>12/31/2019 11:02:37</t>
  </si>
  <si>
    <t>12/31/2019 10:58:59</t>
  </si>
  <si>
    <t>12/31/2019 10:58:30</t>
  </si>
  <si>
    <t>12/31/2019 10:58:33</t>
  </si>
  <si>
    <t>12/31/2019 10:59:14</t>
  </si>
  <si>
    <t>12/31/2019 11:04:37</t>
  </si>
  <si>
    <t>12/31/2019 11:03:43</t>
  </si>
  <si>
    <t>12/31/2019 11:05:36</t>
  </si>
  <si>
    <t>524edb8f-3f79-4e88-ae3d-86581cf8dc9d.tmp</t>
  </si>
  <si>
    <t>\\acsfs\profiles$\andressagr\Downloads\524edb8f-3f79-4e88-ae3d-86581cf8dc9d.tmp</t>
  </si>
  <si>
    <t>12/31/2019 11:04:13</t>
  </si>
  <si>
    <t>12/31/2019 11:03:18</t>
  </si>
  <si>
    <t>12/31/2019 11:06:36</t>
  </si>
  <si>
    <t>12/31/2019 11:06:07</t>
  </si>
  <si>
    <t>12/31/2019 11:07:36</t>
  </si>
  <si>
    <t>12/31/2019 11:06:08</t>
  </si>
  <si>
    <t>12/31/2019 11:06:09</t>
  </si>
  <si>
    <t>12/31/2019 11:06:10</t>
  </si>
  <si>
    <t>12/31/2019 11:06:12</t>
  </si>
  <si>
    <t>12/31/2019 11:06:13</t>
  </si>
  <si>
    <t>12/31/2019 11:08:36</t>
  </si>
  <si>
    <t>12/31/2019 11:06:20</t>
  </si>
  <si>
    <t>12/31/2019 11:06:21</t>
  </si>
  <si>
    <t>12/31/2019 11:06:23</t>
  </si>
  <si>
    <t>12/31/2019 11:06:25</t>
  </si>
  <si>
    <t>12/31/2019 11:08:24</t>
  </si>
  <si>
    <t>12/31/2019 11:04:14</t>
  </si>
  <si>
    <t>12/31/2019 11:09:37</t>
  </si>
  <si>
    <t>12/31/2019 11:05:14</t>
  </si>
  <si>
    <t>12/31/2019 11:09:39</t>
  </si>
  <si>
    <t>12/31/2019 11:10:36</t>
  </si>
  <si>
    <t>12/31/2019 11:06:30</t>
  </si>
  <si>
    <t>12/31/2019 11:11:37</t>
  </si>
  <si>
    <t>12/31/2019 11:11:55</t>
  </si>
  <si>
    <t>12/31/2019 11:12:37</t>
  </si>
  <si>
    <t>12/31/2019 11:10:14</t>
  </si>
  <si>
    <t>12/31/2019 11:14:37</t>
  </si>
  <si>
    <t>12/31/2019 11:11:14</t>
  </si>
  <si>
    <t>12/31/2019 11:12:20</t>
  </si>
  <si>
    <t>12/31/2019 11:16:36</t>
  </si>
  <si>
    <t>12/31/2019 11:14:32</t>
  </si>
  <si>
    <t>12/31/2019 11:17:36</t>
  </si>
  <si>
    <t>98a4ab6f-6527-4566-972e-068ed0ae5654.tmp</t>
  </si>
  <si>
    <t>\\acsfs\profiles$\regisedsj\Downloads\98a4ab6f-6527-4566-972e-068ed0ae5654.tmp</t>
  </si>
  <si>
    <t>12/31/2019 11:15:45</t>
  </si>
  <si>
    <t>12/31/2019 11:19:36</t>
  </si>
  <si>
    <t>12/31/2019 11:16:15</t>
  </si>
  <si>
    <t>12/31/2019 11:17:15</t>
  </si>
  <si>
    <t>12/31/2019 11:19:58</t>
  </si>
  <si>
    <t>12/31/2019 11:20:37</t>
  </si>
  <si>
    <t>12/31/2019 11:18:59</t>
  </si>
  <si>
    <t>12/31/2019 11:22:37</t>
  </si>
  <si>
    <t>https://udpmailboxap01/h/search?si=0&amp;so=0&amp;sc=58166&amp;sfi=2&amp;st=message&amp;action=compose&amp;paction=view</t>
  </si>
  <si>
    <t>12/31/2019 11:19:29</t>
  </si>
  <si>
    <t>12/31/2019 11:21:59</t>
  </si>
  <si>
    <t>12/31/2019 11:17:29</t>
  </si>
  <si>
    <t>12/31/2019 11:17:55</t>
  </si>
  <si>
    <t>12/31/2019 11:23:36</t>
  </si>
  <si>
    <t>12/31/2019 11:19:43</t>
  </si>
  <si>
    <t>12/31/2019 11:22:15</t>
  </si>
  <si>
    <t>12/31/2019 11:24:36</t>
  </si>
  <si>
    <t>12/31/2019 11:23:15</t>
  </si>
  <si>
    <t>12/31/2019 11:20:51</t>
  </si>
  <si>
    <t>12/31/2019 11:25:37</t>
  </si>
  <si>
    <t>12/31/2019 11:22:29</t>
  </si>
  <si>
    <t>12/31/2019 11:27:36</t>
  </si>
  <si>
    <t>12/31/2019 11:22:47</t>
  </si>
  <si>
    <t>e0e8a8d1-748a-45c5-9c2a-1f6a0e6736df.tmp</t>
  </si>
  <si>
    <t>\\acsfs\profiles$\gabrielamdp\Downloads\e0e8a8d1-748a-45c5-9c2a-1f6a0e6736df.tmp</t>
  </si>
  <si>
    <t>12/31/2019 11:22:59</t>
  </si>
  <si>
    <t>12/31/2019 11:24:59</t>
  </si>
  <si>
    <t>12/31/2019 11:25:07</t>
  </si>
  <si>
    <t>12/31/2019 11:23:55</t>
  </si>
  <si>
    <t>12/31/2019 11:28:36</t>
  </si>
  <si>
    <t>12/31/2019 11:23:51</t>
  </si>
  <si>
    <t>12/31/2019 11:24:40</t>
  </si>
  <si>
    <t>12/31/2019 11:28:15</t>
  </si>
  <si>
    <t>12/31/2019 11:29:36</t>
  </si>
  <si>
    <t>12/31/2019 11:27:55</t>
  </si>
  <si>
    <t>mail.google.com/_/upload?authuser=0&amp;dcp=asu-n&amp;upload_id=AEnB2Uob8YMg3KEs-cRCAgnr-C2aAcMuylMJsAUd1oCpPHdPrUdvCmcyS-jjX1dJpEe2Q20MIganTuhV2TXY2RqeWOwivBXnkg&amp;upload_protocol=resumable</t>
  </si>
  <si>
    <t>Dek 9020 Bradesco.xlsx</t>
  </si>
  <si>
    <t>12/31/2019 11:28:35</t>
  </si>
  <si>
    <t>12/31/2019 11:31:36</t>
  </si>
  <si>
    <t>f00d91c1-eb29-4ee6-b9c1-d9fed50186ae.tmp</t>
  </si>
  <si>
    <t>\\acsfs\profiles$\larissaad\Downloads\f00d91c1-eb29-4ee6-b9c1-d9fed50186ae.tmp</t>
  </si>
  <si>
    <t>12/31/2019 11:30:05</t>
  </si>
  <si>
    <t>12/31/2019 11:32:37</t>
  </si>
  <si>
    <t>12/31/2019 11:30:46</t>
  </si>
  <si>
    <t>ebca7a8c-5ace-4833-8f96-ac57257ccaec.tmp</t>
  </si>
  <si>
    <t>\\acsfs\profiles$\dhiulliananads\Downloads\ebca7a8c-5ace-4833-8f96-ac57257ccaec.tmp</t>
  </si>
  <si>
    <t>12/31/2019 11:29:55</t>
  </si>
  <si>
    <t>12/31/2019 11:33:36</t>
  </si>
  <si>
    <t>12/31/2019 11:32:48</t>
  </si>
  <si>
    <t>12/31/2019 11:29:19</t>
  </si>
  <si>
    <t>50cc4793-258a-4f90-90ca-2e2085b4e8bb.tmp</t>
  </si>
  <si>
    <t>\\acsfs\profiles$\ingridsm\Downloads\50cc4793-258a-4f90-90ca-2e2085b4e8bb.tmp</t>
  </si>
  <si>
    <t>12/31/2019 11:31:27</t>
  </si>
  <si>
    <t>12/31/2019 11:31:32</t>
  </si>
  <si>
    <t>12/31/2019 11:29:15</t>
  </si>
  <si>
    <t>12/31/2019 11:34:36</t>
  </si>
  <si>
    <t>12/31/2019 11:32:30</t>
  </si>
  <si>
    <t>12/31/2019 11:35:37</t>
  </si>
  <si>
    <t>12/31/2019 11:34:05</t>
  </si>
  <si>
    <t>12/31/2019 11:32:43</t>
  </si>
  <si>
    <t>12/31/2019 11:36:36</t>
  </si>
  <si>
    <t>03dd5d0f-50b0-4ee7-9bd1-e82c77976fe8.tmp</t>
  </si>
  <si>
    <t>\\acsfs\profiles$\philipegsf\Downloads\03dd5d0f-50b0-4ee7-9bd1-e82c77976fe8.tmp</t>
  </si>
  <si>
    <t>12/31/2019 11:31:39</t>
  </si>
  <si>
    <t>12/31/2019 11:36:47</t>
  </si>
  <si>
    <t>12/31/2019 11:37:36</t>
  </si>
  <si>
    <t>12/31/2019 11:37:02</t>
  </si>
  <si>
    <t>12/31/2019 11:37:03</t>
  </si>
  <si>
    <t>12/31/2019 11:37:06</t>
  </si>
  <si>
    <t>12/31/2019 11:37:07</t>
  </si>
  <si>
    <t>12/31/2019 11:35:55</t>
  </si>
  <si>
    <t>12/31/2019 11:38:36</t>
  </si>
  <si>
    <t>12/31/2019 11:34:15</t>
  </si>
  <si>
    <t>12/31/2019 11:39:36</t>
  </si>
  <si>
    <t>12/31/2019 11:35:15</t>
  </si>
  <si>
    <t>12/31/2019 11:34:50</t>
  </si>
  <si>
    <t>mail.google.com/_/upload?authuser=0&amp;dcp=asu-n&amp;upload_id=AEnB2Uq9Ej4qczjKDkDWLyGEMzedmJjAAdBr806dYdLZNsWUxEVuPtq-zukTY4DNbcbYCX_fwOUuNMgoNPgcUgDPzA-AYIigig&amp;upload_protocol=resumable</t>
  </si>
  <si>
    <t>cristiane.araujo@cscalgar.com.br;dannyella.rodrigues@cscalgar.com.br;</t>
  </si>
  <si>
    <t>D:\AlgarTech\Planejamento_Engenharia\BPO\Upgrade SSD - Maquinas\</t>
  </si>
  <si>
    <t>Dek 9020 Bradesco - 1100 Upgrade SSD.xlsx</t>
  </si>
  <si>
    <t>cristiane.araujo@cscalgar.com.br,dannyella.rodrigues@cscalgar.com.br</t>
  </si>
  <si>
    <t>12/31/2019 11:35:57</t>
  </si>
  <si>
    <t>12/31/2019 11:41:36</t>
  </si>
  <si>
    <t>ab0a2f64-ccb8-48e7-bfb1-97f661a355e1.tmp</t>
  </si>
  <si>
    <t>\\acsfs\profiles$\philipegsf\Downloads\ab0a2f64-ccb8-48e7-bfb1-97f661a355e1.tmp</t>
  </si>
  <si>
    <t>12/31/2019 11:40:03</t>
  </si>
  <si>
    <t>6ed7e5db-9f1b-4e66-8c0e-3ee982cfb59a.tmp</t>
  </si>
  <si>
    <t>\\acsfs\profiles$\philipegsf\Downloads\6ed7e5db-9f1b-4e66-8c0e-3ee982cfb59a.tmp</t>
  </si>
  <si>
    <t>12/31/2019 11:36:44</t>
  </si>
  <si>
    <t>12/31/2019 11:37:53</t>
  </si>
  <si>
    <t>12/31/2019 11:42:36</t>
  </si>
  <si>
    <t>12/31/2019 11:40:33</t>
  </si>
  <si>
    <t>dd1f09cd-b8ea-4ac1-8b63-f06fbf9c4d0e.tmp</t>
  </si>
  <si>
    <t>\\acsfs\profiles$\gabrielamdp\Downloads\dd1f09cd-b8ea-4ac1-8b63-f06fbf9c4d0e.tmp</t>
  </si>
  <si>
    <t>12/31/2019 11:37:10</t>
  </si>
  <si>
    <t>12/31/2019 11:37:15</t>
  </si>
  <si>
    <t>12/31/2019 11:37:17</t>
  </si>
  <si>
    <t>12/31/2019 11:37:18</t>
  </si>
  <si>
    <t>12/31/2019 11:37:21</t>
  </si>
  <si>
    <t>12/31/2019 11:37:22</t>
  </si>
  <si>
    <t>12/31/2019 11:37:25</t>
  </si>
  <si>
    <t>12/31/2019 11:43:37</t>
  </si>
  <si>
    <t>12/31/2019 11:37:26</t>
  </si>
  <si>
    <t>12/31/2019 11:37:27</t>
  </si>
  <si>
    <t>12/31/2019 11:37:28</t>
  </si>
  <si>
    <t>12/31/2019 11:41:55</t>
  </si>
  <si>
    <t>12/31/2019 11:37:33</t>
  </si>
  <si>
    <t>12/31/2019 11:37:47</t>
  </si>
  <si>
    <t>12/31/2019 11:37:55</t>
  </si>
  <si>
    <t>12/31/2019 11:40:09</t>
  </si>
  <si>
    <t>12/31/2019 11:41:48</t>
  </si>
  <si>
    <t>.~lock.BANCO DE DADOS - ATUALIZADO.xlsx#</t>
  </si>
  <si>
    <t>\\acsfs\DEPTOS\Operacao\Banco_Votorantim\Comum\00 - COMUM - BV CARTÕES\.~lock.BANCO DE DADOS - ATUALIZADO.xlsx#</t>
  </si>
  <si>
    <t>12/31/2019 11:38:00</t>
  </si>
  <si>
    <t>12/31/2019 11:38:01</t>
  </si>
  <si>
    <t>12/31/2019 11:38:02</t>
  </si>
  <si>
    <t>12/31/2019 11:38:03</t>
  </si>
  <si>
    <t>12/31/2019 11:38:04</t>
  </si>
  <si>
    <t>12/31/2019 11:42:47</t>
  </si>
  <si>
    <t>.~lock.Contato Reneg Vencimento 20-12.xls#</t>
  </si>
  <si>
    <t>\\acsfs\profiles$\CLAUDIAJCA\.~lock.Contato Reneg Vencimento 20-12.xls#</t>
  </si>
  <si>
    <t>12/31/2019 11:42:48</t>
  </si>
  <si>
    <t>lu2106017rhyo.tmp</t>
  </si>
  <si>
    <t>\\acsfs\profiles$\CLAUDIAJCA\lu2106017rhyo.tmp</t>
  </si>
  <si>
    <t>12/31/2019 11:43:29</t>
  </si>
  <si>
    <t>12/31/2019 11:40:15</t>
  </si>
  <si>
    <t>12/31/2019 11:44:37</t>
  </si>
  <si>
    <t>12/31/2019 11:41:15</t>
  </si>
  <si>
    <t>12/31/2019 11:42:42</t>
  </si>
  <si>
    <t>12/31/2019 11:45:36</t>
  </si>
  <si>
    <t>12/31/2019 11:43:14</t>
  </si>
  <si>
    <t>12/31/2019 11:46:37</t>
  </si>
  <si>
    <t>12/31/2019 11:43:18</t>
  </si>
  <si>
    <t>12/31/2019 11:43:19</t>
  </si>
  <si>
    <t>12/31/2019 11:43:20</t>
  </si>
  <si>
    <t>12/31/2019 11:43:21</t>
  </si>
  <si>
    <t>12/31/2019 11:43:22</t>
  </si>
  <si>
    <t>12/31/2019 11:43:25</t>
  </si>
  <si>
    <t>12/31/2019 11:43:26</t>
  </si>
  <si>
    <t>12/31/2019 11:43:27</t>
  </si>
  <si>
    <t>12/31/2019 11:43:28</t>
  </si>
  <si>
    <t>12/31/2019 11:43:30</t>
  </si>
  <si>
    <t>12/31/2019 11:43:31</t>
  </si>
  <si>
    <t>12/31/2019 11:43:33</t>
  </si>
  <si>
    <t>12/31/2019 11:43:34</t>
  </si>
  <si>
    <t>12/31/2019 11:43:35</t>
  </si>
  <si>
    <t>12/31/2019 11:43:36</t>
  </si>
  <si>
    <t>12/31/2019 11:43:39</t>
  </si>
  <si>
    <t>12/31/2019 11:43:40</t>
  </si>
  <si>
    <t>12/31/2019 11:43:41</t>
  </si>
  <si>
    <t>12/31/2019 11:43:42</t>
  </si>
  <si>
    <t>12/31/2019 11:43:44</t>
  </si>
  <si>
    <t>12/31/2019 11:43:46</t>
  </si>
  <si>
    <t>12/31/2019 11:43:48</t>
  </si>
  <si>
    <t>12/31/2019 11:43:49</t>
  </si>
  <si>
    <t>12/31/2019 11:43:50</t>
  </si>
  <si>
    <t>12/31/2019 11:43:52</t>
  </si>
  <si>
    <t>12/31/2019 11:43:53</t>
  </si>
  <si>
    <t>12/31/2019 11:43:55</t>
  </si>
  <si>
    <t>12/31/2019 11:43:56</t>
  </si>
  <si>
    <t>12/31/2019 11:43:57</t>
  </si>
  <si>
    <t>12/31/2019 11:43:58</t>
  </si>
  <si>
    <t>12/31/2019 11:44:00</t>
  </si>
  <si>
    <t>12/31/2019 11:44:01</t>
  </si>
  <si>
    <t>12/31/2019 11:44:02</t>
  </si>
  <si>
    <t>12/31/2019 11:44:03</t>
  </si>
  <si>
    <t>12/31/2019 11:44:04</t>
  </si>
  <si>
    <t>12/31/2019 11:44:05</t>
  </si>
  <si>
    <t>12/31/2019 11:44:06</t>
  </si>
  <si>
    <t>12/31/2019 11:44:07</t>
  </si>
  <si>
    <t>12/31/2019 11:43:08</t>
  </si>
  <si>
    <t>12/31/2019 11:48:36</t>
  </si>
  <si>
    <t>12/31/2019 11:44:58</t>
  </si>
  <si>
    <t>12/31/2019 11:45:00</t>
  </si>
  <si>
    <t>12/31/2019 11:45:06</t>
  </si>
  <si>
    <t>12/31/2019 11:45:07</t>
  </si>
  <si>
    <t>12/31/2019 11:45:12</t>
  </si>
  <si>
    <t>12/31/2019 11:45:17</t>
  </si>
  <si>
    <t>12/31/2019 11:45:20</t>
  </si>
  <si>
    <t>12/31/2019 11:46:09</t>
  </si>
  <si>
    <t>12/31/2019 11:46:13</t>
  </si>
  <si>
    <t>12/31/2019 11:46:15</t>
  </si>
  <si>
    <t>12/31/2019 11:46:16</t>
  </si>
  <si>
    <t>12/31/2019 11:46:20</t>
  </si>
  <si>
    <t>12/31/2019 11:46:21</t>
  </si>
  <si>
    <t>12/31/2019 11:46:22</t>
  </si>
  <si>
    <t>12/31/2019 11:46:24</t>
  </si>
  <si>
    <t>12/31/2019 11:46:30</t>
  </si>
  <si>
    <t>12/31/2019 11:46:31</t>
  </si>
  <si>
    <t>12/31/2019 11:45:47</t>
  </si>
  <si>
    <t>12/31/2019 11:49:36</t>
  </si>
  <si>
    <t>12/31/2019 11:47:15</t>
  </si>
  <si>
    <t>12/31/2019 11:50:31</t>
  </si>
  <si>
    <t>12/31/2019 11:51:36</t>
  </si>
  <si>
    <t>2b0da16c-7c80-4ba2-a1d3-fa2d05263a24.tmp</t>
  </si>
  <si>
    <t>\\acsfs\profiles$\gabriellalpr\Downloads\2b0da16c-7c80-4ba2-a1d3-fa2d05263a24.tmp</t>
  </si>
  <si>
    <t>12/31/2019 11:51:17</t>
  </si>
  <si>
    <t>12/31/2019 11:49:08</t>
  </si>
  <si>
    <t>93905dd8-3b14-4fc1-ace4-c79ed3cab86e.tmp</t>
  </si>
  <si>
    <t>\\acsfs\profiles$\jalilebds\Downloads\93905dd8-3b14-4fc1-ace4-c79ed3cab86e.tmp</t>
  </si>
  <si>
    <t>12/31/2019 11:49:18</t>
  </si>
  <si>
    <t>Unconfirmed 594114.crdownload</t>
  </si>
  <si>
    <t>\\acsfs\profiles$\jalilebds\Downloads\Unconfirmed 594114.crdownload</t>
  </si>
  <si>
    <t>12/31/2019 11:50:15</t>
  </si>
  <si>
    <t>12/31/2019 11:52:37</t>
  </si>
  <si>
    <t>e2aeb349-73fb-43d3-a231-318b61dc95c8.tmp</t>
  </si>
  <si>
    <t>\\acsfs\profiles$\gabrielarb\Downloads\e2aeb349-73fb-43d3-a231-318b61dc95c8.tmp</t>
  </si>
  <si>
    <t>12/31/2019 11:51:16</t>
  </si>
  <si>
    <t>5aa78c2d-cd5f-4e1b-84e4-e9fa2935ba66.tmp</t>
  </si>
  <si>
    <t>\\acsfs\profiles$\vivianalds\Downloads\5aa78c2d-cd5f-4e1b-84e4-e9fa2935ba66.tmp</t>
  </si>
  <si>
    <t>12/31/2019 11:48:51</t>
  </si>
  <si>
    <t>bfaa7bf1-2c51-48d7-8de1-2bf9ea6b622f.tmp</t>
  </si>
  <si>
    <t>\\acsfs\profiles$\gabrielamdp\Downloads\bfaa7bf1-2c51-48d7-8de1-2bf9ea6b622f.tmp</t>
  </si>
  <si>
    <t>12/31/2019 11:49:40</t>
  </si>
  <si>
    <t>12/31/2019 11:47:55</t>
  </si>
  <si>
    <t>12/31/2019 11:53:36</t>
  </si>
  <si>
    <t>12/31/2019 11:47:54</t>
  </si>
  <si>
    <t>12/31/2019 11:47:56</t>
  </si>
  <si>
    <t>12/31/2019 11:47:57</t>
  </si>
  <si>
    <t>12/31/2019 11:47:58</t>
  </si>
  <si>
    <t>12/31/2019 11:47:59</t>
  </si>
  <si>
    <t>12/31/2019 11:48:01</t>
  </si>
  <si>
    <t>12/31/2019 11:48:06</t>
  </si>
  <si>
    <t>12/31/2019 11:48:12</t>
  </si>
  <si>
    <t>12/31/2019 11:49:09</t>
  </si>
  <si>
    <t>12/31/2019 11:49:10</t>
  </si>
  <si>
    <t>12/31/2019 11:49:12</t>
  </si>
  <si>
    <t>12/31/2019 11:49:13</t>
  </si>
  <si>
    <t>12/31/2019 11:49:14</t>
  </si>
  <si>
    <t>12/31/2019 11:49:15</t>
  </si>
  <si>
    <t>12/31/2019 11:49:20</t>
  </si>
  <si>
    <t>12/31/2019 11:49:23</t>
  </si>
  <si>
    <t>12/31/2019 11:49:37</t>
  </si>
  <si>
    <t>12/31/2019 11:49:38</t>
  </si>
  <si>
    <t>12/31/2019 11:49:53</t>
  </si>
  <si>
    <t>12/31/2019 11:50:04</t>
  </si>
  <si>
    <t>12/31/2019 11:50:12</t>
  </si>
  <si>
    <t>12/31/2019 11:50:20</t>
  </si>
  <si>
    <t>12/31/2019 11:50:21</t>
  </si>
  <si>
    <t>12/31/2019 11:50:22</t>
  </si>
  <si>
    <t>12/31/2019 11:50:23</t>
  </si>
  <si>
    <t>12/31/2019 11:50:28</t>
  </si>
  <si>
    <t>12/31/2019 11:50:33</t>
  </si>
  <si>
    <t>12/31/2019 11:50:55</t>
  </si>
  <si>
    <t>12/31/2019 11:50:57</t>
  </si>
  <si>
    <t>12/31/2019 11:50:58</t>
  </si>
  <si>
    <t>12/31/2019 11:51:00</t>
  </si>
  <si>
    <t>12/31/2019 11:51:01</t>
  </si>
  <si>
    <t>12/31/2019 11:51:02</t>
  </si>
  <si>
    <t>12/31/2019 11:51:05</t>
  </si>
  <si>
    <t>12/31/2019 11:51:06</t>
  </si>
  <si>
    <t>12/31/2019 11:51:07</t>
  </si>
  <si>
    <t>12/31/2019 11:51:08</t>
  </si>
  <si>
    <t>12/31/2019 11:51:09</t>
  </si>
  <si>
    <t>12/31/2019 11:51:11</t>
  </si>
  <si>
    <t>12/31/2019 11:53:08</t>
  </si>
  <si>
    <t>12/31/2019 11:52:26</t>
  </si>
  <si>
    <t>12/31/2019 11:52:28</t>
  </si>
  <si>
    <t>lu18681cw8u3.tmp</t>
  </si>
  <si>
    <t>\\acsfs\profiles$\CLAUDIAJCA\lu18681cw8u3.tmp</t>
  </si>
  <si>
    <t>\\acsfs\profiles$\CLAUDIAJCA\lu18681cw8u3.tmp\</t>
  </si>
  <si>
    <t>\\acsfs\profiles$\CLAUDIAJCA\lu18681cw8u3.tmp\META-INF\</t>
  </si>
  <si>
    <t>\\acsfs\profiles$\CLAUDIAJCA\lu18681cw8u3.tmp\Thumbnails\</t>
  </si>
  <si>
    <t>12/31/2019 11:52:16</t>
  </si>
  <si>
    <t>12/31/2019 11:54:36</t>
  </si>
  <si>
    <t>12/31/2019 11:53:15</t>
  </si>
  <si>
    <t>12/31/2019 11:50:27</t>
  </si>
  <si>
    <t>12/31/2019 11:51:38</t>
  </si>
  <si>
    <t>12/31/2019 11:56:36</t>
  </si>
  <si>
    <t>890dbf63-5642-461b-bb3b-45d13ac9b86e.tmp</t>
  </si>
  <si>
    <t>\\acsfs\profiles$\gabriellalpr\Downloads\890dbf63-5642-461b-bb3b-45d13ac9b86e.tmp</t>
  </si>
  <si>
    <t>12/31/2019 11:51:59</t>
  </si>
  <si>
    <t>60e2fb96-af6d-41fc-ac31-886e53f45c30.tmp</t>
  </si>
  <si>
    <t>\\acsfs\profiles$\gabriellalpr\Downloads\60e2fb96-af6d-41fc-ac31-886e53f45c30.tmp</t>
  </si>
  <si>
    <t>12/31/2019 11:53:32</t>
  </si>
  <si>
    <t>Relação de Clientes Estratégicos - com consultores.xlsx</t>
  </si>
  <si>
    <t>12/31/2019 11:56:21</t>
  </si>
  <si>
    <t>.~lock.filas 1721 1725 e 1724 a tratar.xlsx#</t>
  </si>
  <si>
    <t>\\acsfs\profiles$\jalilebds\Downloads\.~lock.filas 1721 1725 e 1724 a tratar.xlsx#</t>
  </si>
  <si>
    <t>12/31/2019 11:56:22</t>
  </si>
  <si>
    <t>lu77602jihb.tmp</t>
  </si>
  <si>
    <t>\\acsfs\profiles$\jalilebds\Downloads\lu77602jihb.tmp</t>
  </si>
  <si>
    <t>12/31/2019 11:53:55</t>
  </si>
  <si>
    <t>12/31/2019 11:58:36</t>
  </si>
  <si>
    <t>12/31/2019 11:57:23</t>
  </si>
  <si>
    <t>12/31/2019 11:57:39</t>
  </si>
  <si>
    <t>12/31/2019 11:54:01</t>
  </si>
  <si>
    <t>12/31/2019 11:58:19</t>
  </si>
  <si>
    <t>lu227081d63s0.tmp</t>
  </si>
  <si>
    <t>\\acsfs\profiles$\CLAUDIAJCA\lu227081d63s0.tmp</t>
  </si>
  <si>
    <t>\\acsfs\profiles$\CLAUDIAJCA\lu227081d63s0.tmp\</t>
  </si>
  <si>
    <t>\\acsfs\profiles$\CLAUDIAJCA\lu227081d63s0.tmp\META-INF\</t>
  </si>
  <si>
    <t>\\acsfs\profiles$\CLAUDIAJCA\lu227081d63s0.tmp\Thumbnails\</t>
  </si>
  <si>
    <t>12/31/2019 11:58:15</t>
  </si>
  <si>
    <t>12/31/2019 11:59:37</t>
  </si>
  <si>
    <t>12/31/2019 11:58:24</t>
  </si>
  <si>
    <t>12/31/2019 12:00:36</t>
  </si>
  <si>
    <t>12/31/2019 11:57:27</t>
  </si>
  <si>
    <t>\\acsfs\profiles$\nathaliarmr\Desktop\</t>
  </si>
  <si>
    <t>atualizado.txt</t>
  </si>
  <si>
    <t>\\acsfs\profiles$\nathaliarmr\Desktop\atualizado.txt</t>
  </si>
  <si>
    <t>12/31/2019 11:58:34</t>
  </si>
  <si>
    <t>12/31/2019 12:01:37</t>
  </si>
  <si>
    <t>12/31/2019 11:57:51</t>
  </si>
  <si>
    <t>12/31/2019 12:02:36</t>
  </si>
  <si>
    <t>12/31/2019 12:00:17</t>
  </si>
  <si>
    <t>fcc6059a-91dc-4f02-be86-f8c78417e638.tmp</t>
  </si>
  <si>
    <t>\\acsfs\profiles$\gabrielamdp\Downloads\fcc6059a-91dc-4f02-be86-f8c78417e638.tmp</t>
  </si>
  <si>
    <t>12/31/2019 11:59:55</t>
  </si>
  <si>
    <t>12/31/2019 12:03:36</t>
  </si>
  <si>
    <t>12/31/2019 11:57:45</t>
  </si>
  <si>
    <t>12/31/2019 11:57:46</t>
  </si>
  <si>
    <t>12/31/2019 11:57:48</t>
  </si>
  <si>
    <t>12/31/2019 11:57:49</t>
  </si>
  <si>
    <t>12/31/2019 11:57:50</t>
  </si>
  <si>
    <t>12/31/2019 11:57:53</t>
  </si>
  <si>
    <t>12/31/2019 11:57:58</t>
  </si>
  <si>
    <t>12/31/2019 11:57:59</t>
  </si>
  <si>
    <t>12/31/2019 11:58:07</t>
  </si>
  <si>
    <t>12/31/2019 11:58:10</t>
  </si>
  <si>
    <t>12/31/2019 11:58:11</t>
  </si>
  <si>
    <t>12/31/2019 11:58:12</t>
  </si>
  <si>
    <t>12/31/2019 11:58:13</t>
  </si>
  <si>
    <t>12/31/2019 11:58:14</t>
  </si>
  <si>
    <t>12/31/2019 11:58:20</t>
  </si>
  <si>
    <t>12/31/2019 11:58:21</t>
  </si>
  <si>
    <t>12/31/2019 11:58:40</t>
  </si>
  <si>
    <t>12/31/2019 11:58:51</t>
  </si>
  <si>
    <t>12/31/2019 11:58:54</t>
  </si>
  <si>
    <t>12/31/2019 11:58:57</t>
  </si>
  <si>
    <t>12/31/2019 11:58:58</t>
  </si>
  <si>
    <t>12/31/2019 11:59:04</t>
  </si>
  <si>
    <t>12/31/2019 11:59:05</t>
  </si>
  <si>
    <t>12/31/2019 11:59:15</t>
  </si>
  <si>
    <t>12/31/2019 11:59:27</t>
  </si>
  <si>
    <t>12/31/2019 11:59:31</t>
  </si>
  <si>
    <t>12/31/2019 11:59:32</t>
  </si>
  <si>
    <t>12/31/2019 11:59:33</t>
  </si>
  <si>
    <t>12/31/2019 11:59:38</t>
  </si>
  <si>
    <t>12/31/2019 11:59:43</t>
  </si>
  <si>
    <t>12/31/2019 11:59:48</t>
  </si>
  <si>
    <t>12/31/2019 11:59:51</t>
  </si>
  <si>
    <t>12/31/2019 11:59:52</t>
  </si>
  <si>
    <t>12/31/2019 11:59:53</t>
  </si>
  <si>
    <t>12/31/2019 11:59:57</t>
  </si>
  <si>
    <t>12/31/2019 12:00:32</t>
  </si>
  <si>
    <t>12/31/2019 12:00:35</t>
  </si>
  <si>
    <t>12/31/2019 12:00:37</t>
  </si>
  <si>
    <t>12/31/2019 12:00:38</t>
  </si>
  <si>
    <t>12/31/2019 12:00:39</t>
  </si>
  <si>
    <t>12/31/2019 12:00:44</t>
  </si>
  <si>
    <t>12/31/2019 12:00:45</t>
  </si>
  <si>
    <t>12/31/2019 12:01:09</t>
  </si>
  <si>
    <t>12/31/2019 12:01:13</t>
  </si>
  <si>
    <t>12/31/2019 12:01:15</t>
  </si>
  <si>
    <t>12/31/2019 12:01:16</t>
  </si>
  <si>
    <t>12/31/2019 12:01:19</t>
  </si>
  <si>
    <t>12/31/2019 12:01:20</t>
  </si>
  <si>
    <t>12/31/2019 12:01:40</t>
  </si>
  <si>
    <t>12/31/2019 12:01:44</t>
  </si>
  <si>
    <t>12/31/2019 12:01:45</t>
  </si>
  <si>
    <t>12/31/2019 12:01:46</t>
  </si>
  <si>
    <t>12/31/2019 12:01:50</t>
  </si>
  <si>
    <t>12/31/2019 12:01:52</t>
  </si>
  <si>
    <t>12/31/2019 12:02:13</t>
  </si>
  <si>
    <t>12/31/2019 12:00:30</t>
  </si>
  <si>
    <t>12/31/2019 11:59:11</t>
  </si>
  <si>
    <t>12/31/2019 12:01:23</t>
  </si>
  <si>
    <t>12/31/2019 12:01:24</t>
  </si>
  <si>
    <t>lu135481dcrpz.tmp</t>
  </si>
  <si>
    <t>\\acsfs\profiles$\CLAUDIAJCA\lu135481dcrpz.tmp</t>
  </si>
  <si>
    <t>\\acsfs\profiles$\CLAUDIAJCA\lu135481dcrpz.tmp\</t>
  </si>
  <si>
    <t>\\acsfs\profiles$\CLAUDIAJCA\lu135481dcrpz.tmp\META-INF\</t>
  </si>
  <si>
    <t>\\acsfs\profiles$\CLAUDIAJCA\lu135481dcrpz.tmp\Thumbnails\</t>
  </si>
  <si>
    <t>12/31/2019 12:02:52</t>
  </si>
  <si>
    <t>.~lock.Contato Reneg Vencimento 01-01.1.ods#</t>
  </si>
  <si>
    <t>\\acsfs\profiles$\CLAUDIAJCA\.~lock.Contato Reneg Vencimento 01-01.1.ods#</t>
  </si>
  <si>
    <t>12/31/2019 12:03:05</t>
  </si>
  <si>
    <t>12/31/2019 12:03:06</t>
  </si>
  <si>
    <t>lu203321dhjcu.tmp</t>
  </si>
  <si>
    <t>\\acsfs\profiles$\CLAUDIAJCA\lu203321dhjcu.tmp</t>
  </si>
  <si>
    <t>\\acsfs\profiles$\CLAUDIAJCA\lu203321dhjcu.tmp\</t>
  </si>
  <si>
    <t>\\acsfs\profiles$\CLAUDIAJCA\lu203321dhjcu.tmp\META-INF\</t>
  </si>
  <si>
    <t>\\acsfs\profiles$\CLAUDIAJCA\lu203321dhjcu.tmp\Thumbnails\</t>
  </si>
  <si>
    <t>12/31/2019 12:03:22</t>
  </si>
  <si>
    <t>12/31/2019 12:04:37</t>
  </si>
  <si>
    <t>12/31/2019 12:04:19</t>
  </si>
  <si>
    <t>12/31/2019 12:05:36</t>
  </si>
  <si>
    <t>.~lock.Cielo Promo.docx#</t>
  </si>
  <si>
    <t>\\acsfs\profiles$\cintiadcf\Downloads\.~lock.Cielo Promo.docx#</t>
  </si>
  <si>
    <t>12/31/2019 12:06:09</t>
  </si>
  <si>
    <t>12/31/2019 12:07:36</t>
  </si>
  <si>
    <t>12/31/2019 12:06:11</t>
  </si>
  <si>
    <t>lu202721a2ri3.tmp</t>
  </si>
  <si>
    <t>\\acsfs\profiles$\VIVIANALDS\My Documents\lu202721a2ri3.tmp</t>
  </si>
  <si>
    <t>\\acsfs\profiles$\VIVIANALDS\My Documents\lu202721a2ri3.tmp\</t>
  </si>
  <si>
    <t>\\acsfs\profiles$\VIVIANALDS\My Documents\lu202721a2ri3.tmp\META-INF\</t>
  </si>
  <si>
    <t>\\acsfs\profiles$\VIVIANALDS\My Documents\lu202721a2ri3.tmp\Thumbnails\</t>
  </si>
  <si>
    <t>12/31/2019 12:05:55</t>
  </si>
  <si>
    <t>12/31/2019 12:08:37</t>
  </si>
  <si>
    <t>12/31/2019 12:03:20</t>
  </si>
  <si>
    <t>12/31/2019 12:03:24</t>
  </si>
  <si>
    <t>12/31/2019 12:03:25</t>
  </si>
  <si>
    <t>12/31/2019 12:03:26</t>
  </si>
  <si>
    <t>12/31/2019 12:03:28</t>
  </si>
  <si>
    <t>12/31/2019 12:03:34</t>
  </si>
  <si>
    <t>12/31/2019 12:03:37</t>
  </si>
  <si>
    <t>12/31/2019 12:03:42</t>
  </si>
  <si>
    <t>12/31/2019 12:03:43</t>
  </si>
  <si>
    <t>12/31/2019 12:03:47</t>
  </si>
  <si>
    <t>12/31/2019 12:03:48</t>
  </si>
  <si>
    <t>12/31/2019 12:03:50</t>
  </si>
  <si>
    <t>12/31/2019 12:04:08</t>
  </si>
  <si>
    <t>12/31/2019 12:04:10</t>
  </si>
  <si>
    <t>12/31/2019 12:04:12</t>
  </si>
  <si>
    <t>12/31/2019 12:04:13</t>
  </si>
  <si>
    <t>12/31/2019 12:04:14</t>
  </si>
  <si>
    <t>12/31/2019 12:04:17</t>
  </si>
  <si>
    <t>12/31/2019 12:04:18</t>
  </si>
  <si>
    <t>12/31/2019 12:04:20</t>
  </si>
  <si>
    <t>12/31/2019 12:04:25</t>
  </si>
  <si>
    <t>12/31/2019 12:04:27</t>
  </si>
  <si>
    <t>12/31/2019 12:04:29</t>
  </si>
  <si>
    <t>12/31/2019 12:04:30</t>
  </si>
  <si>
    <t>12/31/2019 12:04:32</t>
  </si>
  <si>
    <t>12/31/2019 12:04:35</t>
  </si>
  <si>
    <t>12/31/2019 12:04:40</t>
  </si>
  <si>
    <t>12/31/2019 12:04:46</t>
  </si>
  <si>
    <t>12/31/2019 12:04:48</t>
  </si>
  <si>
    <t>12/31/2019 12:04:49</t>
  </si>
  <si>
    <t>12/31/2019 12:04:50</t>
  </si>
  <si>
    <t>12/31/2019 12:04:51</t>
  </si>
  <si>
    <t>12/31/2019 12:04:52</t>
  </si>
  <si>
    <t>12/31/2019 12:04:54</t>
  </si>
  <si>
    <t>12/31/2019 12:04:55</t>
  </si>
  <si>
    <t>12/31/2019 12:04:57</t>
  </si>
  <si>
    <t>12/31/2019 12:04:58</t>
  </si>
  <si>
    <t>12/31/2019 12:04:59</t>
  </si>
  <si>
    <t>12/31/2019 12:05:01</t>
  </si>
  <si>
    <t>12/31/2019 12:05:02</t>
  </si>
  <si>
    <t>12/31/2019 12:05:03</t>
  </si>
  <si>
    <t>12/31/2019 12:05:04</t>
  </si>
  <si>
    <t>12/31/2019 12:05:06</t>
  </si>
  <si>
    <t>12/31/2019 12:05:14</t>
  </si>
  <si>
    <t>12/31/2019 12:05:21</t>
  </si>
  <si>
    <t>12/31/2019 12:05:23</t>
  </si>
  <si>
    <t>12/31/2019 12:05:25</t>
  </si>
  <si>
    <t>12/31/2019 12:05:26</t>
  </si>
  <si>
    <t>12/31/2019 12:05:27</t>
  </si>
  <si>
    <t>12/31/2019 12:05:29</t>
  </si>
  <si>
    <t>12/31/2019 12:05:33</t>
  </si>
  <si>
    <t>12/31/2019 12:05:40</t>
  </si>
  <si>
    <t>12/31/2019 12:05:44</t>
  </si>
  <si>
    <t>12/31/2019 12:05:46</t>
  </si>
  <si>
    <t>12/31/2019 12:05:47</t>
  </si>
  <si>
    <t>12/31/2019 12:05:50</t>
  </si>
  <si>
    <t>12/31/2019 12:05:52</t>
  </si>
  <si>
    <t>12/31/2019 12:06:01</t>
  </si>
  <si>
    <t>12/31/2019 12:06:05</t>
  </si>
  <si>
    <t>12/31/2019 12:06:06</t>
  </si>
  <si>
    <t>12/31/2019 12:06:07</t>
  </si>
  <si>
    <t>12/31/2019 12:06:12</t>
  </si>
  <si>
    <t>12/31/2019 12:06:30</t>
  </si>
  <si>
    <t>12/31/2019 12:06:33</t>
  </si>
  <si>
    <t>12/31/2019 12:06:34</t>
  </si>
  <si>
    <t>12/31/2019 12:06:35</t>
  </si>
  <si>
    <t>12/31/2019 12:06:36</t>
  </si>
  <si>
    <t>12/31/2019 12:06:37</t>
  </si>
  <si>
    <t>12/31/2019 12:06:39</t>
  </si>
  <si>
    <t>12/31/2019 12:06:45</t>
  </si>
  <si>
    <t>12/31/2019 12:04:41</t>
  </si>
  <si>
    <t>lu188361di69a.tmp</t>
  </si>
  <si>
    <t>\\acsfs\profiles$\CLAUDIAJCA\lu188361di69a.tmp</t>
  </si>
  <si>
    <t>\\acsfs\profiles$\CLAUDIAJCA\lu188361di69a.tmp\</t>
  </si>
  <si>
    <t>\\acsfs\profiles$\CLAUDIAJCA\lu188361di69a.tmp\META-INF\</t>
  </si>
  <si>
    <t>12/31/2019 12:09:36</t>
  </si>
  <si>
    <t>\\acsfs\profiles$\CLAUDIAJCA\lu188361di69a.tmp\Thumbnails\</t>
  </si>
  <si>
    <t>12/31/2019 12:05:42</t>
  </si>
  <si>
    <t>12/31/2019 12:05:10</t>
  </si>
  <si>
    <t>103e789a-bd0b-4cbc-bd15-4796dcad6d8a.tmp</t>
  </si>
  <si>
    <t>\\acsfs\profiles$\anafaes\Downloads\103e789a-bd0b-4cbc-bd15-4796dcad6d8a.tmp</t>
  </si>
  <si>
    <t>12/31/2019 12:05:16</t>
  </si>
  <si>
    <t>e4fcc174-6155-4a10-a16c-491499437fdc.tmp</t>
  </si>
  <si>
    <t>\\acsfs\profiles$\anafaes\Downloads\e4fcc174-6155-4a10-a16c-491499437fdc.tmp</t>
  </si>
  <si>
    <t>12/31/2019 12:04:15</t>
  </si>
  <si>
    <t>12/31/2019 12:05:15</t>
  </si>
  <si>
    <t>12/31/2019 12:06:40</t>
  </si>
  <si>
    <t>12/31/2019 12:10:36</t>
  </si>
  <si>
    <t>bf1975fb-c432-4b31-a989-719e18823a6e.tmp</t>
  </si>
  <si>
    <t>\\acsfs\profiles$\cintiadcf\Downloads\bf1975fb-c432-4b31-a989-719e18823a6e.tmp</t>
  </si>
  <si>
    <t>44ed0a76-1fcb-42bd-8a77-9d065cb78f9f.tmp</t>
  </si>
  <si>
    <t>\\acsfs\profiles$\cintiadcf\Downloads\44ed0a76-1fcb-42bd-8a77-9d065cb78f9f.tmp</t>
  </si>
  <si>
    <t>12/31/2019 12:07:02</t>
  </si>
  <si>
    <t>7113dce2-0453-4e0d-99b2-3ea6f42439ca.tmp</t>
  </si>
  <si>
    <t>\\acsfs\profiles$\cintiadcf\Downloads\7113dce2-0453-4e0d-99b2-3ea6f42439ca.tmp</t>
  </si>
  <si>
    <t>12/31/2019 12:12:36</t>
  </si>
  <si>
    <t>12/31/2019 12:11:55</t>
  </si>
  <si>
    <t>12/31/2019 12:13:37</t>
  </si>
  <si>
    <t>12/31/2019 12:12:41</t>
  </si>
  <si>
    <t>12/31/2019 12:12:42</t>
  </si>
  <si>
    <t>lu585167by2jg.tmp</t>
  </si>
  <si>
    <t>\\acsfs\profiles$\BRUNAAR\Numero\lu585167by2jg.tmp</t>
  </si>
  <si>
    <t>12/31/2019 12:10:15</t>
  </si>
  <si>
    <t>12/31/2019 12:14:36</t>
  </si>
  <si>
    <t>12/31/2019 12:11:15</t>
  </si>
  <si>
    <t>12/31/2019 12:13:41</t>
  </si>
  <si>
    <t>12/31/2019 12:13:48</t>
  </si>
  <si>
    <t>mail.google.com/sync/u/0/i/s?hl=pt-BR&amp;c=600</t>
  </si>
  <si>
    <t>12/31/2019 12:13:56</t>
  </si>
  <si>
    <t>12/31/2019 12:12:12</t>
  </si>
  <si>
    <t>12/31/2019 12:15:37</t>
  </si>
  <si>
    <t>12/31/2019 12:11:29</t>
  </si>
  <si>
    <t>\\acsfs\DEPTOS\Operacao\PCP\5 - Comum\JEAN FARINHA\</t>
  </si>
  <si>
    <t>\\acsfs\DEPTOS\Operacao\PCP\5 - Comum\JHAIME FRANCIELLI\Thumbs.db</t>
  </si>
  <si>
    <t>12/31/2019 12:13:06</t>
  </si>
  <si>
    <t>12/31/2019 12:18:37</t>
  </si>
  <si>
    <t>12/31/2019 12:13:07</t>
  </si>
  <si>
    <t>lu585167by2jj.tmp</t>
  </si>
  <si>
    <t>\\acsfs\profiles$\BRUNAAR\Numero\lu585167by2jj.tmp</t>
  </si>
  <si>
    <t>12/31/2019 12:17:13</t>
  </si>
  <si>
    <t>12/31/2019 12:15:08</t>
  </si>
  <si>
    <t>12/31/2019 12:14:02</t>
  </si>
  <si>
    <t>12/31/2019 12:19:36</t>
  </si>
  <si>
    <t>12/31/2019 12:16:15</t>
  </si>
  <si>
    <t>12/31/2019 12:17:15</t>
  </si>
  <si>
    <t>12/31/2019 12:14:06</t>
  </si>
  <si>
    <t>12/31/2019 12:15:28</t>
  </si>
  <si>
    <t>12/31/2019 12:15:32</t>
  </si>
  <si>
    <t>12/31/2019 12:15:33</t>
  </si>
  <si>
    <t>12/31/2019 12:15:38</t>
  </si>
  <si>
    <t>12/31/2019 12:18:53</t>
  </si>
  <si>
    <t>12/31/2019 12:20:37</t>
  </si>
  <si>
    <t>12/31/2019 12:20:01</t>
  </si>
  <si>
    <t>12/31/2019 12:17:35</t>
  </si>
  <si>
    <t>12/31/2019 12:21:00</t>
  </si>
  <si>
    <t>12/31/2019 12:21:36</t>
  </si>
  <si>
    <t>dbcf8c33-e0c5-44e9-ba85-4ada6425ce9d.tmp</t>
  </si>
  <si>
    <t>\\acsfs\profiles$\LUISPLS\Downloads\dbcf8c33-e0c5-44e9-ba85-4ada6425ce9d.tmp</t>
  </si>
  <si>
    <t>12/31/2019 12:17:55</t>
  </si>
  <si>
    <t>12/31/2019 12:23:37</t>
  </si>
  <si>
    <t>12/31/2019 12:22:15</t>
  </si>
  <si>
    <t>12/31/2019 12:24:36</t>
  </si>
  <si>
    <t>12/31/2019 12:23:15</t>
  </si>
  <si>
    <t>12/31/2019 12:20:54</t>
  </si>
  <si>
    <t>RELATORIO DE LOGIN - BV CARTÕES 29-12 - Cópia.xlsm</t>
  </si>
  <si>
    <t>\\acsfs\DEPTOS\Operacao\PCP\5 - Comum\PLANEJAMENTO BV\14 - ACOMPANHAMENTO\1 - REPORT ACOMPANHAMENTO\2019\12 - Dezembro\CARTÕES\Login Logout Cartões\RELATORIO DE LOGIN - BV CARTÕES 29-12 - Cópia.xlsm</t>
  </si>
  <si>
    <t>12/31/2019 12:20:19</t>
  </si>
  <si>
    <t>12/31/2019 12:24:26</t>
  </si>
  <si>
    <t>12/31/2019 12:26:36</t>
  </si>
  <si>
    <t>12/31/2019 12:24:27</t>
  </si>
  <si>
    <t>lu77602jihe.tmp</t>
  </si>
  <si>
    <t>\\acsfs\profiles$\jalilebds\Downloads\lu77602jihe.tmp</t>
  </si>
  <si>
    <t>12/31/2019 12:24:35</t>
  </si>
  <si>
    <t>12/31/2019 12:27:37</t>
  </si>
  <si>
    <t>12/31/2019 12:23:02</t>
  </si>
  <si>
    <t>a7a1332e-0b03-4f62-8120-8af3c71185b8.tmp</t>
  </si>
  <si>
    <t>\\acsfs\profiles$\MATEUSJM\Downloads\a7a1332e-0b03-4f62-8120-8af3c71185b8.tmp</t>
  </si>
  <si>
    <t>12/31/2019 12:23:55</t>
  </si>
  <si>
    <t>12/31/2019 12:28:36</t>
  </si>
  <si>
    <t>12/31/2019 12:24:10</t>
  </si>
  <si>
    <t>12/31/2019 12:28:15</t>
  </si>
  <si>
    <t>12/31/2019 12:29:36</t>
  </si>
  <si>
    <t>12/31/2019 12:25:09</t>
  </si>
  <si>
    <t>12/31/2019 12:28:04</t>
  </si>
  <si>
    <t>mail.google.com/sync/u/0/i/s?hl=pt-BR&amp;c=637</t>
  </si>
  <si>
    <t>12/31/2019 12:28:07</t>
  </si>
  <si>
    <t>mail.google.com/sync/u/0/i/s?hl=pt-BR&amp;c=641</t>
  </si>
  <si>
    <t>12/31/2019 12:28:24</t>
  </si>
  <si>
    <t>12/31/2019 12:28:46</t>
  </si>
  <si>
    <t>12/31/2019 12:30:36</t>
  </si>
  <si>
    <t>12/31/2019 12:28:42</t>
  </si>
  <si>
    <t>12/31/2019 12:27:13</t>
  </si>
  <si>
    <t>12/31/2019 12:26:20</t>
  </si>
  <si>
    <t>12/31/2019 12:31:36</t>
  </si>
  <si>
    <t>12/31/2019 12:27:21</t>
  </si>
  <si>
    <t>12/31/2019 12:27:22</t>
  </si>
  <si>
    <t>lu40900589s8u.tmp</t>
  </si>
  <si>
    <t>\\acsfs\profiles$\LUISPLS\My Documents\Nova pasta\lu40900589s8u.tmp</t>
  </si>
  <si>
    <t>\\acsfs\profiles$\LUISPLS\My Documents\Nova pasta\lu40900589s8u.tmp\</t>
  </si>
  <si>
    <t>\\acsfs\profiles$\LUISPLS\My Documents\Nova pasta\lu40900589s8u.tmp\META-INF\</t>
  </si>
  <si>
    <t>\\acsfs\profiles$\LUISPLS\My Documents\Nova pasta\lu40900589s8u.tmp\Thumbnails\</t>
  </si>
  <si>
    <t>12/31/2019 12:27:31</t>
  </si>
  <si>
    <t>12/31/2019 12:30:03</t>
  </si>
  <si>
    <t>12/31/2019 12:30:04</t>
  </si>
  <si>
    <t>lu4064458bbvw.tmp</t>
  </si>
  <si>
    <t>\\acsfs\profiles$\LUISPLS\My Documents\Nova pasta\lu4064458bbvw.tmp</t>
  </si>
  <si>
    <t>\\acsfs\profiles$\LUISPLS\My Documents\Nova pasta\lu4064458bbvw.tmp\</t>
  </si>
  <si>
    <t>\\acsfs\profiles$\LUISPLS\My Documents\Nova pasta\lu4064458bbvw.tmp\META-INF\</t>
  </si>
  <si>
    <t>\\acsfs\profiles$\LUISPLS\My Documents\Nova pasta\lu4064458bbvw.tmp\Thumbnails\</t>
  </si>
  <si>
    <t>12/31/2019 12:30:10</t>
  </si>
  <si>
    <t>lu4064458bbw1.tmp</t>
  </si>
  <si>
    <t>\\acsfs\profiles$\LUISPLS\My Documents\Nova pasta\lu4064458bbw1.tmp</t>
  </si>
  <si>
    <t>\\acsfs\profiles$\LUISPLS\My Documents\Nova pasta\lu4064458bbw1.tmp\</t>
  </si>
  <si>
    <t>\\acsfs\profiles$\LUISPLS\My Documents\Nova pasta\lu4064458bbw1.tmp\META-INF\</t>
  </si>
  <si>
    <t>\\acsfs\profiles$\LUISPLS\My Documents\Nova pasta\lu4064458bbw1.tmp\Thumbnails\</t>
  </si>
  <si>
    <t>12/31/2019 12:29:55</t>
  </si>
  <si>
    <t>12/31/2019 12:33:37</t>
  </si>
  <si>
    <t>12/31/2019 12:30:16</t>
  </si>
  <si>
    <t>12/31/2019 12:34:36</t>
  </si>
  <si>
    <t>12/31/2019 12:29:15</t>
  </si>
  <si>
    <t>12/31/2019 12:29:22</t>
  </si>
  <si>
    <t>12/31/2019 12:29:26</t>
  </si>
  <si>
    <t>12/31/2019 12:29:53</t>
  </si>
  <si>
    <t>mail.google.com/sync/u/0/i/s?hl=pt-BR&amp;c=652</t>
  </si>
  <si>
    <t>12/31/2019 12:30:38</t>
  </si>
  <si>
    <t>mail.google.com/sync/u/0/i/s?hl=pt-BR&amp;c=657</t>
  </si>
  <si>
    <t>12/31/2019 12:31:14</t>
  </si>
  <si>
    <t>12/31/2019 12:31:45</t>
  </si>
  <si>
    <t>12/31/2019 12:32:16</t>
  </si>
  <si>
    <t>12/31/2019 12:32:32</t>
  </si>
  <si>
    <t>RELATORIO DE LOGIN - BV CARTÕES 30-12.xlsm</t>
  </si>
  <si>
    <t>\\acsfs\DEPTOS\Operacao\PCP\5 - Comum\PLANEJAMENTO BV\14 - ACOMPANHAMENTO\1 - REPORT ACOMPANHAMENTO\2019\12 - Dezembro\CARTÕES\Login Logout Cartões\RELATORIO DE LOGIN - BV CARTÕES 30-12.xlsm</t>
  </si>
  <si>
    <t>12/31/2019 12:32:38</t>
  </si>
  <si>
    <t>12/31/2019 12:33:51</t>
  </si>
  <si>
    <t>12/31/2019 12:34:01</t>
  </si>
  <si>
    <t>12/31/2019 12:34:08</t>
  </si>
  <si>
    <t>12/31/2019 12:33:01</t>
  </si>
  <si>
    <t>12/31/2019 12:35:37</t>
  </si>
  <si>
    <t>3096a5a9-2d6f-43f6-a076-8387ed0b528a.tmp</t>
  </si>
  <si>
    <t>\\acsfs\profiles$\nathaliarmr\Downloads\3096a5a9-2d6f-43f6-a076-8387ed0b528a.tmp</t>
  </si>
  <si>
    <t>12/31/2019 12:34:10</t>
  </si>
  <si>
    <t>12/31/2019 12:32:18</t>
  </si>
  <si>
    <t>12/31/2019 12:36:36</t>
  </si>
  <si>
    <t>12/31/2019 12:32:52</t>
  </si>
  <si>
    <t>12/31/2019 12:37:36</t>
  </si>
  <si>
    <t>12/31/2019 12:35:55</t>
  </si>
  <si>
    <t>12/31/2019 12:38:36</t>
  </si>
  <si>
    <t>12/31/2019 12:33:43</t>
  </si>
  <si>
    <t>\\acsfs\profiles$\geovannasm\My Documents\831e1540-cb4c-4ee0-94b2-360a5afab640.pdf</t>
  </si>
  <si>
    <t>12/31/2019 12:34:28</t>
  </si>
  <si>
    <t>12/31/2019 12:34:29</t>
  </si>
  <si>
    <t>lu59249qwzf.tmp</t>
  </si>
  <si>
    <t>\\acsfs\profiles$\jonatanls\My Documents\lu59249qwzf.tmp</t>
  </si>
  <si>
    <t>12/31/2019 12:34:16</t>
  </si>
  <si>
    <t>12/31/2019 12:39:36</t>
  </si>
  <si>
    <t>12/31/2019 12:34:17</t>
  </si>
  <si>
    <t>lu188041eg9ux.tmp</t>
  </si>
  <si>
    <t>\\acsfs\profiles$\CLAUDIAJCA\lu188041eg9ux.tmp</t>
  </si>
  <si>
    <t>\\acsfs\profiles$\CLAUDIAJCA\lu188041eg9ux.tmp\</t>
  </si>
  <si>
    <t>\\acsfs\profiles$\CLAUDIAJCA\lu188041eg9ux.tmp\META-INF\</t>
  </si>
  <si>
    <t>\\acsfs\profiles$\CLAUDIAJCA\lu188041eg9ux.tmp\Thumbnails\</t>
  </si>
  <si>
    <t>12/31/2019 12:34:15</t>
  </si>
  <si>
    <t>12/31/2019 12:35:15</t>
  </si>
  <si>
    <t>12/31/2019 12:38:52</t>
  </si>
  <si>
    <t>12/31/2019 12:40:36</t>
  </si>
  <si>
    <t>be4b91e9-5673-4e20-ab30-c08a3129bf07.tmp</t>
  </si>
  <si>
    <t>\\acsfs\profiles$\laylaams\Downloads\be4b91e9-5673-4e20-ab30-c08a3129bf07.tmp</t>
  </si>
  <si>
    <t>12/31/2019 12:38:54</t>
  </si>
  <si>
    <t>8ff8098d-72f2-4472-a785-c06e0d52faca.tmp</t>
  </si>
  <si>
    <t>\\acsfs\profiles$\laylaams\Downloads\8ff8098d-72f2-4472-a785-c06e0d52faca.tmp</t>
  </si>
  <si>
    <t>12/31/2019 12:38:43</t>
  </si>
  <si>
    <t>12/31/2019 12:40:06</t>
  </si>
  <si>
    <t>12/31/2019 12:36:15</t>
  </si>
  <si>
    <t>12/31/2019 12:41:36</t>
  </si>
  <si>
    <t>12/31/2019 12:36:16</t>
  </si>
  <si>
    <t>lu3812458hhpp.tmp</t>
  </si>
  <si>
    <t>\\acsfs\profiles$\LUISPLS\My Documents\Nova pasta\lu3812458hhpp.tmp</t>
  </si>
  <si>
    <t>\\acsfs\profiles$\LUISPLS\My Documents\Nova pasta\lu3812458hhpp.tmp\</t>
  </si>
  <si>
    <t>\\acsfs\profiles$\LUISPLS\My Documents\Nova pasta\lu3812458hhpp.tmp\META-INF\</t>
  </si>
  <si>
    <t>\\acsfs\profiles$\LUISPLS\My Documents\Nova pasta\lu3812458hhpp.tmp\Thumbnails\</t>
  </si>
  <si>
    <t>12/31/2019 12:37:11</t>
  </si>
  <si>
    <t>12/31/2019 12:36:43</t>
  </si>
  <si>
    <t>12/31/2019 12:42:37</t>
  </si>
  <si>
    <t>lu77602jihh.tmp</t>
  </si>
  <si>
    <t>\\acsfs\profiles$\jalilebds\Downloads\lu77602jihh.tmp</t>
  </si>
  <si>
    <t>12/31/2019 12:41:08</t>
  </si>
  <si>
    <t>12/31/2019 12:40:57</t>
  </si>
  <si>
    <t>00bc36af-fe0e-4320-afea-6c29495a4597.tmp</t>
  </si>
  <si>
    <t>\\acsfs\profiles$\vivianalds\Downloads\00bc36af-fe0e-4320-afea-6c29495a4597.tmp</t>
  </si>
  <si>
    <t>12/31/2019 12:38:39</t>
  </si>
  <si>
    <t>12/31/2019 12:43:36</t>
  </si>
  <si>
    <t>12/31/2019 12:41:55</t>
  </si>
  <si>
    <t>12/31/2019 12:43:43</t>
  </si>
  <si>
    <t>12/31/2019 12:44:36</t>
  </si>
  <si>
    <t>12/31/2019 12:40:15</t>
  </si>
  <si>
    <t>12/31/2019 12:41:15</t>
  </si>
  <si>
    <t>12/31/2019 12:40:41</t>
  </si>
  <si>
    <t>832e9dad-28d0-4eb1-a27d-de5d89fd9e30.tmp</t>
  </si>
  <si>
    <t>\\acsfs\profiles$\mariagsg\Downloads\832e9dad-28d0-4eb1-a27d-de5d89fd9e30.tmp</t>
  </si>
  <si>
    <t>a3d82320-75d4-4af5-93c9-ffad634ca609.tmp</t>
  </si>
  <si>
    <t>\\acsfs\profiles$\mariagsg\Downloads\a3d82320-75d4-4af5-93c9-ffad634ca609.tmp</t>
  </si>
  <si>
    <t>12/31/2019 12:40:43</t>
  </si>
  <si>
    <t>Q29udHJvbGxlci5QYXl3YXJlXzEtMg-- (6).ica</t>
  </si>
  <si>
    <t>\\acsfs\profiles$\mariagsg\Downloads\Q29udHJvbGxlci5QYXl3YXJlXzEtMg-- (6).ica</t>
  </si>
  <si>
    <t>12/31/2019 12:41:11</t>
  </si>
  <si>
    <t>12/31/2019 12:41:35</t>
  </si>
  <si>
    <t>733a9f09-907b-4718-878e-62482868c5ca.tmp</t>
  </si>
  <si>
    <t>\\acsfs\profiles$\mariagsg\Downloads\733a9f09-907b-4718-878e-62482868c5ca.tmp</t>
  </si>
  <si>
    <t>12/31/2019 12:44:06</t>
  </si>
  <si>
    <t>12/31/2019 12:47:36</t>
  </si>
  <si>
    <t>12/31/2019 12:43:48</t>
  </si>
  <si>
    <t>12/31/2019 12:48:36</t>
  </si>
  <si>
    <t>b01a73ce-14b2-4c17-a46c-c0170a1ef17d.tmp</t>
  </si>
  <si>
    <t>\\acsfs\profiles$\Flaviojmm\Downloads\b01a73ce-14b2-4c17-a46c-c0170a1ef17d.tmp</t>
  </si>
  <si>
    <t>12/31/2019 12:46:15</t>
  </si>
  <si>
    <t>12/31/2019 12:49:36</t>
  </si>
  <si>
    <t>12/31/2019 12:47:15</t>
  </si>
  <si>
    <t>12/31/2019 12:46:10</t>
  </si>
  <si>
    <t>3698b10e-6488-4d5d-977f-355f30caadbf.tmp</t>
  </si>
  <si>
    <t>\\acsfs\profiles$\welidicdj\Downloads\3698b10e-6488-4d5d-977f-355f30caadbf.tmp</t>
  </si>
  <si>
    <t>12/31/2019 12:46:13</t>
  </si>
  <si>
    <t>12/31/2019 12:46:40</t>
  </si>
  <si>
    <t>12/31/2019 12:47:48</t>
  </si>
  <si>
    <t>e4d55b6b-3c9e-4d99-a5eb-159f1ec5f00a.tmp</t>
  </si>
  <si>
    <t>\\acsfs\profiles$\welidicdj\Downloads\e4d55b6b-3c9e-4d99-a5eb-159f1ec5f00a.tmp</t>
  </si>
  <si>
    <t>12/31/2019 12:47:02</t>
  </si>
  <si>
    <t>12/31/2019 12:50:36</t>
  </si>
  <si>
    <t>12/31/2019 12:47:37</t>
  </si>
  <si>
    <t>12/31/2019 12:51:36</t>
  </si>
  <si>
    <t>f0541df8-298b-43c2-95b8-7d5ad6c0430e.tmp</t>
  </si>
  <si>
    <t>\\acsfs\profiles$\philipegsf\Downloads\f0541df8-298b-43c2-95b8-7d5ad6c0430e.tmp</t>
  </si>
  <si>
    <t>12/31/2019 12:49:26</t>
  </si>
  <si>
    <t>12/31/2019 12:52:36</t>
  </si>
  <si>
    <t>12/31/2019 12:47:56</t>
  </si>
  <si>
    <t>12/31/2019 12:53:35</t>
  </si>
  <si>
    <t>12/31/2019 12:50:34</t>
  </si>
  <si>
    <t>12/31/2019 12:48:47</t>
  </si>
  <si>
    <t>12/31/2019 12:52:16</t>
  </si>
  <si>
    <t>12/31/2019 12:54:36</t>
  </si>
  <si>
    <t>12/31/2019 12:53:15</t>
  </si>
  <si>
    <t>12/31/2019 12:55:03</t>
  </si>
  <si>
    <t>12/31/2019 12:57:36</t>
  </si>
  <si>
    <t>12/31/2019 12:53:55</t>
  </si>
  <si>
    <t>12/31/2019 12:58:36</t>
  </si>
  <si>
    <t>12/31/2019 12:54:50</t>
  </si>
  <si>
    <t>b97c554f-c821-4926-86f2-6a26d74b8ac6.tmp</t>
  </si>
  <si>
    <t>\\acsfs\profiles$\rafaelamsv\Downloads\b97c554f-c821-4926-86f2-6a26d74b8ac6.tmp</t>
  </si>
  <si>
    <t>12/31/2019 12:58:15</t>
  </si>
  <si>
    <t>12/31/2019 12:59:36</t>
  </si>
  <si>
    <t>12/31/2019 12:58:22</t>
  </si>
  <si>
    <t>12/31/2019 13:01:36</t>
  </si>
  <si>
    <t>12/31/2019 12:58:23</t>
  </si>
  <si>
    <t>lu18508zy227.tmp</t>
  </si>
  <si>
    <t>\\acsfs\profiles$\geovanaasa\My Documents\lu18508zy227.tmp</t>
  </si>
  <si>
    <t>\\acsfs\profiles$\geovanaasa\My Documents\lu18508zy227.tmp\</t>
  </si>
  <si>
    <t>\\acsfs\profiles$\geovanaasa\My Documents\lu18508zy227.tmp\META-INF\</t>
  </si>
  <si>
    <t>\\acsfs\profiles$\geovanaasa\My Documents\lu18508zy227.tmp\Thumbnails\</t>
  </si>
  <si>
    <t>12/31/2019 12:58:27</t>
  </si>
  <si>
    <t>12/31/2019 12:59:54</t>
  </si>
  <si>
    <t>12/31/2019 12:59:55</t>
  </si>
  <si>
    <t>lu18508zy22f.tmp</t>
  </si>
  <si>
    <t>\\acsfs\profiles$\geovanaasa\My Documents\lu18508zy22f.tmp</t>
  </si>
  <si>
    <t>\\acsfs\profiles$\geovanaasa\My Documents\lu18508zy22f.tmp\</t>
  </si>
  <si>
    <t>\\acsfs\profiles$\geovanaasa\My Documents\lu18508zy22f.tmp\META-INF\</t>
  </si>
  <si>
    <t>\\acsfs\profiles$\geovanaasa\My Documents\lu18508zy22f.tmp\Thumbnails\</t>
  </si>
  <si>
    <t>12/31/2019 13:00:01</t>
  </si>
  <si>
    <t>12/31/2019 13:01:31</t>
  </si>
  <si>
    <t>12/31/2019 13:02:35</t>
  </si>
  <si>
    <t>24839e06-a44b-480f-b674-55be3940dfed.tmp</t>
  </si>
  <si>
    <t>\\acsfs\profiles$\quindaizaagds\Downloads\24839e06-a44b-480f-b674-55be3940dfed.tmp</t>
  </si>
  <si>
    <t>12/31/2019 12:59:56</t>
  </si>
  <si>
    <t>12/31/2019 13:03:36</t>
  </si>
  <si>
    <t>12/31/2019 12:59:47</t>
  </si>
  <si>
    <t>12/31/2019 12:59:32</t>
  </si>
  <si>
    <t>2fc1a1e8-3987-4003-b6f5-eeaf5455ccc2.tmp</t>
  </si>
  <si>
    <t>\\acsfs\profiles$\geovannasm\Downloads\2fc1a1e8-3987-4003-b6f5-eeaf5455ccc2.tmp</t>
  </si>
  <si>
    <t>12/31/2019 12:59:40</t>
  </si>
  <si>
    <t>12/31/2019 12:59:41</t>
  </si>
  <si>
    <t>lu59249qwzu.tmp</t>
  </si>
  <si>
    <t>\\acsfs\profiles$\jonatanls\My Documents\lu59249qwzu.tmp</t>
  </si>
  <si>
    <t>12/31/2019 13:00:18</t>
  </si>
  <si>
    <t>12/31/2019 13:00:19</t>
  </si>
  <si>
    <t>lu59249qx00.tmp</t>
  </si>
  <si>
    <t>\\acsfs\profiles$\jonatanls\My Documents\lu59249qx00.tmp</t>
  </si>
  <si>
    <t>12/31/2019 13:01:00</t>
  </si>
  <si>
    <t>aa3ed0f8-2947-4a1f-a0ad-b71a40ccdb40.tmp</t>
  </si>
  <si>
    <t>\\acsfs\profiles$\jonatanls\Downloads\aa3ed0f8-2947-4a1f-a0ad-b71a40ccdb40.tmp</t>
  </si>
  <si>
    <t>12/31/2019 13:01:38</t>
  </si>
  <si>
    <t>lu1876019g2vs.tmp</t>
  </si>
  <si>
    <t>\\acsfs\profiles$\FLAVIOJMM\My Documents\lu1876019g2vs.tmp</t>
  </si>
  <si>
    <t>\\acsfs\profiles$\FLAVIOJMM\My Documents\lu1876019g2vs.tmp\</t>
  </si>
  <si>
    <t>\\acsfs\profiles$\FLAVIOJMM\My Documents\lu1876019g2vs.tmp\META-INF\</t>
  </si>
  <si>
    <t>\\acsfs\profiles$\FLAVIOJMM\My Documents\lu1876019g2vs.tmp\Thumbnails\</t>
  </si>
  <si>
    <t>12/31/2019 13:03:09</t>
  </si>
  <si>
    <t>12/31/2019 13:02:13</t>
  </si>
  <si>
    <t>12/31/2019 13:00:53</t>
  </si>
  <si>
    <t>12/31/2019 13:04:36</t>
  </si>
  <si>
    <t>fd17475d-7657-481d-b631-0d0df47281b9.tmp</t>
  </si>
  <si>
    <t>\\acsfs\profiles$\anafaes\Downloads\fd17475d-7657-481d-b631-0d0df47281b9.tmp</t>
  </si>
  <si>
    <t>12/31/2019 13:01:13</t>
  </si>
  <si>
    <t>e608ead0-c8d1-4db2-bc85-4cb52d1a60f5.tmp</t>
  </si>
  <si>
    <t>\\acsfs\profiles$\anafaes\Downloads\e608ead0-c8d1-4db2-bc85-4cb52d1a60f5.tmp</t>
  </si>
  <si>
    <t>12/31/2019 12:59:15</t>
  </si>
  <si>
    <t>12/31/2019 13:02:09</t>
  </si>
  <si>
    <t>1b5bede4-edb7-4865-9f18-4afa705de826.tmp</t>
  </si>
  <si>
    <t>\\acsfs\profiles$\isabellegtds\Downloads\1b5bede4-edb7-4865-9f18-4afa705de826.tmp</t>
  </si>
  <si>
    <t>12/31/2019 13:05:06</t>
  </si>
  <si>
    <t>12/31/2019 13:07:36</t>
  </si>
  <si>
    <t>lu77602jihk.tmp</t>
  </si>
  <si>
    <t>\\acsfs\profiles$\jalilebds\Downloads\lu77602jihk.tmp</t>
  </si>
  <si>
    <t>20258016-ab62-40de-b437-1c2ffa72b775.tmp</t>
  </si>
  <si>
    <t>\\acsfs\profiles$\quindaizaagds\Downloads\20258016-ab62-40de-b437-1c2ffa72b775.tmp</t>
  </si>
  <si>
    <t>12/31/2019 13:02:45</t>
  </si>
  <si>
    <t>50e95846-fe1a-425e-9f62-de4c9d972fea.tmp</t>
  </si>
  <si>
    <t>\\acsfs\profiles$\quindaizaagds\Downloads\50e95846-fe1a-425e-9f62-de4c9d972fea.tmp</t>
  </si>
  <si>
    <t>12/31/2019 13:05:56</t>
  </si>
  <si>
    <t>12/31/2019 13:08:36</t>
  </si>
  <si>
    <t>12/31/2019 13:06:09</t>
  </si>
  <si>
    <t>12/31/2019 13:06:08</t>
  </si>
  <si>
    <t>09aebef7-070a-46af-9a5c-10f06083e7e4.tmp</t>
  </si>
  <si>
    <t>\\acsfs\profiles$\rafaelamsv\Downloads\09aebef7-070a-46af-9a5c-10f06083e7e4.tmp</t>
  </si>
  <si>
    <t>12/31/2019 13:08:30</t>
  </si>
  <si>
    <t>12/31/2019 13:09:36</t>
  </si>
  <si>
    <t>7847b000-eed8-4862-9aec-ffdabd0568ed.tmp</t>
  </si>
  <si>
    <t>\\acsfs\profiles$\anafaes\Downloads\7847b000-eed8-4862-9aec-ffdabd0568ed.tmp</t>
  </si>
  <si>
    <t>12/31/2019 13:04:15</t>
  </si>
  <si>
    <t>12/31/2019 13:05:15</t>
  </si>
  <si>
    <t>12/31/2019 13:09:41</t>
  </si>
  <si>
    <t>12/31/2019 13:10:36</t>
  </si>
  <si>
    <t>12/31/2019 13:05:45</t>
  </si>
  <si>
    <t>12/31/2019 13:08:56</t>
  </si>
  <si>
    <t>12/31/2019 13:11:36</t>
  </si>
  <si>
    <t>47a74be8-ea9d-4cda-a16a-c881d100c758.tmp</t>
  </si>
  <si>
    <t>\\acsfs\profiles$\gabriellalpr\Downloads\47a74be8-ea9d-4cda-a16a-c881d100c758.tmp</t>
  </si>
  <si>
    <t>12/31/2019 13:06:57</t>
  </si>
  <si>
    <t>12/31/2019 13:10:19</t>
  </si>
  <si>
    <t>cf7746a3-bf4e-4a59-a2d8-c8c8b3e85878.tmp</t>
  </si>
  <si>
    <t>\\acsfs\profiles$\geovanaasa\Downloads\cf7746a3-bf4e-4a59-a2d8-c8c8b3e85878.tmp</t>
  </si>
  <si>
    <t>12/31/2019 13:10:03</t>
  </si>
  <si>
    <t>12/31/2019 13:12:36</t>
  </si>
  <si>
    <t>12/31/2019 13:10:04</t>
  </si>
  <si>
    <t>lu77602jihn.tmp</t>
  </si>
  <si>
    <t>\\acsfs\profiles$\jalilebds\Downloads\lu77602jihn.tmp</t>
  </si>
  <si>
    <t>12/31/2019 13:07:53</t>
  </si>
  <si>
    <t>12/31/2019 13:09:35</t>
  </si>
  <si>
    <t>12/31/2019 13:13:36</t>
  </si>
  <si>
    <t>12/31/2019 13:09:56</t>
  </si>
  <si>
    <t>12/31/2019 13:09:57</t>
  </si>
  <si>
    <t>12/31/2019 13:10:11</t>
  </si>
  <si>
    <t>12/31/2019 13:10:26</t>
  </si>
  <si>
    <t>12/31/2019 13:10:32</t>
  </si>
  <si>
    <t>12/31/2019 13:10:39</t>
  </si>
  <si>
    <t>12/31/2019 13:11:08</t>
  </si>
  <si>
    <t>12/31/2019 13:11:17</t>
  </si>
  <si>
    <t>12/31/2019 13:11:44</t>
  </si>
  <si>
    <t>12/31/2019 13:11:56</t>
  </si>
  <si>
    <t>12/31/2019 13:12:07</t>
  </si>
  <si>
    <t>12/31/2019 13:12:16</t>
  </si>
  <si>
    <t>12/31/2019 13:12:26</t>
  </si>
  <si>
    <t>12/31/2019 13:12:28</t>
  </si>
  <si>
    <t>12/31/2019 13:12:32</t>
  </si>
  <si>
    <t>12/31/2019 13:12:35</t>
  </si>
  <si>
    <t>12/31/2019 13:12:41</t>
  </si>
  <si>
    <t>12/31/2019 13:12:59</t>
  </si>
  <si>
    <t>12/31/2019 13:10:27</t>
  </si>
  <si>
    <t>12/31/2019 13:10:15</t>
  </si>
  <si>
    <t>12/31/2019 13:14:36</t>
  </si>
  <si>
    <t>12/31/2019 13:11:15</t>
  </si>
  <si>
    <t>12/31/2019 13:12:34</t>
  </si>
  <si>
    <t>12/31/2019 13:15:36</t>
  </si>
  <si>
    <t>lu12940lsead.tmp</t>
  </si>
  <si>
    <t>\\acsfs\profiles$\dhiulliananads\My Documents\lu12940lsead.tmp</t>
  </si>
  <si>
    <t>\\acsfs\profiles$\dhiulliananads\My Documents\lu12940lsead.tmp\</t>
  </si>
  <si>
    <t>\\acsfs\profiles$\dhiulliananads\My Documents\lu12940lsead.tmp\META-INF\</t>
  </si>
  <si>
    <t>\\acsfs\profiles$\dhiulliananads\My Documents\lu12940lsead.tmp\Thumbnails\</t>
  </si>
  <si>
    <t>lu12940lseak.tmp</t>
  </si>
  <si>
    <t>\\acsfs\profiles$\dhiulliananads\My Documents\lu12940lseak.tmp</t>
  </si>
  <si>
    <t>12/31/2019 13:13:00</t>
  </si>
  <si>
    <t>\\acsfs\profiles$\dhiulliananads\My Documents\lu12940lseak.tmp\</t>
  </si>
  <si>
    <t>\\acsfs\profiles$\dhiulliananads\My Documents\lu12940lseak.tmp\META-INF\</t>
  </si>
  <si>
    <t>\\acsfs\profiles$\dhiulliananads\My Documents\lu12940lseak.tmp\Thumbnails\</t>
  </si>
  <si>
    <t>12/31/2019 13:16:36</t>
  </si>
  <si>
    <t>12/31/2019 13:12:29</t>
  </si>
  <si>
    <t>lu18508zy22p.tmp</t>
  </si>
  <si>
    <t>\\acsfs\profiles$\geovanaasa\My Documents\lu18508zy22p.tmp</t>
  </si>
  <si>
    <t>\\acsfs\profiles$\geovanaasa\My Documents\lu18508zy22p.tmp\</t>
  </si>
  <si>
    <t>\\acsfs\profiles$\geovanaasa\My Documents\lu18508zy22p.tmp\META-INF\</t>
  </si>
  <si>
    <t>\\acsfs\profiles$\geovanaasa\My Documents\lu18508zy22p.tmp\Thumbnails\</t>
  </si>
  <si>
    <t>12/31/2019 13:16:14</t>
  </si>
  <si>
    <t>12/31/2019 13:18:35</t>
  </si>
  <si>
    <t>12/31/2019 13:16:15</t>
  </si>
  <si>
    <t>lu400165kr02g.tmp</t>
  </si>
  <si>
    <t>\\acsfs\profiles$\LUCASBS\RENEG BV\Consolidado\lu400165kr02g.tmp</t>
  </si>
  <si>
    <t>\\acsfs\profiles$\LUCASBS\RENEG BV\Consolidado\lu400165kr02g.tmp\</t>
  </si>
  <si>
    <t>\\acsfs\profiles$\LUCASBS\RENEG BV\Consolidado\lu400165kr02g.tmp\META-INF\</t>
  </si>
  <si>
    <t>\\acsfs\profiles$\LUCASBS\RENEG BV\Consolidado\lu400165kr02g.tmp\Thumbnails\</t>
  </si>
  <si>
    <t>12/31/2019 13:16:33</t>
  </si>
  <si>
    <t>12/31/2019 13:16:37</t>
  </si>
  <si>
    <t>12/31/2019 13:17:10</t>
  </si>
  <si>
    <t>12/31/2019 13:17:34</t>
  </si>
  <si>
    <t>12/31/2019 13:17:47</t>
  </si>
  <si>
    <t>12/31/2019 13:17:53</t>
  </si>
  <si>
    <t>12/31/2019 13:17:56</t>
  </si>
  <si>
    <t>12/31/2019 13:19:36</t>
  </si>
  <si>
    <t>12/31/2019 13:17:15</t>
  </si>
  <si>
    <t>12/31/2019 13:18:57</t>
  </si>
  <si>
    <t>12/31/2019 13:15:33</t>
  </si>
  <si>
    <t>12/31/2019 13:20:37</t>
  </si>
  <si>
    <t>12/31/2019 13:16:18</t>
  </si>
  <si>
    <t>12/31/2019 13:19:24</t>
  </si>
  <si>
    <t>12/31/2019 13:21:36</t>
  </si>
  <si>
    <t>https://udpmailboxap01.acs.com.br:8443/h/search?si=0&amp;so=0&amp;sc=58227&amp;sfi=6&amp;st=conversation&amp;action=compose</t>
  </si>
  <si>
    <t>6;</t>
  </si>
  <si>
    <t>https://6</t>
  </si>
  <si>
    <t>12/31/2019 13:16:50</t>
  </si>
  <si>
    <t>12/31/2019 13:16:51</t>
  </si>
  <si>
    <t>lu18508zy22u.tmp</t>
  </si>
  <si>
    <t>\\acsfs\profiles$\geovanaasa\My Documents\lu18508zy22u.tmp</t>
  </si>
  <si>
    <t>\\acsfs\profiles$\geovanaasa\My Documents\lu18508zy22u.tmp\</t>
  </si>
  <si>
    <t>\\acsfs\profiles$\geovanaasa\My Documents\lu18508zy22u.tmp\META-INF\</t>
  </si>
  <si>
    <t>\\acsfs\profiles$\geovanaasa\My Documents\lu18508zy22u.tmp\Thumbnails\</t>
  </si>
  <si>
    <t>12/31/2019 13:22:36</t>
  </si>
  <si>
    <t>12/31/2019 13:20:38</t>
  </si>
  <si>
    <t>lu202721a2ri7.tmp</t>
  </si>
  <si>
    <t>\\acsfs\profiles$\VIVIANALDS\My Documents\lu202721a2ri7.tmp</t>
  </si>
  <si>
    <t>\\acsfs\profiles$\VIVIANALDS\My Documents\lu202721a2ri7.tmp\</t>
  </si>
  <si>
    <t>\\acsfs\profiles$\VIVIANALDS\My Documents\lu202721a2ri7.tmp\META-INF\</t>
  </si>
  <si>
    <t>\\acsfs\profiles$\VIVIANALDS\My Documents\lu202721a2ri7.tmp\Thumbnails\</t>
  </si>
  <si>
    <t>12/31/2019 13:20:40</t>
  </si>
  <si>
    <t>12/31/2019 13:20:41</t>
  </si>
  <si>
    <t>lu202721a2rib.tmp</t>
  </si>
  <si>
    <t>\\acsfs\profiles$\VIVIANALDS\My Documents\lu202721a2rib.tmp</t>
  </si>
  <si>
    <t>\\acsfs\profiles$\VIVIANALDS\My Documents\lu202721a2rib.tmp\</t>
  </si>
  <si>
    <t>\\acsfs\profiles$\VIVIANALDS\My Documents\lu202721a2rib.tmp\META-INF\</t>
  </si>
  <si>
    <t>\\acsfs\profiles$\VIVIANALDS\My Documents\lu202721a2rib.tmp\Thumbnails\</t>
  </si>
  <si>
    <t>12/31/2019 13:19:28</t>
  </si>
  <si>
    <t>12/31/2019 13:23:35</t>
  </si>
  <si>
    <t>12/31/2019 13:19:38</t>
  </si>
  <si>
    <t>12/31/2019 13:19:43</t>
  </si>
  <si>
    <t>12/31/2019 13:20:02</t>
  </si>
  <si>
    <t>12/31/2019 13:20:25</t>
  </si>
  <si>
    <t>12/31/2019 13:20:32</t>
  </si>
  <si>
    <t>12/31/2019 13:20:50</t>
  </si>
  <si>
    <t>12/31/2019 13:21:01</t>
  </si>
  <si>
    <t>12/31/2019 13:21:13</t>
  </si>
  <si>
    <t>12/31/2019 13:21:58</t>
  </si>
  <si>
    <t>12/31/2019 13:22:15</t>
  </si>
  <si>
    <t>12/31/2019 13:22:25</t>
  </si>
  <si>
    <t>12/31/2019 13:22:31</t>
  </si>
  <si>
    <t>12/31/2019 13:22:38</t>
  </si>
  <si>
    <t>12/31/2019 13:22:43</t>
  </si>
  <si>
    <t>12/31/2019 13:22:45</t>
  </si>
  <si>
    <t>12/31/2019 13:22:48</t>
  </si>
  <si>
    <t>12/31/2019 13:22:54</t>
  </si>
  <si>
    <t>12/31/2019 13:22:58</t>
  </si>
  <si>
    <t>12/31/2019 13:20:49</t>
  </si>
  <si>
    <t>8ca67c3e-31d7-41f7-9b82-97052763ed26.tmp</t>
  </si>
  <si>
    <t>\\acsfs\profiles$\kellzylenneasr\Downloads\8ca67c3e-31d7-41f7-9b82-97052763ed26.tmp</t>
  </si>
  <si>
    <t>12/31/2019 13:21:10</t>
  </si>
  <si>
    <t>12/31/2019 13:21:11</t>
  </si>
  <si>
    <t>lu1406010xs10.tmp</t>
  </si>
  <si>
    <t>\\acsfs\profiles$\jonathanwap\lu1406010xs10.tmp</t>
  </si>
  <si>
    <t>\\acsfs\profiles$\jonathanwap\lu1406010xs10.tmp\</t>
  </si>
  <si>
    <t>\\acsfs\profiles$\jonathanwap\lu1406010xs10.tmp\META-INF\</t>
  </si>
  <si>
    <t>\\acsfs\profiles$\jonathanwap\lu1406010xs10.tmp\Thumbnails\</t>
  </si>
  <si>
    <t>12/31/2019 13:24:36</t>
  </si>
  <si>
    <t>12/31/2019 13:23:15</t>
  </si>
  <si>
    <t>12/31/2019 13:23:10</t>
  </si>
  <si>
    <t>12/31/2019 13:26:36</t>
  </si>
  <si>
    <t>\\acsfs\profiles$\layonmof\Contacts\</t>
  </si>
  <si>
    <t>LAYON MARCIO OLIVEIRA FARIA (23838).contact</t>
  </si>
  <si>
    <t>\\acsfs\profiles$\layonmof\Contacts\LAYON MARCIO OLIVEIRA FARIA (23838).contact</t>
  </si>
  <si>
    <t>12/31/2019 13:23:22</t>
  </si>
  <si>
    <t>\\acsfs\profiles$\layonmof\My Documents\My Videos\</t>
  </si>
  <si>
    <t>\\acsfs\profiles$\layonmof\My Documents\My Videos\desktop.ini</t>
  </si>
  <si>
    <t>12/31/2019 13:23:23</t>
  </si>
  <si>
    <t>\\acsfs\profiles$\layonmof\My Documents\My Pictures\</t>
  </si>
  <si>
    <t>\\acsfs\profiles$\layonmof\My Documents\My Pictures\desktop.ini</t>
  </si>
  <si>
    <t>12/31/2019 13:23:24</t>
  </si>
  <si>
    <t>\\acsfs\profiles$\layonmof\Contacts\desktop.ini</t>
  </si>
  <si>
    <t>\\acsfs\profiles$\layonmof\Favorites\</t>
  </si>
  <si>
    <t>\\acsfs\profiles$\layonmof\Favorites\desktop.ini</t>
  </si>
  <si>
    <t>12/31/2019 13:23:25</t>
  </si>
  <si>
    <t>\\acsfs\profiles$\layonmof\My Documents\My Music\</t>
  </si>
  <si>
    <t>\\acsfs\profiles$\layonmof\My Documents\My Music\desktop.ini</t>
  </si>
  <si>
    <t>12/31/2019 13:23:26</t>
  </si>
  <si>
    <t>\\acsfs\profiles$\layonmof\Searches\</t>
  </si>
  <si>
    <t>\\acsfs\profiles$\layonmof\Searches\desktop.ini</t>
  </si>
  <si>
    <t>\\acsfs\profiles$\layonmof\Downloads\desktop.ini</t>
  </si>
  <si>
    <t>12/31/2019 13:23:27</t>
  </si>
  <si>
    <t>\\acsfs\profiles$\layonmof\My Documents\desktop.ini</t>
  </si>
  <si>
    <t>12/31/2019 13:20:54</t>
  </si>
  <si>
    <t>12/31/2019 13:23:28</t>
  </si>
  <si>
    <t>\\acsfs\profiles$\layonmof\Saved Games\</t>
  </si>
  <si>
    <t>\\acsfs\profiles$\layonmof\Saved Games\desktop.ini</t>
  </si>
  <si>
    <t>12/31/2019 13:21:24</t>
  </si>
  <si>
    <t>12/31/2019 13:21:54</t>
  </si>
  <si>
    <t>12/31/2019 13:22:24</t>
  </si>
  <si>
    <t>12/31/2019 13:23:44</t>
  </si>
  <si>
    <t>\\acsfs\profiles$\layonmof\Favorites\Links for Brasil\</t>
  </si>
  <si>
    <t>\\acsfs\profiles$\layonmof\Favorites\Links for Brasil\desktop.ini</t>
  </si>
  <si>
    <t>\\acsfs\profiles$\layonmof\Favorites\Links for Brasil\Microsoft Brasil.url</t>
  </si>
  <si>
    <t>12/31/2019 13:23:46</t>
  </si>
  <si>
    <t>\\acsfs\profiles$\layonmof\Favorites\Links for Brasil\Windows Brasil.url</t>
  </si>
  <si>
    <t>12/31/2019 13:23:47</t>
  </si>
  <si>
    <t>\\acsfs\profiles$\layonmof\Favorites\Links for Brasil\MSN Brasil.url</t>
  </si>
  <si>
    <t>12/31/2019 13:25:34</t>
  </si>
  <si>
    <t>c1150966-f8e8-46ad-93d7-534f118704ef.tmp</t>
  </si>
  <si>
    <t>\\acsfs\profiles$\layonmof\Downloads\c1150966-f8e8-46ad-93d7-534f118704ef.tmp</t>
  </si>
  <si>
    <t>12/31/2019 13:24:22</t>
  </si>
  <si>
    <t>12/31/2019 13:24:23</t>
  </si>
  <si>
    <t>lu18508zy22z.tmp</t>
  </si>
  <si>
    <t>\\acsfs\profiles$\geovanaasa\My Documents\lu18508zy22z.tmp</t>
  </si>
  <si>
    <t>\\acsfs\profiles$\geovanaasa\My Documents\lu18508zy22z.tmp\</t>
  </si>
  <si>
    <t>\\acsfs\profiles$\geovanaasa\My Documents\lu18508zy22z.tmp\META-INF\</t>
  </si>
  <si>
    <t>\\acsfs\profiles$\geovanaasa\My Documents\lu18508zy22z.tmp\Thumbnails\</t>
  </si>
  <si>
    <t>12/31/2019 13:24:47</t>
  </si>
  <si>
    <t>12/31/2019 13:24:49</t>
  </si>
  <si>
    <t>lu3790058nseq.tmp</t>
  </si>
  <si>
    <t>\\acsfs\profiles$\LUISPLS\My Documents\Nova pasta\lu3790058nseq.tmp</t>
  </si>
  <si>
    <t>12/31/2019 13:21:53</t>
  </si>
  <si>
    <t>62ce8c36-329f-4424-aab8-3f12e297574c.tmp</t>
  </si>
  <si>
    <t>\\acsfs\profiles$\alinepp\Downloads\62ce8c36-329f-4424-aab8-3f12e297574c.tmp</t>
  </si>
  <si>
    <t>12/31/2019 13:24:06</t>
  </si>
  <si>
    <t>12/31/2019 13:27:36</t>
  </si>
  <si>
    <t>12/31/2019 13:23:08</t>
  </si>
  <si>
    <t>12/31/2019 13:28:36</t>
  </si>
  <si>
    <t>12/31/2019 13:23:14</t>
  </si>
  <si>
    <t>12/31/2019 13:23:34</t>
  </si>
  <si>
    <t>12/31/2019 13:23:56</t>
  </si>
  <si>
    <t>12/31/2019 13:23:58</t>
  </si>
  <si>
    <t>12/31/2019 13:24:04</t>
  </si>
  <si>
    <t>mail.google.com/sync/u/0/i/s?hl=pt-BR&amp;c=280</t>
  </si>
  <si>
    <t>12/31/2019 13:24:09</t>
  </si>
  <si>
    <t>12/31/2019 13:25:21</t>
  </si>
  <si>
    <t>mail.google.com/sync/u/0/i/s?hl=pt-BR&amp;c=297</t>
  </si>
  <si>
    <t>12/31/2019 13:25:22</t>
  </si>
  <si>
    <t>12/31/2019 13:26:02</t>
  </si>
  <si>
    <t>12/31/2019 13:26:06</t>
  </si>
  <si>
    <t>12/31/2019 13:26:34</t>
  </si>
  <si>
    <t>12/31/2019 13:26:43</t>
  </si>
  <si>
    <t>12/31/2019 13:27:03</t>
  </si>
  <si>
    <t>12/31/2019 13:27:16</t>
  </si>
  <si>
    <t>12/31/2019 13:24:51</t>
  </si>
  <si>
    <t>lu1876019g2w8.tmp</t>
  </si>
  <si>
    <t>\\acsfs\profiles$\FLAVIOJMM\My Documents\lu1876019g2w8.tmp</t>
  </si>
  <si>
    <t>\\acsfs\profiles$\FLAVIOJMM\My Documents\lu1876019g2w8.tmp\</t>
  </si>
  <si>
    <t>\\acsfs\profiles$\FLAVIOJMM\My Documents\lu1876019g2w8.tmp\META-INF\</t>
  </si>
  <si>
    <t>\\acsfs\profiles$\FLAVIOJMM\My Documents\lu1876019g2w8.tmp\Thumbnails\</t>
  </si>
  <si>
    <t>12/31/2019 13:28:15</t>
  </si>
  <si>
    <t>12/31/2019 13:29:36</t>
  </si>
  <si>
    <t>12/31/2019 13:27:31</t>
  </si>
  <si>
    <t>mail.google.com/_/upload?authuser=0&amp;dcp=asu-n&amp;upload_id=AEnB2UqDsk06bpboUO6wUVJxD--ZLWv8qilJ4ga0l1PS0Rso8b2OP-lnjvPu41oQeXCBTsD2Fa9Unr4kIS9nJh8CPYJWN9s850b1UCzOwOwFJm1y8RBSchI&amp;upload_protocol=resumable</t>
  </si>
  <si>
    <t>celmars@algartech.com;cristianecsa@algartech.com;danielhf@algartech.com;diegorg@algartech.com;ericacdosc@algartech.com;</t>
  </si>
  <si>
    <t>\\acsfs\engeset\ASA_ULA\NUCLEO_ATIVOS\PROJETOS\2018\INVENTARIO CAMPINAS\</t>
  </si>
  <si>
    <t>Relatório Inventário FA Corp Consolidado_atualizado_Nov19.xlsb</t>
  </si>
  <si>
    <t>celmars@algartech.com,cristianecsa@algartech.com,danielhf@algartech.com,diegorg@algartech.com,ericacdosc@algartech.com</t>
  </si>
  <si>
    <t>12/31/2019 13:28:58</t>
  </si>
  <si>
    <t>mail.google.com/_/upload?authuser=0&amp;dcp=asu-n&amp;upload_id=AEnB2UqXJGMdYF0uc76-c7z6TqebXLiAzKSG_yZm0nxW0Iw4U7W_tgwhM_xVA84vrTo4m2wHQuStiiliBUfCpp3tXJvkNzrZaD-MyQoAQpjTcmP7U0n8Gvs&amp;upload_protocol=resumable</t>
  </si>
  <si>
    <t>Informações_banco_190830.xlsx</t>
  </si>
  <si>
    <t>12/31/2019 13:27:33</t>
  </si>
  <si>
    <t>03844160-6a23-423d-8176-c0feecbf246d.tmp</t>
  </si>
  <si>
    <t>\\acsfs\profiles$\karinarm\Downloads\03844160-6a23-423d-8176-c0feecbf246d.tmp</t>
  </si>
  <si>
    <t>12/31/2019 13:25:53</t>
  </si>
  <si>
    <t>12/31/2019 13:31:36</t>
  </si>
  <si>
    <t>Não confirmado 21157.crdownload</t>
  </si>
  <si>
    <t>\\acsfs\profiles$\layonmof\Downloads\Não confirmado 21157.crdownload</t>
  </si>
  <si>
    <t>d5794ad3-9c89-41e2-a90e-fd959aafc128.tmp</t>
  </si>
  <si>
    <t>\\acsfs\profiles$\layonmof\Downloads\d5794ad3-9c89-41e2-a90e-fd959aafc128.tmp</t>
  </si>
  <si>
    <t>12/31/2019 13:26:08</t>
  </si>
  <si>
    <t>1bf86ab5-38a8-494f-89fe-efc64342027b.tmp</t>
  </si>
  <si>
    <t>\\acsfs\profiles$\layonmof\Downloads\1bf86ab5-38a8-494f-89fe-efc64342027b.tmp</t>
  </si>
  <si>
    <t>12/31/2019 13:26:22</t>
  </si>
  <si>
    <t>3d8dff76-54bf-4b90-8c6a-f91f0c718b5a.tmp</t>
  </si>
  <si>
    <t>\\acsfs\profiles$\layonmof\Downloads\3d8dff76-54bf-4b90-8c6a-f91f0c718b5a.tmp</t>
  </si>
  <si>
    <t>12/31/2019 13:27:40</t>
  </si>
  <si>
    <t>e0677559-fd9a-4883-8069-9fb9285ea0e4.tmp</t>
  </si>
  <si>
    <t>\\acsfs\profiles$\layonmof\Downloads\e0677559-fd9a-4883-8069-9fb9285ea0e4.tmp</t>
  </si>
  <si>
    <t>12/31/2019 13:27:09</t>
  </si>
  <si>
    <t>12/31/2019 13:31:01</t>
  </si>
  <si>
    <t>12/31/2019 13:28:54</t>
  </si>
  <si>
    <t>12/31/2019 13:32:36</t>
  </si>
  <si>
    <t>12/31/2019 13:31:11</t>
  </si>
  <si>
    <t>12/31/2019 13:33:35</t>
  </si>
  <si>
    <t>12/31/2019 13:29:56</t>
  </si>
  <si>
    <t>12/31/2019 13:29:49</t>
  </si>
  <si>
    <t>12/31/2019 13:29:15</t>
  </si>
  <si>
    <t>12/31/2019 13:34:36</t>
  </si>
  <si>
    <t>.~lock.isabelle 4.ods#</t>
  </si>
  <si>
    <t>\\acsfs\profiles$\ISABELLEGTDS\Nova pasta\.~lock.isabelle 4.ods#</t>
  </si>
  <si>
    <t>12/31/2019 13:33:36</t>
  </si>
  <si>
    <t>lu1780vk3zp.tmp</t>
  </si>
  <si>
    <t>\\acsfs\profiles$\ISABELLEGTDS\Nova pasta\lu1780vk3zp.tmp</t>
  </si>
  <si>
    <t>\\acsfs\profiles$\ISABELLEGTDS\Nova pasta\lu1780vk3zp.tmp\</t>
  </si>
  <si>
    <t>\\acsfs\profiles$\ISABELLEGTDS\Nova pasta\lu1780vk3zp.tmp\META-INF\</t>
  </si>
  <si>
    <t>\\acsfs\profiles$\ISABELLEGTDS\Nova pasta\lu1780vk3zp.tmp\Thumbnails\</t>
  </si>
  <si>
    <t>12/31/2019 13:35:12</t>
  </si>
  <si>
    <t>12/31/2019 13:36:36</t>
  </si>
  <si>
    <t>12/31/2019 13:35:13</t>
  </si>
  <si>
    <t>lu18508zy239.tmp</t>
  </si>
  <si>
    <t>\\acsfs\profiles$\geovanaasa\My Documents\lu18508zy239.tmp</t>
  </si>
  <si>
    <t>\\acsfs\profiles$\geovanaasa\My Documents\lu18508zy239.tmp\</t>
  </si>
  <si>
    <t>\\acsfs\profiles$\geovanaasa\My Documents\lu18508zy239.tmp\META-INF\</t>
  </si>
  <si>
    <t>\\acsfs\profiles$\geovanaasa\My Documents\lu18508zy239.tmp\Thumbnails\</t>
  </si>
  <si>
    <t>12/31/2019 13:34:00</t>
  </si>
  <si>
    <t>e9b03a05-e89b-41b1-adfa-550c1dd302fb.tmp</t>
  </si>
  <si>
    <t>\\acsfs\profiles$\alinepp\Downloads\e9b03a05-e89b-41b1-adfa-550c1dd302fb.tmp</t>
  </si>
  <si>
    <t>12/31/2019 13:35:01</t>
  </si>
  <si>
    <t>12/31/2019 13:37:36</t>
  </si>
  <si>
    <t>12/31/2019 13:35:56</t>
  </si>
  <si>
    <t>12/31/2019 13:38:36</t>
  </si>
  <si>
    <t>12/31/2019 13:34:22</t>
  </si>
  <si>
    <t>12/31/2019 13:34:15</t>
  </si>
  <si>
    <t>12/31/2019 13:39:36</t>
  </si>
  <si>
    <t>12/31/2019 13:35:15</t>
  </si>
  <si>
    <t>12/31/2019 13:38:55</t>
  </si>
  <si>
    <t>12/31/2019 13:40:36</t>
  </si>
  <si>
    <t>c9b5c941-e45a-44af-8fb5-34c886a7aecc.tmp</t>
  </si>
  <si>
    <t>\\acsfs\profiles$\laylaams\Downloads\c9b5c941-e45a-44af-8fb5-34c886a7aecc.tmp</t>
  </si>
  <si>
    <t>12/31/2019 13:38:23</t>
  </si>
  <si>
    <t>12/31/2019 13:41:36</t>
  </si>
  <si>
    <t>f82be65f-452c-4cb3-91a5-108fa588aba0.tmp</t>
  </si>
  <si>
    <t>\\acsfs\profiles$\alinepp\Downloads\f82be65f-452c-4cb3-91a5-108fa588aba0.tmp</t>
  </si>
  <si>
    <t>12/31/2019 13:39:38</t>
  </si>
  <si>
    <t>9598ccdf-0f29-4486-a132-b28ff86c31d8.tmp</t>
  </si>
  <si>
    <t>\\acsfs\profiles$\alinepp\Downloads\9598ccdf-0f29-4486-a132-b28ff86c31d8.tmp</t>
  </si>
  <si>
    <t>12/31/2019 13:41:56</t>
  </si>
  <si>
    <t>12/31/2019 13:43:36</t>
  </si>
  <si>
    <t>12/31/2019 13:39:28</t>
  </si>
  <si>
    <t>12/31/2019 13:41:15</t>
  </si>
  <si>
    <t>9940664d-61cf-4d9c-95d3-6e8779227d08.tmp</t>
  </si>
  <si>
    <t>\\acsfs\profiles$\jonatanls\Downloads\9940664d-61cf-4d9c-95d3-6e8779227d08.tmp</t>
  </si>
  <si>
    <t>12/31/2019 13:42:03</t>
  </si>
  <si>
    <t>ace71d8d-f66a-413e-8af0-f316f323853b.tmp</t>
  </si>
  <si>
    <t>\\acsfs\profiles$\jonatanls\Downloads\ace71d8d-f66a-413e-8af0-f316f323853b.tmp</t>
  </si>
  <si>
    <t>12/31/2019 13:42:25</t>
  </si>
  <si>
    <t>Chave (2).bj53lis.partial</t>
  </si>
  <si>
    <t>\\acsfs\profiles$\danielta\Downloads\Chave (2).bj53lis.partial</t>
  </si>
  <si>
    <t>12/31/2019 13:40:15</t>
  </si>
  <si>
    <t>12/31/2019 13:44:36</t>
  </si>
  <si>
    <t>12/31/2019 13:42:13</t>
  </si>
  <si>
    <t>12/31/2019 13:42:14</t>
  </si>
  <si>
    <t>lu1780vk3zu.tmp</t>
  </si>
  <si>
    <t>\\acsfs\profiles$\ISABELLEGTDS\Nova pasta\lu1780vk3zu.tmp</t>
  </si>
  <si>
    <t>\\acsfs\profiles$\ISABELLEGTDS\Nova pasta\lu1780vk3zu.tmp\</t>
  </si>
  <si>
    <t>\\acsfs\profiles$\ISABELLEGTDS\Nova pasta\lu1780vk3zu.tmp\META-INF\</t>
  </si>
  <si>
    <t>\\acsfs\profiles$\ISABELLEGTDS\Nova pasta\lu1780vk3zu.tmp\Thumbnails\</t>
  </si>
  <si>
    <t>12/31/2019 13:42:21</t>
  </si>
  <si>
    <t>lu1780vk3zz.tmp</t>
  </si>
  <si>
    <t>\\acsfs\profiles$\ISABELLEGTDS\Nova pasta\lu1780vk3zz.tmp</t>
  </si>
  <si>
    <t>\\acsfs\profiles$\ISABELLEGTDS\Nova pasta\lu1780vk3zz.tmp\</t>
  </si>
  <si>
    <t>\\acsfs\profiles$\ISABELLEGTDS\Nova pasta\lu1780vk3zz.tmp\META-INF\</t>
  </si>
  <si>
    <t>\\acsfs\profiles$\ISABELLEGTDS\Nova pasta\lu1780vk3zz.tmp\Thumbnails\</t>
  </si>
  <si>
    <t>12/31/2019 13:42:53</t>
  </si>
  <si>
    <t>12/31/2019 13:43:39</t>
  </si>
  <si>
    <t>12/31/2019 13:43:42</t>
  </si>
  <si>
    <t>12/31/2019 13:45:36</t>
  </si>
  <si>
    <t>3ac3c4c7-e41a-4c10-8007-dfc525f5373e.tmp</t>
  </si>
  <si>
    <t>\\acsfs\profiles$\nathaliarmr\Downloads\3ac3c4c7-e41a-4c10-8007-dfc525f5373e.tmp</t>
  </si>
  <si>
    <t>12/31/2019 13:43:37</t>
  </si>
  <si>
    <t>12/31/2019 13:46:36</t>
  </si>
  <si>
    <t>12/31/2019 13:43:38</t>
  </si>
  <si>
    <t>lu18508zy23e.tmp</t>
  </si>
  <si>
    <t>\\acsfs\profiles$\geovanaasa\My Documents\lu18508zy23e.tmp</t>
  </si>
  <si>
    <t>\\acsfs\profiles$\geovanaasa\My Documents\lu18508zy23e.tmp\</t>
  </si>
  <si>
    <t>\\acsfs\profiles$\geovanaasa\My Documents\lu18508zy23e.tmp\META-INF\</t>
  </si>
  <si>
    <t>\\acsfs\profiles$\geovanaasa\My Documents\lu18508zy23e.tmp\Thumbnails\</t>
  </si>
  <si>
    <t>12/31/2019 13:43:59</t>
  </si>
  <si>
    <t>12/31/2019 13:45:43</t>
  </si>
  <si>
    <t>12/31/2019 13:46:03</t>
  </si>
  <si>
    <t>12/31/2019 13:45:41</t>
  </si>
  <si>
    <t>12/31/2019 13:47:36</t>
  </si>
  <si>
    <t>d17ceb75-9924-448c-9649-8508decc8ddb.tmp</t>
  </si>
  <si>
    <t>\\acsfs\profiles$\gabrielafs\Downloads\d17ceb75-9924-448c-9649-8508decc8ddb.tmp</t>
  </si>
  <si>
    <t>12/31/2019 13:46:27</t>
  </si>
  <si>
    <t>864f44aa-c015-46cb-ab72-12b1b8386373.tmp</t>
  </si>
  <si>
    <t>\\acsfs\profiles$\marcosvnds\Downloads\864f44aa-c015-46cb-ab72-12b1b8386373.tmp</t>
  </si>
  <si>
    <t>12/31/2019 13:47:56</t>
  </si>
  <si>
    <t>12/31/2019 13:48:36</t>
  </si>
  <si>
    <t>12/31/2019 13:47:29</t>
  </si>
  <si>
    <t>12/31/2019 13:49:36</t>
  </si>
  <si>
    <t>12/31/2019 13:47:30</t>
  </si>
  <si>
    <t>lu188041eg9vu.tmp</t>
  </si>
  <si>
    <t>\\acsfs\profiles$\CLAUDIAJCA\lu188041eg9vu.tmp</t>
  </si>
  <si>
    <t>\\acsfs\profiles$\CLAUDIAJCA\lu188041eg9vu.tmp\</t>
  </si>
  <si>
    <t>\\acsfs\profiles$\CLAUDIAJCA\lu188041eg9vu.tmp\META-INF\</t>
  </si>
  <si>
    <t>\\acsfs\profiles$\CLAUDIAJCA\lu188041eg9vu.tmp\Thumbnails\</t>
  </si>
  <si>
    <t>12/31/2019 13:48:24</t>
  </si>
  <si>
    <t>12/31/2019 13:48:25</t>
  </si>
  <si>
    <t>lu188041eg9vz.tmp</t>
  </si>
  <si>
    <t>\\acsfs\profiles$\CLAUDIAJCA\lu188041eg9vz.tmp</t>
  </si>
  <si>
    <t>\\acsfs\profiles$\CLAUDIAJCA\lu188041eg9vz.tmp\</t>
  </si>
  <si>
    <t>\\acsfs\profiles$\CLAUDIAJCA\lu188041eg9vz.tmp\META-INF\</t>
  </si>
  <si>
    <t>\\acsfs\profiles$\CLAUDIAJCA\lu188041eg9vz.tmp\Thumbnails\</t>
  </si>
  <si>
    <t>12/31/2019 13:46:15</t>
  </si>
  <si>
    <t>12/31/2019 13:47:15</t>
  </si>
  <si>
    <t>12/31/2019 13:47:41</t>
  </si>
  <si>
    <t>69aceda4-23da-40d4-820b-fc64c4b57af1.tmp</t>
  </si>
  <si>
    <t>\\acsfs\profiles$\adelvinsonle\Downloads\69aceda4-23da-40d4-820b-fc64c4b57af1.tmp</t>
  </si>
  <si>
    <t>12/31/2019 13:45:23</t>
  </si>
  <si>
    <t>12/31/2019 13:50:36</t>
  </si>
  <si>
    <t>12/31/2019 13:48:41</t>
  </si>
  <si>
    <t>12/31/2019 13:51:36</t>
  </si>
  <si>
    <t>1cb81a44-f53e-4c58-928d-295e21ad3103.tmp</t>
  </si>
  <si>
    <t>\\acsfs\profiles$\geovanaasa\Downloads\1cb81a44-f53e-4c58-928d-295e21ad3103.tmp</t>
  </si>
  <si>
    <t>12/31/2019 13:49:12</t>
  </si>
  <si>
    <t>12/31/2019 13:50:53</t>
  </si>
  <si>
    <t>12/31/2019 13:49:15</t>
  </si>
  <si>
    <t>12/31/2019 13:52:36</t>
  </si>
  <si>
    <t>17f028bc-bb72-42fd-b2d9-33206d1c0a3f.tmp</t>
  </si>
  <si>
    <t>\\acsfs\profiles$\deboraaa\Downloads\17f028bc-bb72-42fd-b2d9-33206d1c0a3f.tmp</t>
  </si>
  <si>
    <t>12/31/2019 13:47:13</t>
  </si>
  <si>
    <t>12/31/2019 13:52:02</t>
  </si>
  <si>
    <t>12/31/2019 13:53:36</t>
  </si>
  <si>
    <t>74f7f21b-8e6f-47ba-8aeb-b08c9b78300e.tmp</t>
  </si>
  <si>
    <t>\\acsfs\profiles$\anafaes\Downloads\74f7f21b-8e6f-47ba-8aeb-b08c9b78300e.tmp</t>
  </si>
  <si>
    <t>12/31/2019 13:51:38</t>
  </si>
  <si>
    <t>\\acsfs\profiles$\anafsb\My Documents\xworkcenter\logs\</t>
  </si>
  <si>
    <t>XLOG_anafsb_31122019_135133.log</t>
  </si>
  <si>
    <t>\\acsfs\profiles$\anafsb\My Documents\xworkcenter\logs\XLOG_anafsb_31122019_135133.log</t>
  </si>
  <si>
    <t>12/31/2019 13:52:58</t>
  </si>
  <si>
    <t>df0c6238-a079-4f95-9925-b90014ce977c.tmp</t>
  </si>
  <si>
    <t>\\acsfs\profiles$\vivianealda\Downloads\df0c6238-a079-4f95-9925-b90014ce977c.tmp</t>
  </si>
  <si>
    <t>12/31/2019 13:49:02</t>
  </si>
  <si>
    <t>12/31/2019 13:54:36</t>
  </si>
  <si>
    <t>12/31/2019 13:49:31</t>
  </si>
  <si>
    <t>12/31/2019 13:49:32</t>
  </si>
  <si>
    <t>lu200681ha10y.tmp</t>
  </si>
  <si>
    <t>\\acsfs\profiles$\CLAUDIAJCA\lu200681ha10y.tmp</t>
  </si>
  <si>
    <t>12/31/2019 13:49:47</t>
  </si>
  <si>
    <t>.~lock.Contato Reneg Vencimento 28-12.ods#</t>
  </si>
  <si>
    <t>\\acsfs\profiles$\CLAUDIAJCA\.~lock.Contato Reneg Vencimento 28-12.ods#</t>
  </si>
  <si>
    <t>12/31/2019 13:50:23</t>
  </si>
  <si>
    <t>lu168401hb17n.tmp</t>
  </si>
  <si>
    <t>\\acsfs\profiles$\CLAUDIAJCA\lu168401hb17n.tmp</t>
  </si>
  <si>
    <t>\\acsfs\profiles$\CLAUDIAJCA\lu168401hb17n.tmp\</t>
  </si>
  <si>
    <t>\\acsfs\profiles$\CLAUDIAJCA\lu168401hb17n.tmp\META-INF\</t>
  </si>
  <si>
    <t>\\acsfs\profiles$\CLAUDIAJCA\lu168401hb17n.tmp\Thumbnails\</t>
  </si>
  <si>
    <t>12/31/2019 13:50:37</t>
  </si>
  <si>
    <t>.~lock.Contato Reneg Vencimento 26-12.1.ods#</t>
  </si>
  <si>
    <t>\\acsfs\profiles$\CLAUDIAJCA\.~lock.Contato Reneg Vencimento 26-12.1.ods#</t>
  </si>
  <si>
    <t>12/31/2019 13:50:51</t>
  </si>
  <si>
    <t>12/31/2019 13:50:52</t>
  </si>
  <si>
    <t>lu130441hc1de.tmp</t>
  </si>
  <si>
    <t>\\acsfs\profiles$\CLAUDIAJCA\lu130441hc1de.tmp</t>
  </si>
  <si>
    <t>\\acsfs\profiles$\CLAUDIAJCA\lu130441hc1de.tmp\</t>
  </si>
  <si>
    <t>\\acsfs\profiles$\CLAUDIAJCA\lu130441hc1de.tmp\META-INF\</t>
  </si>
  <si>
    <t>\\acsfs\profiles$\CLAUDIAJCA\lu130441hc1de.tmp\Thumbnails\</t>
  </si>
  <si>
    <t>12/31/2019 13:51:04</t>
  </si>
  <si>
    <t>12/31/2019 13:52:16</t>
  </si>
  <si>
    <t>12/31/2019 13:53:16</t>
  </si>
  <si>
    <t>12/31/2019 13:52:17</t>
  </si>
  <si>
    <t>12/31/2019 13:55:36</t>
  </si>
  <si>
    <t>12/31/2019 13:56:36</t>
  </si>
  <si>
    <t>50fa4388-2579-4a86-80fd-922d18aed9de.tmp</t>
  </si>
  <si>
    <t>\\acsfs\profiles$\layonmof\Downloads\50fa4388-2579-4a86-80fd-922d18aed9de.tmp</t>
  </si>
  <si>
    <t>12/31/2019 13:55:51</t>
  </si>
  <si>
    <t>d0f38d54-96ec-4f90-b9b3-73f00d6a75a3.tmp</t>
  </si>
  <si>
    <t>\\acsfs\profiles$\alinepp\Downloads\d0f38d54-96ec-4f90-b9b3-73f00d6a75a3.tmp</t>
  </si>
  <si>
    <t>12/31/2019 13:52:56</t>
  </si>
  <si>
    <t>12/31/2019 13:58:36</t>
  </si>
  <si>
    <t>0a9da5d5-0a3f-4f53-b063-0226435d55d6.tmp</t>
  </si>
  <si>
    <t>\\acsfs\profiles$\anafaes\Downloads\0a9da5d5-0a3f-4f53-b063-0226435d55d6.tmp</t>
  </si>
  <si>
    <t>12/31/2019 13:53:08</t>
  </si>
  <si>
    <t>877bcb06-e7f5-4c87-aae5-122d94b9f96b.tmp</t>
  </si>
  <si>
    <t>\\acsfs\profiles$\anafaes\Downloads\877bcb06-e7f5-4c87-aae5-122d94b9f96b.tmp</t>
  </si>
  <si>
    <t>12/31/2019 13:55:35</t>
  </si>
  <si>
    <t>60aeb91f-c8f4-4e79-a7e2-50f6038eef66.tmp</t>
  </si>
  <si>
    <t>\\acsfs\profiles$\anafaes\Downloads\60aeb91f-c8f4-4e79-a7e2-50f6038eef66.tmp</t>
  </si>
  <si>
    <t>12/31/2019 13:53:56</t>
  </si>
  <si>
    <t>12/31/2019 13:56:26</t>
  </si>
  <si>
    <t>12/31/2019 13:54:46</t>
  </si>
  <si>
    <t>12/31/2019 13:54:47</t>
  </si>
  <si>
    <t>lu1876019g2wk.tmp</t>
  </si>
  <si>
    <t>\\acsfs\profiles$\FLAVIOJMM\My Documents\lu1876019g2wk.tmp</t>
  </si>
  <si>
    <t>\\acsfs\profiles$\FLAVIOJMM\My Documents\lu1876019g2wk.tmp\</t>
  </si>
  <si>
    <t>\\acsfs\profiles$\FLAVIOJMM\My Documents\lu1876019g2wk.tmp\META-INF\</t>
  </si>
  <si>
    <t>\\acsfs\profiles$\FLAVIOJMM\My Documents\lu1876019g2wk.tmp\Thumbnails\</t>
  </si>
  <si>
    <t>12/31/2019 13:58:16</t>
  </si>
  <si>
    <t>12/31/2019 13:59:36</t>
  </si>
  <si>
    <t>12/31/2019 13:57:10</t>
  </si>
  <si>
    <t>99ac46bb-ae71-45e7-a6aa-e9e8aa77e3b1.tmp</t>
  </si>
  <si>
    <t>\\acsfs\profiles$\welidicdj\Downloads\99ac46bb-ae71-45e7-a6aa-e9e8aa77e3b1.tmp</t>
  </si>
  <si>
    <t>12/31/2019 14:00:56</t>
  </si>
  <si>
    <t>12/31/2019 14:01:36</t>
  </si>
  <si>
    <t>12/31/2019 14:00:20</t>
  </si>
  <si>
    <t>12/31/2019 14:02:37</t>
  </si>
  <si>
    <t>mail.google.com/_/upload?authuser=0&amp;dcp=asu-n&amp;upload_id=AEnB2UpXP6a-zHnXiQi_r5PA3SXR2RDn_m7QBeG4q4_VCUSBr-MSQtXATAJL0Aii2NVWA1fo2omOqrUhmtentRCtf31YqNHZfqItKJNYJpr4JFYj2HbgbPQ&amp;upload_protocol=resumable</t>
  </si>
  <si>
    <t>01- INTRADIÁRIOS_JANEIRO_2020.xlsx</t>
  </si>
  <si>
    <t>12/31/2019 13:58:48</t>
  </si>
  <si>
    <t>12/31/2019 14:03:37</t>
  </si>
  <si>
    <t>12/31/2019 13:59:56</t>
  </si>
  <si>
    <t>12/31/2019 13:59:16</t>
  </si>
  <si>
    <t>12/31/2019 14:04:36</t>
  </si>
  <si>
    <t>12/31/2019 14:02:17</t>
  </si>
  <si>
    <t>12/31/2019 14:07:37</t>
  </si>
  <si>
    <t>a0ea8816-840a-4339-82ee-9a7e7bce67c9.tmp</t>
  </si>
  <si>
    <t>\\acsfs\profiles$\marcellewdl\Downloads\a0ea8816-840a-4339-82ee-9a7e7bce67c9.tmp</t>
  </si>
  <si>
    <t>12/31/2019 14:04:57</t>
  </si>
  <si>
    <t>77601399-166e-4b39-8e73-76cb4d06fac5.tmp</t>
  </si>
  <si>
    <t>\\acsfs\profiles$\marcellewdl\Downloads\77601399-166e-4b39-8e73-76cb4d06fac5.tmp</t>
  </si>
  <si>
    <t>12/31/2019 14:04:54</t>
  </si>
  <si>
    <t>12/31/2019 14:04:43</t>
  </si>
  <si>
    <t>12/31/2019 14:06:51</t>
  </si>
  <si>
    <t>12/31/2019 14:08:37</t>
  </si>
  <si>
    <t>12/31/2019 14:05:56</t>
  </si>
  <si>
    <t>12/31/2019 14:05:19</t>
  </si>
  <si>
    <t>12/31/2019 14:05:20</t>
  </si>
  <si>
    <t>lu1876019g2wv.tmp</t>
  </si>
  <si>
    <t>\\acsfs\profiles$\FLAVIOJMM\My Documents\lu1876019g2wv.tmp</t>
  </si>
  <si>
    <t>\\acsfs\profiles$\FLAVIOJMM\My Documents\lu1876019g2wv.tmp\</t>
  </si>
  <si>
    <t>\\acsfs\profiles$\FLAVIOJMM\My Documents\lu1876019g2wv.tmp\META-INF\</t>
  </si>
  <si>
    <t>\\acsfs\profiles$\FLAVIOJMM\My Documents\lu1876019g2wv.tmp\Thumbnails\</t>
  </si>
  <si>
    <t>12/31/2019 14:06:43</t>
  </si>
  <si>
    <t>12/31/2019 14:09:36</t>
  </si>
  <si>
    <t>12/31/2019 14:04:16</t>
  </si>
  <si>
    <t>12/31/2019 14:05:16</t>
  </si>
  <si>
    <t>12/31/2019 14:09:03</t>
  </si>
  <si>
    <t>12/31/2019 14:11:36</t>
  </si>
  <si>
    <t>12/31/2019 14:10:26</t>
  </si>
  <si>
    <t>12/31/2019 14:12:36</t>
  </si>
  <si>
    <t>12/31/2019 14:11:56</t>
  </si>
  <si>
    <t>12/31/2019 14:13:36</t>
  </si>
  <si>
    <t>12/31/2019 14:12:07</t>
  </si>
  <si>
    <t>955d2fd8-1650-41d0-9f2c-d433a3c2609a.tmp</t>
  </si>
  <si>
    <t>\\acsfs\profiles$\milenaas\Downloads\955d2fd8-1650-41d0-9f2c-d433a3c2609a.tmp</t>
  </si>
  <si>
    <t>12/31/2019 14:12:21</t>
  </si>
  <si>
    <t>0ecc999e-89af-4efc-b8a7-21273d2a13e6.tmp</t>
  </si>
  <si>
    <t>\\acsfs\profiles$\milenaas\Downloads\0ecc999e-89af-4efc-b8a7-21273d2a13e6.tmp</t>
  </si>
  <si>
    <t>12/31/2019 14:09:18</t>
  </si>
  <si>
    <t>12/31/2019 14:09:19</t>
  </si>
  <si>
    <t>lu1876019g2x1.tmp</t>
  </si>
  <si>
    <t>\\acsfs\profiles$\FLAVIOJMM\My Documents\lu1876019g2x1.tmp</t>
  </si>
  <si>
    <t>\\acsfs\profiles$\FLAVIOJMM\My Documents\lu1876019g2x1.tmp\</t>
  </si>
  <si>
    <t>\\acsfs\profiles$\FLAVIOJMM\My Documents\lu1876019g2x1.tmp\META-INF\</t>
  </si>
  <si>
    <t>\\acsfs\profiles$\FLAVIOJMM\My Documents\lu1876019g2x1.tmp\Thumbnails\</t>
  </si>
  <si>
    <t>12/31/2019 14:12:40</t>
  </si>
  <si>
    <t>abd3498d-919a-4797-af5e-fd41624fba14.tmp</t>
  </si>
  <si>
    <t>\\acsfs\profiles$\vivianealda\Downloads\abd3498d-919a-4797-af5e-fd41624fba14.tmp</t>
  </si>
  <si>
    <t>12/31/2019 14:10:00</t>
  </si>
  <si>
    <t>12/31/2019 14:14:36</t>
  </si>
  <si>
    <t>10.200.61.145</t>
  </si>
  <si>
    <t>78-2B-CB-C3-48-91</t>
  </si>
  <si>
    <t>VOTORANTO-CB035</t>
  </si>
  <si>
    <t>https://www.youtube.com/youtubei/v1/log_event?alt=json&amp;key=aizasyao_fj2slqu8q4stehlgcilw_y9_11qcw8</t>
  </si>
  <si>
    <t>12/31/2019 14:13:26</t>
  </si>
  <si>
    <t>12/31/2019 14:13:27</t>
  </si>
  <si>
    <t>lu242201hwsei.tmp</t>
  </si>
  <si>
    <t>\\acsfs\profiles$\CLAUDIAJCA\lu242201hwsei.tmp</t>
  </si>
  <si>
    <t>12/31/2019 14:10:16</t>
  </si>
  <si>
    <t>12/31/2019 14:11:16</t>
  </si>
  <si>
    <t>12/31/2019 14:14:04</t>
  </si>
  <si>
    <t>12/31/2019 14:15:37</t>
  </si>
  <si>
    <t>db857520-8f4b-4534-ac83-78eadb49168e.tmp</t>
  </si>
  <si>
    <t>\\acsfs\profiles$\victorgl\Downloads\db857520-8f4b-4534-ac83-78eadb49168e.tmp</t>
  </si>
  <si>
    <t>12/31/2019 14:10:52</t>
  </si>
  <si>
    <t>12/31/2019 14:16:36</t>
  </si>
  <si>
    <t>335103eb-f437-47e7-aae1-d004f4e49d6d.tmp</t>
  </si>
  <si>
    <t>\\acsfs\profiles$\layonmof\Downloads\335103eb-f437-47e7-aae1-d004f4e49d6d.tmp</t>
  </si>
  <si>
    <t>12/31/2019 14:13:56</t>
  </si>
  <si>
    <t>12/31/2019 14:17:36</t>
  </si>
  <si>
    <t>12/31/2019 14:14:28</t>
  </si>
  <si>
    <t>12/31/2019 14:18:36</t>
  </si>
  <si>
    <t>lu56472757c7z.tmp</t>
  </si>
  <si>
    <t>\\acsfs\DEPTOS\Operacao\Banco_Votorantim\Supervisao\SUPERS BV CARTÕES\ANA VITORIA\APOIO\lu56472757c7z.tmp</t>
  </si>
  <si>
    <t>\\acsfs\DEPTOS\Operacao\Banco_Votorantim\Supervisao\SUPERS BV CARTÕES\ANA VITORIA\APOIO\lu56472757c7z.tmp\</t>
  </si>
  <si>
    <t>\\acsfs\DEPTOS\Operacao\Banco_Votorantim\Supervisao\SUPERS BV CARTÕES\ANA VITORIA\APOIO\lu56472757c7z.tmp\META-INF\</t>
  </si>
  <si>
    <t>\\acsfs\DEPTOS\Operacao\Banco_Votorantim\Supervisao\SUPERS BV CARTÕES\ANA VITORIA\APOIO\lu56472757c7z.tmp\Thumbnails\</t>
  </si>
  <si>
    <t>12/31/2019 14:13:54</t>
  </si>
  <si>
    <t>12/31/2019 14:13:55</t>
  </si>
  <si>
    <t>lu400165kr02p.tmp</t>
  </si>
  <si>
    <t>\\acsfs\profiles$\LUCASBS\RENEG BV\Consolidado\lu400165kr02p.tmp</t>
  </si>
  <si>
    <t>\\acsfs\profiles$\LUCASBS\RENEG BV\Consolidado\lu400165kr02p.tmp\</t>
  </si>
  <si>
    <t>\\acsfs\profiles$\LUCASBS\RENEG BV\Consolidado\lu400165kr02p.tmp\META-INF\</t>
  </si>
  <si>
    <t>\\acsfs\profiles$\LUCASBS\RENEG BV\Consolidado\lu400165kr02p.tmp\Thumbnails\</t>
  </si>
  <si>
    <t>12/31/2019 14:14:40</t>
  </si>
  <si>
    <t>12/31/2019 14:14:41</t>
  </si>
  <si>
    <t>lu400165kr02u.tmp</t>
  </si>
  <si>
    <t>\\acsfs\profiles$\LUCASBS\RENEG BV\Consolidado\lu400165kr02u.tmp</t>
  </si>
  <si>
    <t>\\acsfs\profiles$\LUCASBS\RENEG BV\Consolidado\lu400165kr02u.tmp\</t>
  </si>
  <si>
    <t>\\acsfs\profiles$\LUCASBS\RENEG BV\Consolidado\lu400165kr02u.tmp\META-INF\</t>
  </si>
  <si>
    <t>\\acsfs\profiles$\LUCASBS\RENEG BV\Consolidado\lu400165kr02u.tmp\Thumbnails\</t>
  </si>
  <si>
    <t>12/31/2019 14:14:55</t>
  </si>
  <si>
    <t>12/31/2019 14:15:20</t>
  </si>
  <si>
    <t>12/31/2019 14:15:21</t>
  </si>
  <si>
    <t>lu425765nfo1v.tmp</t>
  </si>
  <si>
    <t>\\acsfs\profiles$\LUCASBS\RENEG BV\Consolidado\lu425765nfo1v.tmp</t>
  </si>
  <si>
    <t>\\acsfs\profiles$\LUCASBS\RENEG BV\Consolidado\lu425765nfo1v.tmp\</t>
  </si>
  <si>
    <t>\\acsfs\profiles$\LUCASBS\RENEG BV\Consolidado\lu425765nfo1v.tmp\META-INF\</t>
  </si>
  <si>
    <t>\\acsfs\profiles$\LUCASBS\RENEG BV\Consolidado\lu425765nfo1v.tmp\Thumbnails\</t>
  </si>
  <si>
    <t>12/31/2019 14:17:50</t>
  </si>
  <si>
    <t>12/31/2019 14:17:56</t>
  </si>
  <si>
    <t>12/31/2019 14:13:29</t>
  </si>
  <si>
    <t>12/31/2019 14:15:51</t>
  </si>
  <si>
    <t>12/31/2019 14:15:52</t>
  </si>
  <si>
    <t>lu1876019g2x7.tmp</t>
  </si>
  <si>
    <t>\\acsfs\profiles$\FLAVIOJMM\My Documents\lu1876019g2x7.tmp</t>
  </si>
  <si>
    <t>\\acsfs\profiles$\FLAVIOJMM\My Documents\lu1876019g2x7.tmp\</t>
  </si>
  <si>
    <t>\\acsfs\profiles$\FLAVIOJMM\My Documents\lu1876019g2x7.tmp\META-INF\</t>
  </si>
  <si>
    <t>\\acsfs\profiles$\FLAVIOJMM\My Documents\lu1876019g2x7.tmp\Thumbnails\</t>
  </si>
  <si>
    <t>12/31/2019 14:14:33</t>
  </si>
  <si>
    <t>12/31/2019 14:19:36</t>
  </si>
  <si>
    <t>12/31/2019 14:14:54</t>
  </si>
  <si>
    <t>.~lock.Contato Reneg Vencimento 20-12.1.xls#</t>
  </si>
  <si>
    <t>\\acsfs\profiles$\CLAUDIAJCA\.~lock.Contato Reneg Vencimento 20-12.1.xls#</t>
  </si>
  <si>
    <t>12/31/2019 14:16:39</t>
  </si>
  <si>
    <t>.~lock.Contato Reneg 1.xls#</t>
  </si>
  <si>
    <t>\\acsfs\profiles$\CLAUDIAJCA\.~lock.Contato Reneg 1.xls#</t>
  </si>
  <si>
    <t>12/31/2019 14:16:48</t>
  </si>
  <si>
    <t>12/31/2019 14:16:16</t>
  </si>
  <si>
    <t>12/31/2019 14:17:16</t>
  </si>
  <si>
    <t>12/31/2019 14:15:53</t>
  </si>
  <si>
    <t>12/31/2019 14:16:02</t>
  </si>
  <si>
    <t>12/31/2019 14:20:37</t>
  </si>
  <si>
    <t>ab6dc1ba-4bb4-4a3f-b7bd-87f077ed9479.tmp</t>
  </si>
  <si>
    <t>\\acsfs\profiles$\victorgl\Downloads\ab6dc1ba-4bb4-4a3f-b7bd-87f077ed9479.tmp</t>
  </si>
  <si>
    <t>12/31/2019 14:16:24</t>
  </si>
  <si>
    <t>7e88516e-b3d4-4b38-9dc6-bdfbac645107.tmp</t>
  </si>
  <si>
    <t>\\acsfs\profiles$\victorgl\Downloads\7e88516e-b3d4-4b38-9dc6-bdfbac645107.tmp</t>
  </si>
  <si>
    <t>12/31/2019 14:18:47</t>
  </si>
  <si>
    <t>12/31/2019 14:15:54</t>
  </si>
  <si>
    <t>12/31/2019 14:21:36</t>
  </si>
  <si>
    <t>12/31/2019 14:16:04</t>
  </si>
  <si>
    <t>12/31/2019 14:16:17</t>
  </si>
  <si>
    <t>12/31/2019 14:16:25</t>
  </si>
  <si>
    <t>12/31/2019 14:16:26</t>
  </si>
  <si>
    <t>12/31/2019 14:18:51</t>
  </si>
  <si>
    <t>12/31/2019 14:18:58</t>
  </si>
  <si>
    <t>12/31/2019 14:19:04</t>
  </si>
  <si>
    <t>12/31/2019 14:19:12</t>
  </si>
  <si>
    <t>12/31/2019 14:19:18</t>
  </si>
  <si>
    <t>12/31/2019 14:19:56</t>
  </si>
  <si>
    <t>12/31/2019 14:20:09</t>
  </si>
  <si>
    <t>12/31/2019 14:20:10</t>
  </si>
  <si>
    <t>12/31/2019 14:20:14</t>
  </si>
  <si>
    <t>12/31/2019 14:22:36</t>
  </si>
  <si>
    <t>lu77602jihq.tmp</t>
  </si>
  <si>
    <t>\\acsfs\profiles$\jalilebds\Downloads\lu77602jihq.tmp</t>
  </si>
  <si>
    <t>12/31/2019 14:21:11</t>
  </si>
  <si>
    <t>12/31/2019 14:21:12</t>
  </si>
  <si>
    <t>lu77602jiht.tmp</t>
  </si>
  <si>
    <t>\\acsfs\profiles$\jalilebds\Downloads\lu77602jiht.tmp</t>
  </si>
  <si>
    <t>12/31/2019 14:18:19</t>
  </si>
  <si>
    <t>12/31/2019 14:18:59</t>
  </si>
  <si>
    <t>aa74f969-40e0-44da-80c1-8393656bc25d.tmp</t>
  </si>
  <si>
    <t>\\acsfs\profiles$\gabrielamdp\Downloads\aa74f969-40e0-44da-80c1-8393656bc25d.tmp</t>
  </si>
  <si>
    <t>12/31/2019 14:20:01</t>
  </si>
  <si>
    <t>12/31/2019 14:23:36</t>
  </si>
  <si>
    <t>12/31/2019 14:20:03</t>
  </si>
  <si>
    <t>lu425765nfo23.tmp</t>
  </si>
  <si>
    <t>\\acsfs\profiles$\LUCASBS\RENEG BV\Consolidado\lu425765nfo23.tmp</t>
  </si>
  <si>
    <t>\\acsfs\profiles$\LUCASBS\RENEG BV\Consolidado\lu425765nfo23.tmp\</t>
  </si>
  <si>
    <t>\\acsfs\profiles$\LUCASBS\RENEG BV\Consolidado\lu425765nfo23.tmp\META-INF\</t>
  </si>
  <si>
    <t>\\acsfs\profiles$\LUCASBS\RENEG BV\Consolidado\lu425765nfo23.tmp\Thumbnails\</t>
  </si>
  <si>
    <t>12/31/2019 14:21:13</t>
  </si>
  <si>
    <t>lu425765nfo28.tmp</t>
  </si>
  <si>
    <t>\\acsfs\profiles$\LUCASBS\RENEG BV\Consolidado\lu425765nfo28.tmp</t>
  </si>
  <si>
    <t>\\acsfs\profiles$\LUCASBS\RENEG BV\Consolidado\lu425765nfo28.tmp\</t>
  </si>
  <si>
    <t>\\acsfs\profiles$\LUCASBS\RENEG BV\Consolidado\lu425765nfo28.tmp\META-INF\</t>
  </si>
  <si>
    <t>\\acsfs\profiles$\LUCASBS\RENEG BV\Consolidado\lu425765nfo28.tmp\Thumbnails\</t>
  </si>
  <si>
    <t>12/31/2019 14:21:21</t>
  </si>
  <si>
    <t>12/31/2019 14:22:20</t>
  </si>
  <si>
    <t>12/31/2019 14:22:21</t>
  </si>
  <si>
    <t>lu460565nnxzp.tmp</t>
  </si>
  <si>
    <t>\\acsfs\profiles$\LUCASBS\RENEG BV\Consolidado\lu460565nnxzp.tmp</t>
  </si>
  <si>
    <t>\\acsfs\profiles$\LUCASBS\RENEG BV\Consolidado\lu460565nnxzp.tmp\</t>
  </si>
  <si>
    <t>\\acsfs\profiles$\LUCASBS\RENEG BV\Consolidado\lu460565nnxzp.tmp\META-INF\</t>
  </si>
  <si>
    <t>\\acsfs\profiles$\LUCASBS\RENEG BV\Consolidado\lu460565nnxzp.tmp\Thumbnails\</t>
  </si>
  <si>
    <t>12/31/2019 14:22:35</t>
  </si>
  <si>
    <t>12/31/2019 14:22:24</t>
  </si>
  <si>
    <t>ba29f51d-3114-40ee-bba2-966411c37387.tmp</t>
  </si>
  <si>
    <t>\\acsfs\profiles$\matheusmax\Downloads\ba29f51d-3114-40ee-bba2-966411c37387.tmp</t>
  </si>
  <si>
    <t>7f05b598-9e51-423b-8e86-0923228f986d.tmp</t>
  </si>
  <si>
    <t>\\acsfs\profiles$\matheusmax\Downloads\7f05b598-9e51-423b-8e86-0923228f986d.tmp</t>
  </si>
  <si>
    <t>12/31/2019 14:21:35</t>
  </si>
  <si>
    <t>lu1876019g2xd.tmp</t>
  </si>
  <si>
    <t>\\acsfs\profiles$\FLAVIOJMM\My Documents\lu1876019g2xd.tmp</t>
  </si>
  <si>
    <t>\\acsfs\profiles$\FLAVIOJMM\My Documents\lu1876019g2xd.tmp\</t>
  </si>
  <si>
    <t>\\acsfs\profiles$\FLAVIOJMM\My Documents\lu1876019g2xd.tmp\META-INF\</t>
  </si>
  <si>
    <t>\\acsfs\profiles$\FLAVIOJMM\My Documents\lu1876019g2xd.tmp\Thumbnails\</t>
  </si>
  <si>
    <t>12/31/2019 14:22:04</t>
  </si>
  <si>
    <t>12/31/2019 14:22:05</t>
  </si>
  <si>
    <t>lu1876019g2xj.tmp</t>
  </si>
  <si>
    <t>\\acsfs\profiles$\FLAVIOJMM\My Documents\lu1876019g2xj.tmp</t>
  </si>
  <si>
    <t>\\acsfs\profiles$\FLAVIOJMM\My Documents\lu1876019g2xj.tmp\</t>
  </si>
  <si>
    <t>\\acsfs\profiles$\FLAVIOJMM\My Documents\lu1876019g2xj.tmp\META-INF\</t>
  </si>
  <si>
    <t>\\acsfs\profiles$\FLAVIOJMM\My Documents\lu1876019g2xj.tmp\Thumbnails\</t>
  </si>
  <si>
    <t>12/31/2019 14:22:16</t>
  </si>
  <si>
    <t>12/31/2019 14:24:36</t>
  </si>
  <si>
    <t>12/31/2019 14:23:16</t>
  </si>
  <si>
    <t>12/31/2019 14:19:38</t>
  </si>
  <si>
    <t>12/31/2019 14:24:48</t>
  </si>
  <si>
    <t>12/31/2019 14:25:36</t>
  </si>
  <si>
    <t>d96f7aff-be11-4577-bb8c-4f6ec45c37d2.tmp</t>
  </si>
  <si>
    <t>\\acsfs\profiles$\nathaliarmr\Downloads\d96f7aff-be11-4577-bb8c-4f6ec45c37d2.tmp</t>
  </si>
  <si>
    <t>12/31/2019 14:23:56</t>
  </si>
  <si>
    <t>12/31/2019 14:26:36</t>
  </si>
  <si>
    <t>12/31/2019 14:24:19</t>
  </si>
  <si>
    <t>12/31/2019 14:24:40</t>
  </si>
  <si>
    <t>12/31/2019 14:25:05</t>
  </si>
  <si>
    <t>12/31/2019 14:24:23</t>
  </si>
  <si>
    <t>12/31/2019 14:22:11</t>
  </si>
  <si>
    <t>12/31/2019 14:27:37</t>
  </si>
  <si>
    <t>0458a547-1d9d-43d9-9e9f-08bca3cdae67.tmp</t>
  </si>
  <si>
    <t>\\acsfs\profiles$\edicarlosdl\Downloads\0458a547-1d9d-43d9-9e9f-08bca3cdae67.tmp</t>
  </si>
  <si>
    <t>12/31/2019 14:23:25</t>
  </si>
  <si>
    <t>0fd2be92-5b95-4664-a7b6-8cf5deededf2.tmp</t>
  </si>
  <si>
    <t>\\acsfs\profiles$\edicarlosdl\Downloads\0fd2be92-5b95-4664-a7b6-8cf5deededf2.tmp</t>
  </si>
  <si>
    <t>12/31/2019 14:25:39</t>
  </si>
  <si>
    <t>e57dcdb4-3123-4258-8c74-bfa63dc0f4bd.tmp</t>
  </si>
  <si>
    <t>\\acsfs\profiles$\fabianobmf\Downloads\e57dcdb4-3123-4258-8c74-bfa63dc0f4bd.tmp</t>
  </si>
  <si>
    <t>12/31/2019 14:23:09</t>
  </si>
  <si>
    <t>12/31/2019 14:28:36</t>
  </si>
  <si>
    <t>12/31/2019 14:23:10</t>
  </si>
  <si>
    <t>lu470445npjlc.tmp</t>
  </si>
  <si>
    <t>\\acsfs\profiles$\LUCASBS\RENEG BV\Consolidado\lu470445npjlc.tmp</t>
  </si>
  <si>
    <t>\\acsfs\profiles$\LUCASBS\RENEG BV\Consolidado\lu470445npjlc.tmp\</t>
  </si>
  <si>
    <t>\\acsfs\profiles$\LUCASBS\RENEG BV\Consolidado\lu470445npjlc.tmp\META-INF\</t>
  </si>
  <si>
    <t>\\acsfs\profiles$\LUCASBS\RENEG BV\Consolidado\lu470445npjlc.tmp\Thumbnails\</t>
  </si>
  <si>
    <t>12/31/2019 14:23:19</t>
  </si>
  <si>
    <t>12/31/2019 14:27:43</t>
  </si>
  <si>
    <t>12/31/2019 14:27:44</t>
  </si>
  <si>
    <t>lu1876019g2xp.tmp</t>
  </si>
  <si>
    <t>\\acsfs\profiles$\FLAVIOJMM\My Documents\lu1876019g2xp.tmp</t>
  </si>
  <si>
    <t>\\acsfs\profiles$\FLAVIOJMM\My Documents\lu1876019g2xp.tmp\</t>
  </si>
  <si>
    <t>\\acsfs\profiles$\FLAVIOJMM\My Documents\lu1876019g2xp.tmp\META-INF\</t>
  </si>
  <si>
    <t>12/31/2019 14:23:43</t>
  </si>
  <si>
    <t>12/31/2019 14:27:07</t>
  </si>
  <si>
    <t>33f74ac7-a5ea-4c9e-9595-7ed07e6a2b85.tmp</t>
  </si>
  <si>
    <t>\\acsfs\profiles$\THYAGOSP\Downloads\33f74ac7-a5ea-4c9e-9595-7ed07e6a2b85.tmp</t>
  </si>
  <si>
    <t>\\acsfs\profiles$\FLAVIOJMM\My Documents\lu1876019g2xp.tmp\Thumbnails\</t>
  </si>
  <si>
    <t>12/31/2019 14:28:06</t>
  </si>
  <si>
    <t>lu1876019g2xv.tmp</t>
  </si>
  <si>
    <t>\\acsfs\profiles$\FLAVIOJMM\My Documents\lu1876019g2xv.tmp</t>
  </si>
  <si>
    <t>\\acsfs\profiles$\FLAVIOJMM\My Documents\lu1876019g2xv.tmp\</t>
  </si>
  <si>
    <t>\\acsfs\profiles$\FLAVIOJMM\My Documents\lu1876019g2xv.tmp\META-INF\</t>
  </si>
  <si>
    <t>\\acsfs\profiles$\FLAVIOJMM\My Documents\lu1876019g2xv.tmp\Thumbnails\</t>
  </si>
  <si>
    <t>12/31/2019 14:28:16</t>
  </si>
  <si>
    <t>12/31/2019 14:29:36</t>
  </si>
  <si>
    <t>12/31/2019 14:25:30</t>
  </si>
  <si>
    <t>12/31/2019 14:25:31</t>
  </si>
  <si>
    <t>lu9384174eqm.tmp</t>
  </si>
  <si>
    <t>\\acsfs\profiles$\ISABELLEGTDS\Nova pasta\lu9384174eqm.tmp</t>
  </si>
  <si>
    <t>\\acsfs\profiles$\ISABELLEGTDS\Nova pasta\lu9384174eqm.tmp\</t>
  </si>
  <si>
    <t>\\acsfs\profiles$\ISABELLEGTDS\Nova pasta\lu9384174eqm.tmp\META-INF\</t>
  </si>
  <si>
    <t>\\acsfs\profiles$\ISABELLEGTDS\Nova pasta\lu9384174eqm.tmp\Thumbnails\</t>
  </si>
  <si>
    <t>12/31/2019 14:25:41</t>
  </si>
  <si>
    <t>.~lock.isabelle 2.ods#</t>
  </si>
  <si>
    <t>\\acsfs\profiles$\ISABELLEGTDS\Nova pasta\.~lock.isabelle 2.ods#</t>
  </si>
  <si>
    <t>12/31/2019 14:25:42</t>
  </si>
  <si>
    <t>lu9384174eqr.tmp</t>
  </si>
  <si>
    <t>\\acsfs\profiles$\ISABELLEGTDS\Nova pasta\lu9384174eqr.tmp</t>
  </si>
  <si>
    <t>\\acsfs\profiles$\ISABELLEGTDS\Nova pasta\lu9384174eqr.tmp\</t>
  </si>
  <si>
    <t>\\acsfs\profiles$\ISABELLEGTDS\Nova pasta\lu9384174eqr.tmp\META-INF\</t>
  </si>
  <si>
    <t>\\acsfs\profiles$\ISABELLEGTDS\Nova pasta\lu9384174eqr.tmp\Thumbnails\</t>
  </si>
  <si>
    <t>12/31/2019 14:26:34</t>
  </si>
  <si>
    <t>12/31/2019 14:28:47</t>
  </si>
  <si>
    <t>12/31/2019 14:30:36</t>
  </si>
  <si>
    <t>12/31/2019 14:26:05</t>
  </si>
  <si>
    <t>12/31/2019 14:31:36</t>
  </si>
  <si>
    <t>12/31/2019 14:26:25</t>
  </si>
  <si>
    <t>12/31/2019 14:31:10</t>
  </si>
  <si>
    <t>12/31/2019 14:32:36</t>
  </si>
  <si>
    <t>12/31/2019 14:29:18</t>
  </si>
  <si>
    <t>\\acsfs\profiles$\gabrielafs\My Documents\</t>
  </si>
  <si>
    <t>\\acsfs\profiles$\gabrielafs\My Documents\Download.pdf</t>
  </si>
  <si>
    <t>12/31/2019 14:27:30</t>
  </si>
  <si>
    <t>12/31/2019 14:27:29</t>
  </si>
  <si>
    <t>f95e5450-946d-4acd-9b06-e33f6db61aa8.tmp</t>
  </si>
  <si>
    <t>\\acsfs\profiles$\fabianobmf\Downloads\f95e5450-946d-4acd-9b06-e33f6db61aa8.tmp</t>
  </si>
  <si>
    <t>12/31/2019 14:28:46</t>
  </si>
  <si>
    <t>04f59360-7249-479b-b23f-51ac2000f2f8.tmp</t>
  </si>
  <si>
    <t>\\acsfs\profiles$\fabianobmf\Downloads\04f59360-7249-479b-b23f-51ac2000f2f8.tmp</t>
  </si>
  <si>
    <t>12/31/2019 14:31:56</t>
  </si>
  <si>
    <t>12/31/2019 14:31:24</t>
  </si>
  <si>
    <t>12/31/2019 14:33:36</t>
  </si>
  <si>
    <t>12/31/2019 14:32:13</t>
  </si>
  <si>
    <t>58f79536-f730-4703-b50d-1b805712f8ad.tmp</t>
  </si>
  <si>
    <t>\\acsfs\profiles$\henriqueco\Downloads\58f79536-f730-4703-b50d-1b805712f8ad.tmp</t>
  </si>
  <si>
    <t>12/31/2019 14:29:56</t>
  </si>
  <si>
    <t>12/31/2019 14:31:40</t>
  </si>
  <si>
    <t>22c5b32d-95a4-4304-876c-5e9aefe51112.tmp</t>
  </si>
  <si>
    <t>\\acsfs\profiles$\fabianafv\Downloads\22c5b32d-95a4-4304-876c-5e9aefe51112.tmp</t>
  </si>
  <si>
    <t>12/31/2019 14:33:23</t>
  </si>
  <si>
    <t>700f47b9-bd9b-42ea-94f5-df0bea6631ad.tmp</t>
  </si>
  <si>
    <t>\\acsfs\profiles$\fabianafv\Downloads\700f47b9-bd9b-42ea-94f5-df0bea6631ad.tmp</t>
  </si>
  <si>
    <t>12/31/2019 14:28:32</t>
  </si>
  <si>
    <t>12/31/2019 14:28:34</t>
  </si>
  <si>
    <t>lu1876019g2y1.tmp</t>
  </si>
  <si>
    <t>\\acsfs\profiles$\FLAVIOJMM\My Documents\lu1876019g2y1.tmp</t>
  </si>
  <si>
    <t>\\acsfs\profiles$\FLAVIOJMM\My Documents\lu1876019g2y1.tmp\</t>
  </si>
  <si>
    <t>\\acsfs\profiles$\FLAVIOJMM\My Documents\lu1876019g2y1.tmp\META-INF\</t>
  </si>
  <si>
    <t>\\acsfs\profiles$\FLAVIOJMM\My Documents\lu1876019g2y1.tmp\Thumbnails\</t>
  </si>
  <si>
    <t>12/31/2019 14:30:31</t>
  </si>
  <si>
    <t>12/31/2019 14:31:05</t>
  </si>
  <si>
    <t>12/31/2019 14:31:30</t>
  </si>
  <si>
    <t>\\acsfs\profiles$\FLAVIOJMM\My Documents\.~lock.Sem título 1.ods#</t>
  </si>
  <si>
    <t>12/31/2019 14:29:16</t>
  </si>
  <si>
    <t>12/31/2019 14:34:36</t>
  </si>
  <si>
    <t>12/31/2019 14:33:57</t>
  </si>
  <si>
    <t>43b37750-ca4d-493e-b751-57f6acaefaca.tmp</t>
  </si>
  <si>
    <t>\\acsfs\profiles$\vivianibfs\Downloads\43b37750-ca4d-493e-b751-57f6acaefaca.tmp</t>
  </si>
  <si>
    <t>12/31/2019 14:32:08</t>
  </si>
  <si>
    <t>.~lock.1.ods#</t>
  </si>
  <si>
    <t>\\acsfs\profiles$\ISABELLEGTDS\Nova pasta\.~lock.1.ods#</t>
  </si>
  <si>
    <t>lu9384174eqz.tmp</t>
  </si>
  <si>
    <t>\\acsfs\profiles$\ISABELLEGTDS\Nova pasta\lu9384174eqz.tmp</t>
  </si>
  <si>
    <t>\\acsfs\profiles$\ISABELLEGTDS\Nova pasta\lu9384174eqz.tmp\</t>
  </si>
  <si>
    <t>\\acsfs\profiles$\ISABELLEGTDS\Nova pasta\lu9384174eqz.tmp\META-INF\</t>
  </si>
  <si>
    <t>\\acsfs\profiles$\ISABELLEGTDS\Nova pasta\lu9384174eqz.tmp\Thumbnails\</t>
  </si>
  <si>
    <t>12/31/2019 14:31:03</t>
  </si>
  <si>
    <t>12/31/2019 14:34:16</t>
  </si>
  <si>
    <t>12/31/2019 14:36:36</t>
  </si>
  <si>
    <t>12/31/2019 14:35:01</t>
  </si>
  <si>
    <t>31f8babb-7e70-4a1f-be04-c535fe040214.tmp</t>
  </si>
  <si>
    <t>\\acsfs\profiles$\larissaad\Downloads\31f8babb-7e70-4a1f-be04-c535fe040214.tmp</t>
  </si>
  <si>
    <t>12/31/2019 14:31:39</t>
  </si>
  <si>
    <t>12/31/2019 14:32:03</t>
  </si>
  <si>
    <t>12/31/2019 14:34:49</t>
  </si>
  <si>
    <t>12/31/2019 14:32:33</t>
  </si>
  <si>
    <t>12/31/2019 14:37:37</t>
  </si>
  <si>
    <t>12/31/2019 14:33:15</t>
  </si>
  <si>
    <t>12/31/2019 14:33:16</t>
  </si>
  <si>
    <t>lu77602jihw.tmp</t>
  </si>
  <si>
    <t>\\acsfs\profiles$\jalilebds\Downloads\lu77602jihw.tmp</t>
  </si>
  <si>
    <t>12/31/2019 14:33:32</t>
  </si>
  <si>
    <t>12/31/2019 14:34:12</t>
  </si>
  <si>
    <t>12/31/2019 14:33:39</t>
  </si>
  <si>
    <t>12/31/2019 14:38:36</t>
  </si>
  <si>
    <t>ac201fe6-3573-479b-82da-0a568ae3efea.tmp</t>
  </si>
  <si>
    <t>\\acsfs\profiles$\henriqueco\Downloads\ac201fe6-3573-479b-82da-0a568ae3efea.tmp</t>
  </si>
  <si>
    <t>12/31/2019 14:35:56</t>
  </si>
  <si>
    <t>12/31/2019 14:34:33</t>
  </si>
  <si>
    <t>cda011b0-0866-4ba3-ac9f-3b6cf844ae97.tmp</t>
  </si>
  <si>
    <t>\\acsfs\profiles$\fabianafv\Downloads\cda011b0-0866-4ba3-ac9f-3b6cf844ae97.tmp</t>
  </si>
  <si>
    <t>12/31/2019 14:35:47</t>
  </si>
  <si>
    <t>ab928f2c-cd53-4bd8-852c-e39c9df3d619.tmp</t>
  </si>
  <si>
    <t>\\acsfs\profiles$\fabianafv\Downloads\ab928f2c-cd53-4bd8-852c-e39c9df3d619.tmp</t>
  </si>
  <si>
    <t>12/31/2019 14:33:42</t>
  </si>
  <si>
    <t>12/31/2019 14:37:23</t>
  </si>
  <si>
    <t>XLOG_vanessacgs_31122019_070936.log</t>
  </si>
  <si>
    <t>\\acsfs\profiles$\vanessacgs\My Documents\xworkcenter\logs\XLOG_vanessacgs_31122019_070936.log</t>
  </si>
  <si>
    <t>12/31/2019 14:34:15</t>
  </si>
  <si>
    <t>12/31/2019 14:39:36</t>
  </si>
  <si>
    <t>12/31/2019 14:35:15</t>
  </si>
  <si>
    <t>12/31/2019 14:35:12</t>
  </si>
  <si>
    <t>17ab0d0d-1a8d-4772-ba5e-58b3507e4720.tmp</t>
  </si>
  <si>
    <t>\\acsfs\profiles$\vivianibfs\Downloads\17ab0d0d-1a8d-4772-ba5e-58b3507e4720.tmp</t>
  </si>
  <si>
    <t>12/31/2019 14:35:35</t>
  </si>
  <si>
    <t>6853288c-ce6e-4900-a8d4-60a490696f30.tmp</t>
  </si>
  <si>
    <t>\\acsfs\profiles$\vivianibfs\Downloads\6853288c-ce6e-4900-a8d4-60a490696f30.tmp</t>
  </si>
  <si>
    <t>57718eac-eb17-4f02-bea2-cea29d8e40ba.tmp</t>
  </si>
  <si>
    <t>\\acsfs\profiles$\vivianibfs\Downloads\57718eac-eb17-4f02-bea2-cea29d8e40ba.tmp</t>
  </si>
  <si>
    <t>12/31/2019 14:35:53</t>
  </si>
  <si>
    <t>.~lock.isabelle 1.ods#</t>
  </si>
  <si>
    <t>\\acsfs\profiles$\ISABELLEGTDS\Nova pasta\.~lock.isabelle 1.ods#</t>
  </si>
  <si>
    <t>12/31/2019 14:37:16</t>
  </si>
  <si>
    <t>.~lock.isabelle 3.ods#</t>
  </si>
  <si>
    <t>\\acsfs\profiles$\ISABELLEGTDS\Nova pasta\.~lock.isabelle 3.ods#</t>
  </si>
  <si>
    <t>12/31/2019 14:37:17</t>
  </si>
  <si>
    <t>lu1667218yxhm.tmp</t>
  </si>
  <si>
    <t>\\acsfs\profiles$\ISABELLEGTDS\Nova pasta\lu1667218yxhm.tmp</t>
  </si>
  <si>
    <t>\\acsfs\profiles$\ISABELLEGTDS\Nova pasta\lu1667218yxhm.tmp\</t>
  </si>
  <si>
    <t>\\acsfs\profiles$\ISABELLEGTDS\Nova pasta\lu1667218yxhm.tmp\META-INF\</t>
  </si>
  <si>
    <t>\\acsfs\profiles$\ISABELLEGTDS\Nova pasta\lu1667218yxhm.tmp\Thumbnails\</t>
  </si>
  <si>
    <t>12/31/2019 14:37:28</t>
  </si>
  <si>
    <t>12/31/2019 14:36:52</t>
  </si>
  <si>
    <t>12/31/2019 14:40:36</t>
  </si>
  <si>
    <t>12/31/2019 14:38:12</t>
  </si>
  <si>
    <t>f60c6cdd-8609-45ac-a870-b7f1e2dd2b55.tmp</t>
  </si>
  <si>
    <t>\\acsfs\profiles$\lucasqdss\Downloads\f60c6cdd-8609-45ac-a870-b7f1e2dd2b55.tmp</t>
  </si>
  <si>
    <t>12/31/2019 14:40:20</t>
  </si>
  <si>
    <t>12/31/2019 14:41:37</t>
  </si>
  <si>
    <t>12/31/2019 14:40:22</t>
  </si>
  <si>
    <t>12/31/2019 14:40:23</t>
  </si>
  <si>
    <t>12/31/2019 14:40:24</t>
  </si>
  <si>
    <t>12/31/2019 14:40:26</t>
  </si>
  <si>
    <t>12/31/2019 14:41:04</t>
  </si>
  <si>
    <t>12/31/2019 14:40:28</t>
  </si>
  <si>
    <t>12/31/2019 14:40:29</t>
  </si>
  <si>
    <t>12/31/2019 14:40:30</t>
  </si>
  <si>
    <t>12/31/2019 14:40:31</t>
  </si>
  <si>
    <t>12/31/2019 14:40:32</t>
  </si>
  <si>
    <t>12/31/2019 14:40:33</t>
  </si>
  <si>
    <t>12/31/2019 14:40:34</t>
  </si>
  <si>
    <t>12/31/2019 14:40:37</t>
  </si>
  <si>
    <t>12/31/2019 14:40:38</t>
  </si>
  <si>
    <t>12/31/2019 14:40:39</t>
  </si>
  <si>
    <t>12/31/2019 14:40:47</t>
  </si>
  <si>
    <t>12/31/2019 14:40:49</t>
  </si>
  <si>
    <t>12/31/2019 14:40:50</t>
  </si>
  <si>
    <t>12/31/2019 14:40:51</t>
  </si>
  <si>
    <t>12/31/2019 14:40:52</t>
  </si>
  <si>
    <t>12/31/2019 14:40:54</t>
  </si>
  <si>
    <t>12/31/2019 14:40:56</t>
  </si>
  <si>
    <t>12/31/2019 14:40:57</t>
  </si>
  <si>
    <t>12/31/2019 14:40:58</t>
  </si>
  <si>
    <t>12/31/2019 14:40:59</t>
  </si>
  <si>
    <t>12/31/2019 14:41:00</t>
  </si>
  <si>
    <t>12/31/2019 14:41:02</t>
  </si>
  <si>
    <t>12/31/2019 14:41:03</t>
  </si>
  <si>
    <t>12/31/2019 14:41:05</t>
  </si>
  <si>
    <t>12/31/2019 14:41:06</t>
  </si>
  <si>
    <t>12/31/2019 14:41:07</t>
  </si>
  <si>
    <t>12/31/2019 14:37:10</t>
  </si>
  <si>
    <t>12/31/2019 14:38:16</t>
  </si>
  <si>
    <t>12/31/2019 14:42:36</t>
  </si>
  <si>
    <t>lu77602jihz.tmp</t>
  </si>
  <si>
    <t>\\acsfs\profiles$\jalilebds\Downloads\lu77602jihz.tmp</t>
  </si>
  <si>
    <t>12/31/2019 14:40:41</t>
  </si>
  <si>
    <t>12/31/2019 14:43:37</t>
  </si>
  <si>
    <t>12/31/2019 14:41:14</t>
  </si>
  <si>
    <t>12/31/2019 14:38:04</t>
  </si>
  <si>
    <t>12/31/2019 14:39:33</t>
  </si>
  <si>
    <t>12/31/2019 14:39:44</t>
  </si>
  <si>
    <t>12/31/2019 14:39:57</t>
  </si>
  <si>
    <t>12/31/2019 14:40:11</t>
  </si>
  <si>
    <t>12/31/2019 14:41:56</t>
  </si>
  <si>
    <t>12/31/2019 14:40:15</t>
  </si>
  <si>
    <t>12/31/2019 14:44:36</t>
  </si>
  <si>
    <t>12/31/2019 14:41:15</t>
  </si>
  <si>
    <t>12/31/2019 14:40:17</t>
  </si>
  <si>
    <t>.~lock.isabelle 3 .3.ods#</t>
  </si>
  <si>
    <t>\\acsfs\profiles$\ISABELLEGTDS\Nova pasta\.~lock.isabelle 3 .3.ods#</t>
  </si>
  <si>
    <t>lu1667218yxhu.tmp</t>
  </si>
  <si>
    <t>\\acsfs\profiles$\ISABELLEGTDS\Nova pasta\lu1667218yxhu.tmp</t>
  </si>
  <si>
    <t>\\acsfs\profiles$\ISABELLEGTDS\Nova pasta\lu1667218yxhu.tmp\</t>
  </si>
  <si>
    <t>\\acsfs\profiles$\ISABELLEGTDS\Nova pasta\lu1667218yxhu.tmp\META-INF\</t>
  </si>
  <si>
    <t>\\acsfs\profiles$\ISABELLEGTDS\Nova pasta\lu1667218yxhu.tmp\Thumbnails\</t>
  </si>
  <si>
    <t>12/31/2019 14:41:29</t>
  </si>
  <si>
    <t>12/31/2019 14:45:36</t>
  </si>
  <si>
    <t>12/31/2019 14:42:30</t>
  </si>
  <si>
    <t>e1fa766d-9732-4406-901e-13468eb8c1a1.tmp</t>
  </si>
  <si>
    <t>\\acsfs\profiles$\lucasqdss\Downloads\e1fa766d-9732-4406-901e-13468eb8c1a1.tmp</t>
  </si>
  <si>
    <t>12/31/2019 14:41:09</t>
  </si>
  <si>
    <t>12/31/2019 14:46:37</t>
  </si>
  <si>
    <t>12/31/2019 14:41:10</t>
  </si>
  <si>
    <t>12/31/2019 14:41:12</t>
  </si>
  <si>
    <t>12/31/2019 14:41:16</t>
  </si>
  <si>
    <t>12/31/2019 14:41:17</t>
  </si>
  <si>
    <t>12/31/2019 14:41:18</t>
  </si>
  <si>
    <t>12/31/2019 14:41:20</t>
  </si>
  <si>
    <t>12/31/2019 14:41:21</t>
  </si>
  <si>
    <t>12/31/2019 14:42:20</t>
  </si>
  <si>
    <t>12/31/2019 14:44:55</t>
  </si>
  <si>
    <t>cd421f32-03a4-41bd-8d69-f4a60b475391.tmp</t>
  </si>
  <si>
    <t>\\acsfs\profiles$\joycemmdl\Downloads\cd421f32-03a4-41bd-8d69-f4a60b475391.tmp</t>
  </si>
  <si>
    <t>12/31/2019 14:45:04</t>
  </si>
  <si>
    <t>Unconfirmed 642582.crdownload</t>
  </si>
  <si>
    <t>\\acsfs\profiles$\joycemmdl\Downloads\Unconfirmed 642582.crdownload</t>
  </si>
  <si>
    <t>12/31/2019 14:43:04</t>
  </si>
  <si>
    <t>12/31/2019 14:47:36</t>
  </si>
  <si>
    <t>12/31/2019 14:44:08</t>
  </si>
  <si>
    <t>9775e87b-6bc9-479b-9306-55f83eb48a2f.tmp</t>
  </si>
  <si>
    <t>\\acsfs\profiles$\rosileiam\Downloads\9775e87b-6bc9-479b-9306-55f83eb48a2f.tmp</t>
  </si>
  <si>
    <t>12/31/2019 14:45:19</t>
  </si>
  <si>
    <t>8cd04619-a1b4-4ac2-ac0a-a8d3cfdb77c3.tmp</t>
  </si>
  <si>
    <t>\\acsfs\profiles$\rosileiam\Downloads\8cd04619-a1b4-4ac2-ac0a-a8d3cfdb77c3.tmp</t>
  </si>
  <si>
    <t>12/31/2019 14:46:04</t>
  </si>
  <si>
    <t>12/31/2019 14:44:13</t>
  </si>
  <si>
    <t>12/31/2019 14:48:37</t>
  </si>
  <si>
    <t>12/31/2019 14:47:56</t>
  </si>
  <si>
    <t>12/31/2019 14:46:15</t>
  </si>
  <si>
    <t>12/31/2019 14:49:36</t>
  </si>
  <si>
    <t>12/31/2019 14:47:15</t>
  </si>
  <si>
    <t>12/31/2019 14:45:25</t>
  </si>
  <si>
    <t>12/31/2019 14:50:36</t>
  </si>
  <si>
    <t>12/31/2019 14:49:39</t>
  </si>
  <si>
    <t>12/31/2019 14:47:33</t>
  </si>
  <si>
    <t>12/31/2019 14:51:37</t>
  </si>
  <si>
    <t>8f002af5-5075-4ad3-aea9-b64d17adc227.tmp</t>
  </si>
  <si>
    <t>\\acsfs\profiles$\joycemmdl\Downloads\8f002af5-5075-4ad3-aea9-b64d17adc227.tmp</t>
  </si>
  <si>
    <t>12/31/2019 14:48:56</t>
  </si>
  <si>
    <t>136cc332-b475-4ed7-a7bf-839078ef71dd.tmp</t>
  </si>
  <si>
    <t>\\acsfs\profiles$\joycemmdl\Downloads\136cc332-b475-4ed7-a7bf-839078ef71dd.tmp</t>
  </si>
  <si>
    <t>12/31/2019 14:46:28</t>
  </si>
  <si>
    <t>12/31/2019 14:50:35</t>
  </si>
  <si>
    <t>12/31/2019 14:52:36</t>
  </si>
  <si>
    <t>12/31/2019 14:52:01</t>
  </si>
  <si>
    <t>47b6ad8f-cc6e-4c45-8893-cbee3549b5c7.tmp</t>
  </si>
  <si>
    <t>\\acsfs\profiles$\brunalas\Downloads\47b6ad8f-cc6e-4c45-8893-cbee3549b5c7.tmp</t>
  </si>
  <si>
    <t>12/31/2019 14:49:30</t>
  </si>
  <si>
    <t>12/31/2019 14:54:36</t>
  </si>
  <si>
    <t>12/31/2019 14:52:16</t>
  </si>
  <si>
    <t>12/31/2019 14:53:16</t>
  </si>
  <si>
    <t>12/31/2019 14:55:11</t>
  </si>
  <si>
    <t>12/31/2019 14:56:36</t>
  </si>
  <si>
    <t>12/31/2019 14:52:35</t>
  </si>
  <si>
    <t>966c5b51-509f-4ede-8ee1-cdf31b947ca8.tmp</t>
  </si>
  <si>
    <t>\\acsfs\profiles$\alinepp\Downloads\966c5b51-509f-4ede-8ee1-cdf31b947ca8.tmp</t>
  </si>
  <si>
    <t>12/31/2019 14:53:10</t>
  </si>
  <si>
    <t>12/31/2019 14:57:36</t>
  </si>
  <si>
    <t>12/31/2019 14:53:24</t>
  </si>
  <si>
    <t>20ee8cac-b40c-4604-abed-adb8cadebe6c.tmp</t>
  </si>
  <si>
    <t>\\acsfs\profiles$\brunalas\Downloads\20ee8cac-b40c-4604-abed-adb8cadebe6c.tmp</t>
  </si>
  <si>
    <t>12/31/2019 14:53:55</t>
  </si>
  <si>
    <t>12/31/2019 14:53:57</t>
  </si>
  <si>
    <t>12/31/2019 14:58:37</t>
  </si>
  <si>
    <t>12/31/2019 14:54:16</t>
  </si>
  <si>
    <t>12/31/2019 14:59:36</t>
  </si>
  <si>
    <t>10.200.67.32</t>
  </si>
  <si>
    <t>74-86-7A-FB-18-13</t>
  </si>
  <si>
    <t>VOTORANT-PB003</t>
  </si>
  <si>
    <t>12/31/2019 14:55:05</t>
  </si>
  <si>
    <t>acessos Mari.txt</t>
  </si>
  <si>
    <t>\\acsfs\Deptos\Operacao\Banco_Votorantim\Supervisao\Maristela\acessos Mari.txt</t>
  </si>
  <si>
    <t>12/31/2019 14:58:16</t>
  </si>
  <si>
    <t>12/31/2019 14:55:19</t>
  </si>
  <si>
    <t>76244f2c-3238-493d-ac2a-333914e7ebf7.tmp</t>
  </si>
  <si>
    <t>\\acsfs\profiles$\welidicdj\Downloads\76244f2c-3238-493d-ac2a-333914e7ebf7.tmp</t>
  </si>
  <si>
    <t>12/31/2019 14:57:15</t>
  </si>
  <si>
    <t>12/31/2019 14:57:01</t>
  </si>
  <si>
    <t>12/31/2019 15:01:36</t>
  </si>
  <si>
    <t>12/31/2019 14:58:49</t>
  </si>
  <si>
    <t>12/31/2019 15:02:36</t>
  </si>
  <si>
    <t>lu77602jii2.tmp</t>
  </si>
  <si>
    <t>\\acsfs\profiles$\jalilebds\Downloads\lu77602jii2.tmp</t>
  </si>
  <si>
    <t>12/31/2019 14:58:00</t>
  </si>
  <si>
    <t>12/31/2019 14:58:08</t>
  </si>
  <si>
    <t>12/31/2019 15:03:36</t>
  </si>
  <si>
    <t>ebffe6a7-76c9-4a19-b430-2d3a77eded91.tmp</t>
  </si>
  <si>
    <t>\\acsfs\profiles$\anafaes\Downloads\ebffe6a7-76c9-4a19-b430-2d3a77eded91.tmp</t>
  </si>
  <si>
    <t>12/31/2019 14:59:57</t>
  </si>
  <si>
    <t>12/31/2019 15:01:27</t>
  </si>
  <si>
    <t>12/31/2019 14:59:16</t>
  </si>
  <si>
    <t>12/31/2019 15:04:36</t>
  </si>
  <si>
    <t>12/31/2019 15:03:51</t>
  </si>
  <si>
    <t>12/31/2019 15:06:37</t>
  </si>
  <si>
    <t>12/31/2019 15:03:13</t>
  </si>
  <si>
    <t>12/31/2019 15:07:36</t>
  </si>
  <si>
    <t>12/31/2019 15:05:58</t>
  </si>
  <si>
    <t>12/31/2019 15:08:36</t>
  </si>
  <si>
    <t>12/31/2019 15:08:04</t>
  </si>
  <si>
    <t>faa54e33-39a0-4420-8419-9c7791522485.tmp</t>
  </si>
  <si>
    <t>\\acsfs\profiles$\jonatanls\Downloads\faa54e33-39a0-4420-8419-9c7791522485.tmp</t>
  </si>
  <si>
    <t>12/31/2019 15:06:01</t>
  </si>
  <si>
    <t>\\acsfs\profiles$\thaianaads\My Documents\Download.pdf</t>
  </si>
  <si>
    <t>12/31/2019 15:04:16</t>
  </si>
  <si>
    <t>12/31/2019 15:09:36</t>
  </si>
  <si>
    <t>12/31/2019 15:05:16</t>
  </si>
  <si>
    <t>12/31/2019 15:07:46</t>
  </si>
  <si>
    <t>12/31/2019 15:05:12</t>
  </si>
  <si>
    <t>12/31/2019 15:10:36</t>
  </si>
  <si>
    <t>12/31/2019 15:11:22</t>
  </si>
  <si>
    <t>12/31/2019 15:12:36</t>
  </si>
  <si>
    <t>lu77602jiia.tmp</t>
  </si>
  <si>
    <t>\\acsfs\profiles$\jalilebds\Downloads\lu77602jiia.tmp</t>
  </si>
  <si>
    <t>12/31/2019 15:11:57</t>
  </si>
  <si>
    <t>12/31/2019 15:13:36</t>
  </si>
  <si>
    <t>12/31/2019 15:11:09</t>
  </si>
  <si>
    <t>12/31/2019 15:10:16</t>
  </si>
  <si>
    <t>12/31/2019 15:14:37</t>
  </si>
  <si>
    <t>12/31/2019 15:11:16</t>
  </si>
  <si>
    <t>12/31/2019 15:11:31</t>
  </si>
  <si>
    <t>12/31/2019 15:15:36</t>
  </si>
  <si>
    <t>12/31/2019 15:12:12</t>
  </si>
  <si>
    <t>12/31/2019 15:17:36</t>
  </si>
  <si>
    <t>12/31/2019 15:17:12</t>
  </si>
  <si>
    <t>12/31/2019 15:18:37</t>
  </si>
  <si>
    <t>12/31/2019 15:17:57</t>
  </si>
  <si>
    <t>12/31/2019 15:16:16</t>
  </si>
  <si>
    <t>12/31/2019 15:19:37</t>
  </si>
  <si>
    <t>12/31/2019 15:17:16</t>
  </si>
  <si>
    <t>12/31/2019 15:17:32</t>
  </si>
  <si>
    <t>12/31/2019 15:17:15</t>
  </si>
  <si>
    <t>12/31/2019 15:21:36</t>
  </si>
  <si>
    <t>12/31/2019 15:20:18</t>
  </si>
  <si>
    <t>85873d23-2ccf-4e61-9837-1ac3ed4fdfa7.tmp</t>
  </si>
  <si>
    <t>\\acsfs\profiles$\andreapdsg\Downloads\85873d23-2ccf-4e61-9837-1ac3ed4fdfa7.tmp</t>
  </si>
  <si>
    <t>12/31/2019 15:18:31</t>
  </si>
  <si>
    <t>a51bb69c-8d61-4a6d-9d56-d7a0e3b0d39e.tmp</t>
  </si>
  <si>
    <t>\\acsfs\profiles$\larissaad\Downloads\a51bb69c-8d61-4a6d-9d56-d7a0e3b0d39e.tmp</t>
  </si>
  <si>
    <t>12/31/2019 15:21:28</t>
  </si>
  <si>
    <t>12/31/2019 15:22:37</t>
  </si>
  <si>
    <t>\\acsfs\profiles$\tiagosno\My Documents\</t>
  </si>
  <si>
    <t>\\acsfs\profiles$\tiagosno\My Documents\Download.pdf</t>
  </si>
  <si>
    <t>12/31/2019 15:22:16</t>
  </si>
  <si>
    <t>12/31/2019 15:24:37</t>
  </si>
  <si>
    <t>12/31/2019 15:23:16</t>
  </si>
  <si>
    <t>12/31/2019 15:24:17</t>
  </si>
  <si>
    <t>12/31/2019 15:26:37</t>
  </si>
  <si>
    <t>12/31/2019 15:22:06</t>
  </si>
  <si>
    <t>7d17d070-b8d6-4a68-831e-651adec9a130.tmp</t>
  </si>
  <si>
    <t>\\acsfs\profiles$\andreapdsg\Downloads\7d17d070-b8d6-4a68-831e-651adec9a130.tmp</t>
  </si>
  <si>
    <t>12/31/2019 15:24:22</t>
  </si>
  <si>
    <t>12/31/2019 15:27:36</t>
  </si>
  <si>
    <t>12/31/2019 15:27:08</t>
  </si>
  <si>
    <t>12/31/2019 15:23:57</t>
  </si>
  <si>
    <t>12/31/2019 15:28:37</t>
  </si>
  <si>
    <t>12/31/2019 15:27:02</t>
  </si>
  <si>
    <t>12/31/2019 15:28:16</t>
  </si>
  <si>
    <t>12/31/2019 15:29:36</t>
  </si>
  <si>
    <t>12/31/2019 15:27:49</t>
  </si>
  <si>
    <t>12/31/2019 15:30:37</t>
  </si>
  <si>
    <t>12/31/2019 15:25:51</t>
  </si>
  <si>
    <t>12/31/2019 15:25:54</t>
  </si>
  <si>
    <t>12/31/2019 15:31:37</t>
  </si>
  <si>
    <t>12/31/2019 15:25:58</t>
  </si>
  <si>
    <t>12/31/2019 15:26:18</t>
  </si>
  <si>
    <t>12/31/2019 15:26:23</t>
  </si>
  <si>
    <t>12/31/2019 15:26:27</t>
  </si>
  <si>
    <t>12/31/2019 15:26:39</t>
  </si>
  <si>
    <t>12/31/2019 15:26:49</t>
  </si>
  <si>
    <t>12/31/2019 15:26:51</t>
  </si>
  <si>
    <t>12/31/2019 14:58:21</t>
  </si>
  <si>
    <t>12/31/2019 14:58:22</t>
  </si>
  <si>
    <t>12/31/2019 14:58:23</t>
  </si>
  <si>
    <t>12/31/2019 14:58:24</t>
  </si>
  <si>
    <t>12/31/2019 14:58:26</t>
  </si>
  <si>
    <t>12/31/2019 14:58:28</t>
  </si>
  <si>
    <t>12/31/2019 14:58:29</t>
  </si>
  <si>
    <t>12/31/2019 14:58:30</t>
  </si>
  <si>
    <t>12/31/2019 14:58:32</t>
  </si>
  <si>
    <t>12/31/2019 14:58:33</t>
  </si>
  <si>
    <t>12/31/2019 14:58:34</t>
  </si>
  <si>
    <t>12/31/2019 14:58:35</t>
  </si>
  <si>
    <t>12/31/2019 14:58:36</t>
  </si>
  <si>
    <t>12/31/2019 14:58:45</t>
  </si>
  <si>
    <t>12/31/2019 14:58:46</t>
  </si>
  <si>
    <t>12/31/2019 14:58:47</t>
  </si>
  <si>
    <t>12/31/2019 14:58:48</t>
  </si>
  <si>
    <t>12/31/2019 15:27:56</t>
  </si>
  <si>
    <t>12/31/2019 15:28:38</t>
  </si>
  <si>
    <t>12/31/2019 15:32:37</t>
  </si>
  <si>
    <t>12/31/2019 15:28:59</t>
  </si>
  <si>
    <t>12/31/2019 15:33:37</t>
  </si>
  <si>
    <t>12/31/2019 15:32:27</t>
  </si>
  <si>
    <t>56ca31df-7cf3-477b-92fe-b66a0fb0939f.tmp</t>
  </si>
  <si>
    <t>\\acsfs\profiles$\erichds\Downloads\56ca31df-7cf3-477b-92fe-b66a0fb0939f.tmp</t>
  </si>
  <si>
    <t>12/31/2019 15:29:57</t>
  </si>
  <si>
    <t>12/31/2019 15:29:08</t>
  </si>
  <si>
    <t>12/31/2019 15:32:03</t>
  </si>
  <si>
    <t>12/31/2019 15:30:54</t>
  </si>
  <si>
    <t>8d887735-94ef-46ea-97da-494c04ad5dec.tmp</t>
  </si>
  <si>
    <t>\\acsfs\profiles$\jonatanls\Downloads\8d887735-94ef-46ea-97da-494c04ad5dec.tmp</t>
  </si>
  <si>
    <t>12/31/2019 15:31:17</t>
  </si>
  <si>
    <t>$I40W527.pdf</t>
  </si>
  <si>
    <t>\\acsfs\profiles$\jonatanls\Downloads\$RECYCLE.BIN\$I40W527.pdf</t>
  </si>
  <si>
    <t>12/31/2019 15:31:18</t>
  </si>
  <si>
    <t>$IVDCUI3.pdf</t>
  </si>
  <si>
    <t>\\acsfs\profiles$\jonatanls\Downloads\$RECYCLE.BIN\$IVDCUI3.pdf</t>
  </si>
  <si>
    <t>$I0WYXJS.pdf</t>
  </si>
  <si>
    <t>\\acsfs\profiles$\jonatanls\Downloads\$RECYCLE.BIN\$I0WYXJS.pdf</t>
  </si>
  <si>
    <t>12/31/2019 15:31:19</t>
  </si>
  <si>
    <t>$IRC7M3R.pdf</t>
  </si>
  <si>
    <t>\\acsfs\profiles$\jonatanls\Downloads\$RECYCLE.BIN\$IRC7M3R.pdf</t>
  </si>
  <si>
    <t>12/31/2019 15:30:39</t>
  </si>
  <si>
    <t>12/31/2019 15:34:36</t>
  </si>
  <si>
    <t>12/31/2019 15:29:16</t>
  </si>
  <si>
    <t>12/31/2019 15:29:55</t>
  </si>
  <si>
    <t>12/31/2019 15:35:36</t>
  </si>
  <si>
    <t>238a3760-a4a1-4de3-987e-28032523dbf1.tmp</t>
  </si>
  <si>
    <t>\\acsfs\profiles$\LAISLG\Downloads\238a3760-a4a1-4de3-987e-28032523dbf1.tmp</t>
  </si>
  <si>
    <t>12/31/2019 15:31:30</t>
  </si>
  <si>
    <t>12/31/2019 15:36:37</t>
  </si>
  <si>
    <t>465ee2d3-6148-4119-a7fc-62c22277ca25.tmp</t>
  </si>
  <si>
    <t>\\acsfs\profiles$\larissaad\Downloads\465ee2d3-6148-4119-a7fc-62c22277ca25.tmp</t>
  </si>
  <si>
    <t>12/31/2019 15:35:20</t>
  </si>
  <si>
    <t>12/31/2019 15:34:58</t>
  </si>
  <si>
    <t>12/31/2019 15:37:36</t>
  </si>
  <si>
    <t>https://links.services.disqus.com/api/domains</t>
  </si>
  <si>
    <t>12/31/2019 15:35:00</t>
  </si>
  <si>
    <t>12/31/2019 15:35:03</t>
  </si>
  <si>
    <t>12/31/2019 15:35:11</t>
  </si>
  <si>
    <t>12/31/2019 15:35:13</t>
  </si>
  <si>
    <t>12/31/2019 15:38:36</t>
  </si>
  <si>
    <t>d244f03b-2ab6-4caa-af18-715d35ee1c5f.tmp</t>
  </si>
  <si>
    <t>\\acsfs\profiles$\erichds\Downloads\d244f03b-2ab6-4caa-af18-715d35ee1c5f.tmp</t>
  </si>
  <si>
    <t>image2019-12-31-152053.pdf</t>
  </si>
  <si>
    <t>12/31/2019 15:35:57</t>
  </si>
  <si>
    <t>12/31/2019 15:34:16</t>
  </si>
  <si>
    <t>12/31/2019 15:39:36</t>
  </si>
  <si>
    <t>12/31/2019 15:35:16</t>
  </si>
  <si>
    <t>12/31/2019 15:38:59</t>
  </si>
  <si>
    <t>12/31/2019 15:40:36</t>
  </si>
  <si>
    <t>12/31/2019 15:39:06</t>
  </si>
  <si>
    <t>12/31/2019 15:39:07</t>
  </si>
  <si>
    <t>12/31/2019 15:39:08</t>
  </si>
  <si>
    <t>12/31/2019 15:39:09</t>
  </si>
  <si>
    <t>12/31/2019 15:39:10</t>
  </si>
  <si>
    <t>12/31/2019 15:39:11</t>
  </si>
  <si>
    <t>12/31/2019 15:39:12</t>
  </si>
  <si>
    <t>12/31/2019 15:39:17</t>
  </si>
  <si>
    <t>12/31/2019 15:39:21</t>
  </si>
  <si>
    <t>12/31/2019 15:39:22</t>
  </si>
  <si>
    <t>12/31/2019 15:39:23</t>
  </si>
  <si>
    <t>12/31/2019 15:39:24</t>
  </si>
  <si>
    <t>12/31/2019 15:39:29</t>
  </si>
  <si>
    <t>12/31/2019 15:39:30</t>
  </si>
  <si>
    <t>12/31/2019 15:39:49</t>
  </si>
  <si>
    <t>12/31/2019 15:39:50</t>
  </si>
  <si>
    <t>12/31/2019 15:39:51</t>
  </si>
  <si>
    <t>12/31/2019 15:39:53</t>
  </si>
  <si>
    <t>12/31/2019 15:39:54</t>
  </si>
  <si>
    <t>12/31/2019 15:39:55</t>
  </si>
  <si>
    <t>12/31/2019 15:40:00</t>
  </si>
  <si>
    <t>12/31/2019 15:40:02</t>
  </si>
  <si>
    <t>12/31/2019 15:40:03</t>
  </si>
  <si>
    <t>12/31/2019 15:40:04</t>
  </si>
  <si>
    <t>12/31/2019 15:40:11</t>
  </si>
  <si>
    <t>12/31/2019 15:40:15</t>
  </si>
  <si>
    <t>12/31/2019 15:37:20</t>
  </si>
  <si>
    <t>12/31/2019 15:41:37</t>
  </si>
  <si>
    <t>e28cb8be-e414-4a3a-bd96-2b66f56aa036.tmp</t>
  </si>
  <si>
    <t>\\acsfs\profiles$\gabriellalpr\Downloads\e28cb8be-e414-4a3a-bd96-2b66f56aa036.tmp</t>
  </si>
  <si>
    <t>12/31/2019 15:37:21</t>
  </si>
  <si>
    <t>b610eaf7-2428-4b84-8781-84458cee9cc0.tmp</t>
  </si>
  <si>
    <t>\\acsfs\profiles$\alinepp\Downloads\b610eaf7-2428-4b84-8781-84458cee9cc0.tmp</t>
  </si>
  <si>
    <t>12/31/2019 15:36:51</t>
  </si>
  <si>
    <t>b7411380-9148-45af-8dbc-164debc16ccd.tmp</t>
  </si>
  <si>
    <t>\\acsfs\profiles$\cintiadjl\Downloads\b7411380-9148-45af-8dbc-164debc16ccd.tmp</t>
  </si>
  <si>
    <t>12/31/2019 15:36:54</t>
  </si>
  <si>
    <t>434774dc-4ef3-449c-93a0-71ef106dbd44.tmp</t>
  </si>
  <si>
    <t>\\acsfs\profiles$\cintiadjl\Downloads\434774dc-4ef3-449c-93a0-71ef106dbd44.tmp</t>
  </si>
  <si>
    <t>12/31/2019 15:37:45</t>
  </si>
  <si>
    <t>9610596f-a97a-42c3-9b21-2cb0c53596fd.tmp</t>
  </si>
  <si>
    <t>\\acsfs\profiles$\myllenardl\Downloads\9610596f-a97a-42c3-9b21-2cb0c53596fd.tmp</t>
  </si>
  <si>
    <t>12/31/2019 15:38:05</t>
  </si>
  <si>
    <t>9d521cf4-9c22-4e66-ba31-bfe678be1d8d.tmp</t>
  </si>
  <si>
    <t>\\acsfs\profiles$\myllenardl\Downloads\9d521cf4-9c22-4e66-ba31-bfe678be1d8d.tmp</t>
  </si>
  <si>
    <t>12/31/2019 15:40:41</t>
  </si>
  <si>
    <t>12/31/2019 15:42:36</t>
  </si>
  <si>
    <t>lu77602jiid.tmp</t>
  </si>
  <si>
    <t>\\acsfs\profiles$\jalilebds\Downloads\lu77602jiid.tmp</t>
  </si>
  <si>
    <t>12/31/2019 15:41:18</t>
  </si>
  <si>
    <t>12/31/2019 15:44:36</t>
  </si>
  <si>
    <t>XLOG_ellencds_31122019_083838.log</t>
  </si>
  <si>
    <t>\\acsfs\profiles$\ellencds\My Documents\xworkcenter\logs\XLOG_ellencds_31122019_083838.log</t>
  </si>
  <si>
    <t>12/31/2019 15:40:16</t>
  </si>
  <si>
    <t>12/31/2019 15:41:16</t>
  </si>
  <si>
    <t>12/31/2019 15:41:23</t>
  </si>
  <si>
    <t>12/31/2019 15:44:33</t>
  </si>
  <si>
    <t>12/31/2019 15:45:36</t>
  </si>
  <si>
    <t>12/31/2019 15:40:30</t>
  </si>
  <si>
    <t>12/31/2019 15:40:33</t>
  </si>
  <si>
    <t>12/31/2019 15:40:34</t>
  </si>
  <si>
    <t>12/31/2019 15:40:35</t>
  </si>
  <si>
    <t>12/31/2019 15:40:39</t>
  </si>
  <si>
    <t>12/31/2019 15:40:42</t>
  </si>
  <si>
    <t>12/31/2019 15:40:43</t>
  </si>
  <si>
    <t>12/31/2019 15:40:44</t>
  </si>
  <si>
    <t>12/31/2019 15:40:46</t>
  </si>
  <si>
    <t>12/31/2019 15:40:47</t>
  </si>
  <si>
    <t>12/31/2019 15:40:51</t>
  </si>
  <si>
    <t>12/31/2019 15:40:53</t>
  </si>
  <si>
    <t>12/31/2019 15:40:54</t>
  </si>
  <si>
    <t>12/31/2019 15:45:18</t>
  </si>
  <si>
    <t>12/31/2019 15:43:33</t>
  </si>
  <si>
    <t>12/31/2019 15:47:36</t>
  </si>
  <si>
    <t>\\acsfs\profiles$\jalilebds\Downloads\$RECYCLE.BIN\</t>
  </si>
  <si>
    <t>$IUE3G7U.xlsx</t>
  </si>
  <si>
    <t>\\acsfs\profiles$\jalilebds\Downloads\$RECYCLE.BIN\$IUE3G7U.xlsx</t>
  </si>
  <si>
    <t>12/31/2019 15:43:34</t>
  </si>
  <si>
    <t>$IY3IC1S.ods</t>
  </si>
  <si>
    <t>\\acsfs\profiles$\jalilebds\Downloads\$RECYCLE.BIN\$IY3IC1S.ods</t>
  </si>
  <si>
    <t>$IEXLRBC.xlsx</t>
  </si>
  <si>
    <t>\\acsfs\profiles$\jalilebds\Downloads\$RECYCLE.BIN\$IEXLRBC.xlsx</t>
  </si>
  <si>
    <t>$IPX6DMF.xlsx</t>
  </si>
  <si>
    <t>\\acsfs\profiles$\jalilebds\Downloads\$RECYCLE.BIN\$IPX6DMF.xlsx</t>
  </si>
  <si>
    <t>12/31/2019 15:43:59</t>
  </si>
  <si>
    <t>12/31/2019 15:45:13</t>
  </si>
  <si>
    <t>68fcba01-f805-4a86-a9b3-e961a760e2a7.tmp</t>
  </si>
  <si>
    <t>\\acsfs\profiles$\gabrielamdp\Downloads\68fcba01-f805-4a86-a9b3-e961a760e2a7.tmp</t>
  </si>
  <si>
    <t>12/31/2019 15:45:26</t>
  </si>
  <si>
    <t>44af3f38-70fa-4b62-8eee-7a61af36e0c8.tmp</t>
  </si>
  <si>
    <t>\\acsfs\profiles$\gabrielamdp\Downloads\44af3f38-70fa-4b62-8eee-7a61af36e0c8.tmp</t>
  </si>
  <si>
    <t>12/31/2019 15:47:52</t>
  </si>
  <si>
    <t>12/31/2019 15:48:36</t>
  </si>
  <si>
    <t>12/31/2019 15:44:01</t>
  </si>
  <si>
    <t>12/31/2019 15:44:15</t>
  </si>
  <si>
    <t>lu674433k8x.tmp</t>
  </si>
  <si>
    <t>\\acsfs\profiles$\fabianafv\My Documents\lu674433k8x.tmp</t>
  </si>
  <si>
    <t>\\acsfs\profiles$\fabianafv\My Documents\lu674433k8x.tmp\</t>
  </si>
  <si>
    <t>\\acsfs\profiles$\fabianafv\My Documents\lu674433k8x.tmp\META-INF\</t>
  </si>
  <si>
    <t>\\acsfs\profiles$\fabianafv\My Documents\lu674433k8x.tmp\Thumbnails\</t>
  </si>
  <si>
    <t>12/31/2019 15:46:16</t>
  </si>
  <si>
    <t>12/31/2019 15:49:36</t>
  </si>
  <si>
    <t>12/31/2019 15:47:16</t>
  </si>
  <si>
    <t>12/31/2019 15:48:08</t>
  </si>
  <si>
    <t>12/31/2019 15:50:36</t>
  </si>
  <si>
    <t>12/31/2019 15:45:19</t>
  </si>
  <si>
    <t>12/31/2019 15:45:27</t>
  </si>
  <si>
    <t>12/31/2019 15:45:28</t>
  </si>
  <si>
    <t>12/31/2019 15:45:29</t>
  </si>
  <si>
    <t>12/31/2019 15:47:13</t>
  </si>
  <si>
    <t>12/31/2019 15:47:15</t>
  </si>
  <si>
    <t>12/31/2019 15:47:17</t>
  </si>
  <si>
    <t>12/31/2019 15:47:18</t>
  </si>
  <si>
    <t>12/31/2019 15:47:20</t>
  </si>
  <si>
    <t>12/31/2019 15:47:26</t>
  </si>
  <si>
    <t>12/31/2019 15:47:28</t>
  </si>
  <si>
    <t>12/31/2019 15:47:29</t>
  </si>
  <si>
    <t>12/31/2019 15:47:31</t>
  </si>
  <si>
    <t>12/31/2019 15:47:33</t>
  </si>
  <si>
    <t>12/31/2019 15:47:38</t>
  </si>
  <si>
    <t>12/31/2019 15:47:47</t>
  </si>
  <si>
    <t>12/31/2019 15:47:50</t>
  </si>
  <si>
    <t>12/31/2019 15:47:54</t>
  </si>
  <si>
    <t>12/31/2019 15:47:55</t>
  </si>
  <si>
    <t>12/31/2019 15:47:56</t>
  </si>
  <si>
    <t>12/31/2019 15:47:57</t>
  </si>
  <si>
    <t>12/31/2019 15:48:03</t>
  </si>
  <si>
    <t>12/31/2019 15:48:10</t>
  </si>
  <si>
    <t>12/31/2019 15:48:23</t>
  </si>
  <si>
    <t>12/31/2019 15:48:28</t>
  </si>
  <si>
    <t>12/31/2019 15:48:29</t>
  </si>
  <si>
    <t>12/31/2019 15:48:34</t>
  </si>
  <si>
    <t>12/31/2019 15:48:47</t>
  </si>
  <si>
    <t>12/31/2019 15:48:51</t>
  </si>
  <si>
    <t>12/31/2019 15:48:52</t>
  </si>
  <si>
    <t>12/31/2019 15:48:53</t>
  </si>
  <si>
    <t>12/31/2019 15:48:55</t>
  </si>
  <si>
    <t>12/31/2019 15:48:58</t>
  </si>
  <si>
    <t>12/31/2019 15:49:07</t>
  </si>
  <si>
    <t>12/31/2019 15:49:10</t>
  </si>
  <si>
    <t>12/31/2019 15:49:11</t>
  </si>
  <si>
    <t>12/31/2019 15:49:13</t>
  </si>
  <si>
    <t>12/31/2019 15:49:17</t>
  </si>
  <si>
    <t>12/31/2019 15:49:24</t>
  </si>
  <si>
    <t>12/31/2019 15:49:39</t>
  </si>
  <si>
    <t>12/31/2019 15:49:41</t>
  </si>
  <si>
    <t>12/31/2019 15:49:42</t>
  </si>
  <si>
    <t>12/31/2019 15:49:43</t>
  </si>
  <si>
    <t>12/31/2019 15:49:44</t>
  </si>
  <si>
    <t>12/31/2019 15:49:48</t>
  </si>
  <si>
    <t>12/31/2019 15:49:55</t>
  </si>
  <si>
    <t>12/31/2019 15:50:01</t>
  </si>
  <si>
    <t>12/31/2019 15:50:02</t>
  </si>
  <si>
    <t>12/31/2019 15:50:03</t>
  </si>
  <si>
    <t>12/31/2019 15:50:07</t>
  </si>
  <si>
    <t>12/31/2019 15:50:08</t>
  </si>
  <si>
    <t>12/31/2019 15:46:54</t>
  </si>
  <si>
    <t>12/31/2019 15:51:36</t>
  </si>
  <si>
    <t>12/31/2019 15:47:24</t>
  </si>
  <si>
    <t>12/31/2019 15:49:37</t>
  </si>
  <si>
    <t>12/31/2019 15:54:36</t>
  </si>
  <si>
    <t>XLOG_ellencds_31122019_083650.log</t>
  </si>
  <si>
    <t>\\acsfs\profiles$\ellencds\My Documents\xworkcenter\logs\XLOG_ellencds_31122019_083650.log</t>
  </si>
  <si>
    <t>12/31/2019 15:52:17</t>
  </si>
  <si>
    <t>12/31/2019 15:53:16</t>
  </si>
  <si>
    <t>12/31/2019 15:50:24</t>
  </si>
  <si>
    <t>12/31/2019 15:55:37</t>
  </si>
  <si>
    <t>12/31/2019 15:50:27</t>
  </si>
  <si>
    <t>12/31/2019 15:50:28</t>
  </si>
  <si>
    <t>12/31/2019 15:50:29</t>
  </si>
  <si>
    <t>12/31/2019 15:50:34</t>
  </si>
  <si>
    <t>12/31/2019 15:51:41</t>
  </si>
  <si>
    <t>12/31/2019 15:51:42</t>
  </si>
  <si>
    <t>12/31/2019 15:51:43</t>
  </si>
  <si>
    <t>12/31/2019 15:51:44</t>
  </si>
  <si>
    <t>12/31/2019 15:51:46</t>
  </si>
  <si>
    <t>12/31/2019 15:51:47</t>
  </si>
  <si>
    <t>12/31/2019 15:52:44</t>
  </si>
  <si>
    <t>12/31/2019 15:52:47</t>
  </si>
  <si>
    <t>12/31/2019 15:52:48</t>
  </si>
  <si>
    <t>12/31/2019 15:52:49</t>
  </si>
  <si>
    <t>12/31/2019 15:52:59</t>
  </si>
  <si>
    <t>12/31/2019 15:53:00</t>
  </si>
  <si>
    <t>12/31/2019 15:53:01</t>
  </si>
  <si>
    <t>12/31/2019 15:53:07</t>
  </si>
  <si>
    <t>12/31/2019 15:53:10</t>
  </si>
  <si>
    <t>12/31/2019 15:53:15</t>
  </si>
  <si>
    <t>12/31/2019 15:53:26</t>
  </si>
  <si>
    <t>12/31/2019 15:53:35</t>
  </si>
  <si>
    <t>12/31/2019 15:53:43</t>
  </si>
  <si>
    <t>12/31/2019 15:53:44</t>
  </si>
  <si>
    <t>12/31/2019 15:53:45</t>
  </si>
  <si>
    <t>12/31/2019 15:53:46</t>
  </si>
  <si>
    <t>12/31/2019 15:53:50</t>
  </si>
  <si>
    <t>12/31/2019 15:53:55</t>
  </si>
  <si>
    <t>12/31/2019 15:54:02</t>
  </si>
  <si>
    <t>12/31/2019 15:54:06</t>
  </si>
  <si>
    <t>12/31/2019 15:54:07</t>
  </si>
  <si>
    <t>12/31/2019 15:54:08</t>
  </si>
  <si>
    <t>12/31/2019 15:54:13</t>
  </si>
  <si>
    <t>12/31/2019 15:54:19</t>
  </si>
  <si>
    <t>12/31/2019 15:54:21</t>
  </si>
  <si>
    <t>12/31/2019 15:54:22</t>
  </si>
  <si>
    <t>12/31/2019 15:54:23</t>
  </si>
  <si>
    <t>12/31/2019 15:54:24</t>
  </si>
  <si>
    <t>12/31/2019 15:54:25</t>
  </si>
  <si>
    <t>12/31/2019 15:54:26</t>
  </si>
  <si>
    <t>12/31/2019 15:54:27</t>
  </si>
  <si>
    <t>12/31/2019 15:54:44</t>
  </si>
  <si>
    <t>12/31/2019 15:54:47</t>
  </si>
  <si>
    <t>12/31/2019 15:54:48</t>
  </si>
  <si>
    <t>12/31/2019 15:54:49</t>
  </si>
  <si>
    <t>12/31/2019 15:54:50</t>
  </si>
  <si>
    <t>12/31/2019 15:54:55</t>
  </si>
  <si>
    <t>12/31/2019 15:58:16</t>
  </si>
  <si>
    <t>12/31/2019 15:59:36</t>
  </si>
  <si>
    <t>12/31/2019 15:58:25</t>
  </si>
  <si>
    <t>Holerite_122019_2077881.pdf.k5kmxtp.partial</t>
  </si>
  <si>
    <t>\\acsfs\profiles$\vivianibfs\Downloads\Holerite_122019_2077881.pdf.k5kmxtp.partial</t>
  </si>
  <si>
    <t>12/31/2019 15:56:40</t>
  </si>
  <si>
    <t>21820d97-57d3-45d4-8dde-80c2510975cc.tmp</t>
  </si>
  <si>
    <t>\\acsfs\profiles$\adelvinsonle\Downloads\21820d97-57d3-45d4-8dde-80c2510975cc.tmp</t>
  </si>
  <si>
    <t>12/31/2019 15:55:52</t>
  </si>
  <si>
    <t>12/31/2019 16:00:36</t>
  </si>
  <si>
    <t>12/31/2019 15:55:54</t>
  </si>
  <si>
    <t>12/31/2019 15:55:55</t>
  </si>
  <si>
    <t>12/31/2019 15:55:56</t>
  </si>
  <si>
    <t>12/31/2019 15:56:03</t>
  </si>
  <si>
    <t>12/31/2019 15:56:05</t>
  </si>
  <si>
    <t>12/31/2019 15:56:06</t>
  </si>
  <si>
    <t>12/31/2019 15:56:07</t>
  </si>
  <si>
    <t>12/31/2019 15:56:08</t>
  </si>
  <si>
    <t>12/31/2019 15:56:10</t>
  </si>
  <si>
    <t>12/31/2019 15:56:13</t>
  </si>
  <si>
    <t>12/31/2019 15:57:02</t>
  </si>
  <si>
    <t>12/31/2019 15:57:05</t>
  </si>
  <si>
    <t>12/31/2019 15:57:06</t>
  </si>
  <si>
    <t>12/31/2019 15:57:07</t>
  </si>
  <si>
    <t>12/31/2019 15:57:08</t>
  </si>
  <si>
    <t>12/31/2019 15:57:12</t>
  </si>
  <si>
    <t>12/31/2019 15:57:22</t>
  </si>
  <si>
    <t>12/31/2019 15:57:30</t>
  </si>
  <si>
    <t>12/31/2019 15:57:31</t>
  </si>
  <si>
    <t>12/31/2019 15:57:32</t>
  </si>
  <si>
    <t>12/31/2019 15:57:33</t>
  </si>
  <si>
    <t>12/31/2019 15:57:35</t>
  </si>
  <si>
    <t>12/31/2019 15:57:38</t>
  </si>
  <si>
    <t>12/31/2019 15:57:57</t>
  </si>
  <si>
    <t>12/31/2019 15:58:00</t>
  </si>
  <si>
    <t>12/31/2019 15:58:01</t>
  </si>
  <si>
    <t>12/31/2019 15:58:02</t>
  </si>
  <si>
    <t>12/31/2019 15:58:08</t>
  </si>
  <si>
    <t>12/31/2019 15:59:59</t>
  </si>
  <si>
    <t>12/31/2019 16:01:36</t>
  </si>
  <si>
    <t>12/31/2019 15:59:28</t>
  </si>
  <si>
    <t>c8d14e3e-6eaf-48d8-bb9b-3f60eadcc052;</t>
  </si>
  <si>
    <t>12/31/2019 16:00:16</t>
  </si>
  <si>
    <t>12/31/2019 16:01:04</t>
  </si>
  <si>
    <t>12/31/2019 15:57:49</t>
  </si>
  <si>
    <t>12/31/2019 16:02:36</t>
  </si>
  <si>
    <t>12/31/2019 15:59:44</t>
  </si>
  <si>
    <t>12/31/2019 16:03:36</t>
  </si>
  <si>
    <t>12/31/2019 16:03:24</t>
  </si>
  <si>
    <t>\\acsfs\profiles$\flaviacdst\Favorites\Welcome - 1.url\</t>
  </si>
  <si>
    <t>\\acsfs\profiles$\flaviacdst\Favorites\Welcome - 1.url\:favicon:$DATA</t>
  </si>
  <si>
    <t>\\acsfs\profiles$\flaviacdst\Favorites\Welcome - 1.url</t>
  </si>
  <si>
    <t>12/31/2019 15:59:16</t>
  </si>
  <si>
    <t>12/31/2019 16:04:36</t>
  </si>
  <si>
    <t>12/31/2019 16:02:46</t>
  </si>
  <si>
    <t>12/31/2019 16:06:36</t>
  </si>
  <si>
    <t>eab89618-60a9-4be1-a1c9-9db01a2a403b.tmp</t>
  </si>
  <si>
    <t>\\acsfs\profiles$\alinepp\Downloads\eab89618-60a9-4be1-a1c9-9db01a2a403b.tmp</t>
  </si>
  <si>
    <t>12/31/2019 16:03:21</t>
  </si>
  <si>
    <t>b090c581-f08c-4a41-9e16-0c73c59162df.tmp</t>
  </si>
  <si>
    <t>\\acsfs\profiles$\larissaad\Downloads\b090c581-f08c-4a41-9e16-0c73c59162df.tmp</t>
  </si>
  <si>
    <t>12/31/2019 16:01:51</t>
  </si>
  <si>
    <t>12/31/2019 16:02:52</t>
  </si>
  <si>
    <t>12/31/2019 16:04:14</t>
  </si>
  <si>
    <t>12/31/2019 16:04:49</t>
  </si>
  <si>
    <t>12/31/2019 16:04:31</t>
  </si>
  <si>
    <t>12/31/2019 16:07:36</t>
  </si>
  <si>
    <t>XLOG_tiagosno_31122019_084011.log</t>
  </si>
  <si>
    <t>\\acsfs\profiles$\tiagosno\My Documents\xworkcenter\logs\XLOG_tiagosno_31122019_084011.log</t>
  </si>
  <si>
    <t>12/31/2019 16:04:25</t>
  </si>
  <si>
    <t>12/31/2019 16:08:35</t>
  </si>
  <si>
    <t>12/31/2019 16:04:16</t>
  </si>
  <si>
    <t>12/31/2019 16:09:36</t>
  </si>
  <si>
    <t>12/31/2019 16:05:16</t>
  </si>
  <si>
    <t>12/31/2019 16:06:44</t>
  </si>
  <si>
    <t>12/31/2019 16:12:36</t>
  </si>
  <si>
    <t>144828c8-e28c-4b96-8a5f-bdd3c8df596d.tmp</t>
  </si>
  <si>
    <t>\\acsfs\profiles$\higorss\Downloads\144828c8-e28c-4b96-8a5f-bdd3c8df596d.tmp</t>
  </si>
  <si>
    <t>12/31/2019 16:08:11</t>
  </si>
  <si>
    <t>12/31/2019 16:13:36</t>
  </si>
  <si>
    <t>89dfe8f0-1966-4703-9bf2-50e5a9a68ba5.tmp</t>
  </si>
  <si>
    <t>\\acsfs\profiles$\matheusmax\Downloads\89dfe8f0-1966-4703-9bf2-50e5a9a68ba5.tmp</t>
  </si>
  <si>
    <t>12/31/2019 16:13:13</t>
  </si>
  <si>
    <t>12/31/2019 16:10:16</t>
  </si>
  <si>
    <t>12/31/2019 16:14:36</t>
  </si>
  <si>
    <t>12/31/2019 16:11:16</t>
  </si>
  <si>
    <t>12/31/2019 16:11:00</t>
  </si>
  <si>
    <t>12/31/2019 16:16:36</t>
  </si>
  <si>
    <t>12/31/2019 16:13:20</t>
  </si>
  <si>
    <t>12/31/2019 16:11:18</t>
  </si>
  <si>
    <t>12/31/2019 16:13:22</t>
  </si>
  <si>
    <t>12/31/2019 16:15:23</t>
  </si>
  <si>
    <t>12/31/2019 16:15:20</t>
  </si>
  <si>
    <t>12/31/2019 16:17:37</t>
  </si>
  <si>
    <t>504dcecf-3056-49db-b94e-289ebc0fe36a.tmp</t>
  </si>
  <si>
    <t>\\acsfs\profiles$\taylaedoa\Downloads\504dcecf-3056-49db-b94e-289ebc0fe36a.tmp</t>
  </si>
  <si>
    <t>12/31/2019 16:16:12</t>
  </si>
  <si>
    <t>9edc9fa4-826b-44e9-9c7f-b6083a1702f9.tmp</t>
  </si>
  <si>
    <t>\\acsfs\profiles$\taylaedoa\Downloads\9edc9fa4-826b-44e9-9c7f-b6083a1702f9.tmp</t>
  </si>
  <si>
    <t>12/31/2019 16:16:16</t>
  </si>
  <si>
    <t>12/31/2019 16:19:37</t>
  </si>
  <si>
    <t>12/31/2019 16:17:16</t>
  </si>
  <si>
    <t>12/31/2019 16:14:27</t>
  </si>
  <si>
    <t>55aeba9e-0e63-4011-97da-3944374519ef.tmp</t>
  </si>
  <si>
    <t>\\acsfs\profiles$\larissapdr\Downloads\55aeba9e-0e63-4011-97da-3944374519ef.tmp</t>
  </si>
  <si>
    <t>12/31/2019 16:14:28</t>
  </si>
  <si>
    <t>20191226_141821.jpg.crdownload</t>
  </si>
  <si>
    <t>\\acsfs\profiles$\larissapdr\Downloads\20191226_141821.jpg.crdownload</t>
  </si>
  <si>
    <t>12/31/2019 16:17:27</t>
  </si>
  <si>
    <t>XLOG_anacdos_31122019_081212.log</t>
  </si>
  <si>
    <t>\\acsfs\profiles$\anacdos\My Documents\xworkcenter\logs\XLOG_anacdos_31122019_081212.log</t>
  </si>
  <si>
    <t>12/31/2019 16:21:12</t>
  </si>
  <si>
    <t>12/31/2019 16:21:36</t>
  </si>
  <si>
    <t>12/31/2019 16:20:29</t>
  </si>
  <si>
    <t>12/31/2019 16:22:36</t>
  </si>
  <si>
    <t>12/31/2019 16:20:50</t>
  </si>
  <si>
    <t>12/31/2019 16:20:23</t>
  </si>
  <si>
    <t>12/31/2019 16:20:24</t>
  </si>
  <si>
    <t>12/31/2019 16:20:27</t>
  </si>
  <si>
    <t>12/31/2019 16:20:30</t>
  </si>
  <si>
    <t>12/31/2019 16:20:38</t>
  </si>
  <si>
    <t>12/31/2019 16:20:43</t>
  </si>
  <si>
    <t>12/31/2019 16:20:45</t>
  </si>
  <si>
    <t>12/31/2019 16:21:30</t>
  </si>
  <si>
    <t>12/31/2019 16:21:52</t>
  </si>
  <si>
    <t>12/31/2019 16:21:58</t>
  </si>
  <si>
    <t>12/31/2019 16:21:59</t>
  </si>
  <si>
    <t>12/31/2019 16:20:21</t>
  </si>
  <si>
    <t>12/31/2019 16:23:36</t>
  </si>
  <si>
    <t>12/31/2019 16:22:52</t>
  </si>
  <si>
    <t>12/31/2019 16:20:34</t>
  </si>
  <si>
    <t>12/31/2019 16:24:36</t>
  </si>
  <si>
    <t>12/31/2019 16:23:03</t>
  </si>
  <si>
    <t>8f29b78b-bf7b-4e00-8fb8-b3110bf3f1c3.tmp</t>
  </si>
  <si>
    <t>\\acsfs\profiles$\laurandos\Downloads\8f29b78b-bf7b-4e00-8fb8-b3110bf3f1c3.tmp</t>
  </si>
  <si>
    <t>12/31/2019 16:22:17</t>
  </si>
  <si>
    <t>12/31/2019 16:23:17</t>
  </si>
  <si>
    <t>12/31/2019 16:22:12</t>
  </si>
  <si>
    <t>12/31/2019 16:26:36</t>
  </si>
  <si>
    <t>12/31/2019 16:23:19</t>
  </si>
  <si>
    <t>12/31/2019 16:26:52</t>
  </si>
  <si>
    <t>12/31/2019 16:27:36</t>
  </si>
  <si>
    <t>12/31/2019 16:22:43</t>
  </si>
  <si>
    <t>12/31/2019 16:22:44</t>
  </si>
  <si>
    <t>12/31/2019 16:22:48</t>
  </si>
  <si>
    <t>12/31/2019 16:22:50</t>
  </si>
  <si>
    <t>12/31/2019 16:23:09</t>
  </si>
  <si>
    <t>12/31/2019 16:23:10</t>
  </si>
  <si>
    <t>12/31/2019 16:24:21</t>
  </si>
  <si>
    <t>12/31/2019 16:29:36</t>
  </si>
  <si>
    <t>bb77a0f7-b4f7-44d6-91a8-5e5ccb8cc46e.tmp</t>
  </si>
  <si>
    <t>\\acsfs\profiles$\laurandos\Downloads\bb77a0f7-b4f7-44d6-91a8-5e5ccb8cc46e.tmp</t>
  </si>
  <si>
    <t>12/31/2019 16:28:18</t>
  </si>
  <si>
    <t>12/31/2019 16:29:18</t>
  </si>
  <si>
    <t>12/31/2019 16:34:36</t>
  </si>
  <si>
    <t>12/31/2019 16:36:36</t>
  </si>
  <si>
    <t>12/31/2019 16:34:47</t>
  </si>
  <si>
    <t>12/31/2019 16:37:36</t>
  </si>
  <si>
    <t>12/31/2019 16:34:18</t>
  </si>
  <si>
    <t>12/31/2019 16:39:36</t>
  </si>
  <si>
    <t>12/31/2019 16:35:18</t>
  </si>
  <si>
    <t>12/31/2019 16:35:42</t>
  </si>
  <si>
    <t>12/31/2019 16:39:09</t>
  </si>
  <si>
    <t>12/31/2019 16:40:37</t>
  </si>
  <si>
    <t>12/31/2019 16:41:23</t>
  </si>
  <si>
    <t>12/31/2019 16:42:36</t>
  </si>
  <si>
    <t>12/31/2019 16:40:18</t>
  </si>
  <si>
    <t>12/31/2019 16:44:36</t>
  </si>
  <si>
    <t>12/31/2019 16:41:18</t>
  </si>
  <si>
    <t>12/31/2019 16:44:04</t>
  </si>
  <si>
    <t>12/31/2019 16:45:37</t>
  </si>
  <si>
    <t>12/31/2019 16:43:49</t>
  </si>
  <si>
    <t>12/31/2019 16:46:36</t>
  </si>
  <si>
    <t>12/31/2019 16:45:39</t>
  </si>
  <si>
    <t>12/31/2019 16:47:36</t>
  </si>
  <si>
    <t>a09374ae-bba7-42d5-bb1f-dffc055d3ef1.tmp</t>
  </si>
  <si>
    <t>\\acsfs\profiles$\edicarlosdl\Downloads\a09374ae-bba7-42d5-bb1f-dffc055d3ef1.tmp</t>
  </si>
  <si>
    <t>12/31/2019 16:44:43</t>
  </si>
  <si>
    <t>12/31/2019 16:46:11</t>
  </si>
  <si>
    <t>12/31/2019 16:48:36</t>
  </si>
  <si>
    <t>12/31/2019 16:46:18</t>
  </si>
  <si>
    <t>12/31/2019 16:49:36</t>
  </si>
  <si>
    <t>12/31/2019 16:47:18</t>
  </si>
  <si>
    <t>12/31/2019 16:48:59</t>
  </si>
  <si>
    <t>12/31/2019 16:50:35</t>
  </si>
  <si>
    <t>12/31/2019 16:49:38</t>
  </si>
  <si>
    <t>12/31/2019 16:46:17</t>
  </si>
  <si>
    <t>12/31/2019 16:51:36</t>
  </si>
  <si>
    <t>9bed3621-ab63-49b1-ab6b-42c7cc342cc0.tmp</t>
  </si>
  <si>
    <t>\\acsfs\profiles$\layonmof\Downloads\9bed3621-ab63-49b1-ab6b-42c7cc342cc0.tmp</t>
  </si>
  <si>
    <t>12/31/2019 16:48:44</t>
  </si>
  <si>
    <t>a08d6bd7-4f52-4e89-a524-eddf44c209c8.tmp</t>
  </si>
  <si>
    <t>\\acsfs\profiles$\andreapdsg\Downloads\a08d6bd7-4f52-4e89-a524-eddf44c209c8.tmp</t>
  </si>
  <si>
    <t>12/31/2019 16:49:21</t>
  </si>
  <si>
    <t>8d765379-9777-4e4a-b9f4-3e44ceb824c2.tmp</t>
  </si>
  <si>
    <t>\\acsfs\profiles$\andreapdsg\Downloads\8d765379-9777-4e4a-b9f4-3e44ceb824c2.tmp</t>
  </si>
  <si>
    <t>12/31/2019 16:51:58</t>
  </si>
  <si>
    <t>12/31/2019 16:52:36</t>
  </si>
  <si>
    <t>12/31/2019 16:48:42</t>
  </si>
  <si>
    <t>12/31/2019 16:49:06</t>
  </si>
  <si>
    <t>12/31/2019 16:51:09</t>
  </si>
  <si>
    <t>12/31/2019 16:51:40</t>
  </si>
  <si>
    <t>12/31/2019 16:52:19</t>
  </si>
  <si>
    <t>12/31/2019 16:54:36</t>
  </si>
  <si>
    <t>12/31/2019 16:53:18</t>
  </si>
  <si>
    <t>12/31/2019 16:55:29</t>
  </si>
  <si>
    <t>12/31/2019 16:57:36</t>
  </si>
  <si>
    <t>12/31/2019 16:52:42</t>
  </si>
  <si>
    <t>12/31/2019 16:57:12</t>
  </si>
  <si>
    <t>12/31/2019 16:53:16</t>
  </si>
  <si>
    <t>12/31/2019 16:58:37</t>
  </si>
  <si>
    <t>b62459f2-11a6-49a0-92bc-f7ba4063e6bd.tmp</t>
  </si>
  <si>
    <t>\\acsfs\profiles$\henriqueco\Downloads\b62459f2-11a6-49a0-92bc-f7ba4063e6bd.tmp</t>
  </si>
  <si>
    <t>12/31/2019 16:58:18</t>
  </si>
  <si>
    <t>12/31/2019 16:59:36</t>
  </si>
  <si>
    <t>12/31/2019 16:57:38</t>
  </si>
  <si>
    <t>12/31/2019 17:00:36</t>
  </si>
  <si>
    <t>12/31/2019 16:57:08</t>
  </si>
  <si>
    <t>12/31/2019 17:01:36</t>
  </si>
  <si>
    <t>12/31/2019 17:00:28</t>
  </si>
  <si>
    <t>\\acsfs\profiles$\alinepp\My Documents\My Pictures\</t>
  </si>
  <si>
    <t>frutas.png</t>
  </si>
  <si>
    <t>\\acsfs\profiles$\alinepp\My Documents\My Pictures\frutas.png</t>
  </si>
  <si>
    <t>12/31/2019 16:57:21</t>
  </si>
  <si>
    <t>12/31/2019 16:59:42</t>
  </si>
  <si>
    <t>12/31/2019 17:02:36</t>
  </si>
  <si>
    <t>12/31/2019 16:59:47</t>
  </si>
  <si>
    <t>12/31/2019 17:03:37</t>
  </si>
  <si>
    <t>XLOG_anakcs_31122019_094347.log</t>
  </si>
  <si>
    <t>\\acsfs\profiles$\anakcs\My Documents\xworkcenter\logs\XLOG_anakcs_31122019_094347.log</t>
  </si>
  <si>
    <t>12/31/2019 16:59:18</t>
  </si>
  <si>
    <t>12/31/2019 17:04:36</t>
  </si>
  <si>
    <t>12/31/2019 17:04:10</t>
  </si>
  <si>
    <t>12/31/2019 17:06:36</t>
  </si>
  <si>
    <t>12/31/2019 17:03:41</t>
  </si>
  <si>
    <t>12/31/2019 17:03:40</t>
  </si>
  <si>
    <t>12/31/2019 17:07:36</t>
  </si>
  <si>
    <t>12/31/2019 17:05:47</t>
  </si>
  <si>
    <t>12/31/2019 17:08:36</t>
  </si>
  <si>
    <t>ab0edd4f-edcf-4d59-9d31-a6d8cada26a1.tmp</t>
  </si>
  <si>
    <t>\\acsfs\profiles$\henriqueco\Downloads\ab0edd4f-edcf-4d59-9d31-a6d8cada26a1.tmp</t>
  </si>
  <si>
    <t>12/31/2019 17:08:13</t>
  </si>
  <si>
    <t>12/31/2019 17:04:18</t>
  </si>
  <si>
    <t>12/31/2019 17:09:36</t>
  </si>
  <si>
    <t>12/31/2019 17:05:18</t>
  </si>
  <si>
    <t>12/31/2019 17:08:54</t>
  </si>
  <si>
    <t>12/31/2019 17:11:36</t>
  </si>
  <si>
    <t>12/31/2019 17:07:02</t>
  </si>
  <si>
    <t>12/31/2019 17:10:50</t>
  </si>
  <si>
    <t>12/31/2019 17:12:36</t>
  </si>
  <si>
    <t>12/31/2019 17:10:18</t>
  </si>
  <si>
    <t>12/31/2019 17:14:36</t>
  </si>
  <si>
    <t>12/31/2019 17:11:18</t>
  </si>
  <si>
    <t>12/31/2019 17:13:32</t>
  </si>
  <si>
    <t>12/31/2019 17:16:36</t>
  </si>
  <si>
    <t>12/31/2019 17:13:58</t>
  </si>
  <si>
    <t>\\acsfs\profiles$\cristianodab\My Documents\831e1540-cb4c-4ee0-94b2-360a5afab640.pdf</t>
  </si>
  <si>
    <t>12/31/2019 17:14:16</t>
  </si>
  <si>
    <t>\\acsfs\profiles$\cristianodab\My Documents\Download.pdf</t>
  </si>
  <si>
    <t>12/31/2019 17:12:30</t>
  </si>
  <si>
    <t>12/31/2019 17:17:36</t>
  </si>
  <si>
    <t>12/31/2019 17:14:09</t>
  </si>
  <si>
    <t>12/31/2019 17:17:48</t>
  </si>
  <si>
    <t>12/31/2019 17:18:36</t>
  </si>
  <si>
    <t>12/31/2019 17:16:18</t>
  </si>
  <si>
    <t>12/31/2019 17:19:37</t>
  </si>
  <si>
    <t>12/31/2019 17:17:18</t>
  </si>
  <si>
    <t>12/31/2019 17:15:47</t>
  </si>
  <si>
    <t>12/31/2019 17:20:37</t>
  </si>
  <si>
    <t>12/31/2019 17:22:08</t>
  </si>
  <si>
    <t>12/31/2019 17:22:37</t>
  </si>
  <si>
    <t>12/31/2019 17:22:33</t>
  </si>
  <si>
    <t>12/31/2019 17:23:37</t>
  </si>
  <si>
    <t>12/31/2019 17:19:34</t>
  </si>
  <si>
    <t>12/31/2019 17:22:18</t>
  </si>
  <si>
    <t>12/31/2019 17:24:37</t>
  </si>
  <si>
    <t>12/31/2019 17:23:18</t>
  </si>
  <si>
    <t>12/31/2019 17:21:36</t>
  </si>
  <si>
    <t>12/31/2019 17:21:30</t>
  </si>
  <si>
    <t>12/31/2019 17:26:38</t>
  </si>
  <si>
    <t>12/31/2019 17:23:07</t>
  </si>
  <si>
    <t>ca5480f4-a2b6-4394-ad60-d5b9e335f0f0.tmp</t>
  </si>
  <si>
    <t>\\acsfs\profiles$\andreapdsg\Downloads\ca5480f4-a2b6-4394-ad60-d5b9e335f0f0.tmp</t>
  </si>
  <si>
    <t>12/31/2019 17:22:57</t>
  </si>
  <si>
    <t>12/31/2019 17:27:37</t>
  </si>
  <si>
    <t>12/31/2019 17:24:10</t>
  </si>
  <si>
    <t>12/31/2019 17:25:12</t>
  </si>
  <si>
    <t>12/31/2019 17:25:28</t>
  </si>
  <si>
    <t>12/31/2019 17:28:18</t>
  </si>
  <si>
    <t>12/31/2019 17:29:37</t>
  </si>
  <si>
    <t>12/31/2019 17:29:20</t>
  </si>
  <si>
    <t>12/31/2019 17:28:04</t>
  </si>
  <si>
    <t>12/31/2019 17:31:38</t>
  </si>
  <si>
    <t>12/31/2019 17:28:11</t>
  </si>
  <si>
    <t>12/31/2019 17:29:08</t>
  </si>
  <si>
    <t>12/31/2019 17:29:23</t>
  </si>
  <si>
    <t>12/31/2019 17:29:25</t>
  </si>
  <si>
    <t>12/31/2019 17:29:31</t>
  </si>
  <si>
    <t>12/31/2019 17:29:34</t>
  </si>
  <si>
    <t>12/31/2019 17:29:42</t>
  </si>
  <si>
    <t>12/31/2019 17:29:52</t>
  </si>
  <si>
    <t>12/31/2019 17:30:40</t>
  </si>
  <si>
    <t>12/31/2019 17:32:12</t>
  </si>
  <si>
    <t>12/31/2019 17:32:37</t>
  </si>
  <si>
    <t>12/31/2019 17:30:52</t>
  </si>
  <si>
    <t>12/31/2019 17:32:48</t>
  </si>
  <si>
    <t>12/31/2019 17:33:38</t>
  </si>
  <si>
    <t>12/31/2019 17:32:17</t>
  </si>
  <si>
    <t>12/31/2019 17:33:23</t>
  </si>
  <si>
    <t>12/31/2019 17:34:37</t>
  </si>
  <si>
    <t>12/31/2019 17:29:18</t>
  </si>
  <si>
    <t>12/31/2019 17:32:39</t>
  </si>
  <si>
    <t>12/31/2019 17:36:37</t>
  </si>
  <si>
    <t>12/31/2019 17:33:09</t>
  </si>
  <si>
    <t>12/31/2019 17:35:53</t>
  </si>
  <si>
    <t>12/31/2019 17:34:48</t>
  </si>
  <si>
    <t>12/31/2019 17:37:38</t>
  </si>
  <si>
    <t>12/31/2019 17:37:05</t>
  </si>
  <si>
    <t>12/31/2019 17:34:18</t>
  </si>
  <si>
    <t>12/31/2019 17:39:37</t>
  </si>
  <si>
    <t>12/31/2019 17:35:18</t>
  </si>
  <si>
    <t>12/31/2019 17:38:56</t>
  </si>
  <si>
    <t>12/31/2019 17:41:37</t>
  </si>
  <si>
    <t>12/31/2019 17:40:18</t>
  </si>
  <si>
    <t>12/31/2019 17:44:37</t>
  </si>
  <si>
    <t>12/31/2019 17:41:18</t>
  </si>
  <si>
    <t>12/31/2019 17:45:38</t>
  </si>
  <si>
    <t>12/31/2019 17:46:38</t>
  </si>
  <si>
    <t>12/31/2019 17:45:51</t>
  </si>
  <si>
    <t>\\acsfs\DEPTOS\Operacao\PCP\5 - Comum\PLANEJAMENTO BV\14 - ACOMPANHAMENTO\1 - REPORT ACOMPANHAMENTO\2020\1 - JANEIRO\CARTÕES\ACOMPANHAMENTO NR 17 - CARTÕES.xlsx</t>
  </si>
  <si>
    <t>12/31/2019 17:45:36</t>
  </si>
  <si>
    <t>12/31/2019 17:47:37</t>
  </si>
  <si>
    <t>12/31/2019 17:46:19</t>
  </si>
  <si>
    <t>12/31/2019 17:49:37</t>
  </si>
  <si>
    <t>12/31/2019 17:47:19</t>
  </si>
  <si>
    <t>12/31/2019 17:48:57</t>
  </si>
  <si>
    <t>12/31/2019 17:51:38</t>
  </si>
  <si>
    <t>3497d200-86cf-45fe-95be-fa1044d61acd.tmp</t>
  </si>
  <si>
    <t>\\acsfs\profiles$\LUISPLS\Downloads\3497d200-86cf-45fe-95be-fa1044d61acd.tmp</t>
  </si>
  <si>
    <t>12/31/2019 17:48:24</t>
  </si>
  <si>
    <t>12/31/2019 17:52:37</t>
  </si>
  <si>
    <t>12/31/2019 17:48:25</t>
  </si>
  <si>
    <t>12/31/2019 17:48:26</t>
  </si>
  <si>
    <t>12/31/2019 17:48:27</t>
  </si>
  <si>
    <t>12/31/2019 17:48:29</t>
  </si>
  <si>
    <t>12/31/2019 17:48:33</t>
  </si>
  <si>
    <t>12/31/2019 17:48:34</t>
  </si>
  <si>
    <t>12/31/2019 17:48:35</t>
  </si>
  <si>
    <t>12/31/2019 17:48:36</t>
  </si>
  <si>
    <t>12/31/2019 17:48:37</t>
  </si>
  <si>
    <t>12/31/2019 17:48:39</t>
  </si>
  <si>
    <t>12/31/2019 17:48:40</t>
  </si>
  <si>
    <t>12/31/2019 17:48:41</t>
  </si>
  <si>
    <t>12/31/2019 17:48:47</t>
  </si>
  <si>
    <t>12/31/2019 17:48:48</t>
  </si>
  <si>
    <t>12/31/2019 17:48:49</t>
  </si>
  <si>
    <t>12/31/2019 17:48:50</t>
  </si>
  <si>
    <t>12/31/2019 17:48:53</t>
  </si>
  <si>
    <t>12/31/2019 17:48:55</t>
  </si>
  <si>
    <t>12/31/2019 17:48:59</t>
  </si>
  <si>
    <t>12/31/2019 17:49:02</t>
  </si>
  <si>
    <t>12/31/2019 17:49:03</t>
  </si>
  <si>
    <t>12/31/2019 17:49:04</t>
  </si>
  <si>
    <t>12/31/2019 17:49:06</t>
  </si>
  <si>
    <t>12/31/2019 17:49:07</t>
  </si>
  <si>
    <t>12/31/2019 17:49:08</t>
  </si>
  <si>
    <t>12/31/2019 17:49:09</t>
  </si>
  <si>
    <t>12/31/2019 17:49:10</t>
  </si>
  <si>
    <t>12/31/2019 17:49:11</t>
  </si>
  <si>
    <t>12/31/2019 17:49:12</t>
  </si>
  <si>
    <t>12/31/2019 17:49:13</t>
  </si>
  <si>
    <t>12/31/2019 17:49:15</t>
  </si>
  <si>
    <t>12/31/2019 17:49:16</t>
  </si>
  <si>
    <t>12/31/2019 17:49:17</t>
  </si>
  <si>
    <t>12/31/2019 17:49:18</t>
  </si>
  <si>
    <t>12/31/2019 17:49:19</t>
  </si>
  <si>
    <t>12/31/2019 17:49:21</t>
  </si>
  <si>
    <t>12/31/2019 17:49:23</t>
  </si>
  <si>
    <t>12/31/2019 17:49:39</t>
  </si>
  <si>
    <t>12/31/2019 17:50:03</t>
  </si>
  <si>
    <t>winrt--{S-1-5-21-602162358-764733703-839522115-352940}-.searchconnector-ms</t>
  </si>
  <si>
    <t>\\acsfs\profiles$\leonardocb\Searches\winrt--{S-1-5-21-602162358-764733703-839522115-352940}-.searchconnector-ms</t>
  </si>
  <si>
    <t>12/31/2019 17:47:30</t>
  </si>
  <si>
    <t>12/31/2019 17:52:20</t>
  </si>
  <si>
    <t>12/31/2019 17:54:37</t>
  </si>
  <si>
    <t>12/31/2019 17:53:19</t>
  </si>
  <si>
    <t>12/31/2019 17:53:32</t>
  </si>
  <si>
    <t>12/31/2019 17:55:37</t>
  </si>
  <si>
    <t>a3ce9c2a-5c83-4dfd-974c-040a82ecfa83.tmp</t>
  </si>
  <si>
    <t>\\acsfs\profiles$\lucasqdss\Downloads\a3ce9c2a-5c83-4dfd-974c-040a82ecfa83.tmp</t>
  </si>
  <si>
    <t>12/31/2019 17:53:03</t>
  </si>
  <si>
    <t>12/31/2019 17:56:37</t>
  </si>
  <si>
    <t>193b781b-aaad-491e-a3e3-b7f399242a45.tmp</t>
  </si>
  <si>
    <t>\\acsfs\profiles$\myllenardl\Downloads\193b781b-aaad-491e-a3e3-b7f399242a45.tmp</t>
  </si>
  <si>
    <t>12/31/2019 17:57:37</t>
  </si>
  <si>
    <t>faef3347-d0a2-4391-bf71-d7b9a0fce4c4.tmp</t>
  </si>
  <si>
    <t>\\acsfs\profiles$\leonardocb\Downloads\faef3347-d0a2-4391-bf71-d7b9a0fce4c4.tmp</t>
  </si>
  <si>
    <t>12/31/2019 17:58:19</t>
  </si>
  <si>
    <t>12/31/2019 17:59:36</t>
  </si>
  <si>
    <t>12/31/2019 17:59:19</t>
  </si>
  <si>
    <t>12/31/2019 18:04:37</t>
  </si>
  <si>
    <t>12/31/2019 18:06:44</t>
  </si>
  <si>
    <t>12/31/2019 18:07:37</t>
  </si>
  <si>
    <t>12/31/2019 18:05:34</t>
  </si>
  <si>
    <t>12/31/2019 18:08:37</t>
  </si>
  <si>
    <t>12/31/2019 18:06:42</t>
  </si>
  <si>
    <t>12/31/2019 18:09:37</t>
  </si>
  <si>
    <t>12/31/2019 18:04:19</t>
  </si>
  <si>
    <t>12/31/2019 18:05:19</t>
  </si>
  <si>
    <t>12/31/2019 18:11:21</t>
  </si>
  <si>
    <t>12/31/2019 18:12:37</t>
  </si>
  <si>
    <t>12/31/2019 18:12:06</t>
  </si>
  <si>
    <t>12/31/2019 18:13:37</t>
  </si>
  <si>
    <t>12/31/2019 18:13:38</t>
  </si>
  <si>
    <t>12/31/2019 18:14:38</t>
  </si>
  <si>
    <t>12/31/2019 18:10:19</t>
  </si>
  <si>
    <t>12/31/2019 18:11:19</t>
  </si>
  <si>
    <t>12/31/2019 18:11:45</t>
  </si>
  <si>
    <t>12/31/2019 18:13:06</t>
  </si>
  <si>
    <t>12/31/2019 18:13:45</t>
  </si>
  <si>
    <t>12/31/2019 18:16:38</t>
  </si>
  <si>
    <t>12/31/2019 18:13:07</t>
  </si>
  <si>
    <t>12/31/2019 18:13:57</t>
  </si>
  <si>
    <t>12/31/2019 18:17:37</t>
  </si>
  <si>
    <t>12/31/2019 18:14:10</t>
  </si>
  <si>
    <t>12/31/2019 18:19:37</t>
  </si>
  <si>
    <t>12/31/2019 18:17:06</t>
  </si>
  <si>
    <t>12/31/2019 18:16:19</t>
  </si>
  <si>
    <t>12/31/2019 18:17:19</t>
  </si>
  <si>
    <t>12/31/2019 18:23:32</t>
  </si>
  <si>
    <t>12/31/2019 18:24:37</t>
  </si>
  <si>
    <t>12/31/2019 18:23:05</t>
  </si>
  <si>
    <t>12/31/2019 18:19:51</t>
  </si>
  <si>
    <t>12/31/2019 18:22:19</t>
  </si>
  <si>
    <t>12/31/2019 18:23:19</t>
  </si>
  <si>
    <t>12/31/2019 18:20:36</t>
  </si>
  <si>
    <t>12/31/2019 18:25:37</t>
  </si>
  <si>
    <t>12/31/2019 18:25:14</t>
  </si>
  <si>
    <t>12/31/2019 18:26:37</t>
  </si>
  <si>
    <t>2b39fd2d-76f7-48b1-a159-d579c046bd42.tmp</t>
  </si>
  <si>
    <t>\\acsfs\profiles$\cintiadjl\Downloads\2b39fd2d-76f7-48b1-a159-d579c046bd42.tmp</t>
  </si>
  <si>
    <t>12/31/2019 18:27:34</t>
  </si>
  <si>
    <t>12/31/2019 18:28:37</t>
  </si>
  <si>
    <t>12/31/2019 18:24:01</t>
  </si>
  <si>
    <t>12/31/2019 18:29:37</t>
  </si>
  <si>
    <t>12/31/2019 18:28:19</t>
  </si>
  <si>
    <t>12/31/2019 18:27:58</t>
  </si>
  <si>
    <t>12/31/2019 18:30:36</t>
  </si>
  <si>
    <t>12/31/2019 18:29:20</t>
  </si>
  <si>
    <t>12/31/2019 18:31:37</t>
  </si>
  <si>
    <t>12/31/2019 18:29:23</t>
  </si>
  <si>
    <t>12/31/2019 18:29:34</t>
  </si>
  <si>
    <t>12/31/2019 18:29:42</t>
  </si>
  <si>
    <t>12/31/2019 18:29:46</t>
  </si>
  <si>
    <t>12/31/2019 18:29:55</t>
  </si>
  <si>
    <t>12/31/2019 18:30:12</t>
  </si>
  <si>
    <t>12/31/2019 18:30:13</t>
  </si>
  <si>
    <t>12/31/2019 18:28:57</t>
  </si>
  <si>
    <t>12/31/2019 18:32:37</t>
  </si>
  <si>
    <t>12/31/2019 18:32:11</t>
  </si>
  <si>
    <t>12/31/2019 18:32:18</t>
  </si>
  <si>
    <t>12/31/2019 18:33:37</t>
  </si>
  <si>
    <t>f135ebde-9549-4417-b2f5-24c6df9ff769.tmp</t>
  </si>
  <si>
    <t>\\acsfs\profiles$\henriqueco\Downloads\f135ebde-9549-4417-b2f5-24c6df9ff769.tmp</t>
  </si>
  <si>
    <t>12/31/2019 18:29:19</t>
  </si>
  <si>
    <t>12/31/2019 18:34:36</t>
  </si>
  <si>
    <t>12/31/2019 18:33:44</t>
  </si>
  <si>
    <t>12/31/2019 18:37:22</t>
  </si>
  <si>
    <t>12/31/2019 18:37:37</t>
  </si>
  <si>
    <t>12/31/2019 18:34:19</t>
  </si>
  <si>
    <t>12/31/2019 18:39:37</t>
  </si>
  <si>
    <t>12/31/2019 18:35:19</t>
  </si>
  <si>
    <t>12/31/2019 18:37:47</t>
  </si>
  <si>
    <t>12/31/2019 18:40:37</t>
  </si>
  <si>
    <t>12/31/2019 18:39:12</t>
  </si>
  <si>
    <t>12/31/2019 18:43:37</t>
  </si>
  <si>
    <t>12/31/2019 18:40:19</t>
  </si>
  <si>
    <t>12/31/2019 18:44:37</t>
  </si>
  <si>
    <t>12/31/2019 18:41:19</t>
  </si>
  <si>
    <t>12/31/2019 18:42:10</t>
  </si>
  <si>
    <t>12/31/2019 18:45:37</t>
  </si>
  <si>
    <t>12/31/2019 18:44:34</t>
  </si>
  <si>
    <t>12/31/2019 18:46:37</t>
  </si>
  <si>
    <t>12/31/2019 18:43:35</t>
  </si>
  <si>
    <t>a6b96773-9814-4cf5-ac25-e2a754c3821b.tmp</t>
  </si>
  <si>
    <t>\\acsfs\profiles$\joycemmdl\Downloads\a6b96773-9814-4cf5-ac25-e2a754c3821b.tmp</t>
  </si>
  <si>
    <t>12/31/2019 18:45:26</t>
  </si>
  <si>
    <t>12/31/2019 18:48:37</t>
  </si>
  <si>
    <t>12/31/2019 18:47:08</t>
  </si>
  <si>
    <t>12/31/2019 18:46:19</t>
  </si>
  <si>
    <t>12/31/2019 18:49:37</t>
  </si>
  <si>
    <t>12/31/2019 18:47:20</t>
  </si>
  <si>
    <t>12/31/2019 18:49:39</t>
  </si>
  <si>
    <t>12/31/2019 18:51:37</t>
  </si>
  <si>
    <t>12/31/2019 18:51:11</t>
  </si>
  <si>
    <t>b5060e8b-3049-4b54-a440-ca22ad36b53e.tmp</t>
  </si>
  <si>
    <t>\\acsfs\profiles$\joycemmdl\Downloads\b5060e8b-3049-4b54-a440-ca22ad36b53e.tmp</t>
  </si>
  <si>
    <t>12/31/2019 18:48:36</t>
  </si>
  <si>
    <t>12/31/2019 18:52:37</t>
  </si>
  <si>
    <t>12/31/2019 18:47:35</t>
  </si>
  <si>
    <t>12/31/2019 18:48:55</t>
  </si>
  <si>
    <t>35188781-a398-4abd-b876-970830ce4c43.tmp</t>
  </si>
  <si>
    <t>\\acsfs\profiles$\fabianobmf\Downloads\35188781-a398-4abd-b876-970830ce4c43.tmp</t>
  </si>
  <si>
    <t>12/31/2019 18:49:52</t>
  </si>
  <si>
    <t>3e1ecc5d-5317-46b5-9413-dc423a2f5590.tmp</t>
  </si>
  <si>
    <t>\\acsfs\profiles$\fabianobmf\Downloads\3e1ecc5d-5317-46b5-9413-dc423a2f5590.tmp</t>
  </si>
  <si>
    <t>12/31/2019 18:52:20</t>
  </si>
  <si>
    <t>12/31/2019 18:54:37</t>
  </si>
  <si>
    <t>12/31/2019 18:53:19</t>
  </si>
  <si>
    <t>12/31/2019 18:54:30</t>
  </si>
  <si>
    <t>12/31/2019 18:56:37</t>
  </si>
  <si>
    <t>12/31/2019 18:55:47</t>
  </si>
  <si>
    <t>12/31/2019 18:58:37</t>
  </si>
  <si>
    <t>0bd8f082-feed-47e8-8db3-28ccfa6e52e9.tmp</t>
  </si>
  <si>
    <t>\\acsfs\profiles$\henriqueco\Downloads\0bd8f082-feed-47e8-8db3-28ccfa6e52e9.tmp</t>
  </si>
  <si>
    <t>12/31/2019 18:58:19</t>
  </si>
  <si>
    <t>12/31/2019 18:59:37</t>
  </si>
  <si>
    <t>12/31/2019 18:58:42</t>
  </si>
  <si>
    <t>12/31/2019 18:57:59</t>
  </si>
  <si>
    <t>12/31/2019 19:01:37</t>
  </si>
  <si>
    <t>12/31/2019 19:00:48</t>
  </si>
  <si>
    <t>12/31/2019 19:00:39</t>
  </si>
  <si>
    <t>12/31/2019 19:01:06</t>
  </si>
  <si>
    <t>12/31/2019 19:02:38</t>
  </si>
  <si>
    <t>12/31/2019 19:01:42</t>
  </si>
  <si>
    <t>12/31/2019 18:59:09</t>
  </si>
  <si>
    <t>96a2f1c1-0445-4159-99cf-ef36d5936fbe.tmp</t>
  </si>
  <si>
    <t>\\acsfs\profiles$\rosileiam\Downloads\96a2f1c1-0445-4159-99cf-ef36d5936fbe.tmp</t>
  </si>
  <si>
    <t>12/31/2019 19:00:31</t>
  </si>
  <si>
    <t>12/31/2019 19:03:37</t>
  </si>
  <si>
    <t>12/31/2019 18:59:19</t>
  </si>
  <si>
    <t>12/31/2019 19:04:38</t>
  </si>
  <si>
    <t>12/31/2019 19:00:58</t>
  </si>
  <si>
    <t>12/31/2019 19:06:38</t>
  </si>
  <si>
    <t>12/31/2019 19:06:57</t>
  </si>
  <si>
    <t>12/31/2019 19:07:37</t>
  </si>
  <si>
    <t>12/31/2019 19:04:19</t>
  </si>
  <si>
    <t>12/31/2019 19:09:37</t>
  </si>
  <si>
    <t>12/31/2019 19:05:19</t>
  </si>
  <si>
    <t>12/31/2019 19:09:12</t>
  </si>
  <si>
    <t>12/31/2019 19:12:38</t>
  </si>
  <si>
    <t>12/31/2019 19:11:02</t>
  </si>
  <si>
    <t>12/31/2019 19:13:37</t>
  </si>
  <si>
    <t>12/31/2019 19:09:33</t>
  </si>
  <si>
    <t>0df05d75-fd9d-464d-acca-bd59efdc6391.tmp</t>
  </si>
  <si>
    <t>\\acsfs\profiles$\fabianafv\Downloads\0df05d75-fd9d-464d-acca-bd59efdc6391.tmp</t>
  </si>
  <si>
    <t>12/31/2019 19:10:19</t>
  </si>
  <si>
    <t>12/31/2019 19:14:37</t>
  </si>
  <si>
    <t>12/31/2019 19:11:19</t>
  </si>
  <si>
    <t>12/31/2019 19:12:08</t>
  </si>
  <si>
    <t>12/31/2019 19:16:37</t>
  </si>
  <si>
    <t>12/31/2019 19:16:09</t>
  </si>
  <si>
    <t>d36c1368-ec31-465f-a78d-cad44e16f163.tmp</t>
  </si>
  <si>
    <t>\\acsfs\profiles$\LUISPLS\Downloads\d36c1368-ec31-465f-a78d-cad44e16f163.tmp</t>
  </si>
  <si>
    <t>12/31/2019 19:11:39</t>
  </si>
  <si>
    <t>12/31/2019 19:13:03</t>
  </si>
  <si>
    <t>12/31/2019 19:17:38</t>
  </si>
  <si>
    <t>12/31/2019 19:15:16</t>
  </si>
  <si>
    <t>12/31/2019 19:19:37</t>
  </si>
  <si>
    <t>12/31/2019 19:17:20</t>
  </si>
  <si>
    <t>12/31/2019 19:19:21</t>
  </si>
  <si>
    <t>12/31/2019 19:20:37</t>
  </si>
  <si>
    <t>12/31/2019 19:20:52</t>
  </si>
  <si>
    <t>12/31/2019 19:21:38</t>
  </si>
  <si>
    <t>8ea782d6-53fb-4f0e-8b52-f4ca005afb5b.tmp</t>
  </si>
  <si>
    <t>\\acsfs\profiles$\LUISPLS\Downloads\8ea782d6-53fb-4f0e-8b52-f4ca005afb5b.tmp</t>
  </si>
  <si>
    <t>12/31/2019 19:20:39</t>
  </si>
  <si>
    <t>12/31/2019 19:22:37</t>
  </si>
  <si>
    <t>12/31/2019 19:21:40</t>
  </si>
  <si>
    <t>12/31/2019 19:20:20</t>
  </si>
  <si>
    <t>12/31/2019 19:24:37</t>
  </si>
  <si>
    <t>12/31/2019 19:23:20</t>
  </si>
  <si>
    <t>12/31/2019 19:20:53</t>
  </si>
  <si>
    <t>12/31/2019 19:25:37</t>
  </si>
  <si>
    <t>12/31/2019 19:22:47</t>
  </si>
  <si>
    <t>12/31/2019 19:26:37</t>
  </si>
  <si>
    <t>12/31/2019 19:24:44</t>
  </si>
  <si>
    <t>12/31/2019 19:27:37</t>
  </si>
  <si>
    <t>12/31/2019 19:26:20</t>
  </si>
  <si>
    <t>12/31/2019 19:29:38</t>
  </si>
  <si>
    <t>12/31/2019 19:28:33</t>
  </si>
  <si>
    <t>12/31/2019 19:31:37</t>
  </si>
  <si>
    <t>12/31/2019 19:30:23</t>
  </si>
  <si>
    <t>12/31/2019 19:32:37</t>
  </si>
  <si>
    <t>12/31/2019 19:29:20</t>
  </si>
  <si>
    <t>12/31/2019 19:34:37</t>
  </si>
  <si>
    <t>12/31/2019 19:32:27</t>
  </si>
  <si>
    <t>12/31/2019 19:33:48</t>
  </si>
  <si>
    <t>12/31/2019 19:36:37</t>
  </si>
  <si>
    <t>12/31/2019 19:32:02</t>
  </si>
  <si>
    <t>12/31/2019 19:37:37</t>
  </si>
  <si>
    <t>12/31/2019 19:33:47</t>
  </si>
  <si>
    <t>12/31/2019 19:34:03</t>
  </si>
  <si>
    <t>12/31/2019 19:35:56</t>
  </si>
  <si>
    <t>12/31/2019 19:37:49</t>
  </si>
  <si>
    <t>12/31/2019 19:39:37</t>
  </si>
  <si>
    <t>12/31/2019 19:35:20</t>
  </si>
  <si>
    <t>12/31/2019 19:38:20</t>
  </si>
  <si>
    <t>12/31/2019 19:43:37</t>
  </si>
  <si>
    <t>12/31/2019 19:41:20</t>
  </si>
  <si>
    <t>12/31/2019 19:44:37</t>
  </si>
  <si>
    <t>12/31/2019 19:41:45</t>
  </si>
  <si>
    <t>12/31/2019 19:47:37</t>
  </si>
  <si>
    <t>12/31/2019 19:42:05</t>
  </si>
  <si>
    <t>12/31/2019 19:44:20</t>
  </si>
  <si>
    <t>12/31/2019 19:42:29</t>
  </si>
  <si>
    <t>12/31/2019 19:49:37</t>
  </si>
  <si>
    <t>12/31/2019 19:47:20</t>
  </si>
  <si>
    <t>12/31/2019 19:48:40</t>
  </si>
  <si>
    <t>12/31/2019 19:51:38</t>
  </si>
  <si>
    <t>12/31/2019 19:50:20</t>
  </si>
  <si>
    <t>12/31/2019 19:54:37</t>
  </si>
  <si>
    <t>12/31/2019 19:53:21</t>
  </si>
  <si>
    <t>12/31/2019 19:54:05</t>
  </si>
  <si>
    <t>12/31/2019 19:57:37</t>
  </si>
  <si>
    <t>12/31/2019 19:56:39</t>
  </si>
  <si>
    <t>12/31/2019 19:54:04</t>
  </si>
  <si>
    <t>12/31/2019 19:58:37</t>
  </si>
  <si>
    <t>12/31/2019 19:56:20</t>
  </si>
  <si>
    <t>12/31/2019 19:59:37</t>
  </si>
  <si>
    <t>12/31/2019 19:59:55</t>
  </si>
  <si>
    <t>12/31/2019 20:02:37</t>
  </si>
  <si>
    <t>12/31/2019 20:00:35</t>
  </si>
  <si>
    <t>12/31/2019 19:57:57</t>
  </si>
  <si>
    <t>12/31/2019 20:01:27</t>
  </si>
  <si>
    <t>12/31/2019 20:03:37</t>
  </si>
  <si>
    <t>12/31/2019 19:59:20</t>
  </si>
  <si>
    <t>12/31/2019 20:04:37</t>
  </si>
  <si>
    <t>12/31/2019 20:02:20</t>
  </si>
  <si>
    <t>12/31/2019 20:02:30</t>
  </si>
  <si>
    <t>12/31/2019 20:06:37</t>
  </si>
  <si>
    <t>12/31/2019 20:06:19</t>
  </si>
  <si>
    <t>12/31/2019 20:07:37</t>
  </si>
  <si>
    <t>12/31/2019 20:05:20</t>
  </si>
  <si>
    <t>12/31/2019 20:09:38</t>
  </si>
  <si>
    <t>12/31/2019 20:08:20</t>
  </si>
  <si>
    <t>12/31/2019 20:08:08</t>
  </si>
  <si>
    <t>12/31/2019 20:05:57</t>
  </si>
  <si>
    <t>12/31/2019 20:11:38</t>
  </si>
  <si>
    <t>12/31/2019 20:06:05</t>
  </si>
  <si>
    <t>12/31/2019 20:06:11</t>
  </si>
  <si>
    <t>12/31/2019 20:09:46</t>
  </si>
  <si>
    <t>12/31/2019 20:09:50</t>
  </si>
  <si>
    <t>12/31/2019 20:10:40</t>
  </si>
  <si>
    <t>12/31/2019 20:10:44</t>
  </si>
  <si>
    <t>12/31/2019 20:10:53</t>
  </si>
  <si>
    <t>12/31/2019 20:09:05</t>
  </si>
  <si>
    <t>12/31/2019 20:11:20</t>
  </si>
  <si>
    <t>12/31/2019 20:14:38</t>
  </si>
  <si>
    <t>12/31/2019 20:11:00</t>
  </si>
  <si>
    <t>12/31/2019 20:16:38</t>
  </si>
  <si>
    <t>12/31/2019 20:11:03</t>
  </si>
  <si>
    <t>12/31/2019 20:11:13</t>
  </si>
  <si>
    <t>12/31/2019 20:11:25</t>
  </si>
  <si>
    <t>12/31/2019 20:11:26</t>
  </si>
  <si>
    <t>12/31/2019 20:15:21</t>
  </si>
  <si>
    <t>12/31/2019 20:17:38</t>
  </si>
  <si>
    <t>12/31/2019 20:14:20</t>
  </si>
  <si>
    <t>12/31/2019 20:19:38</t>
  </si>
  <si>
    <t>12/31/2019 20:17:20</t>
  </si>
  <si>
    <t>12/31/2019 20:20:20</t>
  </si>
  <si>
    <t>12/31/2019 20:24:38</t>
  </si>
  <si>
    <t>12/31/2019 20:23:20</t>
  </si>
  <si>
    <t>12/31/2019 20:27:44</t>
  </si>
  <si>
    <t>12/31/2019 20:28:38</t>
  </si>
  <si>
    <t>12/31/2019 20:26:43</t>
  </si>
  <si>
    <t>12/31/2019 20:26:20</t>
  </si>
  <si>
    <t>12/31/2019 20:29:38</t>
  </si>
  <si>
    <t>12/31/2019 20:29:24</t>
  </si>
  <si>
    <t>12/31/2019 20:33:38</t>
  </si>
  <si>
    <t>12/31/2019 20:29:20</t>
  </si>
  <si>
    <t>12/31/2019 20:34:38</t>
  </si>
  <si>
    <t>12/31/2019 20:32:20</t>
  </si>
  <si>
    <t>12/31/2019 20:32:05</t>
  </si>
  <si>
    <t>12/31/2019 20:35:38</t>
  </si>
  <si>
    <t>12/31/2019 20:35:49</t>
  </si>
  <si>
    <t>12/31/2019 20:37:38</t>
  </si>
  <si>
    <t>12/31/2019 20:35:20</t>
  </si>
  <si>
    <t>12/31/2019 20:39:38</t>
  </si>
  <si>
    <t>12/31/2019 20:38:20</t>
  </si>
  <si>
    <t>12/31/2019 20:39:20</t>
  </si>
  <si>
    <t>12/31/2019 20:41:38</t>
  </si>
  <si>
    <t>12/31/2019 20:41:20</t>
  </si>
  <si>
    <t>12/31/2019 20:44:38</t>
  </si>
  <si>
    <t>12/31/2019 20:44:20</t>
  </si>
  <si>
    <t>12/31/2019 20:49:39</t>
  </si>
  <si>
    <t>12/31/2019 20:47:20</t>
  </si>
  <si>
    <t>12/31/2019 20:48:53</t>
  </si>
  <si>
    <t>12/31/2019 20:50:20</t>
  </si>
  <si>
    <t>12/31/2019 20:54:38</t>
  </si>
  <si>
    <t>12/31/2019 20:53:21</t>
  </si>
  <si>
    <t>12/31/2019 20:49:57</t>
  </si>
  <si>
    <t>12/31/2019 20:55:38</t>
  </si>
  <si>
    <t>12/31/2019 20:50:51</t>
  </si>
  <si>
    <t>12/31/2019 20:56:09</t>
  </si>
  <si>
    <t>12/31/2019 20:57:38</t>
  </si>
  <si>
    <t>12/31/2019 20:53:20</t>
  </si>
  <si>
    <t>12/31/2019 20:58:38</t>
  </si>
  <si>
    <t>12/31/2019 20:56:20</t>
  </si>
  <si>
    <t>12/31/2019 20:59:38</t>
  </si>
  <si>
    <t>12/31/2019 20:57:29</t>
  </si>
  <si>
    <t>12/31/2019 21:01:39</t>
  </si>
  <si>
    <t>12/31/2019 20:59:21</t>
  </si>
  <si>
    <t>12/31/2019 21:04:38</t>
  </si>
  <si>
    <t>12/31/2019 21:02:21</t>
  </si>
  <si>
    <t>12/31/2019 21:04:48</t>
  </si>
  <si>
    <t>12/31/2019 21:08:38</t>
  </si>
  <si>
    <t>12/31/2019 21:08:20</t>
  </si>
  <si>
    <t>12/31/2019 21:09:39</t>
  </si>
  <si>
    <t>12/31/2019 21:05:21</t>
  </si>
  <si>
    <t>12/31/2019 21:08:21</t>
  </si>
  <si>
    <t>12/31/2019 21:06:23</t>
  </si>
  <si>
    <t>12/31/2019 21:11:39</t>
  </si>
  <si>
    <t>12/31/2019 21:07:02</t>
  </si>
  <si>
    <t>12/31/2019 21:07:39</t>
  </si>
  <si>
    <t>12/31/2019 21:11:21</t>
  </si>
  <si>
    <t>12/31/2019 21:14:39</t>
  </si>
  <si>
    <t>12/31/2019 21:11:45</t>
  </si>
  <si>
    <t>12/31/2019 21:16:39</t>
  </si>
  <si>
    <t>12/31/2019 21:14:16</t>
  </si>
  <si>
    <t>12/31/2019 21:14:25</t>
  </si>
  <si>
    <t>12/31/2019 21:14:32</t>
  </si>
  <si>
    <t>12/31/2019 21:14:45</t>
  </si>
  <si>
    <t>12/31/2019 21:18:39</t>
  </si>
  <si>
    <t>12/31/2019 21:14:21</t>
  </si>
  <si>
    <t>12/31/2019 21:19:38</t>
  </si>
  <si>
    <t>12/31/2019 21:17:21</t>
  </si>
  <si>
    <t>12/31/2019 21:18:17</t>
  </si>
  <si>
    <t>12/31/2019 21:21:39</t>
  </si>
  <si>
    <t>12/31/2019 21:22:27</t>
  </si>
  <si>
    <t>12/31/2019 21:23:39</t>
  </si>
  <si>
    <t>12/31/2019 21:20:21</t>
  </si>
  <si>
    <t>12/31/2019 21:24:38</t>
  </si>
  <si>
    <t>12/31/2019 21:23:21</t>
  </si>
  <si>
    <t>12/31/2019 21:21:49</t>
  </si>
  <si>
    <t>12/31/2019 21:24:46</t>
  </si>
  <si>
    <t>12/31/2019 21:26:39</t>
  </si>
  <si>
    <t>12/31/2019 21:26:22</t>
  </si>
  <si>
    <t>12/31/2019 21:28:39</t>
  </si>
  <si>
    <t>12/31/2019 21:26:21</t>
  </si>
  <si>
    <t>12/31/2019 21:29:39</t>
  </si>
  <si>
    <t>12/31/2019 21:28:51</t>
  </si>
  <si>
    <t>12/31/2019 21:31:38</t>
  </si>
  <si>
    <t>12/31/2019 21:28:52</t>
  </si>
  <si>
    <t>12/31/2019 21:31:21</t>
  </si>
  <si>
    <t>12/31/2019 21:32:39</t>
  </si>
  <si>
    <t>12/31/2019 21:29:13</t>
  </si>
  <si>
    <t>12/31/2019 21:33:38</t>
  </si>
  <si>
    <t>12/31/2019 21:29:21</t>
  </si>
  <si>
    <t>12/31/2019 21:34:39</t>
  </si>
  <si>
    <t>12/31/2019 21:32:21</t>
  </si>
  <si>
    <t>12/31/2019 21:35:21</t>
  </si>
  <si>
    <t>12/31/2019 21:39:39</t>
  </si>
  <si>
    <t>12/31/2019 21:38:21</t>
  </si>
  <si>
    <t>12/31/2019 21:39:21</t>
  </si>
  <si>
    <t>12/31/2019 21:40:39</t>
  </si>
  <si>
    <t>12/31/2019 21:40:17</t>
  </si>
  <si>
    <t>12/31/2019 21:41:38</t>
  </si>
  <si>
    <t>12/31/2019 21:40:22</t>
  </si>
  <si>
    <t>12/31/2019 21:40:26</t>
  </si>
  <si>
    <t>12/31/2019 21:40:29</t>
  </si>
  <si>
    <t>12/31/2019 21:41:46</t>
  </si>
  <si>
    <t>12/31/2019 21:42:38</t>
  </si>
  <si>
    <t>12/31/2019 21:40:55</t>
  </si>
  <si>
    <t>12/31/2019 21:42:39</t>
  </si>
  <si>
    <t>12/31/2019 21:43:38</t>
  </si>
  <si>
    <t>12/31/2019 21:41:21</t>
  </si>
  <si>
    <t>12/31/2019 21:44:38</t>
  </si>
  <si>
    <t>12/31/2019 21:45:26</t>
  </si>
  <si>
    <t>12/31/2019 21:48:38</t>
  </si>
  <si>
    <t>12/31/2019 21:44:21</t>
  </si>
  <si>
    <t>12/31/2019 21:49:38</t>
  </si>
  <si>
    <t>12/31/2019 21:47:21</t>
  </si>
  <si>
    <t>12/31/2019 21:48:11</t>
  </si>
  <si>
    <t>12/31/2019 21:51:38</t>
  </si>
  <si>
    <t>12/31/2019 21:50:21</t>
  </si>
  <si>
    <t>12/31/2019 21:54:38</t>
  </si>
  <si>
    <t>12/31/2019 21:53:22</t>
  </si>
  <si>
    <t>12/31/2019 21:56:22</t>
  </si>
  <si>
    <t>12/31/2019 21:59:39</t>
  </si>
  <si>
    <t>12/31/2019 21:58:18</t>
  </si>
  <si>
    <t>12/31/2019 22:01:39</t>
  </si>
  <si>
    <t>12/31/2019 21:59:03</t>
  </si>
  <si>
    <t>12/31/2019 21:59:23</t>
  </si>
  <si>
    <t>12/31/2019 22:00:17</t>
  </si>
  <si>
    <t>12/31/2019 21:59:28</t>
  </si>
  <si>
    <t>12/31/2019 22:02:38</t>
  </si>
  <si>
    <t>12/31/2019 22:01:57</t>
  </si>
  <si>
    <t>12/31/2019 22:03:38</t>
  </si>
  <si>
    <t>12/31/2019 22:03:17</t>
  </si>
  <si>
    <t>12/31/2019 21:59:45</t>
  </si>
  <si>
    <t>12/31/2019 21:59:22</t>
  </si>
  <si>
    <t>12/31/2019 22:04:38</t>
  </si>
  <si>
    <t>12/31/2019 22:02:22</t>
  </si>
  <si>
    <t>12/31/2019 22:00:27</t>
  </si>
  <si>
    <t>12/31/2019 22:05:38</t>
  </si>
  <si>
    <t>12/31/2019 22:05:22</t>
  </si>
  <si>
    <t>12/31/2019 22:09:38</t>
  </si>
  <si>
    <t>12/31/2019 22:08:22</t>
  </si>
  <si>
    <t>12/31/2019 22:12:53</t>
  </si>
  <si>
    <t>12/31/2019 22:14:38</t>
  </si>
  <si>
    <t>12/31/2019 22:11:22</t>
  </si>
  <si>
    <t>12/31/2019 22:12:46</t>
  </si>
  <si>
    <t>12/31/2019 22:16:38</t>
  </si>
  <si>
    <t>12/31/2019 22:12:05</t>
  </si>
  <si>
    <t>12/31/2019 22:14:44</t>
  </si>
  <si>
    <t>12/31/2019 22:17:38</t>
  </si>
  <si>
    <t>12/31/2019 22:17:37</t>
  </si>
  <si>
    <t>12/31/2019 22:18:38</t>
  </si>
  <si>
    <t>12/31/2019 22:14:22</t>
  </si>
  <si>
    <t>12/31/2019 22:19:38</t>
  </si>
  <si>
    <t>12/31/2019 22:17:22</t>
  </si>
  <si>
    <t>12/31/2019 22:20:46</t>
  </si>
  <si>
    <t>12/31/2019 22:23:38</t>
  </si>
  <si>
    <t>12/31/2019 22:20:22</t>
  </si>
  <si>
    <t>12/31/2019 22:24:38</t>
  </si>
  <si>
    <t>12/31/2019 22:23:22</t>
  </si>
  <si>
    <t>12/31/2019 22:26:22</t>
  </si>
  <si>
    <t>12/31/2019 22:29:39</t>
  </si>
  <si>
    <t>12/31/2019 22:29:22</t>
  </si>
  <si>
    <t>12/31/2019 22:34:38</t>
  </si>
  <si>
    <t>12/31/2019 22:32:22</t>
  </si>
  <si>
    <t>12/31/2019 22:34:45</t>
  </si>
  <si>
    <t>12/31/2019 22:36:39</t>
  </si>
  <si>
    <t>12/31/2019 22:36:28</t>
  </si>
  <si>
    <t>12/31/2019 22:36:12</t>
  </si>
  <si>
    <t>12/31/2019 22:38:38</t>
  </si>
  <si>
    <t>12/31/2019 22:35:22</t>
  </si>
  <si>
    <t>12/31/2019 22:39:39</t>
  </si>
  <si>
    <t>12/31/2019 22:38:22</t>
  </si>
  <si>
    <t>12/31/2019 22:39:29</t>
  </si>
  <si>
    <t>12/31/2019 22:42:38</t>
  </si>
  <si>
    <t>12/31/2019 22:40:42</t>
  </si>
  <si>
    <t>12/31/2019 22:43:38</t>
  </si>
  <si>
    <t>12/31/2019 22:39:59</t>
  </si>
  <si>
    <t>12/31/2019 22:41:22</t>
  </si>
  <si>
    <t>12/31/2019 22:44:39</t>
  </si>
  <si>
    <t>12/31/2019 22:40:08</t>
  </si>
  <si>
    <t>12/31/2019 22:45:38</t>
  </si>
  <si>
    <t>12/31/2019 22:44:22</t>
  </si>
  <si>
    <t>12/31/2019 22:49:38</t>
  </si>
  <si>
    <t>12/31/2019 22:47:22</t>
  </si>
  <si>
    <t>12/31/2019 22:50:22</t>
  </si>
  <si>
    <t>12/31/2019 22:54:39</t>
  </si>
  <si>
    <t>12/31/2019 22:53:22</t>
  </si>
  <si>
    <t>12/31/2019 22:56:22</t>
  </si>
  <si>
    <t>12/31/2019 22:59:38</t>
  </si>
  <si>
    <t>12/31/2019 22:59:22</t>
  </si>
  <si>
    <t>12/31/2019 23:04:38</t>
  </si>
  <si>
    <t>12/31/2019 23:02:22</t>
  </si>
  <si>
    <t>12/31/2019 23:05:22</t>
  </si>
  <si>
    <t>12/31/2019 23:09:39</t>
  </si>
  <si>
    <t>12/31/2019 23:08:22</t>
  </si>
  <si>
    <t>12/31/2019 23:11:22</t>
  </si>
  <si>
    <t>12/31/2019 23:14:38</t>
  </si>
  <si>
    <t>12/31/2019 23:14:15</t>
  </si>
  <si>
    <t>12/31/2019 23:15:39</t>
  </si>
  <si>
    <t>12/31/2019 23:12:54</t>
  </si>
  <si>
    <t>12/31/2019 23:16:39</t>
  </si>
  <si>
    <t>12/31/2019 23:12:34</t>
  </si>
  <si>
    <t>12/31/2019 23:15:18</t>
  </si>
  <si>
    <t>12/31/2019 23:18:38</t>
  </si>
  <si>
    <t>12/31/2019 23:16:12</t>
  </si>
  <si>
    <t>12/31/2019 23:14:22</t>
  </si>
  <si>
    <t>12/31/2019 23:19:38</t>
  </si>
  <si>
    <t>12/31/2019 23:17:22</t>
  </si>
  <si>
    <t>12/31/2019 23:20:22</t>
  </si>
  <si>
    <t>12/31/2019 23:24:38</t>
  </si>
  <si>
    <t>12/31/2019 23:23:22</t>
  </si>
  <si>
    <t>12/31/2019 23:24:22</t>
  </si>
  <si>
    <t>12/31/2019 23:26:38</t>
  </si>
  <si>
    <t>12/31/2019 23:25:33</t>
  </si>
  <si>
    <t>12/31/2019 23:28:38</t>
  </si>
  <si>
    <t>12/31/2019 23:26:22</t>
  </si>
  <si>
    <t>12/31/2019 23:29:39</t>
  </si>
  <si>
    <t>12/31/2019 23:28:09</t>
  </si>
  <si>
    <t>12/31/2019 23:33:38</t>
  </si>
  <si>
    <t>12/31/2019 23:29:22</t>
  </si>
  <si>
    <t>12/31/2019 23:34:38</t>
  </si>
  <si>
    <t>12/31/2019 23:32:22</t>
  </si>
  <si>
    <t>12/31/2019 23:32:36</t>
  </si>
  <si>
    <t>12/31/2019 23:35:39</t>
  </si>
  <si>
    <t>12/31/2019 23:34:04</t>
  </si>
  <si>
    <t>12/31/2019 23:34:12</t>
  </si>
  <si>
    <t>12/31/2019 23:36:38</t>
  </si>
  <si>
    <t>12/31/2019 23:35:22</t>
  </si>
  <si>
    <t>12/31/2019 23:39:38</t>
  </si>
  <si>
    <t>12/31/2019 23:38:22</t>
  </si>
  <si>
    <t>12/31/2019 23:38:51</t>
  </si>
  <si>
    <t>12/31/2019 23:41:38</t>
  </si>
  <si>
    <t>12/31/2019 23:36:55</t>
  </si>
  <si>
    <t>12/31/2019 23:42:38</t>
  </si>
  <si>
    <t>12/31/2019 23:41:12</t>
  </si>
  <si>
    <t>12/31/2019 23:43:39</t>
  </si>
  <si>
    <t>12/31/2019 23:41:22</t>
  </si>
  <si>
    <t>12/31/2019 23:44:38</t>
  </si>
  <si>
    <t>12/31/2019 23:44:22</t>
  </si>
  <si>
    <t>12/31/2019 23:49:38</t>
  </si>
  <si>
    <t>12/31/2019 23:47:23</t>
  </si>
  <si>
    <t>12/31/2019 23:49:41</t>
  </si>
  <si>
    <t>12/31/2019 23:52:38</t>
  </si>
  <si>
    <t>12/31/2019 23:50:23</t>
  </si>
  <si>
    <t>12/31/2019 23:54:38</t>
  </si>
  <si>
    <t>12/31/2019 23:53:23</t>
  </si>
  <si>
    <t>12/31/2019 23:51:14</t>
  </si>
  <si>
    <t>12/31/2019 23:54:28</t>
  </si>
  <si>
    <t>12/31/2019 23:57:39</t>
  </si>
  <si>
    <t>1ffb9511-cdf8-4875-941d-a8c9b8fe1e77.tmp</t>
  </si>
  <si>
    <t>\\acsfs\profiles$\rogeriofd\Downloads\1ffb9511-cdf8-4875-941d-a8c9b8fe1e77.tmp</t>
  </si>
  <si>
    <t>12/31/2019 23:55:18</t>
  </si>
  <si>
    <t>e75e3dd5-b878-40f6-b163-aaecf5bdc532.tmp</t>
  </si>
  <si>
    <t>\\acsfs\profiles$\rogeriofd\Downloads\e75e3dd5-b878-40f6-b163-aaecf5bdc532.tmp</t>
  </si>
  <si>
    <t>12/31/2019 23:55:31</t>
  </si>
  <si>
    <t>2f81ae89-13e2-4544-84ae-e10a65817aa1.tmp</t>
  </si>
  <si>
    <t>\\acsfs\profiles$\rogeriofd\Downloads\2f81ae89-13e2-4544-84ae-e10a65817aa1.tmp</t>
  </si>
  <si>
    <t>12/31/2019 23:56:23</t>
  </si>
  <si>
    <t>12/31/2019 23:59:38</t>
  </si>
  <si>
    <t>12/31/2019 23:56:58</t>
  </si>
  <si>
    <t>ad81b292-15c7-4b31-a040-29295712d8b7.tmp</t>
  </si>
  <si>
    <t>\\acsfs\profiles$\Adrieledgc\Downloads\ad81b292-15c7-4b31-a040-29295712d8b7.tmp</t>
  </si>
  <si>
    <t>12/31/2019 23:57:48</t>
  </si>
  <si>
    <t>6f977768-10a6-4126-8a2e-e98cdf8a9b21.tmp</t>
  </si>
  <si>
    <t>\\acsfs\profiles$\Adrieledgc\Downloads\6f977768-10a6-4126-8a2e-e98cdf8a9b21.tmp</t>
  </si>
  <si>
    <t>10.200.67.223</t>
  </si>
  <si>
    <t>D0-94-66-B5-48-53</t>
  </si>
  <si>
    <t>VOTORANT-PB020</t>
  </si>
  <si>
    <t>12/31/2019 23:59:23</t>
  </si>
  <si>
    <t>f64a3cbf-52f2-474b-aebb-5187300aaf7d.tmp</t>
  </si>
  <si>
    <t>\\acsfs\profiles$\claudiajca\Downloads\f64a3cbf-52f2-474b-aebb-5187300aaf7d.tmp</t>
  </si>
  <si>
    <t>564b8e51-a9ff-4009-a6b3-739b0d7d7d2d.tmp</t>
  </si>
  <si>
    <t>\\acsfs\profiles$\BRUNAAR\Downloads\564b8e51-a9ff-4009-a6b3-739b0d7d7d2d.tmp</t>
  </si>
  <si>
    <t>cba1be90-fa8e-46d6-b769-ebd3faee279c.tmp</t>
  </si>
  <si>
    <t>\\acsfs\profiles$\BRUNAAR\Downloads\cba1be90-fa8e-46d6-b769-ebd3faee279c.tmp</t>
  </si>
  <si>
    <t>bab60565-abe1-4ca5-a648-7660090cbd26.tmp</t>
  </si>
  <si>
    <t>\\acsfs\profiles$\lucasqdss\Downloads\bab60565-abe1-4ca5-a648-7660090cbd26.tmp</t>
  </si>
  <si>
    <t>79e5b406-82c0-434a-a486-961587265c4b.tmp</t>
  </si>
  <si>
    <t>\\acsfs\profiles$\lucasqdss\Downloads\79e5b406-82c0-434a-a486-961587265c4b.tmp</t>
  </si>
  <si>
    <t>84d61dd5-92e8-47a9-9960-c4795dbd9de0.tmp</t>
  </si>
  <si>
    <t>\\acsfs\profiles$\claudiajca\Downloads\84d61dd5-92e8-47a9-9960-c4795dbd9de0.tmp</t>
  </si>
  <si>
    <t>7caae8e7-bf56-4d54-846a-f22492e84d95.tmp</t>
  </si>
  <si>
    <t>\\acsfs\profiles$\rafaelamsv\Downloads\7caae8e7-bf56-4d54-846a-f22492e84d95.tmp</t>
  </si>
  <si>
    <t>a7bfb9fe-1948-4b99-99d2-ad5ffe0463cc.tmp</t>
  </si>
  <si>
    <t>\\acsfs\profiles$\rafaelamsv\Downloads\a7bfb9fe-1948-4b99-99d2-ad5ffe0463cc.tmp</t>
  </si>
  <si>
    <t>f362ff95-0b4d-4eac-8213-e802e22d527c.tmp</t>
  </si>
  <si>
    <t>\\acsfs\profiles$\cintiadcf\Downloads\f362ff95-0b4d-4eac-8213-e802e22d527c.tmp</t>
  </si>
  <si>
    <t>c3c6047d-bd45-421f-9bda-b892ea4d574d.tmp</t>
  </si>
  <si>
    <t>\\acsfs\profiles$\cintiadcf\Downloads\c3c6047d-bd45-421f-9bda-b892ea4d574d.tmp</t>
  </si>
  <si>
    <t>3a8b8b90-9fdb-4b06-a54f-f84f5815d0d3.tmp</t>
  </si>
  <si>
    <t>\\acsfs\profiles$\cintiadcf\Downloads\3a8b8b90-9fdb-4b06-a54f-f84f5815d0d3.tmp</t>
  </si>
  <si>
    <t>ba9cd88a-c1e6-47d4-968f-7f9cbad25012.tmp</t>
  </si>
  <si>
    <t>\\acsfs\profiles$\cintiadcf\Downloads\ba9cd88a-c1e6-47d4-968f-7f9cbad25012.tmp</t>
  </si>
  <si>
    <t>3352c9cb-1838-415c-9e49-a77f2114c3ae.tmp</t>
  </si>
  <si>
    <t>\\acsfs\profiles$\marcellewdl\Downloads\3352c9cb-1838-415c-9e49-a77f2114c3ae.tmp</t>
  </si>
  <si>
    <t>fd09dc59-6e48-4c21-bb40-2cee0780dfff.tmp</t>
  </si>
  <si>
    <t>\\acsfs\profiles$\marcellewdl\Downloads\fd09dc59-6e48-4c21-bb40-2cee0780dfff.tmp</t>
  </si>
  <si>
    <t>\\acsfs\DEPTOS\Operacao\PCP\5 - Comum\Mariana De Jesus\</t>
  </si>
  <si>
    <t>escala staff.xlsx</t>
  </si>
  <si>
    <t>\\acsfs\DEPTOS\Operacao\PCP\5 - Comum\Mariana De Jesus\escala staff.xlsx</t>
  </si>
  <si>
    <t>df33808d-e867-4e78-8558-a7b1cd666a0b.tmp</t>
  </si>
  <si>
    <t>\\acsfs\profiles$\rafaelamsv\Downloads\df33808d-e867-4e78-8558-a7b1cd666a0b.tmp</t>
  </si>
  <si>
    <t>03ecea55-c59d-454b-a3a0-a34b978e1e7e.tmp</t>
  </si>
  <si>
    <t>\\acsfs\profiles$\luanarda\Downloads\03ecea55-c59d-454b-a3a0-a34b978e1e7e.tmp</t>
  </si>
  <si>
    <t>d1cef49e-8710-45f9-b305-f96a144249b0.tmp</t>
  </si>
  <si>
    <t>\\acsfs\profiles$\luanarda\Downloads\d1cef49e-8710-45f9-b305-f96a144249b0.tmp</t>
  </si>
  <si>
    <t>b415a814-65e2-4bb6-b288-689e497e149e.tmp</t>
  </si>
  <si>
    <t>\\acsfs\profiles$\kellzylenneasr\Downloads\b415a814-65e2-4bb6-b288-689e497e149e.tmp</t>
  </si>
  <si>
    <t>8cdeb52c-b6f8-4242-8c23-da022859763c.tmp</t>
  </si>
  <si>
    <t>\\acsfs\profiles$\kellzylenneasr\Downloads\8cdeb52c-b6f8-4242-8c23-da022859763c.tmp</t>
  </si>
  <si>
    <t>ac211cdf-e59b-45fa-acde-774ad766225b.tmp</t>
  </si>
  <si>
    <t>\\acsfs\profiles$\dhiulliananads\Downloads\ac211cdf-e59b-45fa-acde-774ad766225b.tmp</t>
  </si>
  <si>
    <t>30a58d68-8516-4f87-80d9-b99cb433bec2.tmp</t>
  </si>
  <si>
    <t>\\acsfs\profiles$\dhiulliananads\Downloads\30a58d68-8516-4f87-80d9-b99cb433bec2.tmp</t>
  </si>
  <si>
    <t>70499af4-a0a4-45e6-896a-63560c7e5adb.tmp</t>
  </si>
  <si>
    <t>\\acsfs\profiles$\dhiulliananads\Downloads\70499af4-a0a4-45e6-896a-63560c7e5adb.tmp</t>
  </si>
  <si>
    <t>43dd5de7-67be-462d-8b27-f253720031fb.tmp</t>
  </si>
  <si>
    <t>\\acsfs\profiles$\dhiulliananads\Downloads\43dd5de7-67be-462d-8b27-f253720031fb.tmp</t>
  </si>
  <si>
    <t>\\acsfs\profiles$\lucasgpe\Contacts\</t>
  </si>
  <si>
    <t>LUCAS GUBERT PEREIRA (10).contact</t>
  </si>
  <si>
    <t>\\acsfs\profiles$\lucasgpe\Contacts\LUCAS GUBERT PEREIRA (10).contact</t>
  </si>
  <si>
    <t>\\acsfs\profiles$\lucasgpe\My Documents\My Videos\</t>
  </si>
  <si>
    <t>\\acsfs\profiles$\lucasgpe\My Documents\My Videos\desktop.ini</t>
  </si>
  <si>
    <t>\\acsfs\profiles$\lucasgpe\My Documents\My Pictures\</t>
  </si>
  <si>
    <t>\\acsfs\profiles$\lucasgpe\My Documents\My Pictures\desktop.ini</t>
  </si>
  <si>
    <t>\\acsfs\profiles$\lucasgpe\Contacts\desktop.ini</t>
  </si>
  <si>
    <t>\\acsfs\profiles$\lucasgpe\Favorites\</t>
  </si>
  <si>
    <t>\\acsfs\profiles$\lucasgpe\Favorites\desktop.ini</t>
  </si>
  <si>
    <t>\\acsfs\profiles$\lucasgpe\My Documents\My Music\</t>
  </si>
  <si>
    <t>\\acsfs\profiles$\lucasgpe\My Documents\My Music\desktop.ini</t>
  </si>
  <si>
    <t>\\acsfs\profiles$\alexandremm\My Documents\My Pictures\</t>
  </si>
  <si>
    <t>\\acsfs\profiles$\alexandremm\My Documents\My Videos\desktop.ini</t>
  </si>
  <si>
    <t>\\acsfs\profiles$\alexandremm\My Documents\My Videos\</t>
  </si>
  <si>
    <t>\\acsfs\profiles$\alexandremm\My Documents\My Music\</t>
  </si>
  <si>
    <t>\\acsfs\profiles$\alexandremm\My Documents\My Pictures\desktop.ini</t>
  </si>
  <si>
    <t>\\acsfs\profiles$\alexandremm\Contacts\</t>
  </si>
  <si>
    <t>\\acsfs\profiles$\alexandremm\Contacts\desktop.ini</t>
  </si>
  <si>
    <t>\\acsfs\profiles$\alexandremm\My Documents\</t>
  </si>
  <si>
    <t>\\acsfs\profiles$\alexandremm\Favorites\desktop.ini</t>
  </si>
  <si>
    <t>\\acsfs\profiles$\alexandremm\My Documents\My Music\desktop.ini</t>
  </si>
  <si>
    <t>\\acsfs\profiles$\alexandremm\Searches\desktop.ini</t>
  </si>
  <si>
    <t>\\acsfs\profiles$\alexandremm\Downloads\</t>
  </si>
  <si>
    <t>\\acsfs\profiles$\alexandremm\Downloads\desktop.ini</t>
  </si>
  <si>
    <t>\\acsfs\profiles$\alexandremm\Favorites\</t>
  </si>
  <si>
    <t>\\acsfs\profiles$\alexandremm\My Documents\desktop.ini</t>
  </si>
  <si>
    <t>\\acsfs\profiles$\alexandremm\Saved Games\desktop.ini</t>
  </si>
  <si>
    <t>\\acsfs\profiles$\lucasgpe\Searches\</t>
  </si>
  <si>
    <t>\\acsfs\profiles$\lucasgpe\Searches\desktop.ini</t>
  </si>
  <si>
    <t>\\acsfs\profiles$\lucasgpe\Downloads\desktop.ini</t>
  </si>
  <si>
    <t>\\acsfs\profiles$\lucasgpe\My Documents\</t>
  </si>
  <si>
    <t>\\acsfs\profiles$\lucasgpe\My Documents\desktop.ini</t>
  </si>
  <si>
    <t>\\acsfs\profiles$\lucasgpe\Saved Games\</t>
  </si>
  <si>
    <t>\\acsfs\profiles$\lucasgpe\Saved Games\desktop.ini</t>
  </si>
  <si>
    <t>\\acsfs\profiles$\lucasgpe\Favorites\Links for Brasil\</t>
  </si>
  <si>
    <t>\\acsfs\profiles$\lucasgpe\Favorites\Links for Brasil\desktop.ini</t>
  </si>
  <si>
    <t>\\acsfs\profiles$\lucasgpe\Favorites\Links for Brasil\Microsoft Brasil.url</t>
  </si>
  <si>
    <t>\\acsfs\profiles$\lucasgpe\Favorites\Links for Brasil\Windows Brasil.url</t>
  </si>
  <si>
    <t>\\acsfs\profiles$\lucasgpe\Favorites\Links for Brasil\MSN Brasil.url</t>
  </si>
  <si>
    <t>ea62295b-948a-415a-81c8-bc157b5210e3.tmp</t>
  </si>
  <si>
    <t>\\acsfs\profiles$\lucasgpe\Downloads\ea62295b-948a-415a-81c8-bc157b5210e3.tmp</t>
  </si>
  <si>
    <t>Não confirmado 887729.crdownload</t>
  </si>
  <si>
    <t>\\acsfs\profiles$\lucasgpe\Downloads\Não confirmado 887729.crdownload</t>
  </si>
  <si>
    <t>e23d03bd-974f-4cd1-9e01-8bbef59ed1ee.tmp</t>
  </si>
  <si>
    <t>\\acsfs\profiles$\lucasgpe\Downloads\e23d03bd-974f-4cd1-9e01-8bbef59ed1ee.tmp</t>
  </si>
  <si>
    <t>Não confirmado 632624.crdownload</t>
  </si>
  <si>
    <t>\\acsfs\profiles$\lucasgpe\Downloads\Não confirmado 632624.crdownload</t>
  </si>
  <si>
    <t>36e28554-fd80-4c70-9a4c-f6604e760abe.tmp</t>
  </si>
  <si>
    <t>\\acsfs\profiles$\lucasgpe\Downloads\36e28554-fd80-4c70-9a4c-f6604e760abe.tmp</t>
  </si>
  <si>
    <t>bcadbcbd-d360-4114-8f37-23fcdd043d16.tmp</t>
  </si>
  <si>
    <t>\\acsfs\profiles$\lucasgpe\Downloads\bcadbcbd-d360-4114-8f37-23fcdd043d16.tmp</t>
  </si>
  <si>
    <t>968c4cc3-573d-4a8e-8501-e5c227c3d85b.tmp</t>
  </si>
  <si>
    <t>\\acsfs\profiles$\lucasgpe\Downloads\968c4cc3-573d-4a8e-8501-e5c227c3d85b.tmp</t>
  </si>
  <si>
    <t>dcf22887-bf5c-4b41-b6cf-8647ae2040df.tmp</t>
  </si>
  <si>
    <t>\\acsfs\profiles$\YASMINSC\Downloads\dcf22887-bf5c-4b41-b6cf-8647ae2040df.tmp</t>
  </si>
  <si>
    <t>dfd3199e-d112-401c-809f-b7fa63253256.tmp</t>
  </si>
  <si>
    <t>\\acsfs\profiles$\YASMINSC\Downloads\dfd3199e-d112-401c-809f-b7fa63253256.tmp</t>
  </si>
  <si>
    <t>294fde0f-743a-4b15-aecf-c6cffa08cf47.tmp</t>
  </si>
  <si>
    <t>\\acsfs\profiles$\felipetds\Downloads\294fde0f-743a-4b15-aecf-c6cffa08cf47.tmp</t>
  </si>
  <si>
    <t>9baffa6f-242b-4b17-a130-0f0347bf8ebe.tmp</t>
  </si>
  <si>
    <t>\\acsfs\profiles$\felipetds\Downloads\9baffa6f-242b-4b17-a130-0f0347bf8ebe.tmp</t>
  </si>
  <si>
    <t>d9dc1e58-a057-4b24-ba88-19e00787f968.tmp</t>
  </si>
  <si>
    <t>\\acsfs\profiles$\kellzylenneasr\Downloads\d9dc1e58-a057-4b24-ba88-19e00787f968.tmp</t>
  </si>
  <si>
    <t>74-86-7A-FD-D2-20</t>
  </si>
  <si>
    <t>VOTORANT-VB014</t>
  </si>
  <si>
    <t>jessicafc</t>
  </si>
  <si>
    <t>\\acsfs\profiles$\jessicafc\Downloads\</t>
  </si>
  <si>
    <t>e4c04da6-f887-4dd0-bf2f-8b7b6607265c.tmp</t>
  </si>
  <si>
    <t>\\acsfs\profiles$\jessicafc\Downloads\e4c04da6-f887-4dd0-bf2f-8b7b6607265c.tmp</t>
  </si>
  <si>
    <t>137b8e02-8cf4-4285-9121-bb5c2ac9bced.tmp</t>
  </si>
  <si>
    <t>\\acsfs\profiles$\felipetds\Downloads\137b8e02-8cf4-4285-9121-bb5c2ac9bced.tmp</t>
  </si>
  <si>
    <t>cb5a25c6-97f6-4ad8-8aaf-4d4464ffb481.tmp</t>
  </si>
  <si>
    <t>\\acsfs\profiles$\jessicafc\Downloads\cb5a25c6-97f6-4ad8-8aaf-4d4464ffb481.tmp</t>
  </si>
  <si>
    <t>97465db4-4743-41bf-8ce3-5e35fd9366ef.tmp</t>
  </si>
  <si>
    <t>\\acsfs\profiles$\jessicafc\Downloads\97465db4-4743-41bf-8ce3-5e35fd9366ef.tmp</t>
  </si>
  <si>
    <t>c7d0eb19-8abf-4699-a381-0944d28d0c42.tmp</t>
  </si>
  <si>
    <t>\\acsfs\profiles$\lucasgpe\Downloads\c7d0eb19-8abf-4699-a381-0944d28d0c42.tmp</t>
  </si>
  <si>
    <t>fa087923-2bae-496d-b3fe-d770a517ca9a.tmp</t>
  </si>
  <si>
    <t>\\acsfs\profiles$\marcellewdl\Downloads\fa087923-2bae-496d-b3fe-d770a517ca9a.tmp</t>
  </si>
  <si>
    <t>d7eb4dd4-6a5e-44ab-8c60-e321bbd21b56.tmp</t>
  </si>
  <si>
    <t>\\acsfs\profiles$\felipetds\Downloads\d7eb4dd4-6a5e-44ab-8c60-e321bbd21b56.tmp</t>
  </si>
  <si>
    <t>lu136966j86z.tmp</t>
  </si>
  <si>
    <t>\\acsfs\profiles$\dhiulliananads\My Documents\lu136966j86z.tmp</t>
  </si>
  <si>
    <t>\\acsfs\profiles$\dhiulliananads\My Documents\lu136966j86z.tmp\</t>
  </si>
  <si>
    <t>\\acsfs\profiles$\dhiulliananads\My Documents\lu136966j86z.tmp\META-INF\</t>
  </si>
  <si>
    <t>\\acsfs\profiles$\dhiulliananads\My Documents\lu136966j86z.tmp\Thumbnails\</t>
  </si>
  <si>
    <t>lu136966j873.tmp</t>
  </si>
  <si>
    <t>\\acsfs\profiles$\dhiulliananads\My Documents\lu136966j873.tmp</t>
  </si>
  <si>
    <t>\\acsfs\profiles$\dhiulliananads\My Documents\lu136966j873.tmp\</t>
  </si>
  <si>
    <t>\\acsfs\profiles$\dhiulliananads\My Documents\lu136966j873.tmp\META-INF\</t>
  </si>
  <si>
    <t>\\acsfs\profiles$\dhiulliananads\My Documents\lu136966j873.tmp\Thumbnails\</t>
  </si>
  <si>
    <t>4edc6e5a-b82b-4a0a-93f8-fe8a30a6ae44.tmp</t>
  </si>
  <si>
    <t>\\acsfs\profiles$\jessicafc\Downloads\4edc6e5a-b82b-4a0a-93f8-fe8a30a6ae44.tmp</t>
  </si>
  <si>
    <t>a8999205-031f-46d6-a155-9eea93885bc5.tmp</t>
  </si>
  <si>
    <t>\\acsfs\profiles$\dhiulliananads\Downloads\a8999205-031f-46d6-a155-9eea93885bc5.tmp</t>
  </si>
  <si>
    <t>f7557193-01f7-4a50-be01-e54999dbc0d0.tmp</t>
  </si>
  <si>
    <t>\\acsfs\profiles$\joycemmdl\Downloads\f7557193-01f7-4a50-be01-e54999dbc0d0.tmp</t>
  </si>
  <si>
    <t>a6a677a8-7c0c-449d-a587-06a572165e4c.tmp</t>
  </si>
  <si>
    <t>\\acsfs\profiles$\joycemmdl\Downloads\a6a677a8-7c0c-449d-a587-06a572165e4c.tmp</t>
  </si>
  <si>
    <t>33f966b6-d168-4541-8454-7d4e3d217d09.tmp</t>
  </si>
  <si>
    <t>\\acsfs\profiles$\LUCASNS\Downloads\33f966b6-d168-4541-8454-7d4e3d217d09.tmp</t>
  </si>
  <si>
    <t>c11fd632-895a-4808-a83a-d5811eb88439.tmp</t>
  </si>
  <si>
    <t>\\acsfs\profiles$\LUCASNS\Downloads\c11fd632-895a-4808-a83a-d5811eb88439.tmp</t>
  </si>
  <si>
    <t>b470daaa-e987-442f-917c-54fb781a2ad0.tmp</t>
  </si>
  <si>
    <t>\\acsfs\profiles$\LUCASNS\Downloads\b470daaa-e987-442f-917c-54fb781a2ad0.tmp</t>
  </si>
  <si>
    <t>CRISTIANO DE ANDRADE BARBOSA (4547).contact</t>
  </si>
  <si>
    <t>\\acsfs\profiles$\cristianodab\Contacts\CRISTIANO DE ANDRADE BARBOSA (4547).contact</t>
  </si>
  <si>
    <t>0966ddf6-ec4d-4420-a2a3-27c6ded7a325.tmp</t>
  </si>
  <si>
    <t>\\acsfs\profiles$\LUCASNS\Downloads\0966ddf6-ec4d-4420-a2a3-27c6ded7a325.tmp</t>
  </si>
  <si>
    <t>Unconfirmed 853928.crdownload</t>
  </si>
  <si>
    <t>\\acsfs\profiles$\LUCASNS\Downloads\Unconfirmed 853928.crdownload</t>
  </si>
  <si>
    <t>0eb0adeb-2a95-4532-b4c8-9117898571ae.tmp</t>
  </si>
  <si>
    <t>\\acsfs\profiles$\cintiadjl\Downloads\0eb0adeb-2a95-4532-b4c8-9117898571ae.tmp</t>
  </si>
  <si>
    <t>7726e626-ac12-42f7-9f20-a5029880aca7.tmp</t>
  </si>
  <si>
    <t>\\acsfs\profiles$\LUCASNS\Downloads\7726e626-ac12-42f7-9f20-a5029880aca7.tmp</t>
  </si>
  <si>
    <t>4a9db880-c801-4a0e-a4ef-a9defe8bf38b.tmp</t>
  </si>
  <si>
    <t>\\acsfs\profiles$\LUCASNS\Downloads\4a9db880-c801-4a0e-a4ef-a9defe8bf38b.tmp</t>
  </si>
  <si>
    <t>0ffdd406-af4b-4181-85ae-231c095d330d.tmp</t>
  </si>
  <si>
    <t>\\acsfs\profiles$\cintiadjl\Downloads\0ffdd406-af4b-4181-85ae-231c095d330d.tmp</t>
  </si>
  <si>
    <t>135f6981-e59b-44fe-bf95-d9a8a2c40be9.tmp</t>
  </si>
  <si>
    <t>\\acsfs\profiles$\joycemmdl\Downloads\135f6981-e59b-44fe-bf95-d9a8a2c40be9.tmp</t>
  </si>
  <si>
    <t>ed48f23b-ec72-40eb-88ab-0ed4801b56f3.tmp</t>
  </si>
  <si>
    <t>\\acsfs\profiles$\joycemmdl\Downloads\ed48f23b-ec72-40eb-88ab-0ed4801b56f3.tmp</t>
  </si>
  <si>
    <t>12/31/2019 15:35:39</t>
  </si>
  <si>
    <t>a7e23de7-26b6-4189-8d88-a5d6b1b2a3e7.tmp</t>
  </si>
  <si>
    <t>\\acsfs\profiles$\YASMINSC\Downloads\a7e23de7-26b6-4189-8d88-a5d6b1b2a3e7.tmp</t>
  </si>
  <si>
    <t>32b74c3d-19c8-416f-95d1-e72a873b4b67.tmp</t>
  </si>
  <si>
    <t>\\acsfs\profiles$\laylaams\Downloads\32b74c3d-19c8-416f-95d1-e72a873b4b67.tmp</t>
  </si>
  <si>
    <t>aeb3ff68-bf0a-4ca1-8109-1088d17bcce6.tmp</t>
  </si>
  <si>
    <t>\\acsfs\profiles$\laylaams\Downloads\aeb3ff68-bf0a-4ca1-8109-1088d17bcce6.tmp</t>
  </si>
  <si>
    <t>c9b9859d-9314-45b5-9136-1b2a4aaa5339.tmp</t>
  </si>
  <si>
    <t>\\acsfs\profiles$\YASMINSC\Downloads\c9b9859d-9314-45b5-9136-1b2a4aaa5339.tmp</t>
  </si>
  <si>
    <t>1fb2230a-5480-43bb-8836-70fdd63890b2.tmp</t>
  </si>
  <si>
    <t>\\acsfs\profiles$\laylaams\Downloads\1fb2230a-5480-43bb-8836-70fdd63890b2.tmp</t>
  </si>
  <si>
    <t>lu136966j877.tmp</t>
  </si>
  <si>
    <t>\\acsfs\profiles$\dhiulliananads\My Documents\lu136966j877.tmp</t>
  </si>
  <si>
    <t>\\acsfs\profiles$\dhiulliananads\My Documents\lu136966j877.tmp\</t>
  </si>
  <si>
    <t>\\acsfs\profiles$\dhiulliananads\My Documents\lu136966j877.tmp\META-INF\</t>
  </si>
  <si>
    <t>\\acsfs\profiles$\dhiulliananads\My Documents\lu136966j877.tmp\Thumbnails\</t>
  </si>
  <si>
    <t>lu13248ayjc4.tmp</t>
  </si>
  <si>
    <t>\\acsfs\profiles$\dhiulliananads\My Documents\lu13248ayjc4.tmp</t>
  </si>
  <si>
    <t>\\acsfs\profiles$\dhiulliananads\My Documents\lu13248ayjc4.tmp\</t>
  </si>
  <si>
    <t>\\acsfs\profiles$\dhiulliananads\My Documents\lu13248ayjc4.tmp\META-INF\</t>
  </si>
  <si>
    <t>\\acsfs\profiles$\dhiulliananads\My Documents\lu13248ayjc4.tmp\Thumbnails\</t>
  </si>
  <si>
    <t>e19542df-6132-4d4b-a590-4f822bdef105.tmp</t>
  </si>
  <si>
    <t>\\acsfs\profiles$\laylaams\Downloads\e19542df-6132-4d4b-a590-4f822bdef105.tmp</t>
  </si>
  <si>
    <t>603610d7-6276-4283-8c66-9600626e489a; tp_stylesheet=light_blue; tp_layout_mode=wide; footer_bg=dark; .aspxformsauth=e4238f6cc371bd70ee0abcdda2016d416a71094bea28bd5d6e1e1437237f2ad65e824539261c9e26380fa7783613ce130a48ff80b0a8f475d51b8bfa9af5f0a8f5ef5cf39626</t>
  </si>
  <si>
    <t>603610d7-6276-4283-8c66-9600626e489a; tp_stylesheet=light_blue; tp_layout_mode=wide; footer_bg=dark; .aspxformsauth=65a320663210b79ee5aa0b60e28f1ed209e5b509ad6c73e212cfeca33ab80c0ba796c02df9bb3c60954be76cb0b22740da13c1c903fec4ac6505b4003cb88373775b3fa16ac8</t>
  </si>
  <si>
    <t>b3f184e3-d567-4d94-8a29-4c30a5fe421f.tmp</t>
  </si>
  <si>
    <t>\\acsfs\profiles$\lucasgpe\Downloads\b3f184e3-d567-4d94-8a29-4c30a5fe421f.tmp</t>
  </si>
  <si>
    <t>.~lock.vendas de janeiro.ods#</t>
  </si>
  <si>
    <t>\\acsfs\profiles$\marcellewdl\My Documents\.~lock.vendas de janeiro.ods#</t>
  </si>
  <si>
    <t>lu285602ei8hd.tmp</t>
  </si>
  <si>
    <t>\\acsfs\profiles$\marcellewdl\My Documents\lu285602ei8hd.tmp</t>
  </si>
  <si>
    <t>\\acsfs\profiles$\marcellewdl\My Documents\lu285602ei8hd.tmp\</t>
  </si>
  <si>
    <t>\\acsfs\profiles$\marcellewdl\My Documents\lu285602ei8hd.tmp\META-INF\</t>
  </si>
  <si>
    <t>\\acsfs\profiles$\marcellewdl\My Documents\lu285602ei8hd.tmp\Thumbnails\</t>
  </si>
  <si>
    <t>8a465cfa-c36b-4692-83fa-c1cfcd0b3ab0.tmp</t>
  </si>
  <si>
    <t>\\acsfs\profiles$\matheushds\Downloads\8a465cfa-c36b-4692-83fa-c1cfcd0b3ab0.tmp</t>
  </si>
  <si>
    <t>25a403ef-3e1f-4a9b-92b5-a96888c56737.tmp</t>
  </si>
  <si>
    <t>\\acsfs\profiles$\matheushds\Downloads\25a403ef-3e1f-4a9b-92b5-a96888c56737.tmp</t>
  </si>
  <si>
    <t>2f6bdad8-5c55-4fcd-91aa-0740a6af6bd1.tmp</t>
  </si>
  <si>
    <t>\\acsfs\profiles$\matheushds\Downloads\2f6bdad8-5c55-4fcd-91aa-0740a6af6bd1.tmp</t>
  </si>
  <si>
    <t>244b3fe2-89f8-446b-b2f1-3bfc611ee271.tmp</t>
  </si>
  <si>
    <t>\\acsfs\profiles$\matheushds\Downloads\244b3fe2-89f8-446b-b2f1-3bfc611ee271.tmp</t>
  </si>
  <si>
    <t>42c5431e-cfab-490b-b5fc-e8fa5ce834a7.tmp</t>
  </si>
  <si>
    <t>\\acsfs\profiles$\matheushds\Downloads\42c5431e-cfab-490b-b5fc-e8fa5ce834a7.tmp</t>
  </si>
  <si>
    <t>50654779-0e47-4c02-9501-7726ee65141f.tmp</t>
  </si>
  <si>
    <t>\\acsfs\profiles$\matheusmax\Downloads\50654779-0e47-4c02-9501-7726ee65141f.tmp</t>
  </si>
  <si>
    <t>23218d36-2c9a-44d0-94af-861aeb3159ec.tmp</t>
  </si>
  <si>
    <t>\\acsfs\profiles$\matheusmax\Downloads\23218d36-2c9a-44d0-94af-861aeb3159ec.tmp</t>
  </si>
  <si>
    <t>5ae6de11-34f0-4d07-bfd7-9277e1283ab1.tmp</t>
  </si>
  <si>
    <t>\\acsfs\profiles$\matheusmax\Downloads\5ae6de11-34f0-4d07-bfd7-9277e1283ab1.tmp</t>
  </si>
  <si>
    <t>6889f8aa-79b8-4538-8a0c-f99fc97751b5.tmp</t>
  </si>
  <si>
    <t>\\acsfs\profiles$\matheusmax\Downloads\6889f8aa-79b8-4538-8a0c-f99fc97751b5.tmp</t>
  </si>
  <si>
    <t>f05c88ea-11f3-44b0-8b33-879e41982442.tmp</t>
  </si>
  <si>
    <t>\\acsfs\profiles$\joycemmdl\Downloads\f05c88ea-11f3-44b0-8b33-879e41982442.tmp</t>
  </si>
  <si>
    <t>214dd79b-d177-4eed-b51e-afaf89912108.tmp</t>
  </si>
  <si>
    <t>\\acsfs\profiles$\lucasgpe\Downloads\214dd79b-d177-4eed-b51e-afaf89912108.tmp</t>
  </si>
  <si>
    <t>4244a5d3-51e1-4b8d-bb1e-edc8e3cb3b9a.tmp</t>
  </si>
  <si>
    <t>\\acsfs\profiles$\brunalas\Downloads\4244a5d3-51e1-4b8d-bb1e-edc8e3cb3b9a.tmp</t>
  </si>
  <si>
    <t>9c2a2e61-445b-4376-8949-c1d59d8ea58b.tmp</t>
  </si>
  <si>
    <t>\\acsfs\profiles$\rosileiam\Downloads\9c2a2e61-445b-4376-8949-c1d59d8ea58b.tmp</t>
  </si>
  <si>
    <t>cdda5812-68f8-4596-bc44-1ada05b012c7.tmp</t>
  </si>
  <si>
    <t>\\acsfs\profiles$\rosileiam\Downloads\cdda5812-68f8-4596-bc44-1ada05b012c7.tmp</t>
  </si>
  <si>
    <t>acac73bf-a22d-4561-89b0-90a7714b3f71.tmp</t>
  </si>
  <si>
    <t>\\acsfs\profiles$\brunalas\Downloads\acac73bf-a22d-4561-89b0-90a7714b3f71.tmp</t>
  </si>
  <si>
    <t>.~lock.Novo Documento RTF.rtf#</t>
  </si>
  <si>
    <t>\\acsfs\profiles$\laylaams\My Documents\.~lock.Novo Documento RTF.rtf#</t>
  </si>
  <si>
    <t>1cef38ca-006e-4454-bb7d-44038da1af5a.tmp</t>
  </si>
  <si>
    <t>\\acsfs\profiles$\erichds\Downloads\1cef38ca-006e-4454-bb7d-44038da1af5a.tmp</t>
  </si>
  <si>
    <t>770b9346-c129-425e-b6e7-20f2cb90f1af.tmp</t>
  </si>
  <si>
    <t>\\acsfs\profiles$\erichds\Downloads\770b9346-c129-425e-b6e7-20f2cb90f1af.tmp</t>
  </si>
  <si>
    <t>10.200.66.148</t>
  </si>
  <si>
    <t>\\acsfs\DEPTOS\Operacao\PCP\5 - Comum\PLANEJAMENTO BV\14 - ACOMPANHAMENTO\1 - REPORT ACOMPANHAMENTO\2020\1 - JANEIRO\CARTÕES\</t>
  </si>
  <si>
    <t>d71c4015-05da-47da-a9fe-f5b41f39763c.tmp</t>
  </si>
  <si>
    <t>\\acsfs\profiles$\matheusmax\Downloads\d71c4015-05da-47da-a9fe-f5b41f39763c.tmp</t>
  </si>
  <si>
    <t>ee202f80-a152-43d7-a1fe-171a8b02a9e6.tmp</t>
  </si>
  <si>
    <t>\\acsfs\profiles$\nathaliaos\Downloads\ee202f80-a152-43d7-a1fe-171a8b02a9e6.tmp</t>
  </si>
  <si>
    <t>2f121b86-acea-49a7-bfff-e193752fed62.tmp</t>
  </si>
  <si>
    <t>\\acsfs\profiles$\nathaliaos\Downloads\2f121b86-acea-49a7-bfff-e193752fed62.tmp</t>
  </si>
  <si>
    <t>32f5b6f1-e7b9-4680-82f9-afc3dff32af4.tmp</t>
  </si>
  <si>
    <t>\\acsfs\profiles$\matheusmax\Downloads\32f5b6f1-e7b9-4680-82f9-afc3dff32af4.tmp</t>
  </si>
  <si>
    <t>de03c8e3-c0ce-4c65-9f2d-0855c0be113b.tmp</t>
  </si>
  <si>
    <t>\\acsfs\profiles$\brunalas\Downloads\de03c8e3-c0ce-4c65-9f2d-0855c0be113b.tmp</t>
  </si>
  <si>
    <t>8a192501-8ec3-4fb7-a824-02931425e901.tmp</t>
  </si>
  <si>
    <t>\\acsfs\profiles$\brunalas\Downloads\8a192501-8ec3-4fb7-a824-02931425e901.tmp</t>
  </si>
  <si>
    <t>b707eee1-0b7e-40b4-8e91-9fe19976eace.tmp</t>
  </si>
  <si>
    <t>\\acsfs\profiles$\Adrieledgc\Downloads\b707eee1-0b7e-40b4-8e91-9fe19976eace.tmp</t>
  </si>
  <si>
    <t>85eecf76-c861-4000-bd0c-6fb52d7384fd.tmp</t>
  </si>
  <si>
    <t>\\acsfs\profiles$\Adrieledgc\Downloads\85eecf76-c861-4000-bd0c-6fb52d7384fd.tmp</t>
  </si>
  <si>
    <t>d8d797f9-cce7-472a-aa93-323281fdc6e6.tmp</t>
  </si>
  <si>
    <t>\\acsfs\profiles$\rogeriofd\Downloads\d8d797f9-cce7-472a-aa93-323281fdc6e6.tmp</t>
  </si>
  <si>
    <t>a32c9274-aec6-4463-b9ba-9dee46b6bd27.tmp</t>
  </si>
  <si>
    <t>\\acsfs\profiles$\marlyannegdls\Downloads\a32c9274-aec6-4463-b9ba-9dee46b6bd27.tmp</t>
  </si>
  <si>
    <t>af365091-3bf4-4f32-8b98-c75870d0202b.tmp</t>
  </si>
  <si>
    <t>\\acsfs\profiles$\marlyannegdls\Downloads\af365091-3bf4-4f32-8b98-c75870d0202b.tmp</t>
  </si>
  <si>
    <t>8ed76c52-1ab3-4d47-a0e2-8c752fdc03d9.tmp</t>
  </si>
  <si>
    <t>\\acsfs\profiles$\rogeriofd\Downloads\8ed76c52-1ab3-4d47-a0e2-8c752fdc03d9.tmp</t>
  </si>
  <si>
    <t>d2b595de-1725-4cd0-8f9d-166dca4cae07.tmp</t>
  </si>
  <si>
    <t>\\acsfs\profiles$\rogeriofd\Downloads\d2b595de-1725-4cd0-8f9d-166dca4cae07.tmp</t>
  </si>
  <si>
    <t>f6347ed4-9263-4fdc-ba0f-05db6aae8905.tmp</t>
  </si>
  <si>
    <t>\\acsfs\profiles$\Adrieledgc\Downloads\f6347ed4-9263-4fdc-ba0f-05db6aae8905.tmp</t>
  </si>
  <si>
    <t>d7e83a76-1918-4d38-8d80-3d25bf243448.tmp</t>
  </si>
  <si>
    <t>\\acsfs\profiles$\Adrieledgc\Downloads\d7e83a76-1918-4d38-8d80-3d25bf243448.tmp</t>
  </si>
  <si>
    <t>aea88d5b-8e56-483a-93e2-38b03566e7df.tmp</t>
  </si>
  <si>
    <t>\\acsfs\profiles$\Adrieledgc\Downloads\aea88d5b-8e56-483a-93e2-38b03566e7df.tmp</t>
  </si>
  <si>
    <t>e1682baa-cfa9-49ba-ba35-a6cc0f5136a2.tmp</t>
  </si>
  <si>
    <t>\\acsfs\profiles$\Adrieledgc\Downloads\e1682baa-cfa9-49ba-ba35-a6cc0f5136a2.tmp</t>
  </si>
  <si>
    <t>7d72f55d-96a2-4319-9753-bd319e274f3f.tmp</t>
  </si>
  <si>
    <t>\\acsfs\profiles$\marlyannegdls\Downloads\7d72f55d-96a2-4319-9753-bd319e274f3f.tmp</t>
  </si>
  <si>
    <t>c7beabd2-6dfd-47a7-a097-f1f17a673dd6.tmp</t>
  </si>
  <si>
    <t>\\acsfs\profiles$\marlyannegdls\Downloads\c7beabd2-6dfd-47a7-a097-f1f17a673dd6.tmp</t>
  </si>
  <si>
    <t>cb25277f-2a89-44b4-acf3-658fb7ede48f.tmp</t>
  </si>
  <si>
    <t>\\acsfs\profiles$\lucasqdss\Downloads\cb25277f-2a89-44b4-acf3-658fb7ede48f.tmp</t>
  </si>
  <si>
    <t>cf32dbf4-59db-4575-ae8d-6e1d8a10ef6d.tmp</t>
  </si>
  <si>
    <t>\\acsfs\profiles$\andressagr\Downloads\cf32dbf4-59db-4575-ae8d-6e1d8a10ef6d.tmp</t>
  </si>
  <si>
    <t>585963aa-ead5-43ca-82b2-d17f040186a0.tmp</t>
  </si>
  <si>
    <t>\\acsfs\profiles$\andressagr\Downloads\585963aa-ead5-43ca-82b2-d17f040186a0.tmp</t>
  </si>
  <si>
    <t>6dd871f0-de09-4c1f-9696-d7833af75d08.tmp</t>
  </si>
  <si>
    <t>\\acsfs\profiles$\ROZENCAM\Downloads\6dd871f0-de09-4c1f-9696-d7833af75d08.tmp</t>
  </si>
  <si>
    <t>cac66503-d6b6-400c-9c93-884ccfcb88cf.tmp</t>
  </si>
  <si>
    <t>\\acsfs\profiles$\lucasqdss\Downloads\cac66503-d6b6-400c-9c93-884ccfcb88cf.tmp</t>
  </si>
  <si>
    <t>6d3cfabe-9fa6-41db-aa0c-230a414ce7e9.tmp</t>
  </si>
  <si>
    <t>\\acsfs\profiles$\andressagr\Downloads\6d3cfabe-9fa6-41db-aa0c-230a414ce7e9.tmp</t>
  </si>
  <si>
    <t>576f016f-a149-4d29-bf2e-0c1c27e5b74e.tmp</t>
  </si>
  <si>
    <t>\\acsfs\profiles$\ROZENCAM\Downloads\576f016f-a149-4d29-bf2e-0c1c27e5b74e.tmp</t>
  </si>
  <si>
    <t>7b57ce04-8b10-43e5-b5a6-83563a5095fe.tmp</t>
  </si>
  <si>
    <t>\\acsfs\profiles$\mariellecs\Downloads\7b57ce04-8b10-43e5-b5a6-83563a5095fe.tmp</t>
  </si>
  <si>
    <t>1fa0f8e8-e78c-4440-8e42-a0eb926b5b66.tmp</t>
  </si>
  <si>
    <t>\\acsfs\profiles$\mariellecs\Downloads\1fa0f8e8-e78c-4440-8e42-a0eb926b5b66.tmp</t>
  </si>
  <si>
    <t>42d6f410-0c6f-4510-a9ab-d6434ad6e5ab.tmp</t>
  </si>
  <si>
    <t>\\acsfs\profiles$\claudiajca\Downloads\42d6f410-0c6f-4510-a9ab-d6434ad6e5ab.tmp</t>
  </si>
  <si>
    <t>b95c28f3-c2f9-4413-a602-8bad6995cab3.tmp</t>
  </si>
  <si>
    <t>\\acsfs\profiles$\deboraaa\Downloads\b95c28f3-c2f9-4413-a602-8bad6995cab3.tmp</t>
  </si>
  <si>
    <t>9bff1ecc-de20-4aff-9652-e235be1d4b0f.tmp</t>
  </si>
  <si>
    <t>\\acsfs\profiles$\deboraaa\Downloads\9bff1ecc-de20-4aff-9652-e235be1d4b0f.tmp</t>
  </si>
  <si>
    <t>a63efb4a-718f-42f3-a05a-a236b5365278.tmp</t>
  </si>
  <si>
    <t>\\acsfs\profiles$\vivianealda\Downloads\a63efb4a-718f-42f3-a05a-a236b5365278.tmp</t>
  </si>
  <si>
    <t>7f289e9e-1bc6-46a4-9f77-aa014eee2afb.tmp</t>
  </si>
  <si>
    <t>\\acsfs\profiles$\vivianealda\Downloads\7f289e9e-1bc6-46a4-9f77-aa014eee2afb.tmp</t>
  </si>
  <si>
    <t>dd6c687f-af40-4c18-a33d-181bc770db51.tmp</t>
  </si>
  <si>
    <t>\\acsfs\profiles$\vivianealda\Downloads\dd6c687f-af40-4c18-a33d-181bc770db51.tmp</t>
  </si>
  <si>
    <t>f371620e-03af-4935-bb16-636759f1f321.tmp</t>
  </si>
  <si>
    <t>\\acsfs\profiles$\vivianealda\Downloads\f371620e-03af-4935-bb16-636759f1f321.tmp</t>
  </si>
  <si>
    <t>4df42d34-a1e0-494d-8f0c-8f6ec4531f24.tmp</t>
  </si>
  <si>
    <t>\\acsfs\profiles$\vivianealda\Downloads\4df42d34-a1e0-494d-8f0c-8f6ec4531f24.tmp</t>
  </si>
  <si>
    <t>b7b38fb8-46f9-4685-a865-d198dd652eb5.tmp</t>
  </si>
  <si>
    <t>\\acsfs\profiles$\mariellecs\Downloads\b7b38fb8-46f9-4685-a865-d198dd652eb5.tmp</t>
  </si>
  <si>
    <t>1e021814-36eb-4e6c-a209-abd20dc4c37f.tmp</t>
  </si>
  <si>
    <t>\\acsfs\profiles$\mariellecs\Downloads\1e021814-36eb-4e6c-a209-abd20dc4c37f.tmp</t>
  </si>
  <si>
    <t>8638c446-fc3e-443c-9020-2b41f9ab1b01.tmp</t>
  </si>
  <si>
    <t>\\acsfs\profiles$\mariellecs\Downloads\8638c446-fc3e-443c-9020-2b41f9ab1b01.tmp</t>
  </si>
  <si>
    <t>8db1cce1-55cc-4290-a37f-b2e20a58de8f.tmp</t>
  </si>
  <si>
    <t>\\acsfs\profiles$\claudiajca\Downloads\8db1cce1-55cc-4290-a37f-b2e20a58de8f.tmp</t>
  </si>
  <si>
    <t>483e28c9-d8a1-4be3-968a-b9418525f6c5.tmp</t>
  </si>
  <si>
    <t>\\acsfs\profiles$\BRUNAAR\Downloads\483e28c9-d8a1-4be3-968a-b9418525f6c5.tmp</t>
  </si>
  <si>
    <t>4a72095b-97d3-4bf5-8c67-22a73f762915.tmp</t>
  </si>
  <si>
    <t>\\acsfs\profiles$\BRUNAAR\Downloads\4a72095b-97d3-4bf5-8c67-22a73f762915.tmp</t>
  </si>
  <si>
    <t>03de8aa5-a79a-4b11-9079-2bf468f29449.tmp</t>
  </si>
  <si>
    <t>\\acsfs\profiles$\deboraaa\Downloads\03de8aa5-a79a-4b11-9079-2bf468f29449.tmp</t>
  </si>
  <si>
    <t>8d583dd7-2e4c-4ce9-a11c-6a1c2e89f265.tmp</t>
  </si>
  <si>
    <t>\\acsfs\profiles$\deboraaa\Downloads\8d583dd7-2e4c-4ce9-a11c-6a1c2e89f265.tmp</t>
  </si>
  <si>
    <t>https://udpwfmniceap02/pt_br/web/guest/home?p_auth=hsynh6bu&amp;p_p_id=58&amp;p_p_lifecycle=1&amp;p_p_state=maximized&amp;p_p_mode=view&amp;savelastpath=0&amp;_58_struts_action=/login/forgot_password</t>
  </si>
  <si>
    <t>82ed46f5-9d27-48d3-8ddc-6e34d1aca721.tmp</t>
  </si>
  <si>
    <t>\\acsfs\profiles$\vivianealda\Downloads\82ed46f5-9d27-48d3-8ddc-6e34d1aca721.tmp</t>
  </si>
  <si>
    <t>192.168.1.102</t>
  </si>
  <si>
    <t>mail.google.com/_/upload?authuser=1&amp;dcp=asu-n&amp;upload_id=AEnB2UrdsUZfXovwfD7tYcvtTENiWuIpC4U2pE-fFCa_Lhxk900ezZtaHgSO0JMxEHPhYSiDlUQv01n2kayo_lsFUiTCiGO50Q&amp;upload_protocol=resumable</t>
  </si>
  <si>
    <t>C:\Users\marcelof\Desktop\Marcos Pereira pendencias TIM\</t>
  </si>
  <si>
    <t>Orçamentos executados PENDENTES INFORMAÇÃO 30_12.xlsx</t>
  </si>
  <si>
    <t>937a6963-674b-4aae-ac7e-f3d1c53b9cff.tmp</t>
  </si>
  <si>
    <t>\\acsfs\profiles$\sarahbal\Downloads\937a6963-674b-4aae-ac7e-f3d1c53b9cff.tmp</t>
  </si>
  <si>
    <t>6c8cb456-0fe8-40b7-97b0-5739282a21e6.tmp</t>
  </si>
  <si>
    <t>\\acsfs\profiles$\cintiadcf\Downloads\6c8cb456-0fe8-40b7-97b0-5739282a21e6.tmp</t>
  </si>
  <si>
    <t>f49326fa-0b9d-41a8-a489-966531db5805.tmp</t>
  </si>
  <si>
    <t>\\acsfs\profiles$\cintiadcf\Downloads\f49326fa-0b9d-41a8-a489-966531db5805.tmp</t>
  </si>
  <si>
    <t>fe087c46-241f-4d25-93ff-44d5645be153.tmp</t>
  </si>
  <si>
    <t>\\acsfs\profiles$\cintiadcf\Downloads\fe087c46-241f-4d25-93ff-44d5645be153.tmp</t>
  </si>
  <si>
    <t>79483c49-f0c4-4a8b-9c87-a4797f87bfc7.tmp</t>
  </si>
  <si>
    <t>\\acsfs\profiles$\inarajst\Downloads\79483c49-f0c4-4a8b-9c87-a4797f87bfc7.tmp</t>
  </si>
  <si>
    <t>a39a949d-cbcb-46db-811d-defc17c9f002.tmp</t>
  </si>
  <si>
    <t>\\acsfs\profiles$\inarajst\Downloads\a39a949d-cbcb-46db-811d-defc17c9f002.tmp</t>
  </si>
  <si>
    <t>3733df0e-86e7-44e8-86f0-d1db67cd8a8f.tmp</t>
  </si>
  <si>
    <t>\\acsfs\profiles$\inarajst\Downloads\3733df0e-86e7-44e8-86f0-d1db67cd8a8f.tmp</t>
  </si>
  <si>
    <t>67a1755a-2003-4d7a-8451-68765b12bca1.tmp</t>
  </si>
  <si>
    <t>\\acsfs\profiles$\andressagr\Downloads\67a1755a-2003-4d7a-8451-68765b12bca1.tmp</t>
  </si>
  <si>
    <t>joaogvc@algartech.com;marianadjc@algartech.com;paulacn@algartech.com;rafaelggs@algartech.com;taysdss@algartech.com;viniciussg@algartech.com;</t>
  </si>
  <si>
    <t>joaogvc@algartech.com,marianadjc@algartech.com,paulacn@algartech.com,rafaelggs@algartech.com,taysdss@algartech.com,viniciussg@algartech.com</t>
  </si>
  <si>
    <t>f32529d1-9ffb-4bb2-96a6-8b8ec1928691.tmp</t>
  </si>
  <si>
    <t>\\acsfs\profiles$\ALYNYA\Downloads\f32529d1-9ffb-4bb2-96a6-8b8ec1928691.tmp</t>
  </si>
  <si>
    <t>515db2d4-0068-443a-9ce9-d8ef3df96a3d.tmp</t>
  </si>
  <si>
    <t>\\acsfs\profiles$\danielac\Downloads\515db2d4-0068-443a-9ce9-d8ef3df96a3d.tmp</t>
  </si>
  <si>
    <t>97d7475f-3a45-436b-bd49-7d6852c8b348.tmp</t>
  </si>
  <si>
    <t>\\acsfs\profiles$\danielac\Downloads\97d7475f-3a45-436b-bd49-7d6852c8b348.tmp</t>
  </si>
  <si>
    <t>1ee08225-e2fc-4a07-b077-9d1c8a754154.tmp</t>
  </si>
  <si>
    <t>\\acsfs\profiles$\sarahbal\Downloads\1ee08225-e2fc-4a07-b077-9d1c8a754154.tmp</t>
  </si>
  <si>
    <t>2f582ad7-e4af-4ff8-9991-660af3be77ca.tmp</t>
  </si>
  <si>
    <t>\\acsfs\profiles$\sarahbal\Downloads\2f582ad7-e4af-4ff8-9991-660af3be77ca.tmp</t>
  </si>
  <si>
    <t>4cad026b-62db-4fb2-af29-8487e81188eb.tmp</t>
  </si>
  <si>
    <t>\\acsfs\profiles$\sarahbal\Downloads\4cad026b-62db-4fb2-af29-8487e81188eb.tmp</t>
  </si>
  <si>
    <t>35f0e14d-d476-4548-9abc-e4095c264758.tmp</t>
  </si>
  <si>
    <t>\\acsfs\profiles$\sarahbal\Downloads\35f0e14d-d476-4548-9abc-e4095c264758.tmp</t>
  </si>
  <si>
    <t>f992ef08-ff24-4a7b-9aa9-e5bb9ca0c627.tmp</t>
  </si>
  <si>
    <t>\\acsfs\profiles$\websondsa\Downloads\f992ef08-ff24-4a7b-9aa9-e5bb9ca0c627.tmp</t>
  </si>
  <si>
    <t>3333b193-5824-42fa-ba3d-4f4dcaf37a14.tmp</t>
  </si>
  <si>
    <t>\\acsfs\profiles$\websondsa\Downloads\3333b193-5824-42fa-ba3d-4f4dcaf37a14.tmp</t>
  </si>
  <si>
    <t>6be26c18-7101-4764-bd96-c2b4b705bce3.tmp</t>
  </si>
  <si>
    <t>\\acsfs\profiles$\websondsa\Downloads\6be26c18-7101-4764-bd96-c2b4b705bce3.tmp</t>
  </si>
  <si>
    <t>3509f535-139a-451f-aa0d-e0eeb12dbeec.tmp</t>
  </si>
  <si>
    <t>\\acsfs\profiles$\dhiulliananads\Downloads\3509f535-139a-451f-aa0d-e0eeb12dbeec.tmp</t>
  </si>
  <si>
    <t>495adbec-efed-43df-940d-319927eb4c71.tmp</t>
  </si>
  <si>
    <t>\\acsfs\profiles$\dhiulliananads\Downloads\495adbec-efed-43df-940d-319927eb4c71.tmp</t>
  </si>
  <si>
    <t>f58e5aa1-08c6-465a-92a4-7db1bd0f4c32.tmp</t>
  </si>
  <si>
    <t>\\acsfs\profiles$\dhiulliananads\Downloads\f58e5aa1-08c6-465a-92a4-7db1bd0f4c32.tmp</t>
  </si>
  <si>
    <t>7a8e80df-7014-4f87-9903-d51f1695f86e.tmp</t>
  </si>
  <si>
    <t>\\acsfs\profiles$\inarajst\Downloads\7a8e80df-7014-4f87-9903-d51f1695f86e.tmp</t>
  </si>
  <si>
    <t>f8a7cd08-19d1-46b9-b963-be3e58eed2b6.tmp</t>
  </si>
  <si>
    <t>\\acsfs\profiles$\inarajst\Downloads\f8a7cd08-19d1-46b9-b963-be3e58eed2b6.tmp</t>
  </si>
  <si>
    <t>93398b20-cbec-4410-9dd2-1b824f99148b.tmp</t>
  </si>
  <si>
    <t>\\acsfs\profiles$\inarajst\Downloads\93398b20-cbec-4410-9dd2-1b824f99148b.tmp</t>
  </si>
  <si>
    <t>1ee20d60-0dc1-4ab6-916e-6b35152b9f63.tmp</t>
  </si>
  <si>
    <t>\\acsfs\profiles$\ALYNYA\Downloads\1ee20d60-0dc1-4ab6-916e-6b35152b9f63.tmp</t>
  </si>
  <si>
    <t>00bd578c-236b-410d-9533-1f9045f58185.tmp</t>
  </si>
  <si>
    <t>\\acsfs\profiles$\ALYNYA\Downloads\00bd578c-236b-410d-9533-1f9045f58185.tmp</t>
  </si>
  <si>
    <t>f422e39c-878b-4efb-984d-13f79d6bf164.tmp</t>
  </si>
  <si>
    <t>\\acsfs\profiles$\vivianalds\Downloads\f422e39c-878b-4efb-984d-13f79d6bf164.tmp</t>
  </si>
  <si>
    <t>c10a82d0-9a7c-4987-80e1-46877e6f47e3.tmp</t>
  </si>
  <si>
    <t>\\acsfs\profiles$\websondsa\Downloads\c10a82d0-9a7c-4987-80e1-46877e6f47e3.tmp</t>
  </si>
  <si>
    <t>2455bd11-8709-4dcd-ac1c-1144c86a0e7e.tmp</t>
  </si>
  <si>
    <t>\\acsfs\profiles$\vivianalds\Downloads\2455bd11-8709-4dcd-ac1c-1144c86a0e7e.tmp</t>
  </si>
  <si>
    <t>d374a96a-ba46-42b3-b8ee-d9f4fb29eef4.tmp</t>
  </si>
  <si>
    <t>\\acsfs\profiles$\BRUNAAR\Downloads\d374a96a-ba46-42b3-b8ee-d9f4fb29eef4.tmp</t>
  </si>
  <si>
    <t>12/31/2019 19:17:45</t>
  </si>
  <si>
    <t>vocabulario atualizado- 31-12-19.xlsx</t>
  </si>
  <si>
    <t>ancestorhasaugmen,ancestorhasaugmentedpermissions,containsunsubscribedchildren,displ,display,displaynam,displayname,domain,emailaddress,emailaddress�,explicitlytrashed,explicitlytrashed�,file(kind,fileid,filesize,hasthumbnail,hasvisitorpermissions,id,id),items(deleted,items(kind,ken,kind,lastmodifyingus,lastmodifyinguser(kind,lastviewedbymedate,mimetype,modifiedbymedate,modifieddate,ontainsunsubscribedchildren,owners(kind,permissionid,peu_3hqm0iehc0jvc_qsut_k7anixligwg9dggj8v8vaic9_1e4xzzbnaj5ik0dhl84d6e7ecredhfot-wafhsowc7xzl7_ltbwqu5zcbo8o-kr_8dyv0mbpkrejitnaulg69g==&amp;maxresults=21000&amp;supportsteamdrives=true&amp;includeteamdriveitems=true&amp;corpora=default&amp;key=aizasyay9vvxhsps2ijpptzytgblp3-3_l0abk4 http/1.1 authorization: sapisidhash 1577830628_f91d87ac0ade8d20ba0ea7c0689633b7e61ce416_u x-goog-authuser: 1 --=====dtib2seje9m4=====-- ql��!o�,picture,quotabytesused,rpermissions,shar,shared,sharedwithmedate,thumbnailversion,thumbnailversion�,title,userpermission(role)</t>
  </si>
  <si>
    <t>\\acsfs\DEPTOS\Operacao\PCP\5 - Comum\PLANEJAMENTO BV\14 - ACOMPANHAMENTO\1 - REPORT ACOMPANHAMENTO\2020\1 - JANEIRO\CARTÕES\Login Logout Cartões\Consolidado Login Cartões.xlsx</t>
  </si>
  <si>
    <t>\\acsfs\DEPTOS\Operacao\PCP\5 - Comum\PLANEJAMENTO BV\14 - ACOMPANHAMENTO\1 - REPORT ACOMPANHAMENTO\2020\1 - JANEIRO\CARTÕES\Login Logout Cartões\RELATORIO DE LOGIN - BV CARTÕES 12-12.xlsm</t>
  </si>
  <si>
    <t>\\acsfs\DEPTOS\Operacao\PCP\5 - Comum\PLANEJAMENTO BV\14 - ACOMPANHAMENTO\1 - REPORT ACOMPANHAMENTO\2020\1 - JANEIRO\CARTÕES\Login Logout Cartões\RELATORIO DE LOGIN - BV CARTÕES 12-12.xlsm\</t>
  </si>
  <si>
    <t>\\acsfs\DEPTOS\Operacao\PCP\5 - Comum\PLANEJAMENTO BV\14 - ACOMPANHAMENTO\1 - REPORT ACOMPANHAMENTO\2020\1 - JANEIRO\CARTÕES\Login Logout Cartões\RELATORIO DE LOGIN - BV CARTÕES 12-12.xlsm\:Zone.Identifier:$DATA</t>
  </si>
  <si>
    <t>\\acsfs\DEPTOS\Operacao\PCP\5 - Comum\PLANEJAMENTO BV\14 - ACOMPANHAMENTO\1 - REPORT ACOMPANHAMENTO\2020\1 - JANEIRO\CARTÕES\Login Logout Cartões\RELATORIO DE LOGIN - BV CARTÕES 16-12.xlsm</t>
  </si>
  <si>
    <t>\\acsfs\DEPTOS\Operacao\PCP\5 - Comum\PLANEJAMENTO BV\14 - ACOMPANHAMENTO\1 - REPORT ACOMPANHAMENTO\2020\1 - JANEIRO\CARTÕES\Login Logout Cartões\RELATORIO DE LOGIN - BV CARTÕES 18-12.xlsm</t>
  </si>
  <si>
    <t>\\acsfs\DEPTOS\Operacao\PCP\5 - Comum\PLANEJAMENTO BV\14 - ACOMPANHAMENTO\1 - REPORT ACOMPANHAMENTO\2020\1 - JANEIRO\CARTÕES\Login Logout Cartões\RELATORIO DE LOGIN - BV CARTÕES 22-12.xlsm</t>
  </si>
  <si>
    <t>\\acsfs\DEPTOS\Operacao\PCP\5 - Comum\PLANEJAMENTO BV\14 - ACOMPANHAMENTO\1 - REPORT ACOMPANHAMENTO\2020\1 - JANEIRO\CARTÕES\Login Logout Cartões\RELATORIO DE LOGIN - BV CARTÕES 25-12.xlsm</t>
  </si>
  <si>
    <t>\\acsfs\DEPTOS\Operacao\PCP\5 - Comum\PLANEJAMENTO BV\14 - ACOMPANHAMENTO\1 - REPORT ACOMPANHAMENTO\2020\1 - JANEIRO\CARTÕES\Login Logout Cartões\RELATORIO DE LOGIN - BV CARTÕES 26-12.xlsm</t>
  </si>
  <si>
    <t>\\acsfs\DEPTOS\Operacao\PCP\5 - Comum\PLANEJAMENTO BV\14 - ACOMPANHAMENTO\1 - REPORT ACOMPANHAMENTO\2020\1 - JANEIRO\CARTÕES\Login Logout Cartões\RELATORIO DE LOGIN - BV CARTÕES 29-12.xlsm</t>
  </si>
  <si>
    <t>\\acsfs\DEPTOS\Operacao\PCP\5 - Comum\PLANEJAMENTO BV\14 - ACOMPANHAMENTO\1 - REPORT ACOMPANHAMENTO\2020\1 - JANEIRO\CARTÕES\Login Logout Cartões\RELATORIO DE LOGIN - BV CARTÕES 30-12.xlsm</t>
  </si>
  <si>
    <t>\\acsfs\DEPTOS\Operacao\PCP\5 - Comum\PLANEJAMENTO BV\14 - ACOMPANHAMENTO\1 - REPORT ACOMPANHAMENTO\2020\1 - JANEIRO\CARTÕES\Login Logout Cartões\RELATORIO DE LOGIN - BV CARTÕES - 02 - 12.xlsm</t>
  </si>
  <si>
    <t>\\acsfs\DEPTOS\Operacao\PCP\5 - Comum\PLANEJAMENTO BV\14 - ACOMPANHAMENTO\1 - REPORT ACOMPANHAMENTO\2020\1 - JANEIRO\CARTÕES\Login Logout Cartões\RELATORIO DE LOGIN - BV CARTÕES - 02 - 12.xlsm\</t>
  </si>
  <si>
    <t>\\acsfs\DEPTOS\Operacao\PCP\5 - Comum\PLANEJAMENTO BV\14 - ACOMPANHAMENTO\1 - REPORT ACOMPANHAMENTO\2020\1 - JANEIRO\CARTÕES\Login Logout Cartões\RELATORIO DE LOGIN - BV CARTÕES - 02 - 12.xlsm\:Zone.Identifier:$DATA</t>
  </si>
  <si>
    <t>\\acsfs\DEPTOS\Operacao\PCP\5 - Comum\PLANEJAMENTO BV\14 - ACOMPANHAMENTO\1 - REPORT ACOMPANHAMENTO\2020\1 - JANEIRO\CARTÕES\Login Logout Cartões\RELATORIO DE LOGIN - BV CARTÕES - 03 - 12.xlsm</t>
  </si>
  <si>
    <t>\\acsfs\DEPTOS\Operacao\PCP\5 - Comum\PLANEJAMENTO BV\14 - ACOMPANHAMENTO\1 - REPORT ACOMPANHAMENTO\2020\1 - JANEIRO\CARTÕES\Login Logout Cartões\RELATORIO DE LOGIN - BV CARTÕES - 03 - 12.xlsm\</t>
  </si>
  <si>
    <t>\\acsfs\DEPTOS\Operacao\PCP\5 - Comum\PLANEJAMENTO BV\14 - ACOMPANHAMENTO\1 - REPORT ACOMPANHAMENTO\2020\1 - JANEIRO\CARTÕES\Login Logout Cartões\RELATORIO DE LOGIN - BV CARTÕES - 03 - 12.xlsm\:Zone.Identifier:$DATA</t>
  </si>
  <si>
    <t>\\acsfs\DEPTOS\Operacao\PCP\5 - Comum\PLANEJAMENTO BV\14 - ACOMPANHAMENTO\1 - REPORT ACOMPANHAMENTO\2020\1 - JANEIRO\CARTÕES\Login Logout Cartões\RELATORIO DE LOGIN - BV CARTÕES - 04 - 12.xlsm</t>
  </si>
  <si>
    <t>\\acsfs\DEPTOS\Operacao\PCP\5 - Comum\PLANEJAMENTO BV\14 - ACOMPANHAMENTO\1 - REPORT ACOMPANHAMENTO\2020\1 - JANEIRO\CARTÕES\Login Logout Cartões\RELATORIO DE LOGIN - BV CARTÕES - 04 - 12.xlsm\</t>
  </si>
  <si>
    <t>\\acsfs\DEPTOS\Operacao\PCP\5 - Comum\PLANEJAMENTO BV\14 - ACOMPANHAMENTO\1 - REPORT ACOMPANHAMENTO\2020\1 - JANEIRO\CARTÕES\Login Logout Cartões\RELATORIO DE LOGIN - BV CARTÕES - 04 - 12.xlsm\:Zone.Identifier:$DATA</t>
  </si>
  <si>
    <t>\\acsfs\DEPTOS\Operacao\PCP\5 - Comum\PLANEJAMENTO BV\14 - ACOMPANHAMENTO\1 - REPORT ACOMPANHAMENTO\2020\1 - JANEIRO\CARTÕES\Login Logout Cartões\RELATORIO DE LOGIN - BV CARTÕES - 05 - 12.xlsm</t>
  </si>
  <si>
    <t>\\acsfs\DEPTOS\Operacao\PCP\5 - Comum\PLANEJAMENTO BV\14 - ACOMPANHAMENTO\1 - REPORT ACOMPANHAMENTO\2020\1 - JANEIRO\CARTÕES\Login Logout Cartões\RELATORIO DE LOGIN - BV CARTÕES - 05 - 12.xlsm\</t>
  </si>
  <si>
    <t>\\acsfs\DEPTOS\Operacao\PCP\5 - Comum\PLANEJAMENTO BV\14 - ACOMPANHAMENTO\1 - REPORT ACOMPANHAMENTO\2020\1 - JANEIRO\CARTÕES\Login Logout Cartões\RELATORIO DE LOGIN - BV CARTÕES - 05 - 12.xlsm\:Zone.Identifier:$DATA</t>
  </si>
  <si>
    <t>\\acsfs\DEPTOS\Operacao\PCP\5 - Comum\PLANEJAMENTO BV\14 - ACOMPANHAMENTO\1 - REPORT ACOMPANHAMENTO\2020\1 - JANEIRO\CARTÕES\Login Logout Cartões\RELATORIO DE LOGIN - BV CARTÕES - 06 - 12.xlsm</t>
  </si>
  <si>
    <t>\\acsfs\DEPTOS\Operacao\PCP\5 - Comum\PLANEJAMENTO BV\14 - ACOMPANHAMENTO\1 - REPORT ACOMPANHAMENTO\2020\1 - JANEIRO\CARTÕES\Login Logout Cartões\RELATORIO DE LOGIN - BV CARTÕES - 06 - 12.xlsm\</t>
  </si>
  <si>
    <t>\\acsfs\DEPTOS\Operacao\PCP\5 - Comum\PLANEJAMENTO BV\14 - ACOMPANHAMENTO\1 - REPORT ACOMPANHAMENTO\2020\1 - JANEIRO\CARTÕES\Login Logout Cartões\RELATORIO DE LOGIN - BV CARTÕES - 06 - 12.xlsm\:Zone.Identifier:$DATA</t>
  </si>
  <si>
    <t>\\acsfs\DEPTOS\Operacao\PCP\5 - Comum\PLANEJAMENTO BV\14 - ACOMPANHAMENTO\1 - REPORT ACOMPANHAMENTO\2020\1 - JANEIRO\CARTÕES\Login Logout Cartões\RELATORIO DE LOGIN - BV CARTÕES - 09- 12.xlsm</t>
  </si>
  <si>
    <t>\\acsfs\DEPTOS\Operacao\PCP\5 - Comum\PLANEJAMENTO BV\14 - ACOMPANHAMENTO\1 - REPORT ACOMPANHAMENTO\2020\1 - JANEIRO\CARTÕES\Login Logout Cartões\RELATORIO DE LOGIN - BV CARTÕES - 09- 12.xlsm\</t>
  </si>
  <si>
    <t>\\acsfs\DEPTOS\Operacao\PCP\5 - Comum\PLANEJAMENTO BV\14 - ACOMPANHAMENTO\1 - REPORT ACOMPANHAMENTO\2020\1 - JANEIRO\CARTÕES\Login Logout Cartões\RELATORIO DE LOGIN - BV CARTÕES - 09- 12.xlsm\:Zone.Identifier:$DATA</t>
  </si>
  <si>
    <t>\\acsfs\DEPTOS\Operacao\PCP\5 - Comum\PLANEJAMENTO BV\14 - ACOMPANHAMENTO\1 - REPORT ACOMPANHAMENTO\2020\1 - JANEIRO\CARTÕES\Login Logout Cartões\RELATORIO DE LOGIN - BV CARTÕES - 10 - 12.xlsm</t>
  </si>
  <si>
    <t>\\acsfs\DEPTOS\Operacao\PCP\5 - Comum\PLANEJAMENTO BV\14 - ACOMPANHAMENTO\1 - REPORT ACOMPANHAMENTO\2020\1 - JANEIRO\CARTÕES\Login Logout Cartões\RELATORIO DE LOGIN - BV CARTÕES - 10 - 12.xlsm\</t>
  </si>
  <si>
    <t>\\acsfs\DEPTOS\Operacao\PCP\5 - Comum\PLANEJAMENTO BV\14 - ACOMPANHAMENTO\1 - REPORT ACOMPANHAMENTO\2020\1 - JANEIRO\CARTÕES\Login Logout Cartões\RELATORIO DE LOGIN - BV CARTÕES - 10 - 12.xlsm\:Zone.Identifier:$DATA</t>
  </si>
  <si>
    <t>\\acsfs\DEPTOS\Operacao\PCP\5 - Comum\PLANEJAMENTO BV\14 - ACOMPANHAMENTO\1 - REPORT ACOMPANHAMENTO\2020\1 - JANEIRO\CARTÕES\Login Logout Cartões\RELATORIO DE LOGIN - BV CARTÕES - 11 - 12.xlsm</t>
  </si>
  <si>
    <t>\\acsfs\DEPTOS\Operacao\PCP\5 - Comum\PLANEJAMENTO BV\14 - ACOMPANHAMENTO\1 - REPORT ACOMPANHAMENTO\2020\1 - JANEIRO\CARTÕES\Login Logout Cartões\RELATORIO DE LOGIN - BV CARTÕES - 11 - 12.xlsm\</t>
  </si>
  <si>
    <t>\\acsfs\DEPTOS\Operacao\PCP\5 - Comum\PLANEJAMENTO BV\14 - ACOMPANHAMENTO\1 - REPORT ACOMPANHAMENTO\2020\1 - JANEIRO\CARTÕES\Login Logout Cartões\RELATORIO DE LOGIN - BV CARTÕES - 11 - 12.xlsm\:Zone.Identifier:$DATA</t>
  </si>
  <si>
    <t>\\acsfs\DEPTOS\Operacao\PCP\5 - Comum\PLANEJAMENTO BV\14 - ACOMPANHAMENTO\1 - REPORT ACOMPANHAMENTO\2020\1 - JANEIRO\CARTÕES\Pausas CARTÕES\Pausas.xlsx</t>
  </si>
  <si>
    <t>\\acsfs\DEPTOS\Operacao\PCP\5 - Comum\PLANEJAMENTO BV\14 - ACOMPANHAMENTO\1 - REPORT ACOMPANHAMENTO\2020\1 - JANEIRO\CARTÕES\SHORTCALLS\Shortcalls.xlsx</t>
  </si>
  <si>
    <t>\\acsfs\DEPTOS\Operacao\PCP\5 - Comum\PLANEJAMENTO BV\14 - ACOMPANHAMENTO\1 - REPORT ACOMPANHAMENTO\2020\1 - JANEIRO\CARTÕES\Acompanhamento improdutividade BV Cartões.xlsx</t>
  </si>
  <si>
    <t>\\acsfs\DEPTOS\Operacao\PCP\5 - Comum\PLANEJAMENTO BV\14 - ACOMPANHAMENTO\1 - REPORT ACOMPANHAMENTO\2020\1 - JANEIRO\CARTÕES\INTRA BV CARTÕES.xlsm</t>
  </si>
  <si>
    <t>\\acsfs\DEPTOS\Operacao\PCP\5 - Comum\PLANEJAMENTO BV\14 - ACOMPANHAMENTO\1 - REPORT ACOMPANHAMENTO\2020\1 - JANEIRO\CARTÕES\NR 17.xlsx</t>
  </si>
  <si>
    <t>\\acsfs\DEPTOS\Operacao\PCP\5 - Comum\PLANEJAMENTO BV\14 - ACOMPANHAMENTO\1 - REPORT ACOMPANHAMENTO\2020\1 - JANEIRO\CARTÕES\Range.xlsx</t>
  </si>
  <si>
    <t>RELATORIO DE LOGIN - BV CARTÕES.xlsm</t>
  </si>
  <si>
    <t>\\acsfs\DEPTOS\Operacao\PCP\5 - Comum\PLANEJAMENTO BV\14 - ACOMPANHAMENTO\1 - REPORT ACOMPANHAMENTO\2020\1 - JANEIRO\CARTÕES\RELATORIO DE LOGIN - BV CARTÕES.xlsm</t>
  </si>
  <si>
    <t>\\acsfs\DEPTOS\Operacao\PCP\5 - Comum\PLANEJAMENTO BV\14 - ACOMPANHAMENTO\1 - REPORT ACOMPANHAMENTO\2020\1 - JANEIRO\CARTÕES\RELATORIO DE LOGIN - BV CARTÕES.xlsm\</t>
  </si>
  <si>
    <t>\\acsfs\DEPTOS\Operacao\PCP\5 - Comum\PLANEJAMENTO BV\14 - ACOMPANHAMENTO\1 - REPORT ACOMPANHAMENTO\2020\1 - JANEIRO\CARTÕES\RELATORIO DE LOGIN - BV CARTÕES.xlsm\:Zone.Identifier:$DATA</t>
  </si>
  <si>
    <t>a2994b57-35e7-4d0f-827a-1beb3ff9e7d2.tmp</t>
  </si>
  <si>
    <t>\\acsfs\profiles$\claudiajca\Downloads\a2994b57-35e7-4d0f-827a-1beb3ff9e7d2.tmp</t>
  </si>
  <si>
    <t>e626dab2-ef87-411a-8f50-565b2378887b.tmp</t>
  </si>
  <si>
    <t>\\acsfs\profiles$\anafsb\Downloads\e626dab2-ef87-411a-8f50-565b2378887b.tmp</t>
  </si>
  <si>
    <t>ca7e3a1e-914b-4135-a7b3-5e28d640b3d3.tmp</t>
  </si>
  <si>
    <t>\\acsfs\profiles$\anafsb\Downloads\ca7e3a1e-914b-4135-a7b3-5e28d640b3d3.tmp</t>
  </si>
  <si>
    <t>5694a935-d38e-4337-bab8-75b666d3d6c1.tmp</t>
  </si>
  <si>
    <t>\\acsfs\profiles$\anafsb\Downloads\5694a935-d38e-4337-bab8-75b666d3d6c1.tmp</t>
  </si>
  <si>
    <t>54cff82f-62ba-4d4b-aa93-2e23275ad637.tmp</t>
  </si>
  <si>
    <t>\\acsfs\profiles$\luanarda\Downloads\54cff82f-62ba-4d4b-aa93-2e23275ad637.tmp</t>
  </si>
  <si>
    <t>f50de7b1-e43f-40de-84e5-d18325ead9af.tmp</t>
  </si>
  <si>
    <t>\\acsfs\profiles$\claudiajca\Downloads\f50de7b1-e43f-40de-84e5-d18325ead9af.tmp</t>
  </si>
  <si>
    <t>068cb1cc-1dde-496a-a6fb-3b9da70db19b.tmp</t>
  </si>
  <si>
    <t>\\acsfs\profiles$\mariajra\Downloads\068cb1cc-1dde-496a-a6fb-3b9da70db19b.tmp</t>
  </si>
  <si>
    <t>d836b590-ecbb-433f-9e21-40ca0ee21a0b.tmp</t>
  </si>
  <si>
    <t>\\acsfs\profiles$\ROZENCAM\Downloads\d836b590-ecbb-433f-9e21-40ca0ee21a0b.tmp</t>
  </si>
  <si>
    <t>e52dea51-3b62-48dc-8d2e-5f6730695bf9.tmp</t>
  </si>
  <si>
    <t>\\acsfs\profiles$\felipetds\Downloads\e52dea51-3b62-48dc-8d2e-5f6730695bf9.tmp</t>
  </si>
  <si>
    <t>7aa74d2e-a010-4534-85c7-e6fc48ac3957.tmp</t>
  </si>
  <si>
    <t>\\acsfs\profiles$\felipetds\Downloads\7aa74d2e-a010-4534-85c7-e6fc48ac3957.tmp</t>
  </si>
  <si>
    <t>4861a628-6382-488d-a44d-b3bc877e7e9e.tmp</t>
  </si>
  <si>
    <t>\\acsfs\profiles$\marcellewdl\Downloads\4861a628-6382-488d-a44d-b3bc877e7e9e.tmp</t>
  </si>
  <si>
    <t>3f160569-8614-4c08-8963-334a102bd80a.tmp</t>
  </si>
  <si>
    <t>\\acsfs\profiles$\YASMINSC\Downloads\3f160569-8614-4c08-8963-334a102bd80a.tmp</t>
  </si>
  <si>
    <t>c711d3fa-f61e-4f64-b2ee-d1dba6bff7d7.tmp</t>
  </si>
  <si>
    <t>\\acsfs\profiles$\anafsb\Downloads\c711d3fa-f61e-4f64-b2ee-d1dba6bff7d7.tmp</t>
  </si>
  <si>
    <t>4a7c2cb4-ca0b-438f-b217-72b402390d4a.tmp</t>
  </si>
  <si>
    <t>\\acsfs\profiles$\anafsb\Downloads\4a7c2cb4-ca0b-438f-b217-72b402390d4a.tmp</t>
  </si>
  <si>
    <t>4612d0c2-1968-4371-8182-dafaffd666bc.tmp</t>
  </si>
  <si>
    <t>\\acsfs\profiles$\anafsb\Downloads\4612d0c2-1968-4371-8182-dafaffd666bc.tmp</t>
  </si>
  <si>
    <t>10.200.66.43</t>
  </si>
  <si>
    <t>808e1669-4d0f-4743-a5c5-58a19a225e3e.tmp</t>
  </si>
  <si>
    <t>\\acsfs\profiles$\luanaagl\Downloads\808e1669-4d0f-4743-a5c5-58a19a225e3e.tmp</t>
  </si>
  <si>
    <t>1fdae35c-919f-4525-9f1d-73c0782c5bd5.tmp</t>
  </si>
  <si>
    <t>\\acsfs\profiles$\luanaagl\Downloads\1fdae35c-919f-4525-9f1d-73c0782c5bd5.tmp</t>
  </si>
  <si>
    <t>25b7fc7b-f7f9-4f07-a599-786b932c8371.tmp</t>
  </si>
  <si>
    <t>\\acsfs\profiles$\luanaagl\Downloads\25b7fc7b-f7f9-4f07-a599-786b932c8371.tmp</t>
  </si>
  <si>
    <t>fe537e45-1db2-41ef-adf7-16de2481081f.tmp</t>
  </si>
  <si>
    <t>\\acsfs\profiles$\luanaagl\Downloads\fe537e45-1db2-41ef-adf7-16de2481081f.tmp</t>
  </si>
  <si>
    <t>176312e2-062b-4088-9361-488a16ecd43a.tmp</t>
  </si>
  <si>
    <t>\\acsfs\profiles$\luanaagl\Downloads\176312e2-062b-4088-9361-488a16ecd43a.tmp</t>
  </si>
  <si>
    <t>172da73c-9d72-4419-954f-7997c75dc9a7.tmp</t>
  </si>
  <si>
    <t>\\acsfs\profiles$\luanarda\Downloads\172da73c-9d72-4419-954f-7997c75dc9a7.tmp</t>
  </si>
  <si>
    <t>Q29udHJvbGxlci5TQUNBLVNBQw-- (1).ica.crdownload</t>
  </si>
  <si>
    <t>\\acsfs\ACS\Q29udHJvbGxlci5TQUNBLVNBQw-- (1).ica.crdownload</t>
  </si>
  <si>
    <t>\\acsfs\ACS\Q29udHJvbGxlci5TQUNBLVNBQw-- (1).ica:Zone.Identifier</t>
  </si>
  <si>
    <t>b3321280-eb7c-4d48-80b5-e42a8ab8a320.tmp</t>
  </si>
  <si>
    <t>\\acsfs\profiles$\henriquehmdo\Downloads\b3321280-eb7c-4d48-80b5-e42a8ab8a320.tmp</t>
  </si>
  <si>
    <t>d8e6ac89-88ea-4d25-9367-ce1aee9a7088.tmp</t>
  </si>
  <si>
    <t>\\acsfs\profiles$\henriquehmdo\Downloads\d8e6ac89-88ea-4d25-9367-ce1aee9a7088.tmp</t>
  </si>
  <si>
    <t>62f0d8b8-6a59-4ffc-a091-7149a996aaad.tmp</t>
  </si>
  <si>
    <t>\\acsfs\profiles$\mariajra\Downloads\62f0d8b8-6a59-4ffc-a091-7149a996aaad.tmp</t>
  </si>
  <si>
    <t>192b00c8-926f-4b0a-b897-5fc92526426b.tmp</t>
  </si>
  <si>
    <t>\\acsfs\profiles$\mariajra\Downloads\192b00c8-926f-4b0a-b897-5fc92526426b.tmp</t>
  </si>
  <si>
    <t>a75c4fcc-66bf-4486-83c9-e6be5100cbb0.tmp</t>
  </si>
  <si>
    <t>\\acsfs\profiles$\mariajra\Downloads\a75c4fcc-66bf-4486-83c9-e6be5100cbb0.tmp</t>
  </si>
  <si>
    <t>eeac13b4-8e9b-4dd4-ae8d-1188c0aad9e6.tmp</t>
  </si>
  <si>
    <t>\\acsfs\profiles$\ERICALSR\Downloads\eeac13b4-8e9b-4dd4-ae8d-1188c0aad9e6.tmp</t>
  </si>
  <si>
    <t>117f2781-909c-4371-a52b-bf7e350a02b4.tmp</t>
  </si>
  <si>
    <t>\\acsfs\profiles$\ERICALSR\Downloads\117f2781-909c-4371-a52b-bf7e350a02b4.tmp</t>
  </si>
  <si>
    <t>b34c21a1-de26-42b9-96c1-f10b8d294b36.tmp</t>
  </si>
  <si>
    <t>\\acsfs\profiles$\gabrielarb\Downloads\b34c21a1-de26-42b9-96c1-f10b8d294b36.tmp</t>
  </si>
  <si>
    <t>b0348214-8770-49c3-896f-3c3a8480f2ec.tmp</t>
  </si>
  <si>
    <t>\\acsfs\profiles$\gabrielarb\Downloads\b0348214-8770-49c3-896f-3c3a8480f2ec.tmp</t>
  </si>
  <si>
    <t>9e672c02-5020-41ba-9870-07a32c2e8a91.tmp</t>
  </si>
  <si>
    <t>\\acsfs\profiles$\gabrielarb\Downloads\9e672c02-5020-41ba-9870-07a32c2e8a91.tmp</t>
  </si>
  <si>
    <t>1430c092-6f43-4cd3-822d-2c25723abf7f.tmp</t>
  </si>
  <si>
    <t>\\acsfs\profiles$\gabrielarb\Downloads\1430c092-6f43-4cd3-822d-2c25723abf7f.tmp</t>
  </si>
  <si>
    <t>a6c95e19-363e-4dcc-b704-473439b09c94.tmp</t>
  </si>
  <si>
    <t>\\acsfs\profiles$\marcellewdl\Downloads\a6c95e19-363e-4dcc-b704-473439b09c94.tmp</t>
  </si>
  <si>
    <t>f158eedf-b719-477f-a91d-7eb1d8b7cfbb.tmp</t>
  </si>
  <si>
    <t>\\acsfs\profiles$\YASMINSC\Downloads\f158eedf-b719-477f-a91d-7eb1d8b7cfbb.tmp</t>
  </si>
  <si>
    <t>12/26/2019 12:44:10</t>
  </si>
  <si>
    <t>10.200.57.55</t>
  </si>
  <si>
    <t>Receitamento DEZ FAT B.xlsx</t>
  </si>
  <si>
    <t>12/26/2019 14:03:46</t>
  </si>
  <si>
    <t>akassiablc@algartech.com;franciscoebf@algartech.com;wayneroa@algartech.com;</t>
  </si>
  <si>
    <t>Padrao Solicitacao Receitamento SG Telecom FAT B DEZEMBRO19.xlsm</t>
  </si>
  <si>
    <t>akassiablc@algartech.com,franciscoebf@algartech.com,wayneroa@algartech.com</t>
  </si>
  <si>
    <t>12/26/2019 14:25:38</t>
  </si>
  <si>
    <t>12/26/2019 14:25:45</t>
  </si>
  <si>
    <t>mail.google.com/_/upload?authuser=0&amp;dcp=asu-n&amp;upload_id=AEnB2UpoPPgu-TonRtsHNRAIYfJCNydhuqahf8hQFCiUGfZwVci6p_KIeMU9ZZEw61YFheT_oZQzKDmPFdkTN7a60QgHPf24h6U5q58yVqkGxUKd5vDzm1M&amp;upload_protocol=resumable</t>
  </si>
  <si>
    <t>12/26/2019 14:26:00</t>
  </si>
  <si>
    <t>mail.google.com/_/upload?authuser=0&amp;dcp=asu-n&amp;upload_id=AEnB2UoBBplEcB3e2YBcqClgqqrzAzjBi1XrSU4U8R5SzOQKcu6Icr41GPIOpbggBkEWfHgsOvP7H2exuGImZPzieB-eV5nKK8MmNHLVnof1cu-KDju03F8&amp;upload_protocol=resumable</t>
  </si>
  <si>
    <t>76ff62d7-d58d-4a06-9385-be8c7fb58fb2.tmp</t>
  </si>
  <si>
    <t>\\acsfs\profiles$\paulovadc\Downloads\76ff62d7-d58d-4a06-9385-be8c7fb58fb2.tmp</t>
  </si>
  <si>
    <t>ulog_AcroARM2_Reader_22bb18ef-a0cc-4985-b2f1-d8449a05e1d0_0ff4403e-1377-4472-9575-02e96c857399_0.log</t>
  </si>
  <si>
    <t>C:\Users\Jordanarb\AppData\Roaming\Adobe\LogTransport2\Logs\ulog_AcroARM2_Reader_22bb18ef-a0cc-4985-b2f1-d8449a05e1d0_0ff4403e-1377-4472-9575-02e96c857399_0.log\</t>
  </si>
  <si>
    <t>9f8d3353-b927-4fac-9fa3-748d8de2e098.tmp</t>
  </si>
  <si>
    <t>\\acsfs\profiles$\wenderbnm\Downloads\9f8d3353-b927-4fac-9fa3-748d8de2e098.tmp</t>
  </si>
  <si>
    <t>589e650b-89a1-4278-9177-8fbbb51b531d.tmp</t>
  </si>
  <si>
    <t>\\acsfs\profiles$\wenderbnm\Downloads\589e650b-89a1-4278-9177-8fbbb51b531d.tmp</t>
  </si>
  <si>
    <t>Vendas - Copia.ods</t>
  </si>
  <si>
    <t>\\acsfs\profiles$\VIVIANALDS\My Documents\Vendas - Copia.ods</t>
  </si>
  <si>
    <t>\\acsfs\profiles$\VIVIANALDS\My Documents\Vendas - Copia.ods\</t>
  </si>
  <si>
    <t>\\acsfs\profiles$\VIVIANALDS\My Documents\Vendas - Copia.ods\META-INF\</t>
  </si>
  <si>
    <t>\\acsfs\profiles$\VIVIANALDS\My Documents\Vendas - Copia.ods\Thumbnails\</t>
  </si>
  <si>
    <t>.~lock.Vendas - Janeiro.ods#</t>
  </si>
  <si>
    <t>\\acsfs\profiles$\VIVIANALDS\My Documents\.~lock.Vendas - Janeiro.ods#</t>
  </si>
  <si>
    <t>31fd69f4-a8cb-425c-8b7c-890a20bb8446.tmp</t>
  </si>
  <si>
    <t>\\acsfs\profiles$\milenaas\Downloads\31fd69f4-a8cb-425c-8b7c-890a20bb8446.tmp</t>
  </si>
  <si>
    <t>649e8c00-d133-477d-84bf-0660970e3ee2.tmp</t>
  </si>
  <si>
    <t>\\acsfs\profiles$\jonatanls\Downloads\649e8c00-d133-477d-84bf-0660970e3ee2.tmp</t>
  </si>
  <si>
    <t>421a50e1-ded5-4d4f-a873-68b635ef5d4f.tmp</t>
  </si>
  <si>
    <t>\\acsfs\profiles$\paulovadc\Downloads\421a50e1-ded5-4d4f-a873-68b635ef5d4f.tmp</t>
  </si>
  <si>
    <t>30752cff-7e02-4e45-af6e-fe823f5dac78.tmp</t>
  </si>
  <si>
    <t>\\acsfs\profiles$\LUCASNS\Downloads\30752cff-7e02-4e45-af6e-fe823f5dac78.tmp</t>
  </si>
  <si>
    <t>cb42e15f-432a-4813-90f8-9422feb3c1d8.tmp</t>
  </si>
  <si>
    <t>\\acsfs\profiles$\LUCASNS\Downloads\cb42e15f-432a-4813-90f8-9422feb3c1d8.tmp</t>
  </si>
  <si>
    <t>4349fd32-2477-4710-848c-6978c67eda51.tmp</t>
  </si>
  <si>
    <t>\\acsfs\profiles$\lorraynevam\Downloads\4349fd32-2477-4710-848c-6978c67eda51.tmp</t>
  </si>
  <si>
    <t>ulog_HeadlightsOptinProductFamily_HeadlightsOptinProduct_00000000-0000-0000-0000-000000000000_8c1369c6-fdee-404d-850a-e10366dc7492.log</t>
  </si>
  <si>
    <t>C:\Users\adrielecds\AppData\Roaming\Adobe\LogTransport2\Logs\ulog_HeadlightsOptinProductFamily_HeadlightsOptinProduct_00000000-0000-0000-0000-000000000000_8c1369c6-fdee-404d-850a-e10366dc7492.log\</t>
  </si>
  <si>
    <t>e6df6818-3b7a-4735-a149-58fa7aa3a059.tmp</t>
  </si>
  <si>
    <t>\\acsfs\profiles$\ERICALSR\Downloads\e6df6818-3b7a-4735-a149-58fa7aa3a059.tmp</t>
  </si>
  <si>
    <t>lu1408419812.tmp</t>
  </si>
  <si>
    <t>\\acsfs\profiles$\VIVIANALDS\My Documents\lu1408419812.tmp</t>
  </si>
  <si>
    <t>\\acsfs\profiles$\VIVIANALDS\My Documents\lu1408419812.tmp\</t>
  </si>
  <si>
    <t>\\acsfs\profiles$\VIVIANALDS\My Documents\lu1408419812.tmp\META-INF\</t>
  </si>
  <si>
    <t>\\acsfs\profiles$\VIVIANALDS\My Documents\lu1408419812.tmp\Thumbnails\</t>
  </si>
  <si>
    <t>08de6f56-83a1-4fb1-a6ad-5deb7e9b42c6.tmp</t>
  </si>
  <si>
    <t>\\acsfs\profiles$\milenaas\Downloads\08de6f56-83a1-4fb1-a6ad-5deb7e9b42c6.tmp</t>
  </si>
  <si>
    <t>413f537f-b214-4163-8eca-6ad1685b4f7a.tmp</t>
  </si>
  <si>
    <t>\\acsfs\profiles$\milenaas\Downloads\413f537f-b214-4163-8eca-6ad1685b4f7a.tmp</t>
  </si>
  <si>
    <t>7e32048f-4552-4460-99d9-12ca186fc337.tmp</t>
  </si>
  <si>
    <t>\\acsfs\profiles$\milenaas\Downloads\7e32048f-4552-4460-99d9-12ca186fc337.tmp</t>
  </si>
  <si>
    <t>80fa9ed0-1adb-4168-8511-16c48e82d4df.tmp</t>
  </si>
  <si>
    <t>\\acsfs\profiles$\cintiadcf\Downloads\80fa9ed0-1adb-4168-8511-16c48e82d4df.tmp</t>
  </si>
  <si>
    <t>8ec155e4-8569-4672-b613-8e08573400df.tmp</t>
  </si>
  <si>
    <t>\\acsfs\profiles$\deborahsi\Downloads\8ec155e4-8569-4672-b613-8e08573400df.tmp</t>
  </si>
  <si>
    <t>a77f28c7-9011-401a-9498-427622dd1b21.tmp</t>
  </si>
  <si>
    <t>\\acsfs\profiles$\lorraynevam\Downloads\a77f28c7-9011-401a-9498-427622dd1b21.tmp</t>
  </si>
  <si>
    <t>930aafff-771d-43a8-8643-6fc0e7cf1efc.tmp</t>
  </si>
  <si>
    <t>\\acsfs\profiles$\THYAGOSP\Downloads\930aafff-771d-43a8-8643-6fc0e7cf1efc.tmp</t>
  </si>
  <si>
    <t>f01df79f-a2ac-4f96-b692-9cfb25928484.tmp</t>
  </si>
  <si>
    <t>\\acsfs\profiles$\THYAGOSP\Downloads\f01df79f-a2ac-4f96-b692-9cfb25928484.tmp</t>
  </si>
  <si>
    <t>ec32de9e-0f3d-41d0-b809-63821101ea91.tmp</t>
  </si>
  <si>
    <t>\\acsfs\profiles$\deborahsi\Downloads\ec32de9e-0f3d-41d0-b809-63821101ea91.tmp</t>
  </si>
  <si>
    <t>f531c873-fa1d-4dc3-bdae-6d8ff89fcd80.tmp</t>
  </si>
  <si>
    <t>\\acsfs\profiles$\nayarasds\Downloads\f531c873-fa1d-4dc3-bdae-6d8ff89fcd80.tmp</t>
  </si>
  <si>
    <t>3df62921-d00b-4a81-9c82-d2ef755dd50f.tmp</t>
  </si>
  <si>
    <t>\\acsfs\profiles$\nayarasds\Downloads\3df62921-d00b-4a81-9c82-d2ef755dd50f.tmp</t>
  </si>
  <si>
    <t>0920dfb5-ad98-4a43-9246-e4cb5dfbc603.tmp</t>
  </si>
  <si>
    <t>\\acsfs\profiles$\nayarasds\Downloads\0920dfb5-ad98-4a43-9246-e4cb5dfbc603.tmp</t>
  </si>
  <si>
    <t>0c214b58-a38e-4c37-9aae-d3c5225afda5.tmp</t>
  </si>
  <si>
    <t>\\acsfs\profiles$\nayarasds\Downloads\0c214b58-a38e-4c37-9aae-d3c5225afda5.tmp</t>
  </si>
  <si>
    <t>66ef9878-5af4-45e4-8521-56aba1173732.tmp</t>
  </si>
  <si>
    <t>\\acsfs\profiles$\geovannasm\Downloads\66ef9878-5af4-45e4-8521-56aba1173732.tmp</t>
  </si>
  <si>
    <t>e71250e5-aa81-4299-b9da-3835cf09ec33.tmp</t>
  </si>
  <si>
    <t>\\acsfs\profiles$\geovannasm\Downloads\e71250e5-aa81-4299-b9da-3835cf09ec33.tmp</t>
  </si>
  <si>
    <t>3d978582-d9db-41a0-b083-06b122377b11.tmp</t>
  </si>
  <si>
    <t>\\acsfs\profiles$\geovannasm\Downloads\3d978582-d9db-41a0-b083-06b122377b11.tmp</t>
  </si>
  <si>
    <t>e63b8046-1887-408b-9728-ab18cb915069.tmp</t>
  </si>
  <si>
    <t>\\acsfs\profiles$\deborahsi\Downloads\e63b8046-1887-408b-9728-ab18cb915069.tmp</t>
  </si>
  <si>
    <t>3e3c7141-9331-4a1f-9e30-c01399cb1bf8.tmp</t>
  </si>
  <si>
    <t>\\acsfs\profiles$\quindaizaagds\Downloads\3e3c7141-9331-4a1f-9e30-c01399cb1bf8.tmp</t>
  </si>
  <si>
    <t>99bc4b59-6993-4884-97fd-d7eaa7a931cd.tmp</t>
  </si>
  <si>
    <t>\\acsfs\profiles$\quindaizaagds\Downloads\99bc4b59-6993-4884-97fd-d7eaa7a931cd.tmp</t>
  </si>
  <si>
    <t>68ca499e-4f06-4b9b-a8e9-e946454b98ca.tmp</t>
  </si>
  <si>
    <t>\\acsfs\profiles$\quindaizaagds\Downloads\68ca499e-4f06-4b9b-a8e9-e946454b98ca.tmp</t>
  </si>
  <si>
    <t>592553ac-bc40-4438-a758-bd0b04f7e794.tmp</t>
  </si>
  <si>
    <t>\\acsfs\profiles$\dhiulliananads\Downloads\592553ac-bc40-4438-a758-bd0b04f7e794.tmp</t>
  </si>
  <si>
    <t>mail.google.com/_/upload?authuser=0&amp;dcp=asu-n&amp;upload_id=AEnB2UoYQPRs_Oac4naZ58hGeI4wOyJhO1L_P0jMwK4gJyVNBQYVe_nmTN9z15ZvpWNtFxeVrqF1WVtmYZSioTlHoDGB-5t03gzPU3aBbWwPNB4PCJlswr0&amp;upload_protocol=resumable</t>
  </si>
  <si>
    <t>01- INTRADIÁRIOS_JANEIRO_2020 2.xlsx</t>
  </si>
  <si>
    <t>0ae11637-84c2-4563-9356-eabaa08c8591.tmp</t>
  </si>
  <si>
    <t>\\acsfs\profiles$\nayarasds\Downloads\0ae11637-84c2-4563-9356-eabaa08c8591.tmp</t>
  </si>
  <si>
    <t>71a2b96c-5042-466d-a5f6-1ac1e09fb767.tmp</t>
  </si>
  <si>
    <t>\\acsfs\profiles$\nayarasds\Downloads\71a2b96c-5042-466d-a5f6-1ac1e09fb767.tmp</t>
  </si>
  <si>
    <t>8c901fe9-8f0c-42a0-b3bc-4a9f30d06a23.tmp</t>
  </si>
  <si>
    <t>\\acsfs\profiles$\danielmlds\Downloads\8c901fe9-8f0c-42a0-b3bc-4a9f30d06a23.tmp</t>
  </si>
  <si>
    <t>12538260-6f0d-4817-8cc8-5b36b784857e.tmp</t>
  </si>
  <si>
    <t>\\acsfs\profiles$\danielmlds\Downloads\12538260-6f0d-4817-8cc8-5b36b784857e.tmp</t>
  </si>
  <si>
    <t>67943101-d299-49eb-b392-ac93d0781911.tmp</t>
  </si>
  <si>
    <t>\\acsfs\profiles$\eduardofss\Downloads\67943101-d299-49eb-b392-ac93d0781911.tmp</t>
  </si>
  <si>
    <t>ca53086e-3478-4054-97d8-76b2ca3af3fc.tmp</t>
  </si>
  <si>
    <t>\\acsfs\profiles$\eduardofss\Downloads\ca53086e-3478-4054-97d8-76b2ca3af3fc.tmp</t>
  </si>
  <si>
    <t>377bc08c-e975-48b9-bc46-e8c481fd1cec.tmp</t>
  </si>
  <si>
    <t>\\acsfs\profiles$\claudiajca\Downloads\377bc08c-e975-48b9-bc46-e8c481fd1cec.tmp</t>
  </si>
  <si>
    <t>\\acsfs\profiles$\THYAGOSP\My Documents\Planilha 2019 CR.ods\Object 1\</t>
  </si>
  <si>
    <t>\\acsfs\profiles$\THYAGOSP\My Documents\Planilha 2019 CR.ods\Object 4\</t>
  </si>
  <si>
    <t>26aef850-2ea1-4138-aa90-420d052373e1.tmp</t>
  </si>
  <si>
    <t>\\acsfs\profiles$\ayalabfi\Downloads\26aef850-2ea1-4138-aa90-420d052373e1.tmp</t>
  </si>
  <si>
    <t>61289c33-9b1a-4511-b3a3-2d300091f013.tmp</t>
  </si>
  <si>
    <t>\\acsfs\profiles$\ERICALSR\Downloads\61289c33-9b1a-4511-b3a3-2d300091f013.tmp</t>
  </si>
  <si>
    <t>ALEXANDRE MILHOMEM MARACAIPE (14).contact</t>
  </si>
  <si>
    <t>\\acsfs\profiles$\alexandremm\Contacts\ALEXANDRE MILHOMEM MARACAIPE (14).contact</t>
  </si>
  <si>
    <t>\\acsfs\profiles$\alexandremm\Saved Games\</t>
  </si>
  <si>
    <t>\\acsfs\profiles$\ALEXANDREMM\Favorites\Links for Brasil\</t>
  </si>
  <si>
    <t>\\acsfs\profiles$\ALEXANDREMM\Favorites\Links for Brasil\desktop.ini</t>
  </si>
  <si>
    <t>\\acsfs\profiles$\ALEXANDREMM\Favorites\Links for Brasil\Microsoft Brasil.url</t>
  </si>
  <si>
    <t>\\acsfs\profiles$\ALEXANDREMM\Favorites\Links for Brasil\Windows Brasil.url</t>
  </si>
  <si>
    <t>\\acsfs\profiles$\ALEXANDREMM\Favorites\Links for Brasil\MSN Brasil.url</t>
  </si>
  <si>
    <t>e382f168-6652-48e9-a18a-ccf1396ff076.tmp</t>
  </si>
  <si>
    <t>\\acsfs\profiles$\nayarasds\Downloads\e382f168-6652-48e9-a18a-ccf1396ff076.tmp</t>
  </si>
  <si>
    <t>lu381803uvy8m.tmp</t>
  </si>
  <si>
    <t>\\acsfs\profiles$\marcellewdl\My Documents\lu381803uvy8m.tmp</t>
  </si>
  <si>
    <t>\\acsfs\profiles$\marcellewdl\My Documents\lu381803uvy8m.tmp\</t>
  </si>
  <si>
    <t>\\acsfs\profiles$\marcellewdl\My Documents\lu381803uvy8m.tmp\META-INF\</t>
  </si>
  <si>
    <t>\\acsfs\profiles$\marcellewdl\My Documents\lu381803uvy8m.tmp\Thumbnails\</t>
  </si>
  <si>
    <t>9c4f6aa2-0974-455e-af1a-38001ce0ddba.tmp</t>
  </si>
  <si>
    <t>\\acsfs\profiles$\nataliacsl\Downloads\9c4f6aa2-0974-455e-af1a-38001ce0ddba.tmp</t>
  </si>
  <si>
    <t>10.200.67.56</t>
  </si>
  <si>
    <t>74-86-7A-FC-CF-D9</t>
  </si>
  <si>
    <t>VOTORANT-OB017</t>
  </si>
  <si>
    <t>lorrainerdl</t>
  </si>
  <si>
    <t>\\acsfs\profiles$\lorrainerdl\Contacts\</t>
  </si>
  <si>
    <t>LORRAINE RODRIGUES DE LIMA (15475).contact</t>
  </si>
  <si>
    <t>\\acsfs\profiles$\lorrainerdl\Contacts\LORRAINE RODRIGUES DE LIMA (15475).contact</t>
  </si>
  <si>
    <t>\\acsfs\profiles$\lorrainerdl\My Documents\My Videos\</t>
  </si>
  <si>
    <t>\\acsfs\profiles$\lorrainerdl\My Documents\My Videos\desktop.ini</t>
  </si>
  <si>
    <t>\\acsfs\profiles$\lorrainerdl\My Documents\My Pictures\</t>
  </si>
  <si>
    <t>\\acsfs\profiles$\lorrainerdl\My Documents\My Pictures\desktop.ini</t>
  </si>
  <si>
    <t>\\acsfs\profiles$\lorrainerdl\Contacts\desktop.ini</t>
  </si>
  <si>
    <t>\\acsfs\profiles$\lorrainerdl\Favorites\</t>
  </si>
  <si>
    <t>\\acsfs\profiles$\lorrainerdl\Favorites\desktop.ini</t>
  </si>
  <si>
    <t>\\acsfs\profiles$\lorrainerdl\My Documents\My Music\</t>
  </si>
  <si>
    <t>\\acsfs\profiles$\lorrainerdl\My Documents\My Music\desktop.ini</t>
  </si>
  <si>
    <t>\\acsfs\profiles$\lorrainerdl\Searches\</t>
  </si>
  <si>
    <t>\\acsfs\profiles$\lorrainerdl\Searches\desktop.ini</t>
  </si>
  <si>
    <t>\\acsfs\profiles$\lorrainerdl\Downloads\</t>
  </si>
  <si>
    <t>\\acsfs\profiles$\lorrainerdl\Downloads\desktop.ini</t>
  </si>
  <si>
    <t>\\acsfs\profiles$\lorrainerdl\My Documents\</t>
  </si>
  <si>
    <t>\\acsfs\profiles$\lorrainerdl\My Documents\desktop.ini</t>
  </si>
  <si>
    <t>\\acsfs\profiles$\lorrainerdl\Saved Games\</t>
  </si>
  <si>
    <t>\\acsfs\profiles$\lorrainerdl\Saved Games\desktop.ini</t>
  </si>
  <si>
    <t>\\acsfs\profiles$\lorrainerdl\Favorites\Links for Brasil\</t>
  </si>
  <si>
    <t>\\acsfs\profiles$\lorrainerdl\Favorites\Links for Brasil\desktop.ini</t>
  </si>
  <si>
    <t>\\acsfs\profiles$\lorrainerdl\Favorites\Links for Brasil\Microsoft Brasil.url</t>
  </si>
  <si>
    <t>\\acsfs\profiles$\lorrainerdl\Favorites\Links for Brasil\Windows Brasil.url</t>
  </si>
  <si>
    <t>\\acsfs\profiles$\lorrainerdl\Favorites\Links for Brasil\MSN Brasil.url</t>
  </si>
  <si>
    <t>866164d8-4cda-46b3-a1c9-162516d11437.tmp</t>
  </si>
  <si>
    <t>\\acsfs\profiles$\talitafdc\Downloads\866164d8-4cda-46b3-a1c9-162516d11437.tmp</t>
  </si>
  <si>
    <t>10.200.67.218</t>
  </si>
  <si>
    <t>D0-94-66-B5-52-D0</t>
  </si>
  <si>
    <t>VOTORANT-SB019</t>
  </si>
  <si>
    <t>b92a8574-c0c9-49c5-ae0f-4cfc10d3b528.tmp</t>
  </si>
  <si>
    <t>\\acsfs\profiles$\lucasgpe\Downloads\b92a8574-c0c9-49c5-ae0f-4cfc10d3b528.tmp</t>
  </si>
  <si>
    <t>8d7e1906-8bb0-438d-85e0-ca113c0dc1e3.tmp</t>
  </si>
  <si>
    <t>\\acsfs\profiles$\andressagr\Downloads\8d7e1906-8bb0-438d-85e0-ca113c0dc1e3.tmp</t>
  </si>
  <si>
    <t>0a03df3e-f606-4509-b0c1-8aa0514f023a.tmp</t>
  </si>
  <si>
    <t>\\acsfs\profiles$\ayalabfi\Downloads\0a03df3e-f606-4509-b0c1-8aa0514f023a.tmp</t>
  </si>
  <si>
    <t>3f4c1cb2-72b8-4648-b5d3-50bdafb55111.tmp</t>
  </si>
  <si>
    <t>\\acsfs\profiles$\ayalabfi\Downloads\3f4c1cb2-72b8-4648-b5d3-50bdafb55111.tmp</t>
  </si>
  <si>
    <t>86c64c0d-dbeb-4914-8d34-d74e6bf38eb2.tmp</t>
  </si>
  <si>
    <t>\\acsfs\profiles$\rafaelamsv\Downloads\86c64c0d-dbeb-4914-8d34-d74e6bf38eb2.tmp</t>
  </si>
  <si>
    <t>35f51342-8485-47e9-98ee-5a918df477fd.tmp</t>
  </si>
  <si>
    <t>\\acsfs\profiles$\rafaelamsv\Downloads\35f51342-8485-47e9-98ee-5a918df477fd.tmp</t>
  </si>
  <si>
    <t>9aaf940d-4a26-44af-bea2-4fccdb049750.tmp</t>
  </si>
  <si>
    <t>\\acsfs\profiles$\victoriaksr\Downloads\9aaf940d-4a26-44af-bea2-4fccdb049750.tmp</t>
  </si>
  <si>
    <t>4ed2b1b7-32ba-4da9-a1f2-cf63250344c7.tmp</t>
  </si>
  <si>
    <t>\\acsfs\profiles$\nataliacsl\Downloads\4ed2b1b7-32ba-4da9-a1f2-cf63250344c7.tmp</t>
  </si>
  <si>
    <t>Unconfirmed 799055.crdownload</t>
  </si>
  <si>
    <t>\\acsfs\profiles$\talitafdc\Downloads\Unconfirmed 799055.crdownload</t>
  </si>
  <si>
    <t>1b88f208-6ba3-4cd6-946c-911f63825efd.tmp</t>
  </si>
  <si>
    <t>\\acsfs\profiles$\jonatanls\Downloads\1b88f208-6ba3-4cd6-946c-911f63825efd.tmp</t>
  </si>
  <si>
    <t>5bf359e0-50b3-47f5-9e78-32f21ced99dd.tmp</t>
  </si>
  <si>
    <t>\\acsfs\profiles$\lucasgpe\Downloads\5bf359e0-50b3-47f5-9e78-32f21ced99dd.tmp</t>
  </si>
  <si>
    <t>cc7f536a-f36b-4e0c-b636-4f639fcf8d18.tmp</t>
  </si>
  <si>
    <t>\\acsfs\profiles$\ayalabfi\Downloads\cc7f536a-f36b-4e0c-b636-4f639fcf8d18.tmp</t>
  </si>
  <si>
    <t>64f3200e-1664-4c02-906d-02194dce74d9.tmp</t>
  </si>
  <si>
    <t>\\acsfs\profiles$\larissaad\Downloads\64f3200e-1664-4c02-906d-02194dce74d9.tmp</t>
  </si>
  <si>
    <t>16a0577b-eaa2-4c56-96f6-3dacf9353e68.tmp</t>
  </si>
  <si>
    <t>\\acsfs\profiles$\larissaad\Downloads\16a0577b-eaa2-4c56-96f6-3dacf9353e68.tmp</t>
  </si>
  <si>
    <t>preventivas - 2019.xlsm</t>
  </si>
  <si>
    <t>.~lock.TABELA VENDAS.ods#</t>
  </si>
  <si>
    <t>\\acsfs\profiles$\lucasgpe\Desktop\.~lock.TABELA VENDAS.ods#</t>
  </si>
  <si>
    <t>12/27/2019 14:58:18</t>
  </si>
  <si>
    <t>D:\OneDrive\Pessoal\Pizza\LuPrima_30-11-2019\</t>
  </si>
  <si>
    <t>NoitePizza2.xlsx</t>
  </si>
  <si>
    <t>12/27/2019 15:36:09</t>
  </si>
  <si>
    <t>3f95e0aa-902b-423f-aefa-778e4877ec6c.tmp</t>
  </si>
  <si>
    <t>\\acsfs\profiles$\adelvinsonle\Downloads\3f95e0aa-902b-423f-aefa-778e4877ec6c.tmp</t>
  </si>
  <si>
    <t>ee07b4ce-5b15-4118-9200-a41cbd64a8de.tmp</t>
  </si>
  <si>
    <t>\\acsfs\profiles$\adelvinsonle\Downloads\ee07b4ce-5b15-4118-9200-a41cbd64a8de.tmp</t>
  </si>
  <si>
    <t>lu139322oim0.tmp</t>
  </si>
  <si>
    <t>\\acsfs\profiles$\dhiulliananads\My Documents\lu139322oim0.tmp</t>
  </si>
  <si>
    <t>\\acsfs\profiles$\dhiulliananads\My Documents\lu139322oim0.tmp\</t>
  </si>
  <si>
    <t>\\acsfs\profiles$\dhiulliananads\My Documents\lu139322oim0.tmp\META-INF\</t>
  </si>
  <si>
    <t>\\acsfs\profiles$\dhiulliananads\My Documents\lu139322oim0.tmp\Thumbnails\</t>
  </si>
  <si>
    <t>lu139322oim5.tmp</t>
  </si>
  <si>
    <t>\\acsfs\profiles$\dhiulliananads\My Documents\lu139322oim5.tmp</t>
  </si>
  <si>
    <t>\\acsfs\profiles$\dhiulliananads\My Documents\lu139322oim5.tmp\</t>
  </si>
  <si>
    <t>\\acsfs\profiles$\dhiulliananads\My Documents\lu139322oim5.tmp\META-INF\</t>
  </si>
  <si>
    <t>\\acsfs\profiles$\dhiulliananads\My Documents\lu139322oim5.tmp\Thumbnails\</t>
  </si>
  <si>
    <t>4d2f3937-7c0e-483c-8af1-028e86913f08.tmp</t>
  </si>
  <si>
    <t>\\acsfs\profiles$\lucasqdss\Downloads\4d2f3937-7c0e-483c-8af1-028e86913f08.tmp</t>
  </si>
  <si>
    <t>10.200.66.53</t>
  </si>
  <si>
    <t>74-86-7A-FD-D8-6F</t>
  </si>
  <si>
    <t>VOTORANTO-AA024</t>
  </si>
  <si>
    <t>joaogvc</t>
  </si>
  <si>
    <t>https://outlook.office365.com/mapi/emsmdb/?mailboxid=086f92b3-1e92-49c8-a661-f590b6fe19d1@algartech.com</t>
  </si>
  <si>
    <t>03163762-492f-4c80-8842-bc7ca4f6221c.tmp</t>
  </si>
  <si>
    <t>\\acsfs\profiles$\larissaad\Downloads\03163762-492f-4c80-8842-bc7ca4f6221c.tmp</t>
  </si>
  <si>
    <t>d5ed8d17-90f8-4a2b-a93a-bec646d8d5f0.tmp</t>
  </si>
  <si>
    <t>\\acsfs\profiles$\larissaad\Downloads\d5ed8d17-90f8-4a2b-a93a-bec646d8d5f0.tmp</t>
  </si>
  <si>
    <t>64d9c1fd-21a0-412e-ad63-4fdc79e270cc.tmp</t>
  </si>
  <si>
    <t>\\acsfs\profiles$\geovanaasa\Downloads\64d9c1fd-21a0-412e-ad63-4fdc79e270cc.tmp</t>
  </si>
  <si>
    <t>LAIANEAR</t>
  </si>
  <si>
    <t>12743b56-8f78-480e-94dd-04c8d0a27014.tmp</t>
  </si>
  <si>
    <t>\\acsfs\profiles$\laianear\Downloads\12743b56-8f78-480e-94dd-04c8d0a27014.tmp</t>
  </si>
  <si>
    <t>acee85da-ed32-42f4-8c24-6d5f4e3e8fe7.tmp</t>
  </si>
  <si>
    <t>\\acsfs\profiles$\laianear\Downloads\acee85da-ed32-42f4-8c24-6d5f4e3e8fe7.tmp</t>
  </si>
  <si>
    <t>6f1703e2-e747-46d3-a106-e0e027f548fc.tmp</t>
  </si>
  <si>
    <t>\\acsfs\profiles$\laianear\Downloads\6f1703e2-e747-46d3-a106-e0e027f548fc.tmp</t>
  </si>
  <si>
    <t>0f4eab27-ca54-4b37-8140-ad0d90f79aa3.tmp</t>
  </si>
  <si>
    <t>\\acsfs\profiles$\felipetds\Downloads\0f4eab27-ca54-4b37-8140-ad0d90f79aa3.tmp</t>
  </si>
  <si>
    <t>912cc6d8-d7f5-4ff2-924c-6bb1ca058d4c.tmp</t>
  </si>
  <si>
    <t>\\acsfs\profiles$\lorrainerdl\Downloads\912cc6d8-d7f5-4ff2-924c-6bb1ca058d4c.tmp</t>
  </si>
  <si>
    <t>Não confirmado 528515.crdownload</t>
  </si>
  <si>
    <t>\\acsfs\profiles$\lorrainerdl\Downloads\Não confirmado 528515.crdownload</t>
  </si>
  <si>
    <t>e47d1ad1-a46b-415a-a7f7-bb23ec2c839f.tmp</t>
  </si>
  <si>
    <t>\\acsfs\profiles$\lorrainerdl\Downloads\e47d1ad1-a46b-415a-a7f7-bb23ec2c839f.tmp</t>
  </si>
  <si>
    <t>2c314ada-e0a8-4949-8aa6-783870bb7099.tmp</t>
  </si>
  <si>
    <t>\\acsfs\profiles$\PEDROHAB\Downloads\2c314ada-e0a8-4949-8aa6-783870bb7099.tmp</t>
  </si>
  <si>
    <t>5d1fa108-6b33-4adb-b035-6b920eba78ed.tmp</t>
  </si>
  <si>
    <t>\\acsfs\profiles$\PEDROHAB\Downloads\5d1fa108-6b33-4adb-b035-6b920eba78ed.tmp</t>
  </si>
  <si>
    <t>51687b96-8f1a-4015-9e38-4cf34263f101.tmp</t>
  </si>
  <si>
    <t>\\acsfs\profiles$\PEDROHAB\Downloads\51687b96-8f1a-4015-9e38-4cf34263f101.tmp</t>
  </si>
  <si>
    <t>f580f3a4-ea1d-4efd-a960-c2b279487a5d.tmp</t>
  </si>
  <si>
    <t>\\acsfs\profiles$\larissaad\Downloads\f580f3a4-ea1d-4efd-a960-c2b279487a5d.tmp</t>
  </si>
  <si>
    <t>258e733d-6de2-4125-8d67-b59e7210c448.tmp</t>
  </si>
  <si>
    <t>\\acsfs\profiles$\geovanaasa\Downloads\258e733d-6de2-4125-8d67-b59e7210c448.tmp</t>
  </si>
  <si>
    <t>yfztmueed0iaauxywfkcywbcearcfsnmruveuuqrvkomva8wwuzwxhxccl8mt1cidfxyveq=;yfztmueed0iaauxywfkcywbcearcfsnmruveuuqrvkomva8wwuzwxhxdclqmdx8oel1f;yfztmueed0iaauxywfkcywbcearcfsnmruveuuqrvkomva8wwuzwxhxtefccbevpbfddwmnbuataawrd;yfztmueed0iaauxywfkcywbcearcfsnmruveuuqrvkomva8wwuzwxhxzcl4a;</t>
  </si>
  <si>
    <t>Prestacao_De_Contas_Residencial_Luiza_122019.xls</t>
  </si>
  <si>
    <t>yfztmueed0iaauxywfkcywbcearcfsnmruveuuqrvkomva8wwuzwxhxccl8mt1cidfxyveq=,yfztmueed0iaauxywfkcywbcearcfsnmruveuuqrvkomva8wwuzwxhxdclqmdx8oel1f,yfztmueed0iaauxywfkcywbcearcfsnmruveuuqrvkomva8wwuzwxhxtefccbevpbfddwmnbuataawrd,yfztmueed0iaauxywfkcywbcearcfsnmruveuuqrvkomva8wwuzwxhxzcl4a</t>
  </si>
  <si>
    <t>1b3916a2-0c6d-47c5-b1f8-0274dfea50db.tmp</t>
  </si>
  <si>
    <t>\\acsfs\profiles$\lorrainerdl\Downloads\1b3916a2-0c6d-47c5-b1f8-0274dfea50db.tmp</t>
  </si>
  <si>
    <t>67da9ae4-4739-489f-9ca8-19f16e3252a1.tmp</t>
  </si>
  <si>
    <t>\\acsfs\profiles$\lorrainerdl\Downloads\67da9ae4-4739-489f-9ca8-19f16e3252a1.tmp</t>
  </si>
  <si>
    <t>diegorbo@algartech.com;giseleclss@algartech.com;</t>
  </si>
  <si>
    <t>\\acsfs\DEPTOS\Sustentabilidade\40 - Responsabilidade social\8 - Associados\Indicadores\12- Indicadores Dezembro\</t>
  </si>
  <si>
    <t>Dezembro 19- Tech.xlsm</t>
  </si>
  <si>
    <t>diegorbo@algartech.com,giseleclss@algartech.com</t>
  </si>
  <si>
    <t>32afa189-9acd-4d09-9953-d739fe7a2012.tmp</t>
  </si>
  <si>
    <t>\\acsfs\profiles$\KARENDSR\Downloads\32afa189-9acd-4d09-9953-d739fe7a2012.tmp</t>
  </si>
  <si>
    <t>c8ea268e-a9f8-4ef5-82d4-05e984f3e6c4.tmp</t>
  </si>
  <si>
    <t>\\acsfs\profiles$\KARENDSR\Downloads\c8ea268e-a9f8-4ef5-82d4-05e984f3e6c4.tmp</t>
  </si>
  <si>
    <t>f9831c16-5fc3-4206-a0d3-6861978f06bd.tmp</t>
  </si>
  <si>
    <t>\\acsfs\profiles$\KARENDSR\Downloads\f9831c16-5fc3-4206-a0d3-6861978f06bd.tmp</t>
  </si>
  <si>
    <t>07348ada-1d85-4104-bcec-496193431f0f.tmp</t>
  </si>
  <si>
    <t>\\acsfs\profiles$\gabrielhca\Downloads\07348ada-1d85-4104-bcec-496193431f0f.tmp</t>
  </si>
  <si>
    <t>ac9be3d5-946c-4100-8d83-ef86e07675eb.tmp</t>
  </si>
  <si>
    <t>\\acsfs\profiles$\paulovadc\Downloads\ac9be3d5-946c-4100-8d83-ef86e07675eb.tmp</t>
  </si>
  <si>
    <t>.~lock.Chamado cadeiras.ods#</t>
  </si>
  <si>
    <t>\\acsfs\profiles$\wedersonbadr\Downloads\.~lock.Chamado cadeiras.ods#</t>
  </si>
  <si>
    <t>Chamado cadeiras.ods</t>
  </si>
  <si>
    <t>\\acsfs\profiles$\wedersonbadr\Downloads\Chamado cadeiras.ods</t>
  </si>
  <si>
    <t>\\acsfs\profiles$\wedersonbadr\Downloads\Chamado cadeiras.ods\</t>
  </si>
  <si>
    <t>\\acsfs\profiles$\wedersonbadr\Downloads\Chamado cadeiras.ods\META-INF\</t>
  </si>
  <si>
    <t>\\acsfs\profiles$\wedersonbadr\Downloads\Chamado cadeiras.ods\Thumbnails\</t>
  </si>
  <si>
    <t>a7355a81-b273-4cdc-a5f0-218645bbdd5b.tmp</t>
  </si>
  <si>
    <t>\\acsfs\profiles$\wedersonbadr\My Documents\My Music\a7355a81-b273-4cdc-a5f0-218645bbdd5b.tmp</t>
  </si>
  <si>
    <t>025d85dd-64b9-4478-b457-2a3d930fa16d.tmp</t>
  </si>
  <si>
    <t>\\acsfs\profiles$\wedersonbadr\My Documents\My Music\025d85dd-64b9-4478-b457-2a3d930fa16d.tmp</t>
  </si>
  <si>
    <t>e9c8a228-02ae-4617-8fbd-7d127edade36.tmp</t>
  </si>
  <si>
    <t>\\acsfs\profiles$\geovanaasa\Downloads\e9c8a228-02ae-4617-8fbd-7d127edade36.tmp</t>
  </si>
  <si>
    <t>michelerds</t>
  </si>
  <si>
    <t>\\acsfs\profiles$\michelerds\Downloads\</t>
  </si>
  <si>
    <t>b4fca589-cb71-4797-a640-615c7d4b5644.tmp</t>
  </si>
  <si>
    <t>\\acsfs\profiles$\michelerds\Downloads\b4fca589-cb71-4797-a640-615c7d4b5644.tmp</t>
  </si>
  <si>
    <t>66fb79af-3b95-4b38-81f4-e1a17684aea0.tmp</t>
  </si>
  <si>
    <t>\\acsfs\profiles$\michelerds\Downloads\66fb79af-3b95-4b38-81f4-e1a17684aea0.tmp</t>
  </si>
  <si>
    <t>90b29fb5-8b42-4ebf-a32f-8a869144f0b4.tmp</t>
  </si>
  <si>
    <t>\\acsfs\profiles$\michelerds\Downloads\90b29fb5-8b42-4ebf-a32f-8a869144f0b4.tmp</t>
  </si>
  <si>
    <t>e092b287-1051-4c96-b18b-8422c04bc75b.tmp</t>
  </si>
  <si>
    <t>\\acsfs\profiles$\michelerds\Downloads\e092b287-1051-4c96-b18b-8422c04bc75b.tmp</t>
  </si>
  <si>
    <t>3de36650-4773-4060-b404-bd01b848b416.tmp</t>
  </si>
  <si>
    <t>\\acsfs\profiles$\michelerds\Downloads\3de36650-4773-4060-b404-bd01b848b416.tmp</t>
  </si>
  <si>
    <t>bfbe53b2-089e-47db-a8c7-8af2b4ab4c94.tmp</t>
  </si>
  <si>
    <t>\\acsfs\profiles$\gabrielhca\Downloads\bfbe53b2-089e-47db-a8c7-8af2b4ab4c94.tmp</t>
  </si>
  <si>
    <t>1fd3d240-8c01-450b-8321-4e41a3edf5c3.tmp</t>
  </si>
  <si>
    <t>\\acsfs\profiles$\gabrielhca\Downloads\1fd3d240-8c01-450b-8321-4e41a3edf5c3.tmp</t>
  </si>
  <si>
    <t>50eb60c1-56c4-4c53-92c2-efbfd5f4b113.tmp</t>
  </si>
  <si>
    <t>\\acsfs\profiles$\gabrielhca\Downloads\50eb60c1-56c4-4c53-92c2-efbfd5f4b113.tmp</t>
  </si>
  <si>
    <t>0656d012-cb34-4715-bfa2-6bcf7ff2e91e.tmp</t>
  </si>
  <si>
    <t>\\acsfs\profiles$\gabrielhca\Downloads\0656d012-cb34-4715-bfa2-6bcf7ff2e91e.tmp</t>
  </si>
  <si>
    <t>756aa7e0-39fc-4f8f-a68a-fc2a0d909bed.tmp</t>
  </si>
  <si>
    <t>\\acsfs\profiles$\gabrielhca\Downloads\756aa7e0-39fc-4f8f-a68a-fc2a0d909bed.tmp</t>
  </si>
  <si>
    <t>409e00a9-d10f-43d3-b022-cc2a067a4e9d.tmp</t>
  </si>
  <si>
    <t>\\acsfs\profiles$\isabellegtds\Downloads\409e00a9-d10f-43d3-b022-cc2a067a4e9d.tmp</t>
  </si>
  <si>
    <t>c54274bf-2691-49db-a0aa-aa8f1fc942fd.tmp</t>
  </si>
  <si>
    <t>\\acsfs\profiles$\isabellegtds\Downloads\c54274bf-2691-49db-a0aa-aa8f1fc942fd.tmp</t>
  </si>
  <si>
    <t>e8afff26-c8e3-4f4d-ac70-6148c19cba6a.tmp</t>
  </si>
  <si>
    <t>\\acsfs\profiles$\lucasqdss\Downloads\e8afff26-c8e3-4f4d-ac70-6148c19cba6a.tmp</t>
  </si>
  <si>
    <t>mail.google.com/_/upload?authuser=0&amp;dcp=asu-n&amp;upload_id=AEnB2Up3qxDj8-0D3BmQebvnH32oiBKtOpNRzke7ZEahYjD2pDoeIsrN7tfmy6ChSaHtl2sE0xjCyXsusamMhzqSUfDy52m7Tw&amp;upload_protocol=resumable</t>
  </si>
  <si>
    <t>fa0f2e6e-a13e-468b-8a41-ac6cd67332f7.tmp</t>
  </si>
  <si>
    <t>\\acsfs\profiles$\ayalabfi\Downloads\fa0f2e6e-a13e-468b-8a41-ac6cd67332f7.tmp</t>
  </si>
  <si>
    <t>f216b34b-e0af-4c11-b9bc-0525111450f8.tmp</t>
  </si>
  <si>
    <t>\\acsfs\profiles$\ERICALSR\Downloads\f216b34b-e0af-4c11-b9bc-0525111450f8.tmp</t>
  </si>
  <si>
    <t>rafaelahpn</t>
  </si>
  <si>
    <t>\\acsfs\profiles$\rafaelahpn\Downloads\</t>
  </si>
  <si>
    <t>1e836458-d9fa-4a1c-9476-561a5d3c1ed9.tmp</t>
  </si>
  <si>
    <t>\\acsfs\profiles$\rafaelahpn\Downloads\1e836458-d9fa-4a1c-9476-561a5d3c1ed9.tmp</t>
  </si>
  <si>
    <t>a2a3a89c-0e24-4d35-b80f-37069fcf04b8.tmp</t>
  </si>
  <si>
    <t>\\acsfs\profiles$\michelerds\Downloads\a2a3a89c-0e24-4d35-b80f-37069fcf04b8.tmp</t>
  </si>
  <si>
    <t>BLOCO DE ANOTAÇÃO (1) (1).txt</t>
  </si>
  <si>
    <t>\\acsfs\profiles$\michelerds\Downloads\BLOCO DE ANOTAÇÃO (1) (1).txt</t>
  </si>
  <si>
    <t>9eb07e16-7deb-4996-aa2b-12d65b4886ca.tmp</t>
  </si>
  <si>
    <t>\\acsfs\profiles$\LUCASBS\Downloads\9eb07e16-7deb-4996-aa2b-12d65b4886ca.tmp</t>
  </si>
  <si>
    <t>e078a8f4-8813-4823-af5b-8e8d6c3379ff.tmp</t>
  </si>
  <si>
    <t>\\acsfs\profiles$\LUCASBS\Downloads\e078a8f4-8813-4823-af5b-8e8d6c3379ff.tmp</t>
  </si>
  <si>
    <t>preventivas - 2020.xlsm</t>
  </si>
  <si>
    <t>d419c2f1-da68-4013-a636-b83d5f2d85cc.tmp</t>
  </si>
  <si>
    <t>\\acsfs\profiles$\mariellecs\Downloads\d419c2f1-da68-4013-a636-b83d5f2d85cc.tmp</t>
  </si>
  <si>
    <t>383fdc57-4b10-42e0-bab5-33f94975ac10.tmp</t>
  </si>
  <si>
    <t>\\acsfs\profiles$\quindaizaagds\Downloads\383fdc57-4b10-42e0-bab5-33f94975ac10.tmp</t>
  </si>
  <si>
    <t>e40ffe84-0d16-4070-a203-2b6c6666eaed.tmp</t>
  </si>
  <si>
    <t>\\acsfs\profiles$\isabellegtds\Downloads\e40ffe84-0d16-4070-a203-2b6c6666eaed.tmp</t>
  </si>
  <si>
    <t>ef7e39b8-5d9b-4ad6-ba10-9c750170fd2e.tmp</t>
  </si>
  <si>
    <t>\\acsfs\profiles$\isabellegtds\Downloads\ef7e39b8-5d9b-4ad6-ba10-9c750170fd2e.tmp</t>
  </si>
  <si>
    <t>lu139322oimg.tmp</t>
  </si>
  <si>
    <t>\\acsfs\profiles$\dhiulliananads\My Documents\lu139322oimg.tmp</t>
  </si>
  <si>
    <t>\\acsfs\profiles$\dhiulliananads\My Documents\lu139322oimg.tmp\</t>
  </si>
  <si>
    <t>\\acsfs\profiles$\dhiulliananads\My Documents\lu139322oimg.tmp\META-INF\</t>
  </si>
  <si>
    <t>\\acsfs\profiles$\dhiulliananads\My Documents\lu139322oimg.tmp\Thumbnails\</t>
  </si>
  <si>
    <t>lu139322oimm.tmp</t>
  </si>
  <si>
    <t>\\acsfs\profiles$\dhiulliananads\My Documents\lu139322oimm.tmp</t>
  </si>
  <si>
    <t>\\acsfs\profiles$\dhiulliananads\My Documents\lu139322oimm.tmp\</t>
  </si>
  <si>
    <t>\\acsfs\profiles$\dhiulliananads\My Documents\lu139322oimm.tmp\META-INF\</t>
  </si>
  <si>
    <t>\\acsfs\profiles$\dhiulliananads\My Documents\lu139322oimm.tmp\Thumbnails\</t>
  </si>
  <si>
    <t>22136a44-04c2-448f-85a2-8e75236b279f.tmp</t>
  </si>
  <si>
    <t>\\acsfs\profiles$\ayalabfi\Downloads\22136a44-04c2-448f-85a2-8e75236b279f.tmp</t>
  </si>
  <si>
    <t>d4edfaa7-b965-4d6e-a399-c9d52ba124a9.tmp</t>
  </si>
  <si>
    <t>\\acsfs\profiles$\victoriaksr\Downloads\d4edfaa7-b965-4d6e-a399-c9d52ba124a9.tmp</t>
  </si>
  <si>
    <t>\\acsfs\profiles$\deboractr\My Documents\My Music\</t>
  </si>
  <si>
    <t>\\acsfs\profiles$\deboractr\My Documents\My Pictures\desktop.ini</t>
  </si>
  <si>
    <t>\\acsfs\profiles$\deboractr\My Documents\My Pictures\</t>
  </si>
  <si>
    <t>\\acsfs\profiles$\deboractr\Contacts\</t>
  </si>
  <si>
    <t>\\acsfs\profiles$\deboractr\Contacts\desktop.ini</t>
  </si>
  <si>
    <t>\\acsfs\profiles$\deboractr\My Documents\</t>
  </si>
  <si>
    <t>\\acsfs\profiles$\deboractr\Favorites\desktop.ini</t>
  </si>
  <si>
    <t>\\acsfs\profiles$\deboractr\My Documents\My Music\desktop.ini</t>
  </si>
  <si>
    <t>\\acsfs\profiles$\deboractr\Searches\</t>
  </si>
  <si>
    <t>\\acsfs\profiles$\deboractr\Searches\desktop.ini</t>
  </si>
  <si>
    <t>\\acsfs\profiles$\deboractr\Downloads\desktop.ini</t>
  </si>
  <si>
    <t>\\acsfs\profiles$\deboractr\Favorites\</t>
  </si>
  <si>
    <t>\\acsfs\profiles$\deboractr\My Documents\desktop.ini</t>
  </si>
  <si>
    <t>\\acsfs\profiles$\deboractr\Saved Games\desktop.ini</t>
  </si>
  <si>
    <t>winrt--{S-1-5-21-602162358-764733703-839522115-354166}-.searchconnector-ms</t>
  </si>
  <si>
    <t>\\acsfs\profiles$\deboractr\Searches\winrt--{S-1-5-21-602162358-764733703-839522115-354166}-.searchconnector-ms</t>
  </si>
  <si>
    <t>\\acsfs\profiles$\deboractr\Downloads\WavesAudio.MaxxAudioProforDell2019_fh4rh281wavaa!App\</t>
  </si>
  <si>
    <t>\\acsfs\profiles$\deboractr\Downloads\WavesAudio.MaxxAudioProforDell2019_fh4rh281wavaa!App\desktop.ini</t>
  </si>
  <si>
    <t>ad4bd788-30f5-4e5c-b73a-6b60c7cca305.tmp</t>
  </si>
  <si>
    <t>\\acsfs\profiles$\LAISLG\Downloads\ad4bd788-30f5-4e5c-b73a-6b60c7cca305.tmp</t>
  </si>
  <si>
    <t>0be4b8f8-fe22-4400-9fa8-69db64d4b52d.tmp</t>
  </si>
  <si>
    <t>\\acsfs\profiles$\larissaad\Downloads\0be4b8f8-fe22-4400-9fa8-69db64d4b52d.tmp</t>
  </si>
  <si>
    <t>026b44b5-af2c-40e5-a917-84e48979f626.tmp</t>
  </si>
  <si>
    <t>\\acsfs\profiles$\laianear\Downloads\026b44b5-af2c-40e5-a917-84e48979f626.tmp</t>
  </si>
  <si>
    <t>25fe82fc-7105-4a33-92dc-e75ba3fd1171.tmp</t>
  </si>
  <si>
    <t>\\acsfs\profiles$\Flaviojmm\Downloads\25fe82fc-7105-4a33-92dc-e75ba3fd1171.tmp</t>
  </si>
  <si>
    <t>aaca0f56-861c-4ad4-a379-efa928748f27.tmp</t>
  </si>
  <si>
    <t>\\acsfs\profiles$\Flaviojmm\Downloads\aaca0f56-861c-4ad4-a379-efa928748f27.tmp</t>
  </si>
  <si>
    <t>jaquelinecp</t>
  </si>
  <si>
    <t>\\acsfs\profiles$\jaquelinecp\Contacts\</t>
  </si>
  <si>
    <t>JAQUELINE COIMBRA PERES (3).contact</t>
  </si>
  <si>
    <t>\\acsfs\profiles$\jaquelinecp\Contacts\JAQUELINE COIMBRA PERES (3).contact</t>
  </si>
  <si>
    <t>\\acsfs\profiles$\jaquelinecp\My Documents\My Videos\</t>
  </si>
  <si>
    <t>\\acsfs\profiles$\jaquelinecp\My Documents\My Videos\desktop.ini</t>
  </si>
  <si>
    <t>\\acsfs\profiles$\jaquelinecp\My Documents\My Pictures\</t>
  </si>
  <si>
    <t>\\acsfs\profiles$\jaquelinecp\My Documents\My Pictures\desktop.ini</t>
  </si>
  <si>
    <t>\\acsfs\profiles$\jaquelinecp\Contacts\desktop.ini</t>
  </si>
  <si>
    <t>\\acsfs\profiles$\jaquelinecp\Favorites\</t>
  </si>
  <si>
    <t>\\acsfs\profiles$\jaquelinecp\Favorites\desktop.ini</t>
  </si>
  <si>
    <t>\\acsfs\profiles$\jaquelinecp\My Documents\My Music\</t>
  </si>
  <si>
    <t>\\acsfs\profiles$\jaquelinecp\My Documents\My Music\desktop.ini</t>
  </si>
  <si>
    <t>\\acsfs\profiles$\jaquelinecp\Searches\</t>
  </si>
  <si>
    <t>\\acsfs\profiles$\jaquelinecp\Searches\desktop.ini</t>
  </si>
  <si>
    <t>\\acsfs\profiles$\jaquelinecp\Downloads\</t>
  </si>
  <si>
    <t>\\acsfs\profiles$\jaquelinecp\Downloads\desktop.ini</t>
  </si>
  <si>
    <t>\\acsfs\profiles$\jaquelinecp\My Documents\</t>
  </si>
  <si>
    <t>\\acsfs\profiles$\jaquelinecp\My Documents\desktop.ini</t>
  </si>
  <si>
    <t>\\acsfs\profiles$\jaquelinecp\Saved Games\</t>
  </si>
  <si>
    <t>\\acsfs\profiles$\jaquelinecp\Saved Games\desktop.ini</t>
  </si>
  <si>
    <t>\\acsfs\profiles$\JAQUELINECP\Favorites\Links for Brasil\</t>
  </si>
  <si>
    <t>\\acsfs\profiles$\JAQUELINECP\Favorites\Links for Brasil\desktop.ini</t>
  </si>
  <si>
    <t>\\acsfs\profiles$\JAQUELINECP\Favorites\Links for Brasil\Microsoft Brasil.url</t>
  </si>
  <si>
    <t>\\acsfs\profiles$\JAQUELINECP\Favorites\Links for Brasil\Windows Brasil.url</t>
  </si>
  <si>
    <t>\\acsfs\profiles$\JAQUELINECP\Favorites\Links for Brasil\MSN Brasil.url</t>
  </si>
  <si>
    <t>85e4cd54-cbad-4693-90e6-2bf25def01e0.tmp</t>
  </si>
  <si>
    <t>\\acsfs\profiles$\LAISLG\Downloads\85e4cd54-cbad-4693-90e6-2bf25def01e0.tmp</t>
  </si>
  <si>
    <t>joaogvc@algartech.com</t>
  </si>
  <si>
    <t>josiascdsj@algartech.com;marianadjc@algartech.com;paulacn@algartech.com;rafaelggs@algartech.com;viniciussg@algartech.com;</t>
  </si>
  <si>
    <t>josiascdsj@algartech.com,marianadjc@algartech.com,paulacn@algartech.com,rafaelggs@algartech.com,viniciussg@algartech.com</t>
  </si>
  <si>
    <t>leonardoao@algartech.com;rafaelggs@algartech.com;</t>
  </si>
  <si>
    <t>leonardoao@algartech.com,rafaelggs@algartech.com</t>
  </si>
  <si>
    <t>lu18844xsdgy.tmp</t>
  </si>
  <si>
    <t>\\acsfs\profiles$\CINTIADCF\lu18844xsdgy.tmp</t>
  </si>
  <si>
    <t>\\acsfs\profiles$\CINTIADCF\lu18844xsdgy.tmp\</t>
  </si>
  <si>
    <t>\\acsfs\profiles$\CINTIADCF\lu18844xsdgy.tmp\META-INF\</t>
  </si>
  <si>
    <t>\\acsfs\profiles$\CINTIADCF\lu18844xsdgy.tmp\Thumbnails\</t>
  </si>
  <si>
    <t>ac7d0def-9c91-45d6-8110-4038ebff6555.tmp</t>
  </si>
  <si>
    <t>\\acsfs\profiles$\luanarda\Downloads\ac7d0def-9c91-45d6-8110-4038ebff6555.tmp</t>
  </si>
  <si>
    <t>0500b7c0-88a0-41a3-8a0d-7efaba31e466.tmp</t>
  </si>
  <si>
    <t>\\acsfs\profiles$\deboractr\Downloads\0500b7c0-88a0-41a3-8a0d-7efaba31e466.tmp</t>
  </si>
  <si>
    <t>9183b1ca-aa80-4ca7-be76-f8c9bef29a51.tmp</t>
  </si>
  <si>
    <t>\\acsfs\profiles$\deboractr\Downloads\9183b1ca-aa80-4ca7-be76-f8c9bef29a51.tmp</t>
  </si>
  <si>
    <t>12/30/2019 11:30:43</t>
  </si>
  <si>
    <t>10.200.57.158</t>
  </si>
  <si>
    <t>ESTRUTURA IPO (1).xlsx</t>
  </si>
  <si>
    <t>10.200.67.197</t>
  </si>
  <si>
    <t>D0-94-66-B5-5D-C0</t>
  </si>
  <si>
    <t>VOTORANT-RB014</t>
  </si>
  <si>
    <t>winrt--{S-1-5-21-602162358-764733703-839522115-352981}-.searchconnector-ms</t>
  </si>
  <si>
    <t>\\acsfs\profiles$\jaquelinecp\Searches\winrt--{S-1-5-21-602162358-764733703-839522115-352981}-.searchconnector-ms</t>
  </si>
  <si>
    <t>c26f77ea-4656-4c8c-9497-b437fef54435.tmp</t>
  </si>
  <si>
    <t>\\acsfs\profiles$\felipetds\Downloads\c26f77ea-4656-4c8c-9497-b437fef54435.tmp</t>
  </si>
  <si>
    <t>bc2ad6a5-8e91-4ead-81b5-890d5c5c86b3.tmp</t>
  </si>
  <si>
    <t>\\acsfs\profiles$\luanaagl\Downloads\bc2ad6a5-8e91-4ead-81b5-890d5c5c86b3.tmp</t>
  </si>
  <si>
    <t>42b39574-33da-40e9-b0d7-3f22cd0fd6ba.tmp</t>
  </si>
  <si>
    <t>\\acsfs\profiles$\luanaagl\Downloads\42b39574-33da-40e9-b0d7-3f22cd0fd6ba.tmp</t>
  </si>
  <si>
    <t>https://udpmailboxap01.acs.com.br:8443/h/search?si=0&amp;so=0&amp;sc=58525&amp;sfi=6&amp;st=conversation&amp;action=compose</t>
  </si>
  <si>
    <t>LETICIA LIMA ALVES (2403).contact</t>
  </si>
  <si>
    <t>\\acsfs\profiles$\leticiala\Contacts\LETICIA LIMA ALVES (2403).contact</t>
  </si>
  <si>
    <t>.~lock.Layout TV Vendas 1.1.ppt#</t>
  </si>
  <si>
    <t>\\acsfs\DEPTOS\Operacao\Banco_Votorantim\Supervisao\SUPERS BV CARTÕES\.~lock.Layout TV Vendas 1.1.ppt#</t>
  </si>
  <si>
    <t>9cff43d3-ed7a-434a-9283-12dd5c83bfea.tmp</t>
  </si>
  <si>
    <t>\\acsfs\profiles$\Flaviojmm\Downloads\9cff43d3-ed7a-434a-9283-12dd5c83bfea.tmp</t>
  </si>
  <si>
    <t>b6ac1ce2-cc09-4747-a9ef-9e93693674b7.tmp</t>
  </si>
  <si>
    <t>\\acsfs\profiles$\LUCASNS\Downloads\b6ac1ce2-cc09-4747-a9ef-9e93693674b7.tmp</t>
  </si>
  <si>
    <t>bdf21071-8658-4f57-9f98-b4b43a433bf7.tmp</t>
  </si>
  <si>
    <t>\\acsfs\profiles$\ayalabfi\Downloads\bdf21071-8658-4f57-9f98-b4b43a433bf7.tmp</t>
  </si>
  <si>
    <t>13700549-5986-475f-9938-2fb0d39692d7.tmp</t>
  </si>
  <si>
    <t>\\acsfs\profiles$\nathaliarmr\Downloads\13700549-5986-475f-9938-2fb0d39692d7.tmp</t>
  </si>
  <si>
    <t>\\acsfs\deptos\Operacao\PCP\5 - Comum\ALESSANDRA GOMES DOS SANTOS BARROS\AVON\Relatórios\1 - NCOB\2019\12 - Dezembro\</t>
  </si>
  <si>
    <t>ACOMPANHAMENTO NCOB - Dez.2019.xlsx</t>
  </si>
  <si>
    <t>\\acsfs\deptos\Operacao\PCP\5 - Comum\ALESSANDRA GOMES DOS SANTOS BARROS\AVON\Relatórios\1 - NCOB\2019\12 - Dezembro\ACOMPANHAMENTO NCOB - Dez.2019.xlsx</t>
  </si>
  <si>
    <t>\\acsfs\deptos\Operacao\PCP\5 - Comum\ALESSANDRA GOMES DOS SANTOS BARROS\AVON\Relatórios\1 - NCOB\</t>
  </si>
  <si>
    <t>AVON_Extrator Diário (por Skill) - NCOB.xls</t>
  </si>
  <si>
    <t>\\acsfs\deptos\Operacao\PCP\5 - Comum\ALESSANDRA GOMES DOS SANTOS BARROS\AVON\Relatórios\1 - NCOB\AVON_Extrator Diário (por Skill) - NCOB.xls</t>
  </si>
  <si>
    <t>2adc9a3c-e771-4f79-9adc-55cd7134c17d.tmp</t>
  </si>
  <si>
    <t>\\acsfs\profiles$\leticiala\Downloads\2adc9a3c-e771-4f79-9adc-55cd7134c17d.tmp</t>
  </si>
  <si>
    <t>Não confirmado 218595.crdownload</t>
  </si>
  <si>
    <t>\\acsfs\profiles$\leticiala\Downloads\Não confirmado 218595.crdownload</t>
  </si>
  <si>
    <t>748f8b4c-c1eb-4dbc-9684-8ecab8b9398a.tmp</t>
  </si>
  <si>
    <t>\\acsfs\profiles$\leticiala\Downloads\748f8b4c-c1eb-4dbc-9684-8ecab8b9398a.tmp</t>
  </si>
  <si>
    <t>0253554b-82bd-47a2-9edb-b6bd0433338c.tmp</t>
  </si>
  <si>
    <t>\\acsfs\profiles$\rafaelahpn\Downloads\0253554b-82bd-47a2-9edb-b6bd0433338c.tmp</t>
  </si>
  <si>
    <t>46135860-59c4-42a4-a330-2d95e16fdc45.tmp</t>
  </si>
  <si>
    <t>\\acsfs\profiles$\rafaelahpn\Downloads\46135860-59c4-42a4-a330-2d95e16fdc45.tmp</t>
  </si>
  <si>
    <t>7ccb420c-8ae0-40bd-97a9-afe0bd57bb5d.tmp</t>
  </si>
  <si>
    <t>\\acsfs\profiles$\rafaelahpn\Downloads\7ccb420c-8ae0-40bd-97a9-afe0bd57bb5d.tmp</t>
  </si>
  <si>
    <t>4ded1a00-41d1-4cd0-9a7c-42b389f33f46.tmp</t>
  </si>
  <si>
    <t>\\acsfs\profiles$\rafaelahpn\Downloads\4ded1a00-41d1-4cd0-9a7c-42b389f33f46.tmp</t>
  </si>
  <si>
    <t>bb4b5c3b-5bd0-4b3f-ae8b-f50cf1001eb7.tmp</t>
  </si>
  <si>
    <t>\\acsfs\profiles$\rafaelahpn\Downloads\bb4b5c3b-5bd0-4b3f-ae8b-f50cf1001eb7.tmp</t>
  </si>
  <si>
    <t>773e76df-29ef-4138-90d2-a8f92bdbf987.tmp</t>
  </si>
  <si>
    <t>\\acsfs\profiles$\geovannasm\Downloads\773e76df-29ef-4138-90d2-a8f92bdbf987.tmp</t>
  </si>
  <si>
    <t>61f25069-47a5-4606-8503-1297e65ffcce.tmp</t>
  </si>
  <si>
    <t>\\acsfs\profiles$\anafsb\Downloads\61f25069-47a5-4606-8503-1297e65ffcce.tmp</t>
  </si>
  <si>
    <t>a9a35f0f-e2a5-4c65-a2de-2b2039cbb777.tmp</t>
  </si>
  <si>
    <t>\\acsfs\profiles$\mariajra\Downloads\a9a35f0f-e2a5-4c65-a2de-2b2039cbb777.tmp</t>
  </si>
  <si>
    <t>419887c1-b10b-4f5d-a0d6-a15b712a6163.tmp</t>
  </si>
  <si>
    <t>\\acsfs\profiles$\nathaliarmr\Downloads\419887c1-b10b-4f5d-a0d6-a15b712a6163.tmp</t>
  </si>
  <si>
    <t>1e2569e5-2622-4220-b810-b8e5fb431e5d.tmp</t>
  </si>
  <si>
    <t>\\acsfs\profiles$\nathaliarmr\Downloads\1e2569e5-2622-4220-b810-b8e5fb431e5d.tmp</t>
  </si>
  <si>
    <t>cpc-controldeskavon@algartech.com;joseasn@algartech.com;luiz.henriquesantos@avon.com;marianadjc@algartech.com;</t>
  </si>
  <si>
    <t>cpc-controldeskavon@algartech.com,joseasn@algartech.com,luiz.henriquesantos@avon.com,marianadjc@algartech.com</t>
  </si>
  <si>
    <t>\\acsfs\DEPTOS\Operacao\PCP\5 - Comum\PLANEJAMENTO BV\14 - ACOMPANHAMENTO\1 - REPORT ACOMPANHAMENTO\2020\1 - JANEIRO\FINANCEIRA\Pausas.xlsx</t>
  </si>
  <si>
    <t>\\acsfs\DEPTOS\Operacao\PCP\5 - Comum\PLANEJAMENTO BV\14 - ACOMPANHAMENTO\1 - REPORT ACOMPANHAMENTO\2020\1 - JANEIRO\FINANCEIRA\Login Logout Financeira\bd atualizado.xlsx</t>
  </si>
  <si>
    <t>\\acsfs\DEPTOS\Operacao\PCP\5 - Comum\PLANEJAMENTO BV\14 - ACOMPANHAMENTO\1 - REPORT ACOMPANHAMENTO\2020\1 - JANEIRO\FINANCEIRA\Login Logout Financeira\LOGIN LOGOUT FINANCEIRA - EXTRAÇÂO.xlsx</t>
  </si>
  <si>
    <t>\\acsfs\DEPTOS\Operacao\PCP\5 - Comum\PLANEJAMENTO BV\14 - ACOMPANHAMENTO\1 - REPORT ACOMPANHAMENTO\2020\1 - JANEIRO\FINANCEIRA\Login Logout Financeira\RELATORIO DE LOGIN - FINANCEIRA - 05 - 12.xlsm</t>
  </si>
  <si>
    <t>\\acsfs\DEPTOS\Operacao\PCP\5 - Comum\PLANEJAMENTO BV\14 - ACOMPANHAMENTO\1 - REPORT ACOMPANHAMENTO\2020\1 - JANEIRO\FINANCEIRA\Login Logout Financeira\RELATORIO DE LOGIN - FINANCEIRA - 05 - 12.xlsm\</t>
  </si>
  <si>
    <t>\\acsfs\DEPTOS\Operacao\PCP\5 - Comum\PLANEJAMENTO BV\14 - ACOMPANHAMENTO\1 - REPORT ACOMPANHAMENTO\2020\1 - JANEIRO\FINANCEIRA\Login Logout Financeira\RELATORIO DE LOGIN - FINANCEIRA - 05 - 12.xlsm\:Zone.Identifier:$DATA</t>
  </si>
  <si>
    <t>\\acsfs\DEPTOS\Operacao\PCP\5 - Comum\PLANEJAMENTO BV\14 - ACOMPANHAMENTO\1 - REPORT ACOMPANHAMENTO\2020\1 - JANEIRO\FINANCEIRA\Login Logout Financeira\RELATORIO DE LOGIN - FINANCEIRA - 06 - 12.xlsm</t>
  </si>
  <si>
    <t>\\acsfs\DEPTOS\Operacao\PCP\5 - Comum\PLANEJAMENTO BV\14 - ACOMPANHAMENTO\1 - REPORT ACOMPANHAMENTO\2020\1 - JANEIRO\FINANCEIRA\Login Logout Financeira\RELATORIO DE LOGIN - FINANCEIRA - 06 - 12.xlsm\</t>
  </si>
  <si>
    <t>\\acsfs\DEPTOS\Operacao\PCP\5 - Comum\PLANEJAMENTO BV\14 - ACOMPANHAMENTO\1 - REPORT ACOMPANHAMENTO\2020\1 - JANEIRO\FINANCEIRA\Login Logout Financeira\RELATORIO DE LOGIN - FINANCEIRA - 06 - 12.xlsm\:Zone.Identifier:$DATA</t>
  </si>
  <si>
    <t>\\acsfs\DEPTOS\Operacao\PCP\5 - Comum\PLANEJAMENTO BV\14 - ACOMPANHAMENTO\1 - REPORT ACOMPANHAMENTO\2020\1 - JANEIRO\FINANCEIRA\Login Logout Financeira\RELATORIO DE LOGIN - FINANCEIRA - 09 - 12.xlsm</t>
  </si>
  <si>
    <t>\\acsfs\DEPTOS\Operacao\PCP\5 - Comum\PLANEJAMENTO BV\14 - ACOMPANHAMENTO\1 - REPORT ACOMPANHAMENTO\2020\1 - JANEIRO\FINANCEIRA\Login Logout Financeira\RELATORIO DE LOGIN - FINANCEIRA - 09 - 12.xlsm\</t>
  </si>
  <si>
    <t>\\acsfs\DEPTOS\Operacao\PCP\5 - Comum\PLANEJAMENTO BV\14 - ACOMPANHAMENTO\1 - REPORT ACOMPANHAMENTO\2020\1 - JANEIRO\FINANCEIRA\Login Logout Financeira\RELATORIO DE LOGIN - FINANCEIRA - 09 - 12.xlsm\:Zone.Identifier:$DATA</t>
  </si>
  <si>
    <t>\\acsfs\DEPTOS\Operacao\PCP\5 - Comum\PLANEJAMENTO BV\14 - ACOMPANHAMENTO\1 - REPORT ACOMPANHAMENTO\2020\1 - JANEIRO\FINANCEIRA\Login Logout Financeira\RELATORIO DE LOGIN - FINANCEIRA - 10 - 12.xlsm</t>
  </si>
  <si>
    <t>\\acsfs\DEPTOS\Operacao\PCP\5 - Comum\PLANEJAMENTO BV\14 - ACOMPANHAMENTO\1 - REPORT ACOMPANHAMENTO\2020\1 - JANEIRO\FINANCEIRA\Login Logout Financeira\RELATORIO DE LOGIN - FINANCEIRA - 10 - 12.xlsm\</t>
  </si>
  <si>
    <t>\\acsfs\DEPTOS\Operacao\PCP\5 - Comum\PLANEJAMENTO BV\14 - ACOMPANHAMENTO\1 - REPORT ACOMPANHAMENTO\2020\1 - JANEIRO\FINANCEIRA\Login Logout Financeira\RELATORIO DE LOGIN - FINANCEIRA - 10 - 12.xlsm\:Zone.Identifier:$DATA</t>
  </si>
  <si>
    <t>\\acsfs\DEPTOS\Operacao\PCP\5 - Comum\PLANEJAMENTO BV\14 - ACOMPANHAMENTO\1 - REPORT ACOMPANHAMENTO\2020\1 - JANEIRO\FINANCEIRA\Login Logout Financeira\RELATORIO DE LOGIN - FINANCEIRA - 11 - 12.xlsm</t>
  </si>
  <si>
    <t>\\acsfs\DEPTOS\Operacao\PCP\5 - Comum\PLANEJAMENTO BV\14 - ACOMPANHAMENTO\1 - REPORT ACOMPANHAMENTO\2020\1 - JANEIRO\FINANCEIRA\Login Logout Financeira\RELATORIO DE LOGIN - FINANCEIRA - 11 - 12.xlsm\</t>
  </si>
  <si>
    <t>\\acsfs\DEPTOS\Operacao\PCP\5 - Comum\PLANEJAMENTO BV\14 - ACOMPANHAMENTO\1 - REPORT ACOMPANHAMENTO\2020\1 - JANEIRO\FINANCEIRA\Login Logout Financeira\RELATORIO DE LOGIN - FINANCEIRA - 11 - 12.xlsm\:Zone.Identifier:$DATA</t>
  </si>
  <si>
    <t>\\acsfs\DEPTOS\Operacao\PCP\5 - Comum\PLANEJAMENTO BV\14 - ACOMPANHAMENTO\1 - REPORT ACOMPANHAMENTO\2020\1 - JANEIRO\FINANCEIRA\Login Logout Financeira\RELATORIO DE LOGIN - FINANCEIRA - 12 - 12 -.xlsm</t>
  </si>
  <si>
    <t>\\acsfs\DEPTOS\Operacao\PCP\5 - Comum\PLANEJAMENTO BV\14 - ACOMPANHAMENTO\1 - REPORT ACOMPANHAMENTO\2020\1 - JANEIRO\FINANCEIRA\Login Logout Financeira\RELATORIO DE LOGIN - FINANCEIRA - 12 - 12 -.xlsm\</t>
  </si>
  <si>
    <t>\\acsfs\DEPTOS\Operacao\PCP\5 - Comum\PLANEJAMENTO BV\14 - ACOMPANHAMENTO\1 - REPORT ACOMPANHAMENTO\2020\1 - JANEIRO\FINANCEIRA\Login Logout Financeira\RELATORIO DE LOGIN - FINANCEIRA - 12 - 12 -.xlsm\:Zone.Identifier:$DATA</t>
  </si>
  <si>
    <t>\\acsfs\DEPTOS\Operacao\PCP\5 - Comum\PLANEJAMENTO BV\14 - ACOMPANHAMENTO\1 - REPORT ACOMPANHAMENTO\2020\1 - JANEIRO\FINANCEIRA\Login Logout Financeira\RELATORIO DE LOGIN - FINANCEIRA - 19-12.xlsm</t>
  </si>
  <si>
    <t>\\acsfs\DEPTOS\Operacao\PCP\5 - Comum\PLANEJAMENTO BV\14 - ACOMPANHAMENTO\1 - REPORT ACOMPANHAMENTO\2020\1 - JANEIRO\FINANCEIRA\Login Logout Financeira\RELATORIO DE LOGIN - FINANCEIRA - 20-12.xlsm</t>
  </si>
  <si>
    <t>\\acsfs\DEPTOS\Operacao\PCP\5 - Comum\PLANEJAMENTO BV\14 - ACOMPANHAMENTO\1 - REPORT ACOMPANHAMENTO\2020\1 - JANEIRO\FINANCEIRA\Login Logout Financeira\RELATORIO DE LOGIN - FINANCEIRA - 23-12.xlsm</t>
  </si>
  <si>
    <t>\\acsfs\DEPTOS\Operacao\PCP\5 - Comum\PLANEJAMENTO BV\14 - ACOMPANHAMENTO\1 - REPORT ACOMPANHAMENTO\2020\1 - JANEIRO\FINANCEIRA\Login Logout Financeira\RELATORIO DE LOGIN - FINANCEIRA - 24-12.xlsm</t>
  </si>
  <si>
    <t>\\acsfs\DEPTOS\Operacao\PCP\5 - Comum\PLANEJAMENTO BV\14 - ACOMPANHAMENTO\1 - REPORT ACOMPANHAMENTO\2020\1 - JANEIRO\FINANCEIRA\Login Logout Financeira\RELATORIO DE LOGIN - FINANCEIRA - 26-12.xlsm</t>
  </si>
  <si>
    <t>\\acsfs\DEPTOS\Operacao\PCP\5 - Comum\PLANEJAMENTO BV\14 - ACOMPANHAMENTO\1 - REPORT ACOMPANHAMENTO\2020\1 - JANEIRO\FINANCEIRA\Login Logout Financeira\RELATORIO DE LOGIN - FINANCEIRA - 27-12.xlsm</t>
  </si>
  <si>
    <t>\\acsfs\DEPTOS\Operacao\PCP\5 - Comum\PLANEJAMENTO BV\14 - ACOMPANHAMENTO\1 - REPORT ACOMPANHAMENTO\2020\1 - JANEIRO\FINANCEIRA\Login Logout Financeira\RELATORIO DE LOGIN - FINANCEIRA - 28-12 - SAC.xlsm</t>
  </si>
  <si>
    <t>\\acsfs\DEPTOS\Operacao\PCP\5 - Comum\PLANEJAMENTO BV\14 - ACOMPANHAMENTO\1 - REPORT ACOMPANHAMENTO\2020\1 - JANEIRO\FINANCEIRA\Login Logout Financeira\RELATORIO DE LOGIN - FINANCEIRA - 29-12 - SAC.xlsm</t>
  </si>
  <si>
    <t>\\acsfs\DEPTOS\Operacao\PCP\5 - Comum\PLANEJAMENTO BV\14 - ACOMPANHAMENTO\1 - REPORT ACOMPANHAMENTO\2020\1 - JANEIRO\FINANCEIRA\Login Logout Financeira\RELATORIO DE LOGIN - FINANCEIRA - 30-12.xlsm</t>
  </si>
  <si>
    <t>c2342fb3-5cb8-4d8c-8d29-22c7cb619fe6.tmp</t>
  </si>
  <si>
    <t>\\acsfs\profiles$\leticiala\Downloads\c2342fb3-5cb8-4d8c-8d29-22c7cb619fe6.tmp</t>
  </si>
  <si>
    <t>f26729c6-ec92-4d90-bb78-d6f00d57f068.tmp</t>
  </si>
  <si>
    <t>\\acsfs\profiles$\leticiala\Downloads\f26729c6-ec92-4d90-bb78-d6f00d57f068.tmp</t>
  </si>
  <si>
    <t>519ea754-7e11-40f5-b253-879a6f9d09d4.tmp</t>
  </si>
  <si>
    <t>\\acsfs\profiles$\rafaelahpn\Downloads\519ea754-7e11-40f5-b253-879a6f9d09d4.tmp</t>
  </si>
  <si>
    <t>6df9842a-6652-4c58-ae8e-8429ddfef8b2.tmp</t>
  </si>
  <si>
    <t>\\acsfs\profiles$\Flaviojmm\Downloads\6df9842a-6652-4c58-ae8e-8429ddfef8b2.tmp</t>
  </si>
  <si>
    <t>lu381803uvy8w.tmp</t>
  </si>
  <si>
    <t>\\acsfs\profiles$\marcellewdl\My Documents\lu381803uvy8w.tmp</t>
  </si>
  <si>
    <t>\\acsfs\profiles$\marcellewdl\My Documents\lu381803uvy8w.tmp\</t>
  </si>
  <si>
    <t>\\acsfs\profiles$\marcellewdl\My Documents\lu381803uvy8w.tmp\META-INF\</t>
  </si>
  <si>
    <t>\\acsfs\profiles$\marcellewdl\My Documents\lu381803uvy8w.tmp\Thumbnails\</t>
  </si>
  <si>
    <t>lu381803uvy90.tmp</t>
  </si>
  <si>
    <t>\\acsfs\profiles$\marcellewdl\My Documents\lu381803uvy90.tmp</t>
  </si>
  <si>
    <t>\\acsfs\profiles$\marcellewdl\My Documents\lu381803uvy90.tmp\</t>
  </si>
  <si>
    <t>\\acsfs\profiles$\marcellewdl\My Documents\lu381803uvy90.tmp\META-INF\</t>
  </si>
  <si>
    <t>\\acsfs\profiles$\marcellewdl\My Documents\lu381803uvy90.tmp\Thumbnails\</t>
  </si>
  <si>
    <t>188270_v6 - PAN FINAL - 23_12_2019.xlsb</t>
  </si>
  <si>
    <t>C:\Users\leonardo.caetano\Desktop\Repasse Renata x Leonardo\Banco Pan\188270_v6 - PAN FINAL - 23_12_2019.xlsb\</t>
  </si>
  <si>
    <t>\\acsfs\profiles$\nathaliarmr\Desktop\.~lock.Vendas.ods#</t>
  </si>
  <si>
    <t>5633c9d7-8bb5-4941-833b-7779d2121894.tmp</t>
  </si>
  <si>
    <t>\\acsfs\profiles$\rafaelahpn\Downloads\5633c9d7-8bb5-4941-833b-7779d2121894.tmp</t>
  </si>
  <si>
    <t>63857da6-49aa-410b-842b-0ef62e4f1fe7.tmp</t>
  </si>
  <si>
    <t>\\acsfs\profiles$\maxmillianosv\Downloads\63857da6-49aa-410b-842b-0ef62e4f1fe7.tmp</t>
  </si>
  <si>
    <t>d35681d2-81c5-418f-a4de-f371e06c1ee0.tmp</t>
  </si>
  <si>
    <t>\\acsfs\profiles$\michelerds\Downloads\d35681d2-81c5-418f-a4de-f371e06c1ee0.tmp</t>
  </si>
  <si>
    <t>GUBERT1.png</t>
  </si>
  <si>
    <t>\\acsfs\DEPTOS\Operacao\Banco_Votorantim\Qualidade\Anderson\Jose\Atualizado\GUBERT1.png</t>
  </si>
  <si>
    <t>GUBERT2.png</t>
  </si>
  <si>
    <t>\\acsfs\DEPTOS\Operacao\Banco_Votorantim\Qualidade\Anderson\Jose\Atualizado\GUBERT2.png</t>
  </si>
  <si>
    <t>GUBERT3.png</t>
  </si>
  <si>
    <t>\\acsfs\DEPTOS\Operacao\Banco_Votorantim\Qualidade\Anderson\Jose\Atualizado\GUBERT3.png</t>
  </si>
  <si>
    <t>5b9547d7-1b1f-465b-b2c5-54a89e393774.tmp</t>
  </si>
  <si>
    <t>\\acsfs\profiles$\luanarda\Downloads\5b9547d7-1b1f-465b-b2c5-54a89e393774.tmp</t>
  </si>
  <si>
    <t>d5ea588d-5c2e-4832-9654-7be5048fa0e6.tmp</t>
  </si>
  <si>
    <t>\\acsfs\profiles$\ayalabfi\Downloads\d5ea588d-5c2e-4832-9654-7be5048fa0e6.tmp</t>
  </si>
  <si>
    <t>137b05d6-5ca0-444a-bd08-3183395557dc.tmp</t>
  </si>
  <si>
    <t>\\acsfs\profiles$\maxmillianosv\Downloads\137b05d6-5ca0-444a-bd08-3183395557dc.tmp</t>
  </si>
  <si>
    <t>396e0101-a7ae-46c1-a6d4-2f28c5a11f96.tmp</t>
  </si>
  <si>
    <t>\\acsfs\profiles$\maxmillianosv\Downloads\396e0101-a7ae-46c1-a6d4-2f28c5a11f96.tmp</t>
  </si>
  <si>
    <t>94a7c607-2598-4c7b-a0f6-b4fe8de8c380.tmp</t>
  </si>
  <si>
    <t>\\acsfs\profiles$\maxmillianosv\Downloads\94a7c607-2598-4c7b-a0f6-b4fe8de8c380.tmp</t>
  </si>
  <si>
    <t>89acf06b-ebc3-4a11-8f63-4bb623405a61.tmp</t>
  </si>
  <si>
    <t>\\acsfs\profiles$\maxmillianosv\Downloads\89acf06b-ebc3-4a11-8f63-4bb623405a61.tmp</t>
  </si>
  <si>
    <t>0f6b3d13-a2ea-4f94-83fd-01b930f7f93a.tmp</t>
  </si>
  <si>
    <t>\\acsfs\profiles$\maxmillianosv\Downloads\0f6b3d13-a2ea-4f94-83fd-01b930f7f93a.tmp</t>
  </si>
  <si>
    <t>f4a68d18-623d-4e2c-af70-27e2208caa38.tmp</t>
  </si>
  <si>
    <t>\\acsfs\profiles$\maxmillianosv\Downloads\f4a68d18-623d-4e2c-af70-27e2208caa38.tmp</t>
  </si>
  <si>
    <t>96cbbbf3-7980-4641-acc9-7ac4af7ec589.tmp</t>
  </si>
  <si>
    <t>\\acsfs\profiles$\maxmillianosv\Downloads\96cbbbf3-7980-4641-acc9-7ac4af7ec589.tmp</t>
  </si>
  <si>
    <t>\\acsfs\profiles$\mariliafplb\My Documents\My Pictures\</t>
  </si>
  <si>
    <t>\\acsfs\profiles$\mariliafplb\My Documents\My Videos\desktop.ini</t>
  </si>
  <si>
    <t>\\acsfs\profiles$\mariliafplb\My Documents\My Videos\</t>
  </si>
  <si>
    <t>\\acsfs\profiles$\mariliafplb\My Documents\My Music\</t>
  </si>
  <si>
    <t>\\acsfs\profiles$\mariliafplb\My Documents\My Pictures\desktop.ini</t>
  </si>
  <si>
    <t>\\acsfs\profiles$\mariliafplb\Contacts\</t>
  </si>
  <si>
    <t>\\acsfs\profiles$\mariliafplb\Contacts\desktop.ini</t>
  </si>
  <si>
    <t>\\acsfs\profiles$\mariliafplb\My Documents\</t>
  </si>
  <si>
    <t>\\acsfs\profiles$\mariliafplb\Favorites\desktop.ini</t>
  </si>
  <si>
    <t>\\acsfs\profiles$\mariliafplb\My Documents\My Music\desktop.ini</t>
  </si>
  <si>
    <t>\\acsfs\profiles$\mariliafplb\Searches\</t>
  </si>
  <si>
    <t>\\acsfs\profiles$\mariliafplb\Searches\desktop.ini</t>
  </si>
  <si>
    <t>\\acsfs\profiles$\mariliafplb\Downloads\desktop.ini</t>
  </si>
  <si>
    <t>\\acsfs\profiles$\mariliafplb\Favorites\</t>
  </si>
  <si>
    <t>\\acsfs\profiles$\mariliafplb\My Documents\desktop.ini</t>
  </si>
  <si>
    <t>\\acsfs\profiles$\mariliafplb\Saved Games\desktop.ini</t>
  </si>
  <si>
    <t>winrt--{S-1-5-21-602162358-764733703-839522115-321471}-.searchconnector-ms</t>
  </si>
  <si>
    <t>\\acsfs\profiles$\mariliafplb\Searches\winrt--{S-1-5-21-602162358-764733703-839522115-321471}-.searchconnector-ms</t>
  </si>
  <si>
    <t>XLOG_cinthiacsda_02012020_094240.log</t>
  </si>
  <si>
    <t>\\acsfs\profiles$\cinthiacsda\My Documents\xworkcenter\logs\XLOG_cinthiacsda_02012020_094240.log</t>
  </si>
  <si>
    <t>XLOG_cinthiacsda_02012020_094420.log</t>
  </si>
  <si>
    <t>\\acsfs\profiles$\cinthiacsda\My Documents\xworkcenter\logs\XLOG_cinthiacsda_02012020_094420.log</t>
  </si>
  <si>
    <t>12/30/2019 10:30:20</t>
  </si>
  <si>
    <t>10.200.57.205</t>
  </si>
  <si>
    <t>12/30/2019 14:44:35</t>
  </si>
  <si>
    <t>Comissão Força de Vendas - 2º Tri - 2019_V1 - SF - PRÉ VENDAS - GAT_V2.xlsb</t>
  </si>
  <si>
    <t>Comissão Força de Vendas - 2º Tri - 2019_VF - SF - PRÉ-VENDAS - SUELEN.xlsb</t>
  </si>
  <si>
    <t>12/30/2019 14:44:36</t>
  </si>
  <si>
    <t>Comissão Força de Vendas - RECÁLCULO TCV - 1º Tri - 2019_VF - SF - PRÉ-VENDAS - SUELEN.xlsb</t>
  </si>
  <si>
    <t>12/30/2019 14:48:01</t>
  </si>
  <si>
    <t>12/30/2019 17:37:27</t>
  </si>
  <si>
    <t>Forecast de Receita Oficial_2019 - 25-09 - Copia.xlsx</t>
  </si>
  <si>
    <t>12/30/2019 17:44:27</t>
  </si>
  <si>
    <t>Proposta Recorrente - 06-09 - Copia.xlsx</t>
  </si>
  <si>
    <t>12/31/2019 11:30:53</t>
  </si>
  <si>
    <t>Real até nov - só 4 tri.xlsx</t>
  </si>
  <si>
    <t>12/31/2019 11:31:14</t>
  </si>
  <si>
    <t>Real até nov (1).xlsx</t>
  </si>
  <si>
    <t>12/31/2019 13:41:06</t>
  </si>
  <si>
    <t>Proposta Recorrente - 30-12.xlsx</t>
  </si>
  <si>
    <t>12/31/2019 14:02:53</t>
  </si>
  <si>
    <t>GUBERT4.png</t>
  </si>
  <si>
    <t>\\acsfs\DEPTOS\Operacao\Banco_Votorantim\Qualidade\Anderson\Jose\Atualizado\GUBERT4.png</t>
  </si>
  <si>
    <t>d100c458-cea9-4b12-aea0-6561825ef2e8.tmp</t>
  </si>
  <si>
    <t>\\acsfs\profiles$\luanarda\Downloads\d100c458-cea9-4b12-aea0-6561825ef2e8.tmp</t>
  </si>
  <si>
    <t>eaf759fe-5d4f-4b4e-8104-03d2fddd02c7.tmp</t>
  </si>
  <si>
    <t>\\acsfs\profiles$\wedersonbadr\My Documents\My Music\eaf759fe-5d4f-4b4e-8104-03d2fddd02c7.tmp</t>
  </si>
  <si>
    <t>\\acsfs\DEPTOS\Operacao\PCP\5 - Comum\PLANEJAMENTO BV\14 - ACOMPANHAMENTO\Report whatsapp\</t>
  </si>
  <si>
    <t>Report WhatsApp - DEZEMBRO.xlsx</t>
  </si>
  <si>
    <t>\\acsfs\DEPTOS\Operacao\PCP\5 - Comum\PLANEJAMENTO BV\14 - ACOMPANHAMENTO\Report whatsapp\Report WhatsApp - DEZEMBRO.xlsx</t>
  </si>
  <si>
    <t>b41937b4-061a-4eb8-ac8f-ec85006dd385.tmp</t>
  </si>
  <si>
    <t>\\acsfs\profiles$\larissaad\Downloads\b41937b4-061a-4eb8-ac8f-ec85006dd385.tmp</t>
  </si>
  <si>
    <t>43b231e0-6d2e-43e8-9c42-820d45e737b7.tmp</t>
  </si>
  <si>
    <t>\\acsfs\profiles$\laianear\Downloads\43b231e0-6d2e-43e8-9c42-820d45e737b7.tmp</t>
  </si>
  <si>
    <t>352f8911-dbfd-4cfc-9692-bcac976af5b4.tmp</t>
  </si>
  <si>
    <t>\\acsfs\profiles$\laianear\Downloads\352f8911-dbfd-4cfc-9692-bcac976af5b4.tmp</t>
  </si>
  <si>
    <t>fdebc955-3cc9-4be3-8338-acfccda85332.tmp</t>
  </si>
  <si>
    <t>\\acsfs\profiles$\laianear\Downloads\fdebc955-3cc9-4be3-8338-acfccda85332.tmp</t>
  </si>
  <si>
    <t>afb004ea-8de5-4adc-8e24-44bc78c4460a.tmp</t>
  </si>
  <si>
    <t>\\acsfs\profiles$\laianear\Downloads\afb004ea-8de5-4adc-8e24-44bc78c4460a.tmp</t>
  </si>
  <si>
    <t>ed8f8145-ee2f-4379-921a-9ce5a2b03c94.tmp</t>
  </si>
  <si>
    <t>\\acsfs\profiles$\alessandraan\Downloads\ed8f8145-ee2f-4379-921a-9ce5a2b03c94.tmp</t>
  </si>
  <si>
    <t>5c519a63-bffc-4cbd-91bc-8b0245ba1633.tmp</t>
  </si>
  <si>
    <t>\\acsfs\profiles$\alessandraan\Downloads\5c519a63-bffc-4cbd-91bc-8b0245ba1633.tmp</t>
  </si>
  <si>
    <t>c517f1eb-0296-4a8c-9d86-5e15f3e57811.tmp</t>
  </si>
  <si>
    <t>\\acsfs\profiles$\alessandraan\Downloads\c517f1eb-0296-4a8c-9d86-5e15f3e57811.tmp</t>
  </si>
  <si>
    <t>0607e2c1-ad93-4b71-8bff-6eb5ead047a1.tmp</t>
  </si>
  <si>
    <t>\\acsfs\profiles$\alessandraan\Downloads\0607e2c1-ad93-4b71-8bff-6eb5ead047a1.tmp</t>
  </si>
  <si>
    <t>062bbabe-99ba-4a2e-81bf-c625311cdfa7.tmp</t>
  </si>
  <si>
    <t>\\acsfs\profiles$\alessandraan\Downloads\062bbabe-99ba-4a2e-81bf-c625311cdfa7.tmp</t>
  </si>
  <si>
    <t>Laudo 02.docx</t>
  </si>
  <si>
    <t>\\acsfs\DEPTOS\Operacao\Banco_Votorantim\Qualidade\Anderson\Jose\Atualizado\Laudo 02.docx</t>
  </si>
  <si>
    <t>info laudo dia 02.txt</t>
  </si>
  <si>
    <t>\\acsfs\DEPTOS\Operacao\Banco_Votorantim\Qualidade\Anderson\Jose\Atualizado\info laudo dia 02.txt</t>
  </si>
  <si>
    <t>39fa88cb-1390-4b4e-be64-b3a13543aa67.tmp</t>
  </si>
  <si>
    <t>\\acsfs\profiles$\quindaizaagds\Downloads\39fa88cb-1390-4b4e-be64-b3a13543aa67.tmp</t>
  </si>
  <si>
    <t>101b1b3a-8936-421c-8dee-132a9f56e58a.tmp</t>
  </si>
  <si>
    <t>\\acsfs\profiles$\andressagr\Downloads\101b1b3a-8936-421c-8dee-132a9f56e58a.tmp</t>
  </si>
  <si>
    <t>e00d8199-8a30-4f0f-b2dd-3f0fd27e1dce.tmp</t>
  </si>
  <si>
    <t>\\acsfs\profiles$\nathaliarmr\Downloads\e00d8199-8a30-4f0f-b2dd-3f0fd27e1dce.tmp</t>
  </si>
  <si>
    <t>\\acsfs\DEPTOS\Operacao\PCP\5 - Comum\PLANEJAMENTO BV\14 - ACOMPANHAMENTO\Report whatsapp\Vendas\2019\</t>
  </si>
  <si>
    <t>Atualiza VENDAS_DEZEMBRO.xlsm</t>
  </si>
  <si>
    <t>\\acsfs\DEPTOS\Operacao\PCP\5 - Comum\PLANEJAMENTO BV\14 - ACOMPANHAMENTO\Report whatsapp\Vendas\2019\Atualiza VENDAS_DEZEMBRO.xlsm</t>
  </si>
  <si>
    <t>RELATORIO DE LOGIN - FINANCEIRA - 31-12.xlsm</t>
  </si>
  <si>
    <t>\\acsfs\DEPTOS\Operacao\PCP\5 - Comum\PLANEJAMENTO BV\14 - ACOMPANHAMENTO\1 - REPORT ACOMPANHAMENTO\2019\12 - Dezembro\FINANCEIRA\Login Logout Financeira\RELATORIO DE LOGIN - FINANCEIRA - 31-12.xlsm</t>
  </si>
  <si>
    <t>2ce977b3-453d-440a-a120-6e130961fa41.tmp</t>
  </si>
  <si>
    <t>\\acsfs\profiles$\mariliafplb\Downloads\2ce977b3-453d-440a-a120-6e130961fa41.tmp</t>
  </si>
  <si>
    <t>16c851d5-a5f8-47c4-8f3f-258420e92f7f.tmp</t>
  </si>
  <si>
    <t>\\acsfs\profiles$\mariliafplb\Downloads\16c851d5-a5f8-47c4-8f3f-258420e92f7f.tmp</t>
  </si>
  <si>
    <t>5d8c28f5-636d-4d78-85e7-31211d3fea84.tmp</t>
  </si>
  <si>
    <t>\\acsfs\profiles$\mariliafplb\Downloads\5d8c28f5-636d-4d78-85e7-31211d3fea84.tmp</t>
  </si>
  <si>
    <t>451029a1-82c9-4716-9cd9-0ac240f397dc.tmp</t>
  </si>
  <si>
    <t>\\acsfs\profiles$\mariliafplb\Downloads\451029a1-82c9-4716-9cd9-0ac240f397dc.tmp</t>
  </si>
  <si>
    <t>mail.google.com/_/upload?authuser=0&amp;dcp=asu-n&amp;upload_id=AEnB2UpfcmiDGMnZWTnrZLdLCy70iGxxYdBKL_NLr68yfNQgBHKA5aEbKewU8tt_YoFz5nwezi_DXEGrZl8X15F7spIuBqmL3A&amp;upload_protocol=resumable</t>
  </si>
  <si>
    <t>melissafpq@algartech.com;</t>
  </si>
  <si>
    <t>Dúvidas ISS (2).xlsx</t>
  </si>
  <si>
    <t>melissafpq@algartech.com</t>
  </si>
  <si>
    <t>9f417b1b-c192-489c-bf7e-5c4298a8ee49.tmp</t>
  </si>
  <si>
    <t>\\acsfs\profiles$\jonatanls\Downloads\9f417b1b-c192-489c-bf7e-5c4298a8ee49.tmp</t>
  </si>
  <si>
    <t>7d5cfe7b-e47b-4643-a6a6-367e39755775.tmp</t>
  </si>
  <si>
    <t>\\acsfs\profiles$\mariellecs\Downloads\7d5cfe7b-e47b-4643-a6a6-367e39755775.tmp</t>
  </si>
  <si>
    <t>8a9adbd2-a50a-4ec6-b50c-eec8a7fbbc00.tmp</t>
  </si>
  <si>
    <t>\\acsfs\profiles$\mariellecs\Downloads\8a9adbd2-a50a-4ec6-b50c-eec8a7fbbc00.tmp</t>
  </si>
  <si>
    <t>TALITA SANTOS SILVA CASTRO (23906).contact</t>
  </si>
  <si>
    <t>\\acsfs\profiles$\talitassc\Contacts\TALITA SANTOS SILVA CASTRO (23906).contact</t>
  </si>
  <si>
    <t>8fb936cc-c2d3-4723-9220-b5c01a0919b4.tmp</t>
  </si>
  <si>
    <t>\\acsfs\profiles$\quindaizaagds\Downloads\8fb936cc-c2d3-4723-9220-b5c01a0919b4.tmp</t>
  </si>
  <si>
    <t>98511a03-9e22-43c0-bfe3-08db9e8537e3.tmp</t>
  </si>
  <si>
    <t>\\acsfs\profiles$\adelvinsonle\Downloads\98511a03-9e22-43c0-bfe3-08db9e8537e3.tmp</t>
  </si>
  <si>
    <t>322c14c6-a43b-45f3-a372-d31954cb2c7f.tmp</t>
  </si>
  <si>
    <t>\\acsfs\profiles$\lucasqdss\Downloads\322c14c6-a43b-45f3-a372-d31954cb2c7f.tmp</t>
  </si>
  <si>
    <t>8dd010fc-baa3-4a19-af4e-265899db53b9.tmp</t>
  </si>
  <si>
    <t>\\acsfs\profiles$\ayalabfi\Downloads\8dd010fc-baa3-4a19-af4e-265899db53b9.tmp</t>
  </si>
  <si>
    <t>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edd8518d-1565-40d4-aaf6-bc82bafd3453.tmp</t>
  </si>
  <si>
    <t>\\acsfs\profiles$\rafaelahpn\Downloads\edd8518d-1565-40d4-aaf6-bc82bafd3453.tmp</t>
  </si>
  <si>
    <t>fcc09139-195a-484c-a335-e5dfe9ca9f47.tmp</t>
  </si>
  <si>
    <t>\\acsfs\profiles$\mariliafplb\Downloads\fcc09139-195a-484c-a335-e5dfe9ca9f47.tmp</t>
  </si>
  <si>
    <t>Fechamento Horas logadas URR - Novembro.xlsx</t>
  </si>
  <si>
    <t>3bfbbfc8-c32e-473f-94e9-350ea972ef31.tmp</t>
  </si>
  <si>
    <t>\\acsfs\profiles$\geovannasm\Downloads\3bfbbfc8-c32e-473f-94e9-350ea972ef31.tmp</t>
  </si>
  <si>
    <t>RES: Inlcusões</t>
  </si>
  <si>
    <t>Inclusão Empresas na CRC Visa - 2712.msg\s1\</t>
  </si>
  <si>
    <t>18- CONSOLIDADO INCLUSÃO ALGAR -27.12.19.xlsx</t>
  </si>
  <si>
    <t>5dbcbde2-42ae-4cdd-a9ae-5712193f2f10.tmp</t>
  </si>
  <si>
    <t>\\acsfs\profiles$\deborahsi\Downloads\5dbcbde2-42ae-4cdd-a9ae-5712193f2f10.tmp</t>
  </si>
  <si>
    <t>10.200.67.124</t>
  </si>
  <si>
    <t>$IIF8BA6.png</t>
  </si>
  <si>
    <t>\\acsfs\profiles$\thaianaads\My Documents\$RECYCLE.BIN\$IIF8BA6.png</t>
  </si>
  <si>
    <t>$IENP0KR.png</t>
  </si>
  <si>
    <t>\\acsfs\profiles$\thaianaads\My Documents\$RECYCLE.BIN\$IENP0KR.png</t>
  </si>
  <si>
    <t>$I3FT65P.pdf</t>
  </si>
  <si>
    <t>\\acsfs\profiles$\thaianaads\My Documents\$RECYCLE.BIN\$I3FT65P.pdf</t>
  </si>
  <si>
    <t>$IA57L6C.pdf</t>
  </si>
  <si>
    <t>\\acsfs\profiles$\thaianaads\My Documents\$RECYCLE.BIN\$IA57L6C.pdf</t>
  </si>
  <si>
    <t>$IAM0TQL.pdf</t>
  </si>
  <si>
    <t>\\acsfs\profiles$\thaianaads\My Documents\$RECYCLE.BIN\$IAM0TQL.pdf</t>
  </si>
  <si>
    <t>lu139322oimx.tmp</t>
  </si>
  <si>
    <t>\\acsfs\profiles$\dhiulliananads\My Documents\lu139322oimx.tmp</t>
  </si>
  <si>
    <t>\\acsfs\profiles$\dhiulliananads\My Documents\lu139322oimx.tmp\</t>
  </si>
  <si>
    <t>\\acsfs\profiles$\dhiulliananads\My Documents\lu139322oimx.tmp\META-INF\</t>
  </si>
  <si>
    <t>\\acsfs\profiles$\dhiulliananads\My Documents\lu139322oimx.tmp\Thumbnails\</t>
  </si>
  <si>
    <t>a120a472-03e1-4acf-a6a0-a041ec47762c.tmp</t>
  </si>
  <si>
    <t>\\acsfs\profiles$\nayarasds\Downloads\a120a472-03e1-4acf-a6a0-a041ec47762c.tmp</t>
  </si>
  <si>
    <t>Report WhatsApp - JANEIRO.xlsx</t>
  </si>
  <si>
    <t>\\acsfs\DEPTOS\Operacao\PCP\5 - Comum\PLANEJAMENTO BV\14 - ACOMPANHAMENTO\Report whatsapp\Report WhatsApp - JANEIRO.xlsx</t>
  </si>
  <si>
    <t>joaogvc@algartech.com;leonardoao@algartech.com;m1nxnxefxetrukrzvgozdhyqef1vh0jvuushxg==;paulacn@algartech.com;rafaelggs@algartech.com;taysdss@algartech.com;viniciussg@algartech.com;</t>
  </si>
  <si>
    <t>joaogvc@algartech.com,leonardoao@algartech.com,m1nxnxefxetrukrzvgozdhyqef1vh0jvuushxg==,paulacn@algartech.com,rafaelggs@algartech.com,taysdss@algartech.com,viniciussg@algartech.com</t>
  </si>
  <si>
    <t>64935bbf-7159-44f4-9184-9fe8e0e325c9.tmp</t>
  </si>
  <si>
    <t>\\acsfs\profiles$\lorrainerdl\Downloads\64935bbf-7159-44f4-9184-9fe8e0e325c9.tmp</t>
  </si>
  <si>
    <t>3b20cebd-c4c9-4f66-b55d-39e677be51e6.tmp</t>
  </si>
  <si>
    <t>\\acsfs\profiles$\geovannasm\Downloads\3b20cebd-c4c9-4f66-b55d-39e677be51e6.tmp</t>
  </si>
  <si>
    <t>147073f2-b559-42f9-86f2-98c7ea3d1a83.tmp</t>
  </si>
  <si>
    <t>\\acsfs\profiles$\luanaagl\Downloads\147073f2-b559-42f9-86f2-98c7ea3d1a83.tmp</t>
  </si>
  <si>
    <t>34bb8ab3-d4fd-47a8-9937-bb8a0b3a39e7.tmp</t>
  </si>
  <si>
    <t>\\acsfs\profiles$\isabellegtds\Downloads\34bb8ab3-d4fd-47a8-9937-bb8a0b3a39e7.tmp</t>
  </si>
  <si>
    <t>b844dd06-7866-461e-89e3-bd01b229cd44.tmp</t>
  </si>
  <si>
    <t>\\acsfs\profiles$\mariajra\Downloads\b844dd06-7866-461e-89e3-bd01b229cd44.tmp</t>
  </si>
  <si>
    <t>3551640a-a0a2-4c38-a783-989ed698034a.tmp</t>
  </si>
  <si>
    <t>\\acsfs\profiles$\inarajst\Downloads\3551640a-a0a2-4c38-a783-989ed698034a.tmp</t>
  </si>
  <si>
    <t>e4b7b4c7-d9f7-421a-bc18-7940cbd8cc67.tmp</t>
  </si>
  <si>
    <t>\\acsfs\profiles$\nayarasds\Downloads\e4b7b4c7-d9f7-421a-bc18-7940cbd8cc67.tmp</t>
  </si>
  <si>
    <t>64-1C-67-9D-1E-D9</t>
  </si>
  <si>
    <t>VOTORANT-LB018</t>
  </si>
  <si>
    <t>jhonatadss</t>
  </si>
  <si>
    <t>\\acsfs\profiles$\jhonatadss\Downloads\</t>
  </si>
  <si>
    <t>5f16b609-a166-4693-9803-b4c61ff0cefe.tmp</t>
  </si>
  <si>
    <t>\\acsfs\profiles$\jhonatadss\Downloads\5f16b609-a166-4693-9803-b4c61ff0cefe.tmp</t>
  </si>
  <si>
    <t>b49b5a4d-7a1b-4d09-92c0-80b2b492838b.tmp</t>
  </si>
  <si>
    <t>\\acsfs\profiles$\jhonatadss\Downloads\b49b5a4d-7a1b-4d09-92c0-80b2b492838b.tmp</t>
  </si>
  <si>
    <t>918e1f9e-ff3f-4eb6-8d8f-39b71b4cb562.tmp</t>
  </si>
  <si>
    <t>\\acsfs\profiles$\jhonatadss\Downloads\918e1f9e-ff3f-4eb6-8d8f-39b71b4cb562.tmp</t>
  </si>
  <si>
    <t>\\acsfs\DEPTOS\Operacao\PCP\5 - Comum\PLANEJAMENTO BV\14 - ACOMPANHAMENTO\1 - REPORT ACOMPANHAMENTO\2020\1 - JANEIRO\FINANCEIRA\</t>
  </si>
  <si>
    <t>REPORT ACOMPANHAMENTO - BV - JANEIRO.xlsb</t>
  </si>
  <si>
    <t>\\acsfs\DEPTOS\Operacao\PCP\5 - Comum\PLANEJAMENTO BV\14 - ACOMPANHAMENTO\1 - REPORT ACOMPANHAMENTO\2020\1 - JANEIRO\FINANCEIRA\REPORT ACOMPANHAMENTO - BV - JANEIRO.xlsb</t>
  </si>
  <si>
    <t>mail.google.com/sync/u/0/i/s?hl=pt-BR&amp;c=301</t>
  </si>
  <si>
    <t>8ac7b358-978a-4b37-9fb9-1576c9524cb8.tmp</t>
  </si>
  <si>
    <t>\\acsfs\profiles$\mariliafplb\Downloads\8ac7b358-978a-4b37-9fb9-1576c9524cb8.tmp</t>
  </si>
  <si>
    <t>3e4aa4dd-92a9-4a7e-ad6a-d30a8cf1097a.tmp</t>
  </si>
  <si>
    <t>\\acsfs\profiles$\maxmillianosv\Downloads\3e4aa4dd-92a9-4a7e-ad6a-d30a8cf1097a.tmp</t>
  </si>
  <si>
    <t>lu228362gucy1.tmp</t>
  </si>
  <si>
    <t>\\acsfs\profiles$\victoriaksr\My Documents\lu228362gucy1.tmp</t>
  </si>
  <si>
    <t>f7e0c90d-e6b1-4ead-8958-d6f08cf88aee.tmp</t>
  </si>
  <si>
    <t>\\acsfs\profiles$\jonatanls\Downloads\f7e0c90d-e6b1-4ead-8958-d6f08cf88aee.tmp</t>
  </si>
  <si>
    <t>c4e29aee-e0b8-4664-829e-fef191fdc3bb.tmp</t>
  </si>
  <si>
    <t>\\acsfs\profiles$\jonatanls\Downloads\c4e29aee-e0b8-4664-829e-fef191fdc3bb.tmp</t>
  </si>
  <si>
    <t>lu139322oin8.tmp</t>
  </si>
  <si>
    <t>\\acsfs\profiles$\dhiulliananads\My Documents\lu139322oin8.tmp</t>
  </si>
  <si>
    <t>\\acsfs\profiles$\dhiulliananads\My Documents\lu139322oin8.tmp\</t>
  </si>
  <si>
    <t>\\acsfs\profiles$\dhiulliananads\My Documents\lu139322oin8.tmp\META-INF\</t>
  </si>
  <si>
    <t>34b93daf-82d6-4303-983c-f8e0dbdff3d4.tmp</t>
  </si>
  <si>
    <t>\\acsfs\profiles$\andressagr\Downloads\34b93daf-82d6-4303-983c-f8e0dbdff3d4.tmp</t>
  </si>
  <si>
    <t>a5571506-5f37-4221-a6cd-c5c680accd20.tmp</t>
  </si>
  <si>
    <t>\\acsfs\profiles$\jhonatadss\Downloads\a5571506-5f37-4221-a6cd-c5c680accd20.tmp</t>
  </si>
  <si>
    <t>m1nxnxefxetrukrzvgozdhyqef1vh0jvuushxg==;</t>
  </si>
  <si>
    <t>https://m1nxnxefxetrukrzvgozdhyqef1vh0jvuushxg==</t>
  </si>
  <si>
    <t>63158786-144a-42e2-830a-b9f2ac886c17.tmp</t>
  </si>
  <si>
    <t>\\acsfs\profiles$\rafaelamsv\Downloads\63158786-144a-42e2-830a-b9f2ac886c17.tmp</t>
  </si>
  <si>
    <t>lu228362gucy7.tmp</t>
  </si>
  <si>
    <t>\\acsfs\profiles$\victoriaksr\My Documents\lu228362gucy7.tmp</t>
  </si>
  <si>
    <t>lu1408419816.tmp</t>
  </si>
  <si>
    <t>\\acsfs\profiles$\VIVIANALDS\My Documents\lu1408419816.tmp</t>
  </si>
  <si>
    <t>\\acsfs\profiles$\VIVIANALDS\My Documents\lu1408419816.tmp\</t>
  </si>
  <si>
    <t>\\acsfs\profiles$\VIVIANALDS\My Documents\lu1408419816.tmp\META-INF\</t>
  </si>
  <si>
    <t>\\acsfs\profiles$\VIVIANALDS\My Documents\lu1408419816.tmp\Thumbnails\</t>
  </si>
  <si>
    <t>93d2d477-c5a1-49f0-9ed5-b218deefb667.tmp</t>
  </si>
  <si>
    <t>\\acsfs\profiles$\eduardofss\Downloads\93d2d477-c5a1-49f0-9ed5-b218deefb667.tmp</t>
  </si>
  <si>
    <t>b3e1ab55-685c-431b-b102-308b880d85f5.tmp</t>
  </si>
  <si>
    <t>\\acsfs\profiles$\mariajra\Downloads\b3e1ab55-685c-431b-b102-308b880d85f5.tmp</t>
  </si>
  <si>
    <t>\\acsfs\profiles$\dhiulliananads\My Documents\lu139322oin8.tmp\Thumbnails\</t>
  </si>
  <si>
    <t>da943c6d-ef57-4e03-9497-4c004ddb3ee9.tmp</t>
  </si>
  <si>
    <t>\\acsfs\profiles$\andressagr\Downloads\da943c6d-ef57-4e03-9497-4c004ddb3ee9.tmp</t>
  </si>
  <si>
    <t>5450b2a3-7de0-4c34-b3d4-6e91133b49c5.tmp</t>
  </si>
  <si>
    <t>\\acsfs\profiles$\kamilamrc\Downloads\5450b2a3-7de0-4c34-b3d4-6e91133b49c5.tmp</t>
  </si>
  <si>
    <t>bd62ab21-db5a-48b7-905f-1c65b146c2de.tmp</t>
  </si>
  <si>
    <t>\\acsfs\profiles$\kamilamrc\Downloads\bd62ab21-db5a-48b7-905f-1c65b146c2de.tmp</t>
  </si>
  <si>
    <t>198ff37b-7898-49db-8009-c22a658acbca.tmp</t>
  </si>
  <si>
    <t>\\acsfs\profiles$\kamilamrc\Downloads\198ff37b-7898-49db-8009-c22a658acbca.tmp</t>
  </si>
  <si>
    <t>72c1eee0-f4b9-41f0-8206-4b06d5a4a159.tmp</t>
  </si>
  <si>
    <t>\\acsfs\profiles$\kamilamrc\Downloads\72c1eee0-f4b9-41f0-8206-4b06d5a4a159.tmp</t>
  </si>
  <si>
    <t>ac821c43-f437-4a89-b76d-a10a2c6d547b.tmp</t>
  </si>
  <si>
    <t>\\acsfs\profiles$\kamilamrc\Downloads\ac821c43-f437-4a89-b76d-a10a2c6d547b.tmp</t>
  </si>
  <si>
    <t>cfc2cb26-60a8-439d-9e2b-5a3abcbccb7b.tmp</t>
  </si>
  <si>
    <t>\\acsfs\profiles$\kamilamrc\Downloads\cfc2cb26-60a8-439d-9e2b-5a3abcbccb7b.tmp</t>
  </si>
  <si>
    <t>8d4f18f2-5906-457f-a8ea-894b9b986c3f.tmp</t>
  </si>
  <si>
    <t>\\acsfs\profiles$\kamilamrc\Downloads\8d4f18f2-5906-457f-a8ea-894b9b986c3f.tmp</t>
  </si>
  <si>
    <t>10a1daa1-6af4-4733-bb43-7de6db9adefc.tmp</t>
  </si>
  <si>
    <t>\\acsfs\profiles$\kamilamrc\Downloads\10a1daa1-6af4-4733-bb43-7de6db9adefc.tmp</t>
  </si>
  <si>
    <t>a3902b8a-456c-4aa2-9829-e8e9d9d90c95.tmp</t>
  </si>
  <si>
    <t>\\acsfs\profiles$\gabrielafs\Downloads\a3902b8a-456c-4aa2-9829-e8e9d9d90c95.tmp</t>
  </si>
  <si>
    <t>b80515c5-1343-4fff-828b-ef97160bc621.tmp</t>
  </si>
  <si>
    <t>\\acsfs\profiles$\gabrielafs\Downloads\b80515c5-1343-4fff-828b-ef97160bc621.tmp</t>
  </si>
  <si>
    <t>da3b2fc8-ae72-4aaf-80af-01fef995a42c.tmp</t>
  </si>
  <si>
    <t>\\acsfs\profiles$\gabrielafs\Downloads\da3b2fc8-ae72-4aaf-80af-01fef995a42c.tmp</t>
  </si>
  <si>
    <t>801ddd64-6c7a-43a3-94da-dd084100ec21.tmp</t>
  </si>
  <si>
    <t>\\acsfs\profiles$\gabrielafs\Downloads\801ddd64-6c7a-43a3-94da-dd084100ec21.tmp</t>
  </si>
  <si>
    <t>d97ef642-f396-4519-9d8a-6ebf83db2d27.tmp</t>
  </si>
  <si>
    <t>\\acsfs\profiles$\MATEUSJM\Downloads\d97ef642-f396-4519-9d8a-6ebf83db2d27.tmp</t>
  </si>
  <si>
    <t>85b5251b-02bc-4329-8eaa-68cb1cac43e9.tmp</t>
  </si>
  <si>
    <t>\\acsfs\profiles$\MATEUSJM\Downloads\85b5251b-02bc-4329-8eaa-68cb1cac43e9.tmp</t>
  </si>
  <si>
    <t>2d676ca3-aa72-4080-929a-33f2f12a24f6.tmp</t>
  </si>
  <si>
    <t>\\acsfs\profiles$\jonatanls\Downloads\2d676ca3-aa72-4080-929a-33f2f12a24f6.tmp</t>
  </si>
  <si>
    <t>lu154242yupeg.tmp</t>
  </si>
  <si>
    <t>\\acsfs\profiles$\jonatanls\My Documents\lu154242yupeg.tmp</t>
  </si>
  <si>
    <t>5af43269-bd02-4338-b997-705c9e200cf5.tmp</t>
  </si>
  <si>
    <t>\\acsfs\profiles$\luanarda\Downloads\5af43269-bd02-4338-b997-705c9e200cf5.tmp</t>
  </si>
  <si>
    <t>6ce6e860-cdfe-4fb3-a330-951064a37f4d.tmp</t>
  </si>
  <si>
    <t>\\acsfs\profiles$\eduardofss\Downloads\6ce6e860-cdfe-4fb3-a330-951064a37f4d.tmp</t>
  </si>
  <si>
    <t>francislayneads</t>
  </si>
  <si>
    <t>\\acsfs\profiles$\francislayneads\Contacts\</t>
  </si>
  <si>
    <t>FRANCISLAYNE ASSUMPCAO DE SOUSA (6).contact</t>
  </si>
  <si>
    <t>\\acsfs\profiles$\francislayneads\Contacts\FRANCISLAYNE ASSUMPCAO DE SOUSA (6).contact</t>
  </si>
  <si>
    <t>\\acsfs\profiles$\francislayneads\My Documents\My Videos\</t>
  </si>
  <si>
    <t>\\acsfs\profiles$\francislayneads\My Documents\My Videos\desktop.ini</t>
  </si>
  <si>
    <t>\\acsfs\profiles$\francislayneads\My Documents\My Pictures\</t>
  </si>
  <si>
    <t>\\acsfs\profiles$\francislayneads\My Documents\My Pictures\desktop.ini</t>
  </si>
  <si>
    <t>427a3022-afc5-4093-8fd6-b8a84354e604.tmp</t>
  </si>
  <si>
    <t>\\acsfs\profiles$\inarajst\Downloads\427a3022-afc5-4093-8fd6-b8a84354e604.tmp</t>
  </si>
  <si>
    <t>\\acsfs\profiles$\francislayneads\Contacts\desktop.ini</t>
  </si>
  <si>
    <t>\\acsfs\profiles$\francislayneads\Favorites\</t>
  </si>
  <si>
    <t>\\acsfs\profiles$\francislayneads\Favorites\desktop.ini</t>
  </si>
  <si>
    <t>\\acsfs\profiles$\francislayneads\My Documents\My Music\</t>
  </si>
  <si>
    <t>\\acsfs\profiles$\francislayneads\My Documents\My Music\desktop.ini</t>
  </si>
  <si>
    <t>\\acsfs\profiles$\francislayneads\Searches\</t>
  </si>
  <si>
    <t>\\acsfs\profiles$\francislayneads\Searches\desktop.ini</t>
  </si>
  <si>
    <t>\\acsfs\profiles$\francislayneads\Downloads\</t>
  </si>
  <si>
    <t>\\acsfs\profiles$\francislayneads\Downloads\desktop.ini</t>
  </si>
  <si>
    <t>\\acsfs\profiles$\francislayneads\My Documents\</t>
  </si>
  <si>
    <t>\\acsfs\profiles$\francislayneads\My Documents\desktop.ini</t>
  </si>
  <si>
    <t>\\acsfs\profiles$\francislayneads\Saved Games\</t>
  </si>
  <si>
    <t>\\acsfs\profiles$\francislayneads\Saved Games\desktop.ini</t>
  </si>
  <si>
    <t>\\acsfs\profiles$\FRANCISLAYNEADS\Favorites\Links for Brasil\</t>
  </si>
  <si>
    <t>\\acsfs\profiles$\FRANCISLAYNEADS\Favorites\Links for Brasil\desktop.ini</t>
  </si>
  <si>
    <t>\\acsfs\profiles$\FRANCISLAYNEADS\Favorites\Links for Brasil\Microsoft Brasil.url</t>
  </si>
  <si>
    <t>\\acsfs\profiles$\FRANCISLAYNEADS\Favorites\Links for Brasil\Windows Brasil.url</t>
  </si>
  <si>
    <t>\\acsfs\profiles$\FRANCISLAYNEADS\Favorites\Links for Brasil\MSN Brasil.url</t>
  </si>
  <si>
    <t>10.200.57.131</t>
  </si>
  <si>
    <t>mail.google.com/_/upload?authuser=1&amp;dcp=asu-n&amp;upload_id=AEnB2UrC6XqFB5KycRQ2XWSmh_ULuW6kqpAlrbanATgMrfgkEmGJ2elC_4nVtC16ihq79LZ4l5ep5Mhff14DY42QeDP_YC5wvA&amp;upload_protocol=resumable</t>
  </si>
  <si>
    <t>Mapeamento Conteúdo Completo até 31_07 (12).xlsx</t>
  </si>
  <si>
    <t>https://joaogvc@algartech.com,leonardoao@algartech.com,m1nxnxefxetrukrzvgozdhyqef1vh0jvuushxg==,paulacn@algartech.com,rafaelggs@algartech.com,taysdss@algartech.com,viniciussg@algartech.com</t>
  </si>
  <si>
    <t>d2b0539c-ed4e-45cf-8711-37eb94b32b64.tmp</t>
  </si>
  <si>
    <t>\\acsfs\profiles$\leticiala\Downloads\d2b0539c-ed4e-45cf-8711-37eb94b32b64.tmp</t>
  </si>
  <si>
    <t>CPF 06330712697 - OPERADORA GEOVANA ALINE SANTOS E SILVA_1_6763971929573505812_1_32.wav</t>
  </si>
  <si>
    <t>\\acsfs\Deptos\EDUCACAO EMPRESARIAL\KÉSIA\OUVIDORIA, PROCON, BACEN E RECLAME AQUI\CPF 06330712697 - OPERADORA GEOVANA ALINE SANTOS E SILVA_1_6763971929573505812_1_32.wav</t>
  </si>
  <si>
    <t>39114287-46cf-4f8f-8d90-331507db8f58.tmp</t>
  </si>
  <si>
    <t>\\acsfs\profiles$\michelerds\Downloads\39114287-46cf-4f8f-8d90-331507db8f58.tmp</t>
  </si>
  <si>
    <t>16e1b776-f7fa-44f1-b5fb-6362abde779c.tmp</t>
  </si>
  <si>
    <t>\\acsfs\profiles$\eduardofss\Downloads\16e1b776-f7fa-44f1-b5fb-6362abde779c.tmp</t>
  </si>
  <si>
    <t>9c4da73d-14f4-4668-81a3-1a48915d1778.tmp</t>
  </si>
  <si>
    <t>\\acsfs\profiles$\francislayneads\Downloads\9c4da73d-14f4-4668-81a3-1a48915d1778.tmp</t>
  </si>
  <si>
    <t>550304f6-f821-4cf7-88d3-9f199815c730.tmp</t>
  </si>
  <si>
    <t>\\acsfs\profiles$\francislayneads\Downloads\550304f6-f821-4cf7-88d3-9f199815c730.tmp</t>
  </si>
  <si>
    <t>0f97bd6d-9d0d-46ad-9e05-0173203b6ef3.tmp</t>
  </si>
  <si>
    <t>\\acsfs\profiles$\Flaviojmm\Downloads\0f97bd6d-9d0d-46ad-9e05-0173203b6ef3.tmp</t>
  </si>
  <si>
    <t>756d00e8-98ff-4c4c-bb88-b48e1bedc8f1.tmp</t>
  </si>
  <si>
    <t>\\acsfs\profiles$\ANAPDSB\Downloads\756d00e8-98ff-4c4c-bb88-b48e1bedc8f1.tmp</t>
  </si>
  <si>
    <t>f8167c6d-6213-441e-a161-9c21ccab89c1.tmp</t>
  </si>
  <si>
    <t>\\acsfs\profiles$\ANAPDSB\Downloads\f8167c6d-6213-441e-a161-9c21ccab89c1.tmp</t>
  </si>
  <si>
    <t>b2490bba-a0a2-419b-8794-8c7e16d1d377.tmp</t>
  </si>
  <si>
    <t>\\acsfs\profiles$\KARENDSR\Downloads\b2490bba-a0a2-419b-8794-8c7e16d1d377.tmp</t>
  </si>
  <si>
    <t>bd9f8f55-fcdd-4cdb-aeab-7949c0933d8a.tmp</t>
  </si>
  <si>
    <t>\\acsfs\profiles$\luanaagl\Downloads\bd9f8f55-fcdd-4cdb-aeab-7949c0933d8a.tmp</t>
  </si>
  <si>
    <t>Projeto LGPD - Levantamento File Server (dados não estruturados)_v01.xlsx</t>
  </si>
  <si>
    <t>46f88f371a2_u x-goog-authuser: 0 --=====8v0p36s6uz6d=====-- ,ances,ancest,ancestorhasaugmentedpermissions,containsunsubscribedchildren,copyable,displayname,domain,emailaddress,exp,explicitlytrashed,file(kind,fileid,filesize,foldercolor,haschi,hasthumbnail,hasvisitorpermissions,id,id),items(deleted,ken,kind,lastmodifyinguser(kind,lastviewedbymedate,lgpd - levantamento file server (dados não estruturados)_v01' and title contains 'xlsx' and trashed = false and '17ag2qphdbjwvrhw1mzbhyj2jagneatmr' in parents&amp;fie,mimetype,modifiedbymedate,modifieddate,ontainsunsubscribedchildren,owners(kind,perm,permi,permissionid,pict,pictu,picture,quotabytesused,rpermissions,shareable,shared,sharedwithmedate,subscribed,thumbnailversion,title,userpermission(role),workspaceids</t>
  </si>
  <si>
    <t>Projeto LGPD - Levantamento Bases de Dados (dados estruturados)_v01.xlsx</t>
  </si>
  <si>
    <t>6cfb7170-e7e4-4b41-b87b-a55e9c34857a.tmp</t>
  </si>
  <si>
    <t>\\acsfs\profiles$\quindaizaagds\Downloads\6cfb7170-e7e4-4b41-b87b-a55e9c34857a.tmp</t>
  </si>
  <si>
    <t>0418f64f-8703-40bb-abdd-beab94c6324f.tmp</t>
  </si>
  <si>
    <t>\\acsfs\profiles$\mariajra\Downloads\0418f64f-8703-40bb-abdd-beab94c6324f.tmp</t>
  </si>
  <si>
    <t>lu139322oinh.tmp</t>
  </si>
  <si>
    <t>\\acsfs\profiles$\dhiulliananads\My Documents\lu139322oinh.tmp</t>
  </si>
  <si>
    <t>\\acsfs\profiles$\dhiulliananads\My Documents\lu139322oinh.tmp\</t>
  </si>
  <si>
    <t>\\acsfs\profiles$\dhiulliananads\My Documents\lu139322oinh.tmp\META-INF\</t>
  </si>
  <si>
    <t>\\acsfs\profiles$\dhiulliananads\My Documents\lu139322oinh.tmp\Thumbnails\</t>
  </si>
  <si>
    <t>https://joaogvc@algartech.com,leonardoao@algartech.com,paulacn@algartech.com,rafaelggs@algartech.com,taysdss@algartech.com,viniciussg@algartech.com</t>
  </si>
  <si>
    <t>00ce5b5c-064c-4254-a11d-267b130ae2dc.tmp</t>
  </si>
  <si>
    <t>\\acsfs\profiles$\leticiala\Downloads\00ce5b5c-064c-4254-a11d-267b130ae2dc.tmp</t>
  </si>
  <si>
    <t>b1665f25-e7a7-4a50-a2c7-6dd83dc70e63.tmp</t>
  </si>
  <si>
    <t>\\acsfs\profiles$\gabrielarb\Downloads\b1665f25-e7a7-4a50-a2c7-6dd83dc70e63.tmp</t>
  </si>
  <si>
    <t>30d24008-1989-4656-b551-bdbc4125ca79.tmp</t>
  </si>
  <si>
    <t>\\acsfs\profiles$\mariliafplb\Downloads\30d24008-1989-4656-b551-bdbc4125ca79.tmp</t>
  </si>
  <si>
    <t>76eacf28-b6d7-47c3-b9ad-94fc9e68e3ac.tmp</t>
  </si>
  <si>
    <t>\\acsfs\profiles$\mariliafplb\Downloads\76eacf28-b6d7-47c3-b9ad-94fc9e68e3ac.tmp</t>
  </si>
  <si>
    <t>1e6d6ac6-78ca-4d12-bf3e-6d5aee3ee621.tmp</t>
  </si>
  <si>
    <t>\\acsfs\profiles$\mariliafplb\Downloads\1e6d6ac6-78ca-4d12-bf3e-6d5aee3ee621.tmp</t>
  </si>
  <si>
    <t>3368c6e8-bb4e-421b-8ebe-6aacf1792202.tmp</t>
  </si>
  <si>
    <t>\\acsfs\profiles$\JOAOVAL\Downloads\3368c6e8-bb4e-421b-8ebe-6aacf1792202.tmp</t>
  </si>
  <si>
    <t>0c2887c4-8cfa-43da-9552-a2a4d90c509f.tmp</t>
  </si>
  <si>
    <t>\\acsfs\profiles$\JOAOVAL\Downloads\0c2887c4-8cfa-43da-9552-a2a4d90c509f.tmp</t>
  </si>
  <si>
    <t>d2d4b0d3-f631-4958-a7c1-01a0365cb4ff.tmp</t>
  </si>
  <si>
    <t>\\acsfs\profiles$\JOAOVAL\Downloads\d2d4b0d3-f631-4958-a7c1-01a0365cb4ff.tmp</t>
  </si>
  <si>
    <t>2bf39c17-5ed2-41f6-a9ad-3dfa5fe32c78.tmp</t>
  </si>
  <si>
    <t>\\acsfs\profiles$\JOAOVAL\Downloads\2bf39c17-5ed2-41f6-a9ad-3dfa5fe32c78.tmp</t>
  </si>
  <si>
    <t>0c88fe92-09a2-476d-8c35-c01171cd5c77.tmp</t>
  </si>
  <si>
    <t>\\acsfs\profiles$\MATEUSJM\Downloads\0c88fe92-09a2-476d-8c35-c01171cd5c77.tmp</t>
  </si>
  <si>
    <t>18bc7e74-dc39-42d0-9ca4-180efe878f6e.tmp</t>
  </si>
  <si>
    <t>\\acsfs\profiles$\MATEUSJM\Downloads\18bc7e74-dc39-42d0-9ca4-180efe878f6e.tmp</t>
  </si>
  <si>
    <t>c:\users\camillarl\desktop\</t>
  </si>
  <si>
    <t>formulario passe.pdf</t>
  </si>
  <si>
    <t>1c122dcf-3c8d-4247-8a1a-37688d51f761.tmp</t>
  </si>
  <si>
    <t>\\acsfs\profiles$\quindaizaagds\Downloads\1c122dcf-3c8d-4247-8a1a-37688d51f761.tmp</t>
  </si>
  <si>
    <t>4a552367-3cee-4f4e-aeee-8967bad79ac0.tmp</t>
  </si>
  <si>
    <t>\\acsfs\profiles$\quindaizaagds\Downloads\4a552367-3cee-4f4e-aeee-8967bad79ac0.tmp</t>
  </si>
  <si>
    <t>2b41d58b-579a-4513-b527-35e7ee3ad1c3.tmp</t>
  </si>
  <si>
    <t>\\acsfs\profiles$\quindaizaagds\Downloads\2b41d58b-579a-4513-b527-35e7ee3ad1c3.tmp</t>
  </si>
  <si>
    <t>f9c3317f-0652-4632-a432-8e2223a11374.tmp</t>
  </si>
  <si>
    <t>\\acsfs\profiles$\matheushds\Downloads\f9c3317f-0652-4632-a432-8e2223a11374.tmp</t>
  </si>
  <si>
    <t>5909c661-2b2e-4bbf-9d7f-8c8778578ad7.tmp</t>
  </si>
  <si>
    <t>\\acsfs\profiles$\matheushds\Downloads\5909c661-2b2e-4bbf-9d7f-8c8778578ad7.tmp</t>
  </si>
  <si>
    <t>9173c9ce-fefd-4ec1-bb42-8c84493248d3.tmp</t>
  </si>
  <si>
    <t>\\acsfs\profiles$\mariajra\Downloads\9173c9ce-fefd-4ec1-bb42-8c84493248d3.tmp</t>
  </si>
  <si>
    <t>61a12361-67c2-488b-aa0d-c27f521736ff.tmp</t>
  </si>
  <si>
    <t>\\acsfs\profiles$\wedersonbadr\My Documents\My Music\61a12361-67c2-488b-aa0d-c27f521736ff.tmp</t>
  </si>
  <si>
    <t>b4f06e22-0cf1-4253-81c4-067ea84f64d7.tmp</t>
  </si>
  <si>
    <t>\\acsfs\profiles$\milenaas\Downloads\b4f06e22-0cf1-4253-81c4-067ea84f64d7.tmp</t>
  </si>
  <si>
    <t>e44a23aa-a9d6-4199-ac27-b84e7e12b5f3.tmp</t>
  </si>
  <si>
    <t>\\acsfs\profiles$\sarahbal\Downloads\e44a23aa-a9d6-4199-ac27-b84e7e12b5f3.tmp</t>
  </si>
  <si>
    <t>3238f832-800a-4c4f-ae8b-fba8bc2e9a18.tmp</t>
  </si>
  <si>
    <t>\\acsfs\profiles$\sarahbal\Downloads\3238f832-800a-4c4f-ae8b-fba8bc2e9a18.tmp</t>
  </si>
  <si>
    <t>f1a90a88-8aff-43ac-a2fa-802f0cb4e62b.tmp</t>
  </si>
  <si>
    <t>\\acsfs\profiles$\anafsb\Downloads\f1a90a88-8aff-43ac-a2fa-802f0cb4e62b.tmp</t>
  </si>
  <si>
    <t>10b95df3-100b-4fe9-b1c8-3bb5691e0828.tmp</t>
  </si>
  <si>
    <t>\\acsfs\profiles$\anafsb\Downloads\10b95df3-100b-4fe9-b1c8-3bb5691e0828.tmp</t>
  </si>
  <si>
    <t>d33c4f33-14c5-42d4-bc71-862a3772fa8a.tmp</t>
  </si>
  <si>
    <t>\\acsfs\profiles$\luanaagl\Downloads\d33c4f33-14c5-42d4-bc71-862a3772fa8a.tmp</t>
  </si>
  <si>
    <t>dd0e2e48-2422-4dfa-964e-704e065d0793.tmp</t>
  </si>
  <si>
    <t>\\acsfs\profiles$\deborahsi\Downloads\dd0e2e48-2422-4dfa-964e-704e065d0793.tmp</t>
  </si>
  <si>
    <t>https://udpmailboxap01.acs.com.br:8443/h/search?si=0&amp;so=0&amp;sc=58902&amp;st=conversation&amp;action=compose&amp;paction=paneview</t>
  </si>
  <si>
    <t>fbab4dd2-25a0-4d11-ad5d-cf82bf0070ef.tmp</t>
  </si>
  <si>
    <t>\\acsfs\profiles$\matheushds\Downloads\fbab4dd2-25a0-4d11-ad5d-cf82bf0070ef.tmp</t>
  </si>
  <si>
    <t>201f0811-5f1f-4614-ab7e-77c443237fd7.tmp</t>
  </si>
  <si>
    <t>\\acsfs\profiles$\lorraynevam\Downloads\201f0811-5f1f-4614-ab7e-77c443237fd7.tmp</t>
  </si>
  <si>
    <t>86bc34f9-9ea4-4e3a-b9b0-9bf6de8a0dac.tmp</t>
  </si>
  <si>
    <t>\\acsfs\profiles$\nathaliarmr\Downloads\86bc34f9-9ea4-4e3a-b9b0-9bf6de8a0dac.tmp</t>
  </si>
  <si>
    <t>9fd90686-cd35-4dcd-a16d-b510d2974570.tmp</t>
  </si>
  <si>
    <t>\\acsfs\profiles$\wedersonbadr\My Documents\My Music\9fd90686-cd35-4dcd-a16d-b510d2974570.tmp</t>
  </si>
  <si>
    <t>217cd3c9-7957-47c6-bedb-e031ded4807c.tmp</t>
  </si>
  <si>
    <t>\\acsfs\profiles$\larissaad\Downloads\217cd3c9-7957-47c6-bedb-e031ded4807c.tmp</t>
  </si>
  <si>
    <t>1a23ca72-4ad1-42be-af49-61b9617fae31.tmp</t>
  </si>
  <si>
    <t>\\acsfs\profiles$\gabrielafs\Downloads\1a23ca72-4ad1-42be-af49-61b9617fae31.tmp</t>
  </si>
  <si>
    <t>6e57d1da-ddae-421d-ad0d-36699628a411.tmp</t>
  </si>
  <si>
    <t>\\acsfs\profiles$\felipetds\Downloads\6e57d1da-ddae-421d-ad0d-36699628a411.tmp</t>
  </si>
  <si>
    <t>eddc7c6b-79b1-4312-ada5-2b5c0fa9ee72.tmp</t>
  </si>
  <si>
    <t>\\acsfs\profiles$\michelerds\Downloads\eddc7c6b-79b1-4312-ada5-2b5c0fa9ee72.tmp</t>
  </si>
  <si>
    <t>efb693ec-8cf7-4865-a136-26e6abfeab06.tmp</t>
  </si>
  <si>
    <t>\\acsfs\profiles$\vivianalds\Downloads\efb693ec-8cf7-4865-a136-26e6abfeab06.tmp</t>
  </si>
  <si>
    <t>be389374-11ad-41b0-b209-4973fc1620d1.tmp</t>
  </si>
  <si>
    <t>\\acsfs\profiles$\matheushds\Downloads\be389374-11ad-41b0-b209-4973fc1620d1.tmp</t>
  </si>
  <si>
    <t>Dimensionamento_Dezembro 2 (4).xlsx</t>
  </si>
  <si>
    <t>\\acsfs\DEPTOS\Operacao\Banco_Votorantim\Qualidade\Anderson\Dimensionamento Elii kk\Dimensionamento_Dezembro 2 (4).xlsx</t>
  </si>
  <si>
    <t>\\acsfs\DEPTOS\Operacao\Banco_Votorantim\Qualidade\Anderson\Dimensionamento Elii kk\Dimensionamento_Dezembro 2 (4).xlsx\</t>
  </si>
  <si>
    <t>\\acsfs\DEPTOS\Operacao\Banco_Votorantim\Qualidade\Anderson\Dimensionamento Elii kk\Dimensionamento_Dezembro 2 (4).xlsx\:Zone.Identifier:$DATA</t>
  </si>
  <si>
    <t>6d486780-a487-4f8d-af74-a23c72dde4ee.tmp</t>
  </si>
  <si>
    <t>\\acsfs\profiles$\wedersonbadr\My Documents\My Music\6d486780-a487-4f8d-af74-a23c72dde4ee.tmp</t>
  </si>
  <si>
    <t>\\acsfs\profiles$\wedersonbadr\My Documents\My Music\6d486780-a487-4f8d-af74-a23c72dde4ee.tmp\</t>
  </si>
  <si>
    <t>\\acsfs\profiles$\wedersonbadr\My Documents\My Music\6d486780-a487-4f8d-af74-a23c72dde4ee.tmp\META-INF\</t>
  </si>
  <si>
    <t>\\acsfs\profiles$\wedersonbadr\My Documents\My Music\6d486780-a487-4f8d-af74-a23c72dde4ee.tmp\Thumbnails\</t>
  </si>
  <si>
    <t>.~lock.Erro Operacional Marta. (dezembro) (1).ods#</t>
  </si>
  <si>
    <t>\\acsfs\profiles$\wedersonbadr\Downloads\.~lock.Erro Operacional Marta. (dezembro) (1).ods#</t>
  </si>
  <si>
    <t>\\acsfs\deptos\Regionais\SPO\TALENTOS_HUMANOS_SPO\SESMT_SPO\2015_ORGANIZAÇÃO DOS DIRETÓRIOS\Treinamentos\CONTROLE DE TREINAMENTOS\NR 10\Modelo de Inscrição Energia on line\</t>
  </si>
  <si>
    <t>Ficha de Inscrições -Belém - Formação.xlsx</t>
  </si>
  <si>
    <t>75b51577-56c3-4a35-a612-9046883d9594.tmp</t>
  </si>
  <si>
    <t>\\acsfs\profiles$\ROZENCAM\Downloads\75b51577-56c3-4a35-a612-9046883d9594.tmp</t>
  </si>
  <si>
    <t>mail.google.com/_/upload?authuser=0&amp;dcp=asu-n&amp;upload_id=AEnB2UqKpZt1Roe8cUNuh0MtiPARpHod_teAMf3jyEGMo3LGmJoV9hvx7_9MVnAFmgQGmmAapTTh3xP_min_fbh0sUieBhEtzyN-8UmsVOGkPE7YDtW8o54&amp;upload_protocol=resumable</t>
  </si>
  <si>
    <t>amandacdr@algartech.com;anderson.oliva@icloud.com;andersonoa@algartech.com;filemon@algartech.com;luiz.m.carvalho@algartech.com;</t>
  </si>
  <si>
    <t>C:\Users\edilsonrb\Documents\02.Trabalho\85.ANO.2019\04.CLIENTES\05.PRUDENTIAL\3.DEZEMBRO\</t>
  </si>
  <si>
    <t>Associados Sustentação Prudential - Final.xlsx</t>
  </si>
  <si>
    <t>amandacdr@algartech.com,anderson.oliva@icloud.com,andersonoa@algartech.com,filemon@algartech.com,luiz.m.carvalho@algartech.com</t>
  </si>
  <si>
    <t>formulario vanessa.jpg</t>
  </si>
  <si>
    <t>vale Vanessa cc.jpg</t>
  </si>
  <si>
    <t>verso cc vanessa.jpg</t>
  </si>
  <si>
    <t>a959bd2a-7513-436c-bbef-d77039d81c66.tmp</t>
  </si>
  <si>
    <t>\\acsfs\profiles$\adelvinsonle\Downloads\a959bd2a-7513-436c-bbef-d77039d81c66.tmp</t>
  </si>
  <si>
    <t>kesiadof@algartech.com;mirianppb@algartech.com;</t>
  </si>
  <si>
    <t>kesiadof@algartech.com,mirianppb@algartech.com</t>
  </si>
  <si>
    <t>https://udpwfmniceap02/web/guest/home?p_auth=9lxufvoj&amp;p_p_id=58&amp;p_p_lifecycle=1&amp;p_p_state=maximized&amp;p_p_mode=view&amp;savelastpath=0&amp;_58_struts_action=/login/forgot_password</t>
  </si>
  <si>
    <t>e085fb16-162c-48b9-b3b0-39114da22917.tmp</t>
  </si>
  <si>
    <t>\\acsfs\profiles$\inarajst\Downloads\e085fb16-162c-48b9-b3b0-39114da22917.tmp</t>
  </si>
  <si>
    <t>m1nxnxefxetrukrzvgozdhyqef1vh0jvuushxg==</t>
  </si>
  <si>
    <t>mail.google.com/_/upload?authuser=0&amp;dcp=asu-n&amp;upload_id=AEnB2UpORwhkQZTLYfgvhEl1EK_95Q-HxQm3xFEnBKvvVWXrhxNg8WHDUW4UAEAXBh0uoDElLA7DTH2e-5KCe9UOhlhbkmEK5E3Ff55nBEZXW2p7rmfKXcs&amp;upload_protocol=resumable</t>
  </si>
  <si>
    <t>mail.google.com/_/upload?authuser=0&amp;dcp=asu-n&amp;upload_id=AEnB2UrC0GCLBU6FIed5o7EDkuMocwsGJDwJg3Jar4xtRA_P7gKVuPvogh5ljQVMOTntJNl7_EFkkBBZauk5PA9pZ1-4bY8giA&amp;upload_protocol=resumable</t>
  </si>
  <si>
    <t>CPF 06330712697 ERNANDES FERREIRA DA SILVA.pdf</t>
  </si>
  <si>
    <t>\\acsfs\Deptos\EDUCACAO EMPRESARIAL\KÉSIA\OUVIDORIA, PROCON, BACEN E RECLAME AQUI\CPF 06330712697 ERNANDES FERREIRA DA SILVA.pdf</t>
  </si>
  <si>
    <t>\\acsfs\Deptos\EDUCACAO EMPRESARIAL\KÉSIA\OUVIDORIA, PROCON, BACEN E RECLAME AQUI\CPF 06330712697 ERNANDES FERREIRA DA SILVA.pdf\</t>
  </si>
  <si>
    <t>\\acsfs\Deptos\EDUCACAO EMPRESARIAL\KÉSIA\OUVIDORIA, PROCON, BACEN E RECLAME AQUI\CPF 06330712697 ERNANDES FERREIRA DA SILVA.pdf\:Zone.Identifier:$DATA</t>
  </si>
  <si>
    <t>81abbd2e-6df0-4467-b4d3-2a6e43de3177.tmp</t>
  </si>
  <si>
    <t>\\acsfs\profiles$\marcellewdl\Downloads\81abbd2e-6df0-4467-b4d3-2a6e43de3177.tmp</t>
  </si>
  <si>
    <t>6bb73537-1170-430d-b990-ed15f6a0737f.tmp</t>
  </si>
  <si>
    <t>\\acsfs\profiles$\lorrainerdl\Downloads\6bb73537-1170-430d-b990-ed15f6a0737f.tmp</t>
  </si>
  <si>
    <t>20ff6d70-178a-42d2-9671-d4943600830c.tmp</t>
  </si>
  <si>
    <t>\\acsfs\profiles$\JOAOVAL\Downloads\20ff6d70-178a-42d2-9671-d4943600830c.tmp</t>
  </si>
  <si>
    <t>Modelo_metadata.xlsx</t>
  </si>
  <si>
    <t>35a8a1e1-6400-4020-939d-01205a47b3eb.tmp</t>
  </si>
  <si>
    <t>\\acsfs\profiles$\BRUNAAR\Downloads\35a8a1e1-6400-4020-939d-01205a47b3eb.tmp</t>
  </si>
  <si>
    <t>lu139322oinx.tmp</t>
  </si>
  <si>
    <t>\\acsfs\profiles$\dhiulliananads\My Documents\lu139322oinx.tmp</t>
  </si>
  <si>
    <t>\\acsfs\profiles$\dhiulliananads\My Documents\lu139322oinx.tmp\</t>
  </si>
  <si>
    <t>\\acsfs\profiles$\dhiulliananads\My Documents\lu139322oinx.tmp\META-INF\</t>
  </si>
  <si>
    <t>\\acsfs\profiles$\dhiulliananads\My Documents\lu139322oinx.tmp\Thumbnails\</t>
  </si>
  <si>
    <t>lu139322oio3.tmp</t>
  </si>
  <si>
    <t>\\acsfs\profiles$\dhiulliananads\My Documents\lu139322oio3.tmp</t>
  </si>
  <si>
    <t>\\acsfs\profiles$\dhiulliananads\My Documents\lu139322oio3.tmp\</t>
  </si>
  <si>
    <t>\\acsfs\profiles$\dhiulliananads\My Documents\lu139322oio3.tmp\META-INF\</t>
  </si>
  <si>
    <t>\\acsfs\profiles$\dhiulliananads\My Documents\lu139322oio3.tmp\Thumbnails\</t>
  </si>
  <si>
    <t>lu139322oio8.tmp</t>
  </si>
  <si>
    <t>\\acsfs\profiles$\dhiulliananads\My Documents\lu139322oio8.tmp</t>
  </si>
  <si>
    <t>\\acsfs\profiles$\dhiulliananads\My Documents\lu139322oio8.tmp\</t>
  </si>
  <si>
    <t>\\acsfs\profiles$\dhiulliananads\My Documents\lu139322oio8.tmp\META-INF\</t>
  </si>
  <si>
    <t>\\acsfs\profiles$\dhiulliananads\My Documents\lu139322oio8.tmp\Thumbnails\</t>
  </si>
  <si>
    <t>71d7c213-d49c-4c56-a70c-759b2055f685.tmp</t>
  </si>
  <si>
    <t>\\acsfs\profiles$\inarajst\Downloads\71d7c213-d49c-4c56-a70c-759b2055f685.tmp</t>
  </si>
  <si>
    <t>VENDA 01 2020.txt</t>
  </si>
  <si>
    <t>\\acsfs\profiles$\ERICALSR\My Documents\VENDA 01 2020.txt</t>
  </si>
  <si>
    <t>62b47613-b90a-42a8-87cb-2c6b278a6616.tmp</t>
  </si>
  <si>
    <t>\\acsfs\profiles$\rafaelamsv\Downloads\62b47613-b90a-42a8-87cb-2c6b278a6616.tmp</t>
  </si>
  <si>
    <t>996d056a-a979-48c8-bba2-f430a4a5e337.tmp</t>
  </si>
  <si>
    <t>\\acsfs\profiles$\JOAOVAL\Downloads\996d056a-a979-48c8-bba2-f430a4a5e337.tmp</t>
  </si>
  <si>
    <t>13164e12-fdf1-42e2-b6e5-d09c374ccb6f.tmp</t>
  </si>
  <si>
    <t>\\acsfs\profiles$\lucasgpe\Downloads\13164e12-fdf1-42e2-b6e5-d09c374ccb6f.tmp</t>
  </si>
  <si>
    <t>andrelpsa@algartech.com;gabrielsma@algartech.com;supervisaobancovotorantim@algartech.com;</t>
  </si>
  <si>
    <t>andrelpsa@algartech.com,gabrielsma@algartech.com,supervisaobancovotorantim@algartech.com</t>
  </si>
  <si>
    <t>23475;andrelpsa@algartech.com;gabrielsma@algartech.com;supervisaobancovotorantim@algartech.com;</t>
  </si>
  <si>
    <t>23475,andrelpsa@algartech.com,gabrielsma@algartech.com,supervisaobancovotorantim@algartech.com</t>
  </si>
  <si>
    <t>lu79556a0ulz5.tmp</t>
  </si>
  <si>
    <t>\\acsfs\profiles$\BRUNAAR\Numero\lu79556a0ulz5.tmp</t>
  </si>
  <si>
    <t>lu79556a0ulz8.tmp</t>
  </si>
  <si>
    <t>\\acsfs\profiles$\BRUNAAR\Numero\lu79556a0ulz8.tmp</t>
  </si>
  <si>
    <t>lu139322oiod.tmp</t>
  </si>
  <si>
    <t>\\acsfs\profiles$\dhiulliananads\My Documents\lu139322oiod.tmp</t>
  </si>
  <si>
    <t>\\acsfs\profiles$\dhiulliananads\My Documents\lu139322oiod.tmp\</t>
  </si>
  <si>
    <t>\\acsfs\profiles$\dhiulliananads\My Documents\lu139322oiod.tmp\META-INF\</t>
  </si>
  <si>
    <t>\\acsfs\profiles$\dhiulliananads\My Documents\lu139322oiod.tmp\Thumbnails\</t>
  </si>
  <si>
    <t>C:\Users\marcos.pereira\Downloads\</t>
  </si>
  <si>
    <t>Termo_Responsabilidade_-_Fundo_Fixo.xlsm</t>
  </si>
  <si>
    <t>c1d13274-128d-4f04-8834-1328fe09dd1c.tmp</t>
  </si>
  <si>
    <t>\\acsfs\profiles$\larissaad\Downloads\c1d13274-128d-4f04-8834-1328fe09dd1c.tmp</t>
  </si>
  <si>
    <t>69fa1272-ab8f-485b-90ce-0792eb8ab9d7.tmp</t>
  </si>
  <si>
    <t>\\acsfs\profiles$\gabrielarb\Downloads\69fa1272-ab8f-485b-90ce-0792eb8ab9d7.tmp</t>
  </si>
  <si>
    <t>c78ba2aa-12b5-427f-894e-83c232758930.tmp</t>
  </si>
  <si>
    <t>\\acsfs\profiles$\mariliafplb\Downloads\c78ba2aa-12b5-427f-894e-83c232758930.tmp</t>
  </si>
  <si>
    <t>e5e72a53-b21d-461a-ad9e-f0f031a27054.tmp</t>
  </si>
  <si>
    <t>\\acsfs\profiles$\JOAOVAL\Downloads\e5e72a53-b21d-461a-ad9e-f0f031a27054.tmp</t>
  </si>
  <si>
    <t>48b34b9d-dedd-4200-a985-3f3bc3612827.tmp</t>
  </si>
  <si>
    <t>\\acsfs\profiles$\wenderbnm\Downloads\48b34b9d-dedd-4200-a985-3f3bc3612827.tmp</t>
  </si>
  <si>
    <t>7075b287-066b-4448-b168-c30945cb480c.tmp</t>
  </si>
  <si>
    <t>\\acsfs\profiles$\ALYNYA\Downloads\7075b287-066b-4448-b168-c30945cb480c.tmp</t>
  </si>
  <si>
    <t>63bf3017-3f72-4f21-aa37-2c185fd156ab.tmp</t>
  </si>
  <si>
    <t>\\acsfs\profiles$\matheushds\Downloads\63bf3017-3f72-4f21-aa37-2c185fd156ab.tmp</t>
  </si>
  <si>
    <t>\\acsfs\DEPTOS\Operacao\PCP\5 - Comum\João Gabriel\</t>
  </si>
  <si>
    <t>Passo a Passo relatórios.xlsx</t>
  </si>
  <si>
    <t>\\acsfs\DEPTOS\Operacao\PCP\5 - Comum\João Gabriel\Passo a Passo relatórios.xlsx</t>
  </si>
  <si>
    <t>6b063adc-179f-4144-bad4-ddd7104e10b8.tmp</t>
  </si>
  <si>
    <t>\\acsfs\profiles$\larissaad\Downloads\6b063adc-179f-4144-bad4-ddd7104e10b8.tmp</t>
  </si>
  <si>
    <t>a4353e2b-8146-4168-9b40-dddcdb52ad43.tmp</t>
  </si>
  <si>
    <t>\\acsfs\profiles$\leticiala\Downloads\a4353e2b-8146-4168-9b40-dddcdb52ad43.tmp</t>
  </si>
  <si>
    <t>CPF 10790276534 - OPERADORA PATRICIA OLIVEIRA CARVALHO_1_6750697547166188426_1_32.wav</t>
  </si>
  <si>
    <t>\\acsfs\Deptos\EDUCACAO EMPRESARIAL\KÉSIA\OUVIDORIA, PROCON, BACEN E RECLAME AQUI\CPF 10790276534 - OPERADORA PATRICIA OLIVEIRA CARVALHO_1_6750697547166188426_1_32.wav</t>
  </si>
  <si>
    <t>11e0b351-44ab-4562-82c9-6b91b99cc9da.tmp</t>
  </si>
  <si>
    <t>\\acsfs\profiles$\gabrielafs\Downloads\11e0b351-44ab-4562-82c9-6b91b99cc9da.tmp</t>
  </si>
  <si>
    <t>ff0d6cc3-815d-4e77-b13a-0c624354ac66.tmp</t>
  </si>
  <si>
    <t>\\acsfs\profiles$\wenderbnm\Downloads\ff0d6cc3-815d-4e77-b13a-0c624354ac66.tmp</t>
  </si>
  <si>
    <t>b5fcbbe9-6f81-4a69-a209-aa0c21027c49.tmp</t>
  </si>
  <si>
    <t>\\acsfs\profiles$\lorrainerdl\Downloads\b5fcbbe9-6f81-4a69-a209-aa0c21027c49.tmp</t>
  </si>
  <si>
    <t>dcc75648-f0db-4303-8eaf-50e4fda1f721.tmp</t>
  </si>
  <si>
    <t>\\acsfs\profiles$\cintiadcf\Downloads\dcc75648-f0db-4303-8eaf-50e4fda1f721.tmp</t>
  </si>
  <si>
    <t>1667c2f2-6b3f-4a72-8369-aa57039da4ec.tmp</t>
  </si>
  <si>
    <t>\\acsfs\profiles$\isabellegtds\Downloads\1667c2f2-6b3f-4a72-8369-aa57039da4ec.tmp</t>
  </si>
  <si>
    <t>lu139322oioj.tmp</t>
  </si>
  <si>
    <t>\\acsfs\profiles$\dhiulliananads\My Documents\lu139322oioj.tmp</t>
  </si>
  <si>
    <t>\\acsfs\profiles$\dhiulliananads\My Documents\lu139322oioj.tmp\</t>
  </si>
  <si>
    <t>\\acsfs\profiles$\dhiulliananads\My Documents\lu139322oioj.tmp\META-INF\</t>
  </si>
  <si>
    <t>\\acsfs\profiles$\dhiulliananads\My Documents\lu139322oioj.tmp\Thumbnails\</t>
  </si>
  <si>
    <t>lu139322oios.tmp</t>
  </si>
  <si>
    <t>\\acsfs\profiles$\dhiulliananads\My Documents\lu139322oios.tmp</t>
  </si>
  <si>
    <t>\\acsfs\profiles$\dhiulliananads\My Documents\lu139322oios.tmp\</t>
  </si>
  <si>
    <t>\\acsfs\profiles$\dhiulliananads\My Documents\lu139322oios.tmp\META-INF\</t>
  </si>
  <si>
    <t>\\acsfs\profiles$\dhiulliananads\My Documents\lu139322oios.tmp\Thumbnails\</t>
  </si>
  <si>
    <t>lu139322oioy.tmp</t>
  </si>
  <si>
    <t>\\acsfs\profiles$\dhiulliananads\My Documents\lu139322oioy.tmp</t>
  </si>
  <si>
    <t>\\acsfs\profiles$\dhiulliananads\My Documents\lu139322oioy.tmp\</t>
  </si>
  <si>
    <t>\\acsfs\profiles$\dhiulliananads\My Documents\lu139322oioy.tmp\META-INF\</t>
  </si>
  <si>
    <t>\\acsfs\profiles$\dhiulliananads\My Documents\lu139322oioy.tmp\Thumbnails\</t>
  </si>
  <si>
    <t>\\acsfs\profiles$\MATEUSJM\Downloads\$RECYCLE.BIN\</t>
  </si>
  <si>
    <t>$IWRUT95.pdf</t>
  </si>
  <si>
    <t>\\acsfs\profiles$\MATEUSJM\Downloads\$RECYCLE.BIN\$IWRUT95.pdf</t>
  </si>
  <si>
    <t>$I6LI35B.pdf</t>
  </si>
  <si>
    <t>\\acsfs\profiles$\MATEUSJM\Downloads\$RECYCLE.BIN\$I6LI35B.pdf</t>
  </si>
  <si>
    <t>$I2RX19Z.ica</t>
  </si>
  <si>
    <t>\\acsfs\profiles$\MATEUSJM\Downloads\$RECYCLE.BIN\$I2RX19Z.ica</t>
  </si>
  <si>
    <t>$IGX18PN.ica</t>
  </si>
  <si>
    <t>\\acsfs\profiles$\MATEUSJM\Downloads\$RECYCLE.BIN\$IGX18PN.ica</t>
  </si>
  <si>
    <t>$I51UEPN.ica</t>
  </si>
  <si>
    <t>\\acsfs\profiles$\MATEUSJM\Downloads\$RECYCLE.BIN\$I51UEPN.ica</t>
  </si>
  <si>
    <t>$I72AJ3B.ica</t>
  </si>
  <si>
    <t>\\acsfs\profiles$\MATEUSJM\Downloads\$RECYCLE.BIN\$I72AJ3B.ica</t>
  </si>
  <si>
    <t>$I0A01RJ.pdf</t>
  </si>
  <si>
    <t>\\acsfs\profiles$\MATEUSJM\Downloads\$RECYCLE.BIN\$I0A01RJ.pdf</t>
  </si>
  <si>
    <t>$IWY2DC2.pdf</t>
  </si>
  <si>
    <t>\\acsfs\profiles$\MATEUSJM\Downloads\$RECYCLE.BIN\$IWY2DC2.pdf</t>
  </si>
  <si>
    <t>$IH0IAY9.pdf</t>
  </si>
  <si>
    <t>\\acsfs\profiles$\MATEUSJM\Downloads\$RECYCLE.BIN\$IH0IAY9.pdf</t>
  </si>
  <si>
    <t>$I558AMC.pdf</t>
  </si>
  <si>
    <t>\\acsfs\profiles$\MATEUSJM\Downloads\$RECYCLE.BIN\$I558AMC.pdf</t>
  </si>
  <si>
    <t>$I586ZXY.pdf</t>
  </si>
  <si>
    <t>\\acsfs\profiles$\MATEUSJM\Downloads\$RECYCLE.BIN\$I586ZXY.pdf</t>
  </si>
  <si>
    <t>$ITMC9B7.pdf</t>
  </si>
  <si>
    <t>\\acsfs\profiles$\MATEUSJM\Downloads\$RECYCLE.BIN\$ITMC9B7.pdf</t>
  </si>
  <si>
    <t>05f9349f-7dc5-4448-9582-6fb1c2024eae.tmp</t>
  </si>
  <si>
    <t>\\acsfs\profiles$\isabellegtds\Downloads\05f9349f-7dc5-4448-9582-6fb1c2024eae.tmp</t>
  </si>
  <si>
    <t>ENC: Report Intradiário - Atendimento Cerrado - 02/01/2020 - Acumulado até 11 hrs</t>
  </si>
  <si>
    <t>laricena@algartech.com.br;</t>
  </si>
  <si>
    <t>ENC: Report Intradiário - Atendimento Algar Tech - 02/01/2020 - Acumulado até 11 hrs</t>
  </si>
  <si>
    <t>laricena@algartech.com.br</t>
  </si>
  <si>
    <t>06540fb4-11b4-448b-9560-82cdd6abc1aa.tmp</t>
  </si>
  <si>
    <t>\\acsfs\profiles$\wedersonbadr\My Documents\My Music\06540fb4-11b4-448b-9560-82cdd6abc1aa.tmp</t>
  </si>
  <si>
    <t>andrelps@algartech.com;gabrielsma@algartech.com;supervisaobancovotorantim@algartech.com;</t>
  </si>
  <si>
    <t>andrelps@algartech.com,gabrielsma@algartech.com,supervisaobancovotorantim@algartech.com</t>
  </si>
  <si>
    <t>61565344-6d87-4c7c-9cba-c7c420fbdfb1.tmp</t>
  </si>
  <si>
    <t>\\acsfs\profiles$\lorrainerdl\Downloads\61565344-6d87-4c7c-9cba-c7c420fbdfb1.tmp</t>
  </si>
  <si>
    <t>2e007043-0eac-47d6-96da-86f953e02aab.tmp</t>
  </si>
  <si>
    <t>\\acsfs\profiles$\lucasgpe\Downloads\2e007043-0eac-47d6-96da-86f953e02aab.tmp</t>
  </si>
  <si>
    <t>Unconfirmed 342297.crdownload</t>
  </si>
  <si>
    <t>\\acsfs\profiles$\lucasgpe\Downloads\Unconfirmed 342297.crdownload</t>
  </si>
  <si>
    <t>94aef951-670b-4acf-89a0-0779ff460f4c.tmp</t>
  </si>
  <si>
    <t>\\acsfs\profiles$\leticiala\Downloads\94aef951-670b-4acf-89a0-0779ff460f4c.tmp</t>
  </si>
  <si>
    <t>9d6f053e-03c0-45cb-b4f0-514798a4015a.tmp</t>
  </si>
  <si>
    <t>\\acsfs\profiles$\mariliafplb\Downloads\9d6f053e-03c0-45cb-b4f0-514798a4015a.tmp</t>
  </si>
  <si>
    <t>32fbfee4-0976-492a-a421-2bda60ad90c7.tmp</t>
  </si>
  <si>
    <t>\\acsfs\profiles$\mariliafplb\Downloads\32fbfee4-0976-492a-a421-2bda60ad90c7.tmp</t>
  </si>
  <si>
    <t>7d06e9d1-f4c0-4bb2-8bbd-0e8be6cd9579.tmp</t>
  </si>
  <si>
    <t>\\acsfs\profiles$\nayarasds\Downloads\7d06e9d1-f4c0-4bb2-8bbd-0e8be6cd9579.tmp</t>
  </si>
  <si>
    <t>db0427a0-4882-40bc-99e0-b5d130a065db.tmp</t>
  </si>
  <si>
    <t>\\acsfs\profiles$\mariajra\Downloads\db0427a0-4882-40bc-99e0-b5d130a065db.tmp</t>
  </si>
  <si>
    <t>64837f26-609d-4e23-9429-37c16f228495.tmp</t>
  </si>
  <si>
    <t>\\acsfs\profiles$\nataliacsl\Downloads\64837f26-609d-4e23-9429-37c16f228495.tmp</t>
  </si>
  <si>
    <t>edd23cfb-298b-4abe-819a-515d9c5bfc20.tmp</t>
  </si>
  <si>
    <t>\\acsfs\profiles$\lorrainerdl\Downloads\edd23cfb-298b-4abe-819a-515d9c5bfc20.tmp</t>
  </si>
  <si>
    <t>0c5a3f6d-412f-43f7-bf6f-e73112a6fd55.tmp</t>
  </si>
  <si>
    <t>\\acsfs\profiles$\nayarasds\Downloads\0c5a3f6d-412f-43f7-bf6f-e73112a6fd55.tmp</t>
  </si>
  <si>
    <t>07380b55-5c13-4726-8d0d-d7bd614c81a7.tmp</t>
  </si>
  <si>
    <t>\\acsfs\profiles$\lucasgpe\Downloads\07380b55-5c13-4726-8d0d-d7bd614c81a7.tmp</t>
  </si>
  <si>
    <t>c6ee1d13-ff2e-4792-9cab-5290d4e7a56e.tmp</t>
  </si>
  <si>
    <t>\\acsfs\profiles$\jhonatadss\Downloads\c6ee1d13-ff2e-4792-9cab-5290d4e7a56e.tmp</t>
  </si>
  <si>
    <t>9c385497-28dc-4fac-b1a8-1b337e9e8229.tmp</t>
  </si>
  <si>
    <t>\\acsfs\profiles$\jaquelinecp\Downloads\9c385497-28dc-4fac-b1a8-1b337e9e8229.tmp</t>
  </si>
  <si>
    <t>5912b8cb-1eaf-4db4-9d1d-e91f2bc48cdc.tmp</t>
  </si>
  <si>
    <t>\\acsfs\profiles$\jaquelinecp\Downloads\5912b8cb-1eaf-4db4-9d1d-e91f2bc48cdc.tmp</t>
  </si>
  <si>
    <t>814ddcd1-25b3-458a-a449-59c49b88bc83.tmp</t>
  </si>
  <si>
    <t>\\acsfs\profiles$\jaquelinecp\Downloads\814ddcd1-25b3-458a-a449-59c49b88bc83.tmp</t>
  </si>
  <si>
    <t>\\acsfs\profiles$\ANAPDSB\</t>
  </si>
  <si>
    <t>\\acsfs\profiles$\ANAPDSB\Novo(a) Planilha OpenDocument.ods</t>
  </si>
  <si>
    <t>\\acsfs\profiles$\ANAPDSB\Novo(a) Planilha OpenDocument.ods\Configurations2\accelerator\</t>
  </si>
  <si>
    <t>current.xml</t>
  </si>
  <si>
    <t>\\acsfs\profiles$\ANAPDSB\Novo(a) Planilha OpenDocument.ods\</t>
  </si>
  <si>
    <t>\\acsfs\profiles$\ANAPDSB\Novo(a) Planilha OpenDocument.ods\META-INF\</t>
  </si>
  <si>
    <t>\\acsfs\profiles$\ANAPDSB\Novo(a) Planilha OpenDocument.ods\Thumbnails\</t>
  </si>
  <si>
    <t>.~lock.vendas janeiro.ods#</t>
  </si>
  <si>
    <t>\\acsfs\profiles$\ANAPDSB\.~lock.vendas janeiro.ods#</t>
  </si>
  <si>
    <t>\\acsfs\profiles$\ANAPDSB\Thumbs.db</t>
  </si>
  <si>
    <t>vendas janeiro.ods</t>
  </si>
  <si>
    <t>\\acsfs\profiles$\ANAPDSB\vendas janeiro.ods</t>
  </si>
  <si>
    <t>\\acsfs\profiles$\ANAPDSB\vendas janeiro.ods\Configurations2\accelerator\</t>
  </si>
  <si>
    <t>\\acsfs\profiles$\ANAPDSB\vendas janeiro.ods\</t>
  </si>
  <si>
    <t>\\acsfs\profiles$\ANAPDSB\vendas janeiro.ods\META-INF\</t>
  </si>
  <si>
    <t>\\acsfs\profiles$\ANAPDSB\vendas janeiro.ods\Thumbnails\</t>
  </si>
  <si>
    <t>31e77800-58b4-44bf-ade6-c24617a0363b.tmp</t>
  </si>
  <si>
    <t>\\acsfs\profiles$\lucasgpe\Downloads\31e77800-58b4-44bf-ade6-c24617a0363b.tmp</t>
  </si>
  <si>
    <t>ae262b0a-b775-422b-b162-b7d7223160be.tmp</t>
  </si>
  <si>
    <t>\\acsfs\profiles$\luanarda\Downloads\ae262b0a-b775-422b-b162-b7d7223160be.tmp</t>
  </si>
  <si>
    <t>236f2f9d-dfb6-4580-a55e-e90bbb89d647.tmp</t>
  </si>
  <si>
    <t>\\acsfs\profiles$\luanarda\Downloads\236f2f9d-dfb6-4580-a55e-e90bbb89d647.tmp</t>
  </si>
  <si>
    <t>0a1f8350-9be5-4bba-88dc-a1cfd33774d6.tmp</t>
  </si>
  <si>
    <t>\\acsfs\profiles$\eduardofss\Downloads\0a1f8350-9be5-4bba-88dc-a1cfd33774d6.tmp</t>
  </si>
  <si>
    <t>ab29efdb-16ed-482e-a729-9a4ab0dc43f3.tmp</t>
  </si>
  <si>
    <t>\\acsfs\profiles$\alessandraan\Downloads\ab29efdb-16ed-482e-a729-9a4ab0dc43f3.tmp</t>
  </si>
  <si>
    <t>6da59c09-1e00-457a-886a-3a1ade23873c.tmp</t>
  </si>
  <si>
    <t>\\acsfs\profiles$\alessandraan\Downloads\6da59c09-1e00-457a-886a-3a1ade23873c.tmp</t>
  </si>
  <si>
    <t>7fb748d9-71b8-454c-aceb-9cbf42fe29d2.tmp</t>
  </si>
  <si>
    <t>\\acsfs\profiles$\alessandraan\Downloads\7fb748d9-71b8-454c-aceb-9cbf42fe29d2.tmp</t>
  </si>
  <si>
    <t>5f882d2b-19bf-47f8-93c0-d4a17d2e069f.tmp</t>
  </si>
  <si>
    <t>\\acsfs\profiles$\alessandraan\Downloads\5f882d2b-19bf-47f8-93c0-d4a17d2e069f.tmp</t>
  </si>
  <si>
    <t>6e11d0c6-8afb-4f61-a1f2-44caa596863a.tmp</t>
  </si>
  <si>
    <t>\\acsfs\profiles$\isabellegtds\Downloads\6e11d0c6-8afb-4f61-a1f2-44caa596863a.tmp</t>
  </si>
  <si>
    <t>C:\ASPECT\</t>
  </si>
  <si>
    <t>Telefones_discados fora .xlsx</t>
  </si>
  <si>
    <t>3f877be7-6e03-40f8-b704-3f4b95394979.tmp</t>
  </si>
  <si>
    <t>\\acsfs\profiles$\lorraynevam\Downloads\3f877be7-6e03-40f8-b704-3f4b95394979.tmp</t>
  </si>
  <si>
    <t>10.200.67.145</t>
  </si>
  <si>
    <t>74-86-7A-FD-D5-C3</t>
  </si>
  <si>
    <t>VOTORANT-MB020</t>
  </si>
  <si>
    <t>\\acsfs\profiles$\nayarasds\Contacts\</t>
  </si>
  <si>
    <t>NAYARA SILVA DE SOUZA (34).contact</t>
  </si>
  <si>
    <t>\\acsfs\profiles$\nayarasds\Contacts\NAYARA SILVA DE SOUZA (34).contact</t>
  </si>
  <si>
    <t>\\acsfs\profiles$\nayarasds\My Documents\My Videos\</t>
  </si>
  <si>
    <t>\\acsfs\profiles$\nayarasds\My Documents\My Videos\desktop.ini</t>
  </si>
  <si>
    <t>\\acsfs\profiles$\nayarasds\My Documents\My Pictures\</t>
  </si>
  <si>
    <t>\\acsfs\profiles$\nayarasds\My Documents\My Pictures\desktop.ini</t>
  </si>
  <si>
    <t>\\acsfs\profiles$\nayarasds\Contacts\desktop.ini</t>
  </si>
  <si>
    <t>\\acsfs\profiles$\nayarasds\Favorites\</t>
  </si>
  <si>
    <t>\\acsfs\profiles$\nayarasds\Favorites\desktop.ini</t>
  </si>
  <si>
    <t>\\acsfs\profiles$\nayarasds\My Documents\My Music\</t>
  </si>
  <si>
    <t>\\acsfs\profiles$\nayarasds\My Documents\My Music\desktop.ini</t>
  </si>
  <si>
    <t>\\acsfs\profiles$\nayarasds\Searches\</t>
  </si>
  <si>
    <t>\\acsfs\profiles$\nayarasds\Searches\desktop.ini</t>
  </si>
  <si>
    <t>\\acsfs\profiles$\nayarasds\Downloads\desktop.ini</t>
  </si>
  <si>
    <t>\\acsfs\profiles$\nayarasds\My Documents\</t>
  </si>
  <si>
    <t>\\acsfs\profiles$\nayarasds\My Documents\desktop.ini</t>
  </si>
  <si>
    <t>\\acsfs\profiles$\nayarasds\Saved Games\</t>
  </si>
  <si>
    <t>\\acsfs\profiles$\nayarasds\Saved Games\desktop.ini</t>
  </si>
  <si>
    <t>\\acsfs\profiles$\nayarasds\Favorites\Links for Brasil\</t>
  </si>
  <si>
    <t>\\acsfs\profiles$\nayarasds\Favorites\Links for Brasil\desktop.ini</t>
  </si>
  <si>
    <t>\\acsfs\profiles$\nayarasds\Favorites\Links for Brasil\Microsoft Brasil.url</t>
  </si>
  <si>
    <t>\\acsfs\profiles$\nayarasds\Favorites\Links for Brasil\Windows Brasil.url</t>
  </si>
  <si>
    <t>\\acsfs\profiles$\nayarasds\Favorites\Links for Brasil\MSN Brasil.url</t>
  </si>
  <si>
    <t>48538ab9-335c-49a1-ab0d-201d10223d5a.tmp</t>
  </si>
  <si>
    <t>\\acsfs\profiles$\geovanaasa\Downloads\48538ab9-335c-49a1-ab0d-201d10223d5a.tmp</t>
  </si>
  <si>
    <t>20a09100-ed04-41cf-855b-ae6c7500d6fe.tmp</t>
  </si>
  <si>
    <t>\\acsfs\profiles$\wenderbnm\Downloads\20a09100-ed04-41cf-855b-ae6c7500d6fe.tmp</t>
  </si>
  <si>
    <t>10.200.67.120</t>
  </si>
  <si>
    <t>BLOQUEIO CONSCIENTE 2019 _ Apuração de Ganhos _ Agosto.19.xlsx</t>
  </si>
  <si>
    <t>ancestorhasaugmentedpermissions,containsunsubscribedchildren,ct1===== conten,displayname,domain,emailaddress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</t>
  </si>
  <si>
    <t>Horas Extras GRC _ Junho.19.xls</t>
  </si>
  <si>
    <t>ancestorhasaugmentedpermissions,containsunsubscribedchildren,ct1===== conten,displayname,domain,emailaddress,file(kind,fileid,filesize,hasthumbnail,hasvisitorpermissions,id,id),items(deleted,items(kind,ken,kind,lastmodifyinguser(kind,lastviewedbymedate,m7cnh0===== ,modifiedbymedate,modifieddate,ontainsunsubscribedchildren,owners(kind,per,permissionid,picture,shared,sharedwithmedate,thumbnailversion,title,userpermission(role),workspaceids</t>
  </si>
  <si>
    <t>Relatório de Horas Extras _ Junho.19.xls</t>
  </si>
  <si>
    <t>Relatório de Horas Extras.xls</t>
  </si>
  <si>
    <t>C:\Users\andrelpsa\Desktop\BV Financeira\</t>
  </si>
  <si>
    <t>Diagnóstico TMO v4.xlsx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t1===== conten,displayname,domain,emailaddres,emailaddress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7cnh0===== ,mimetype,modifiedbymedate,modifieddate,ontainsunsubscribedchildren,organizationdisplayname,owners(kind,parents(id),passivelysubscribed,per,permissionid,picture,primarydomainname,primarysyncparentid,quotabytesused,recency,recencyreason,restricted,rpermissions,shareable,shared,share</t>
  </si>
  <si>
    <t>Estrutura Hierarquica _ BV.xlsx</t>
  </si>
  <si>
    <t>Template_GRC 4.0_Coordenação _ André Sampaio.xlsx</t>
  </si>
  <si>
    <t>34cfc170-37d5-4936-962f-0f4af3194a58.tmp</t>
  </si>
  <si>
    <t>\\acsfs\profiles$\KARENDSR\Downloads\34cfc170-37d5-4936-962f-0f4af3194a58.tmp</t>
  </si>
  <si>
    <t>https://algar.folhasinergyrh.com.br/rescisao/upload?id=0&amp;idsolicitacao=0&amp;idprerescisao=0&amp;temp=true</t>
  </si>
  <si>
    <t>22/01/2020;</t>
  </si>
  <si>
    <t>doc desligamento Cinthia.zip</t>
  </si>
  <si>
    <t>https://22/01/2020</t>
  </si>
  <si>
    <t>C:\Users\camillarl\Desktop\doc desligamento Cinthia.zip\</t>
  </si>
  <si>
    <t>doc desligamento Cinthia.pdf</t>
  </si>
  <si>
    <t>edcf7a5d-e22e-4b51-8ddc-339fd0d2a298.tmp</t>
  </si>
  <si>
    <t>\\acsfs\profiles$\andressagr\Downloads\edcf7a5d-e22e-4b51-8ddc-339fd0d2a298.tmp</t>
  </si>
  <si>
    <t>48ca1c02-1b0f-44e9-9e52-c7c2be3d9265.tmp</t>
  </si>
  <si>
    <t>\\acsfs\profiles$\nayarasds\Downloads\48ca1c02-1b0f-44e9-9e52-c7c2be3d9265.tmp</t>
  </si>
  <si>
    <t>747e7fc1-796b-4e70-a6e5-e40b95644214.tmp</t>
  </si>
  <si>
    <t>\\acsfs\profiles$\Flaviojmm\Downloads\747e7fc1-796b-4e70-a6e5-e40b95644214.tmp</t>
  </si>
  <si>
    <t>94cb6c50-0fc9-47e7-ae55-e9c08a821afd.tmp</t>
  </si>
  <si>
    <t>\\acsfs\profiles$\marcellewdl\Downloads\94cb6c50-0fc9-47e7-ae55-e9c08a821afd.tmp</t>
  </si>
  <si>
    <t>https://algar.folhasinergyrh.com.br/rescisao/upload?id=0&amp;idsolicitacao=17038&amp;idprerescisao=0</t>
  </si>
  <si>
    <t>f3763af9-b038-4025-9475-b97a94caccc4.tmp</t>
  </si>
  <si>
    <t>\\acsfs\profiles$\isabellegtds\Downloads\f3763af9-b038-4025-9475-b97a94caccc4.tmp</t>
  </si>
  <si>
    <t>03f95248-b205-49b4-a60d-039da071fa16.tmp</t>
  </si>
  <si>
    <t>\\acsfs\profiles$\gabrielafs\Downloads\03f95248-b205-49b4-a60d-039da071fa16.tmp</t>
  </si>
  <si>
    <t>faa47a09-089b-4b77-9aa6-2995af266af1.tmp</t>
  </si>
  <si>
    <t>\\acsfs\profiles$\ALYNYA\Downloads\faa47a09-089b-4b77-9aa6-2995af266af1.tmp</t>
  </si>
  <si>
    <t>c110ac9a-eba3-453d-8fee-e92085eda168.tmp</t>
  </si>
  <si>
    <t>\\acsfs\profiles$\ALYNYA\Downloads\c110ac9a-eba3-453d-8fee-e92085eda168.tmp</t>
  </si>
  <si>
    <t>89be2430-b1a9-47b6-93e9-1ee99fd7d577.tmp</t>
  </si>
  <si>
    <t>\\acsfs\profiles$\lorrainerdl\Downloads\89be2430-b1a9-47b6-93e9-1ee99fd7d577.tmp</t>
  </si>
  <si>
    <t>fb7c2e83-4747-4ca1-81c7-222d862ba4a8.tmp</t>
  </si>
  <si>
    <t>\\acsfs\profiles$\lucasgpe\Downloads\fb7c2e83-4747-4ca1-81c7-222d862ba4a8.tmp</t>
  </si>
  <si>
    <t>23bc3b6a-0a7a-4d8f-88e1-badea70e5212.tmp</t>
  </si>
  <si>
    <t>\\acsfs\profiles$\isabellegtds\Downloads\23bc3b6a-0a7a-4d8f-88e1-badea70e5212.tmp</t>
  </si>
  <si>
    <t>27003185-d510-4fe4-9b0f-b7ed3b1d81cf.tmp</t>
  </si>
  <si>
    <t>\\acsfs\profiles$\jhonatadss\Downloads\27003185-d510-4fe4-9b0f-b7ed3b1d81cf.tmp</t>
  </si>
  <si>
    <t>b575bc60-5a81-404b-998d-f6920cd3de07.tmp</t>
  </si>
  <si>
    <t>\\acsfs\profiles$\jhonatadss\Downloads\b575bc60-5a81-404b-998d-f6920cd3de07.tmp</t>
  </si>
  <si>
    <t>\\udpavonfs01\avon\00 - ACOMPANHAMENTO AVON\04 - BACKOFFICE CORNERSTONE\2019\12.2019\MÁSCARA\</t>
  </si>
  <si>
    <t>Acompanhamento Backoffice Cornerstone DEZ.19.xlsx</t>
  </si>
  <si>
    <t>\\udpavonfs01\avon\00 - ACOMPANHAMENTO AVON\04 - BACKOFFICE CORNERSTONE\2019\12.2019\MÁSCARA\Acompanhamento Backoffice Cornerstone DEZ.19.xlsx</t>
  </si>
  <si>
    <t>\\acsfs\DEPTOS\Operacao\PCP\5 - Comum\PLANEJAMENTO BV\14 - ACOMPANHAMENTO\Report whatsapp\Vendas\2020\Atualiza VENDAS_DEZEMBRO.xlsm</t>
  </si>
  <si>
    <t>99571e3c-066f-4899-9626-1e0351c311e5.tmp</t>
  </si>
  <si>
    <t>\\acsfs\profiles$\leticiala\Downloads\99571e3c-066f-4899-9626-1e0351c311e5.tmp</t>
  </si>
  <si>
    <t>da4a2fb5-6619-403f-952d-fea9f578ab9d.tmp</t>
  </si>
  <si>
    <t>\\acsfs\profiles$\leticiala\Downloads\da4a2fb5-6619-403f-952d-fea9f578ab9d.tmp</t>
  </si>
  <si>
    <t>https://isd2.algar.tech/chat/asc/trata-flow</t>
  </si>
  <si>
    <t>5582;</t>
  </si>
  <si>
    <t>https://5582</t>
  </si>
  <si>
    <t>002661c3-2808-43bc-9a82-14d426c1ac92.tmp</t>
  </si>
  <si>
    <t>\\acsfs\profiles$\paulovadc\Downloads\002661c3-2808-43bc-9a82-14d426c1ac92.tmp</t>
  </si>
  <si>
    <t>fa197248-d969-4188-aec3-9c21768fe32d.tmp</t>
  </si>
  <si>
    <t>\\acsfs\profiles$\lucasgpe\Downloads\fa197248-d969-4188-aec3-9c21768fe32d.tmp</t>
  </si>
  <si>
    <t>lu79556a0ulzc.tmp</t>
  </si>
  <si>
    <t>\\acsfs\profiles$\BRUNAAR\Numero\lu79556a0ulzc.tmp</t>
  </si>
  <si>
    <t>9231e10e-d273-4057-8cfc-6f564d6d4162.tmp</t>
  </si>
  <si>
    <t>\\acsfs\profiles$\lorraynevam\Downloads\9231e10e-d273-4057-8cfc-6f564d6d4162.tmp</t>
  </si>
  <si>
    <t>CPF 10790276534 OSMAR SIMOES CAVALCANTE.pdf</t>
  </si>
  <si>
    <t>\\acsfs\Deptos\EDUCACAO EMPRESARIAL\KÉSIA\OUVIDORIA, PROCON, BACEN E RECLAME AQUI\CPF 10790276534 OSMAR SIMOES CAVALCANTE.pdf</t>
  </si>
  <si>
    <t>\\acsfs\Deptos\EDUCACAO EMPRESARIAL\KÉSIA\OUVIDORIA, PROCON, BACEN E RECLAME AQUI\CPF 10790276534 OSMAR SIMOES CAVALCANTE.pdf\</t>
  </si>
  <si>
    <t>\\acsfs\Deptos\EDUCACAO EMPRESARIAL\KÉSIA\OUVIDORIA, PROCON, BACEN E RECLAME AQUI\CPF 10790276534 OSMAR SIMOES CAVALCANTE.pdf\:Zone.Identifier:$DATA</t>
  </si>
  <si>
    <t>9183f1ef-42e7-4554-b709-1d5460aae68b.tmp</t>
  </si>
  <si>
    <t>\\acsfs\profiles$\leticiala\Downloads\9183f1ef-42e7-4554-b709-1d5460aae68b.tmp</t>
  </si>
  <si>
    <t>a2e05592-a332-47eb-8680-e2c84abdb453.tmp</t>
  </si>
  <si>
    <t>\\acsfs\profiles$\mariliafplb\Downloads\a2e05592-a332-47eb-8680-e2c84abdb453.tmp</t>
  </si>
  <si>
    <t>2aba7392-0fe8-4938-a1ad-8d7fdc23cc43.tmp</t>
  </si>
  <si>
    <t>\\acsfs\profiles$\mariliafplb\Downloads\2aba7392-0fe8-4938-a1ad-8d7fdc23cc43.tmp</t>
  </si>
  <si>
    <t>Ids Genesys - Chat.xlsx</t>
  </si>
  <si>
    <t>\\acsfs\DEPTOS\Operacao\PCP\5 - Comum\Mariana De Jesus\Ids Genesys - Chat.xlsx</t>
  </si>
  <si>
    <t>c6aae049-00d9-4af1-a34a-af115e3ec81c.tmp</t>
  </si>
  <si>
    <t>\\acsfs\profiles$\felipetds\Downloads\c6aae049-00d9-4af1-a34a-af115e3ec81c.tmp</t>
  </si>
  <si>
    <t>mail.google.com/_/upload?authuser=0&amp;dcp=asu-n&amp;upload_id=AEnB2UqUrQy_D5MIBqnEL99l3XMB_sQC2vwg77oyt94PJOKL4n9hIVEdouiIF9O_lI7SN-PGQ0WaQlx1unDgSyOsVT4qKDz1pp43MVbwJsW-Oc6iR3N6JwE&amp;upload_protocol=resumable</t>
  </si>
  <si>
    <t>ccm_gestao_pospo@timbrasil.com.br;malves@timbrasil.com.br;mmmmoreira@timbrasil.com.br;</t>
  </si>
  <si>
    <t>Atualização de Endereço (1).csv</t>
  </si>
  <si>
    <t>ccm_gestao_pospo@timbrasil.com.br,malves@timbrasil.com.br,mmmmoreira@timbrasil.com.br</t>
  </si>
  <si>
    <t>mail.google.com/_/upload?authuser=0&amp;dcp=asu-n&amp;upload_id=AEnB2Uput5g1RzzlvRRw_QyRB7NVUI5PMe_9EN1qtxUsoajknb8t2VVUX7222EWZ9OzEufJHNxxfea9OVNmgrh20TdGSFhEH0w&amp;upload_protocol=resumable</t>
  </si>
  <si>
    <t>23475;</t>
  </si>
  <si>
    <t>117e09c8-cc32-4732-b308-3ad7206c421b.tmp</t>
  </si>
  <si>
    <t>\\acsfs\profiles$\adelvinsonle\Downloads\117e09c8-cc32-4732-b308-3ad7206c421b.tmp</t>
  </si>
  <si>
    <t>thamiresbds</t>
  </si>
  <si>
    <t>\\acsfs\profiles$\thamiresbds\My Documents\</t>
  </si>
  <si>
    <t>thamires.txt</t>
  </si>
  <si>
    <t>\\acsfs\profiles$\thamiresbds\My Documents\thamires.txt</t>
  </si>
  <si>
    <t>\\acsfs\DEPTOS\Operacao\PCP\5 - Comum\PLANEJAMENTO BV\14 - ACOMPANHAMENTO\Report whatsapp\Vendas\2020\</t>
  </si>
  <si>
    <t>Atualiza VENDAS_JANEIRO.xlsm</t>
  </si>
  <si>
    <t>\\acsfs\DEPTOS\Operacao\PCP\5 - Comum\PLANEJAMENTO BV\14 - ACOMPANHAMENTO\Report whatsapp\Vendas\2020\Atualiza VENDAS_JANEIRO.xlsm</t>
  </si>
  <si>
    <t>4d71b49a-f6ff-4649-ba17-daca5f36564a.tmp</t>
  </si>
  <si>
    <t>\\acsfs\profiles$\gabrielafs\Downloads\4d71b49a-f6ff-4649-ba17-daca5f36564a.tmp</t>
  </si>
  <si>
    <t>339a93cc-308a-409b-a46a-a27c4b8a097d.tmp</t>
  </si>
  <si>
    <t>\\acsfs\profiles$\ROZENCAM\Downloads\339a93cc-308a-409b-a46a-a27c4b8a097d.tmp</t>
  </si>
  <si>
    <t>cc860888-4d16-4c46-bcee-b707146eeecd.tmp</t>
  </si>
  <si>
    <t>\\acsfs\profiles$\jonatanls\Downloads\cc860888-4d16-4c46-bcee-b707146eeecd.tmp</t>
  </si>
  <si>
    <t>algartechcpcbv@algartech.com;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joaogvc@algartech.com;m1nxnxefxetrukrzvgozdhyqef1vh0jvuushxg==;marianadjc@algartech.com;planejamentodeoperacoesetrafego@bv.com.br;rafaelggs@algartech.com;taysdss@algartech.com;viniciussg@algartech.com;</t>
  </si>
  <si>
    <t>joaogvc@algartech.com,m1nxnxefxetrukrzvgozdhyqef1vh0jvuushxg==,marianadjc@algartech.com,planejamentodeoperacoesetrafego@bv.com.br,rafaelggs@algartech.com,taysdss@algartech.com,viniciussg@algartech.com</t>
  </si>
  <si>
    <t>9de75442-2a0d-4946-af56-206633de51f9.tmp</t>
  </si>
  <si>
    <t>\\acsfs\profiles$\larissaad\Downloads\9de75442-2a0d-4946-af56-206633de51f9.tmp</t>
  </si>
  <si>
    <t>6af2724e-cc99-4f17-8d8f-d91281f187ae.tmp</t>
  </si>
  <si>
    <t>\\acsfs\profiles$\ROZENCAM\Downloads\6af2724e-cc99-4f17-8d8f-d91281f187ae.tmp</t>
  </si>
  <si>
    <t>e0427603-850d-4bc4-baad-4bba71b3ef22.tmp</t>
  </si>
  <si>
    <t>\\acsfs\profiles$\lorrainerdl\Downloads\e0427603-850d-4bc4-baad-4bba71b3ef22.tmp</t>
  </si>
  <si>
    <t>a5acbe1c-5eb5-4762-be09-a69ba82ae4b8.tmp</t>
  </si>
  <si>
    <t>\\acsfs\profiles$\lucasgpe\Downloads\a5acbe1c-5eb5-4762-be09-a69ba82ae4b8.tmp</t>
  </si>
  <si>
    <t>\\acsfs\profiles$\LUCASNS\Favorites\Links\</t>
  </si>
  <si>
    <t>\\acsfs\profiles$\LUCASNS\Favorites\Links\desktop.ini</t>
  </si>
  <si>
    <t>https--algarnet.com.url</t>
  </si>
  <si>
    <t>\\acsfs\profiles$\LUCASNS\Favorites\Links\https--algarnet.com.url</t>
  </si>
  <si>
    <t>\\udpavonfs01\avon\00 - ACOMPANHAMENTO AVON\04 - BACKOFFICE CORNERSTONE\2019\12.2019\RELATORIO\31.12.2019\Acompanhamento Backoffice Cornerstone DEZ.19.xlsx</t>
  </si>
  <si>
    <t>mail.google.com/_/upload?authuser=0&amp;dcp=asu-n&amp;upload_id=AEnB2Up0zf_F7pfxvMdVvW7fki_g3-XYI5qvjkCx6iDKPVOpk2HnQbihTYCYFQxRlkjuSef1b3ifjlv4z0B9muk6PUfhYTGtLPWvz0gmvPWqoGmfFXX6Tig&amp;upload_protocol=resumable</t>
  </si>
  <si>
    <t>e324253e-a75a-4077-8a1b-73584488ef91.tmp</t>
  </si>
  <si>
    <t>\\acsfs\profiles$\jonatanls\Downloads\e324253e-a75a-4077-8a1b-73584488ef91.tmp</t>
  </si>
  <si>
    <t>$IUFS68P.pdf</t>
  </si>
  <si>
    <t>\\acsfs\profiles$\jonatanls\Downloads\$RECYCLE.BIN\$IUFS68P.pdf</t>
  </si>
  <si>
    <t>$IB7F4HS.pdf</t>
  </si>
  <si>
    <t>\\acsfs\profiles$\jonatanls\Downloads\$RECYCLE.BIN\$IB7F4HS.pdf</t>
  </si>
  <si>
    <t>$IWGCQM7.pdf</t>
  </si>
  <si>
    <t>\\acsfs\profiles$\jonatanls\Downloads\$RECYCLE.BIN\$IWGCQM7.pdf</t>
  </si>
  <si>
    <t>$I8C7SNI.pdf</t>
  </si>
  <si>
    <t>\\acsfs\profiles$\jonatanls\Downloads\$RECYCLE.BIN\$I8C7SNI.pdf</t>
  </si>
  <si>
    <t>$IV9F7LH.pdf</t>
  </si>
  <si>
    <t>\\acsfs\profiles$\jonatanls\Downloads\$RECYCLE.BIN\$IV9F7LH.pdf</t>
  </si>
  <si>
    <t>$IU51OWL.pdf</t>
  </si>
  <si>
    <t>\\acsfs\profiles$\jonatanls\Downloads\$RECYCLE.BIN\$IU51OWL.pdf</t>
  </si>
  <si>
    <t>f8540ab8-1814-4eef-bc3f-582a804f939a.tmp</t>
  </si>
  <si>
    <t>\\acsfs\profiles$\LAISLG\Downloads\f8540ab8-1814-4eef-bc3f-582a804f939a.tmp</t>
  </si>
  <si>
    <t>abca6efd-e628-44e7-a98f-2108e8659732.tmp</t>
  </si>
  <si>
    <t>\\acsfs\profiles$\lorrainerdl\Downloads\abca6efd-e628-44e7-a98f-2108e8659732.tmp</t>
  </si>
  <si>
    <t>2ae85f8c-d85e-4099-a09a-688d61ff3b64.tmp</t>
  </si>
  <si>
    <t>\\acsfs\profiles$\lorrainerdl\Downloads\2ae85f8c-d85e-4099-a09a-688d61ff3b64.tmp</t>
  </si>
  <si>
    <t>44d95975-7553-46f5-99c4-6d5bc330b784.tmp</t>
  </si>
  <si>
    <t>\\acsfs\profiles$\lorrainerdl\Downloads\44d95975-7553-46f5-99c4-6d5bc330b784.tmp</t>
  </si>
  <si>
    <t>de473700-e92d-4f53-8b95-d4505beec2fd.tmp</t>
  </si>
  <si>
    <t>\\acsfs\profiles$\LUISPLS\Downloads\de473700-e92d-4f53-8b95-d4505beec2fd.tmp</t>
  </si>
  <si>
    <t>8de1d02a-20ee-4d1a-830f-f39bb23fad26.tmp</t>
  </si>
  <si>
    <t>\\acsfs\profiles$\LUISPLS\Downloads\8de1d02a-20ee-4d1a-830f-f39bb23fad26.tmp</t>
  </si>
  <si>
    <t>algartechcpcbv@algartech.com;andrelpsa@algartech.com;cpc-controldeskavon@algartech.com;joseasn@algartech.com;josiascdsj@algartech.com;leonardoao@algartech.com;luiz.henriquesantos@avon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paulacn@algartech.com,qualidadealgarbv@algartech.com,rafaelggs@algartech.com,supervisaobancovotorantim@algartech.com,taysdss@algartech.com,thiagolrc@bv.algartech.com,viniciussg@algartech.com</t>
  </si>
  <si>
    <t>77787e26-f227-4a94-9ebf-e75cd5d296f8.tmp</t>
  </si>
  <si>
    <t>\\acsfs\profiles$\felipetds\Downloads\77787e26-f227-4a94-9ebf-e75cd5d296f8.tmp</t>
  </si>
  <si>
    <t>a8702833-55ae-4539-b3e8-f7d52937e32c.tmp</t>
  </si>
  <si>
    <t>\\acsfs\profiles$\paulovadc\Downloads\a8702833-55ae-4539-b3e8-f7d52937e32c.tmp</t>
  </si>
  <si>
    <t>b444cd7a-4626-4fde-bb34-5ced6c2922da.tmp</t>
  </si>
  <si>
    <t>\\acsfs\profiles$\lucasgpe\Downloads\b444cd7a-4626-4fde-bb34-5ced6c2922da.tmp</t>
  </si>
  <si>
    <t>diegoodz@algartech.com.br;</t>
  </si>
  <si>
    <t>ENC: VDE - Resultado NOVEMBRO 2019</t>
  </si>
  <si>
    <t>11 - Memória de Cálculo - Novembro 19.xlsx</t>
  </si>
  <si>
    <t>diegoodz@algartech.com.br</t>
  </si>
  <si>
    <t>andrelpsa@algartech.com;fabianacscg@algartech.com;gabrielsma@algartech.com;mirianppb@algartech.com;qualidadealgarbv@algartech.com;supervisaobancovotorantim@algartech.com;talmaiardo@algartech.com;</t>
  </si>
  <si>
    <t>andrelpsa@algartech.com,fabianacscg@algartech.com,gabrielsma@algartech.com,mirianppb@algartech.com,qualidadealgarbv@algartech.com,supervisaobancovotorantim@algartech.com,talmaiardo@algartech.com</t>
  </si>
  <si>
    <t>23475;andrelpsa@algartech.com;fabianacscg@algartech.com;mirianppb@algartech.com;qualidadealgarbv@algartech.com;talmaiardo@algartech.com;</t>
  </si>
  <si>
    <t>23475,andrelpsa@algartech.com,fabianacscg@algartech.com,mirianppb@algartech.com,qualidadealgarbv@algartech.com,talmaiardo@algartech.com</t>
  </si>
  <si>
    <t>lu79556a0ulzf.tmp</t>
  </si>
  <si>
    <t>\\acsfs\profiles$\BRUNAAR\Numero\lu79556a0ulzf.tmp</t>
  </si>
  <si>
    <t>78ce8dc3-3cd0-4766-970b-da1f039b6237.tmp</t>
  </si>
  <si>
    <t>\\acsfs\profiles$\nathaliarmr\Downloads\78ce8dc3-3cd0-4766-970b-da1f039b6237.tmp</t>
  </si>
  <si>
    <t>3a8f1e54-c0d7-4a4d-a1c1-6572677f24ce.tmp</t>
  </si>
  <si>
    <t>\\acsfs\profiles$\ERICALSR\Downloads\3a8f1e54-c0d7-4a4d-a1c1-6572677f24ce.tmp</t>
  </si>
  <si>
    <t>65c5760d-2723-452b-b23a-58dfd37e7324.tmp</t>
  </si>
  <si>
    <t>\\acsfs\profiles$\laylaams\Downloads\65c5760d-2723-452b-b23a-58dfd37e7324.tmp</t>
  </si>
  <si>
    <t>fe253587-18ce-48e2-8978-64f0686db3ce.tmp</t>
  </si>
  <si>
    <t>\\acsfs\profiles$\JOAOVAL\Downloads\fe253587-18ce-48e2-8978-64f0686db3ce.tmp</t>
  </si>
  <si>
    <t>0dcd0d0f-4fa8-4feb-92f2-93c132985ebe.tmp</t>
  </si>
  <si>
    <t>\\acsfs\profiles$\vivianalds\Downloads\0dcd0d0f-4fa8-4feb-92f2-93c132985ebe.tmp</t>
  </si>
  <si>
    <t>mail.google.com/_/upload?authuser=0&amp;dcp=asu-n&amp;upload_id=AEnB2Uo_L3OzOkf5rN7aHwj2fKuswUw_gK0eU-LbL4WUziyP5Oe1kzUsaYRM8FdIDd-plY-70K1P8Krjq1eOaTqfdmCh49szvYZw4StMt7RiGJiMY_JC1gQ&amp;upload_protocol=resumable</t>
  </si>
  <si>
    <t>\\udpavonfs01\AVON\06. PCP\JOSÉ AFONSO DA SILVA NETO\DESKTOP\NOTEBOOK\Projeção Financeira\2020\MENSAL\</t>
  </si>
  <si>
    <t>01. Demonstrativo de Faturamento Janeiro 20120 Avon Antecipação.xlsx</t>
  </si>
  <si>
    <t>mail.google.com/_/upload?authuser=0&amp;dcp=asu-n&amp;upload_id=AEnB2UojNXHtixEwXS8vrgPni9l6u7udP3CgjGvbJABg6zolTGigC7DPeUT00nqHTFG0DaL3gxSck2tE1LCkzEVuf_4P_bqgDg2ZH5dPdONeoB5QNM6qnr0&amp;upload_protocol=resumable</t>
  </si>
  <si>
    <t>134cea0e-3da9-4466-86b0-78ff071dcbe6.tmp</t>
  </si>
  <si>
    <t>\\acsfs\profiles$\sarahbal\Downloads\134cea0e-3da9-4466-86b0-78ff071dcbe6.tmp</t>
  </si>
  <si>
    <t>d6eae202-ee29-40dc-badd-16a73718d527.tmp</t>
  </si>
  <si>
    <t>\\acsfs\profiles$\lucasgpe\Downloads\d6eae202-ee29-40dc-badd-16a73718d527.tmp</t>
  </si>
  <si>
    <t>68748cf8-ef2c-484d-bfe2-c16cbafb63eb.tmp</t>
  </si>
  <si>
    <t>\\acsfs\profiles$\mariagsg\Downloads\68748cf8-ef2c-484d-bfe2-c16cbafb63eb.tmp</t>
  </si>
  <si>
    <t>b2742bd8-586c-422e-979e-34ece54aa868.tmp</t>
  </si>
  <si>
    <t>\\acsfs\profiles$\mariagsg\Downloads\b2742bd8-586c-422e-979e-34ece54aa868.tmp</t>
  </si>
  <si>
    <t>068a0e8d-312b-4d29-9906-1b5abd228a4b.tmp</t>
  </si>
  <si>
    <t>\\acsfs\profiles$\PEDROHAB\Downloads\068a0e8d-312b-4d29-9906-1b5abd228a4b.tmp</t>
  </si>
  <si>
    <t>\\acsfs\DEPTOS\Operacao\PCP\5 - Comum\PLANEJAMENTO BV\14 - ACOMPANHAMENTO\1 - REPORT ACOMPANHAMENTO\2020\1 - JANEIRO\CARTÕES\SHORTCALLS\</t>
  </si>
  <si>
    <t>bvcartes-supervisores@algarnet.onmicrosoft.com;joaogvc@algartech.com;leonardoao@algartech.com;m1nxnxefxetrukrzvgozdhyqef1vh0jvuushxg==;mirianppb@algartech.com;paulacn@algartech.com;rafaelggs@algartech.com;taysdss@algartech.com;viniciussg@algartech.com;</t>
  </si>
  <si>
    <t>bvcartes-supervisores@algarnet.onmicrosoft.com,joaogvc@algartech.com,leonardoao@algartech.com,m1nxnxefxetrukrzvgozdhyqef1vh0jvuushxg==,mirianppb@algartech.com,paulacn@algartech.com,rafaelggs@algartech.com,taysdss@algartech.com,viniciussg@algartech.com</t>
  </si>
  <si>
    <t>https://udpwfmniceap02/web/guest/home?p_auth=ro0lhqwl&amp;p_p_id=58&amp;p_p_lifecycle=1&amp;p_p_state=maximized&amp;p_p_mode=view&amp;savelastpath=0&amp;_58_struts_action=/login/forgot_password</t>
  </si>
  <si>
    <t>10.200.66.222</t>
  </si>
  <si>
    <t>D0-94-66-B5-7F-E9</t>
  </si>
  <si>
    <t>VOTORANT-ZB020</t>
  </si>
  <si>
    <t>02ef955a-09c0-498e-a14e-a3c4c79d8050.tmp</t>
  </si>
  <si>
    <t>\\acsfs\profiles$\regisedsj\Downloads\02ef955a-09c0-498e-a14e-a3c4c79d8050.tmp</t>
  </si>
  <si>
    <t>c8702f25-6171-49cc-a2c4-f067f036edb4.tmp</t>
  </si>
  <si>
    <t>\\acsfs\profiles$\regisedsj\Downloads\c8702f25-6171-49cc-a2c4-f067f036edb4.tmp</t>
  </si>
  <si>
    <t>58d2b129-7194-4c4e-8d22-166c731ee94b.tmp</t>
  </si>
  <si>
    <t>\\acsfs\profiles$\laylaams\Downloads\58d2b129-7194-4c4e-8d22-166c731ee94b.tmp</t>
  </si>
  <si>
    <t>https://udpmailboxap01.acs.com.br:8443/h/search;jsessionid=1hj51janvrn037k2tl0olotlr?si=0&amp;so=0&amp;sc=59172&amp;st=conversation&amp;action=compose</t>
  </si>
  <si>
    <t>b1809e56-b084-4938-b41b-84ccea33b020.tmp</t>
  </si>
  <si>
    <t>\\acsfs\profiles$\mariagsg\Downloads\b1809e56-b084-4938-b41b-84ccea33b020.tmp</t>
  </si>
  <si>
    <t>8600a3dc-ed00-43ed-880a-e07c49603017.tmp</t>
  </si>
  <si>
    <t>\\acsfs\profiles$\PEDROHAB\Downloads\8600a3dc-ed00-43ed-880a-e07c49603017.tmp</t>
  </si>
  <si>
    <t>d65318c9-0368-4bbf-ae99-07e44bac02f6.tmp</t>
  </si>
  <si>
    <t>\\acsfs\profiles$\regisedsj\Downloads\d65318c9-0368-4bbf-ae99-07e44bac02f6.tmp</t>
  </si>
  <si>
    <t>5b06dd4e-b354-4065-bbf8-01f2858db004.tmp</t>
  </si>
  <si>
    <t>\\acsfs\profiles$\michelerds\Downloads\5b06dd4e-b354-4065-bbf8-01f2858db004.tmp</t>
  </si>
  <si>
    <t>mail.google.com/_/upload?authuser=0&amp;dcp=asu-n&amp;upload_id=AEnB2UqNO2IrWvU0hsD-AKH8QUPfctqlwuQ025fnBvA6LClskp8fwLYyIxGgZ0SkKZiSBYHkDL34VrFtK2fqxQjMEYNi9Zm7dw&amp;upload_protocol=resumable</t>
  </si>
  <si>
    <t>mail.google.com/_/upload?authuser=0&amp;dcp=asu-n&amp;upload_id=AEnB2Uoc2P0h0pmNjternXD71ZFuqnIfSwK0M8TjQyLt3vOI7TLxIqVOAr4pML8l8og_-JOarg-OUO90iUFQ116YH9Kg5t4roL9-cXtN1j9MgeNKpPZQzGc&amp;upload_protocol=resumable</t>
  </si>
  <si>
    <t>12 - Protocolos ASC.xlsx</t>
  </si>
  <si>
    <t>lu154242yupeq.tmp</t>
  </si>
  <si>
    <t>\\acsfs\profiles$\jonatanls\My Documents\lu154242yupeq.tmp</t>
  </si>
  <si>
    <t>\\acsfs\DEPTOS\Operacao\PCP\5 - Comum\PLANEJAMENTO BV\14 - ACOMPANHAMENTO\1 - REPORT ACOMPANHAMENTO\2020\1 - JANEIRO\CARTÕES\Pausas CARTÕES\</t>
  </si>
  <si>
    <t>564e55e9-02b4-4d5d-a935-ccd54256d6b2.tmp</t>
  </si>
  <si>
    <t>\\acsfs\profiles$\laylaams\Downloads\564e55e9-02b4-4d5d-a935-ccd54256d6b2.tmp</t>
  </si>
  <si>
    <t>bf91e727-e70a-41a8-82a2-a30c9fea3f65.tmp</t>
  </si>
  <si>
    <t>\\acsfs\profiles$\sarahbal\Downloads\bf91e727-e70a-41a8-82a2-a30c9fea3f65.tmp</t>
  </si>
  <si>
    <t>PAINEL CASOS ESCALADOS 02-01_Leonora.xlsm</t>
  </si>
  <si>
    <t>dbf6e2e3-7756-4ca9-8a0e-581532c28059.tmp</t>
  </si>
  <si>
    <t>\\acsfs\profiles$\ayalabfi\Downloads\dbf6e2e3-7756-4ca9-8a0e-581532c28059.tmp</t>
  </si>
  <si>
    <t>1bcbeffe-61b6-4b29-b59a-57128956d0c7.tmp</t>
  </si>
  <si>
    <t>\\acsfs\profiles$\ayalabfi\Downloads\1bcbeffe-61b6-4b29-b59a-57128956d0c7.tmp</t>
  </si>
  <si>
    <t>ada4c2d3-2e4d-4cd3-ae30-cb1abcb73e28.tmp</t>
  </si>
  <si>
    <t>\\acsfs\profiles$\mariliafplb\Downloads\ada4c2d3-2e4d-4cd3-ae30-cb1abcb73e28.tmp</t>
  </si>
  <si>
    <t>lu140841981a.tmp</t>
  </si>
  <si>
    <t>\\acsfs\profiles$\VIVIANALDS\My Documents\lu140841981a.tmp</t>
  </si>
  <si>
    <t>\\acsfs\profiles$\VIVIANALDS\My Documents\lu140841981a.tmp\</t>
  </si>
  <si>
    <t>\\acsfs\profiles$\VIVIANALDS\My Documents\lu140841981a.tmp\META-INF\</t>
  </si>
  <si>
    <t>\\acsfs\profiles$\VIVIANALDS\My Documents\lu140841981a.tmp\Thumbnails\</t>
  </si>
  <si>
    <t>mail.google.com/sync/u/0/i/s?hl=pt-BR&amp;c=566</t>
  </si>
  <si>
    <t>mail.google.com/_/upload?authuser=0&amp;dcp=asu-n&amp;upload_id=AEnB2UrKpVLvLo-YAuILgvrSAKXVOC8HJ1LRnyjDI-IevqJTxAZiqus_3k3wFPhUiuLq6O69jGr7IZHzYTkbD6SBtVVIkgfSOJq25VUcxr8Q4pwpprdumlM&amp;upload_protocol=resumable</t>
  </si>
  <si>
    <t>a72d5443-17c6-4928-8419-78dd9b36c0ac.tmp</t>
  </si>
  <si>
    <t>\\acsfs\profiles$\rafaelamsv\Downloads\a72d5443-17c6-4928-8419-78dd9b36c0ac.tmp</t>
  </si>
  <si>
    <t>021d6350-bcc8-482a-a660-fc0a78a23f6e.tmp</t>
  </si>
  <si>
    <t>\\acsfs\profiles$\rafaelamsv\Downloads\021d6350-bcc8-482a-a660-fc0a78a23f6e.tmp</t>
  </si>
  <si>
    <t>7a6513c7-24a8-4811-a14d-062ffbcecf87.tmp</t>
  </si>
  <si>
    <t>\\acsfs\profiles$\Flaviojmm\Downloads\7a6513c7-24a8-4811-a14d-062ffbcecf87.tmp</t>
  </si>
  <si>
    <t>083ab9a8-df78-42bb-89e5-40f2471b06f5.tmp</t>
  </si>
  <si>
    <t>\\acsfs\profiles$\LUCASBS\Downloads\083ab9a8-df78-42bb-89e5-40f2471b06f5.tmp</t>
  </si>
  <si>
    <t>mail.google.com/_/upload?authuser=0&amp;dcp=asu-n&amp;upload_id=AEnB2UrkEyaGJBMtj46YJN9bCO7zcHX6fpEVi4x0iB1VCyfeRhDjAZ_qO0zKweDf3E7omNTZPc75FPGZFAD__yKXjsrmrQTbUaC2o8ySI4KibpomGICWEFc&amp;upload_protocol=resumable</t>
  </si>
  <si>
    <t>\\udpavonfs01\AVON\06. PCP\JOSÉ AFONSO DA SILVA NETO\DESKTOP\NOTEBOOK\ESTUDOS BACKOFFICE\CRESCIMENTO 2019\</t>
  </si>
  <si>
    <t>23c30c87-cdef-42b1-bb3f-dde7aa0874de.tmp</t>
  </si>
  <si>
    <t>\\acsfs\profiles$\luanaagl\Downloads\23c30c87-cdef-42b1-bb3f-dde7aa0874de.tmp</t>
  </si>
  <si>
    <t>53eadbd2-f755-431c-9fde-4baeced79e75.tmp</t>
  </si>
  <si>
    <t>\\acsfs\profiles$\luanaagl\Downloads\53eadbd2-f755-431c-9fde-4baeced79e75.tmp</t>
  </si>
  <si>
    <t>666c1d96-d00a-4492-93d6-147e90755551.tmp</t>
  </si>
  <si>
    <t>\\acsfs\profiles$\deborahsi\Downloads\666c1d96-d00a-4492-93d6-147e90755551.tmp</t>
  </si>
  <si>
    <t>bvcartes-supervisores@algarnet.onmicrosoft.com;joaogvc@algartech.com;leonardoao@algartech.com;m1nxnxefxetrukrzvgozdhyqef1vh0jvuushxg==;marianadjc@algartech.com;mirianppb@algartech.com;paulacn@algartech.com;rafaelggs@algartech.com;taysdss@algartech.com;viniciussg@algartech.com;</t>
  </si>
  <si>
    <t>bvcartes-supervisores@algarnet.onmicrosoft.com,joaogvc@algartech.com,leonardoao@algartech.com,m1nxnxefxetrukrzvgozdhyqef1vh0jvuushxg==,marianadjc@algartech.com,mirianppb@algartech.com,paulacn@algartech.com,rafaelggs@algartech.com,taysdss@algartech.com,viniciussg@algartech.com</t>
  </si>
  <si>
    <t>c530d5da-58c8-4ac1-89c6-de81460ad735.tmp</t>
  </si>
  <si>
    <t>\\acsfs\profiles$\regisedsj\Downloads\c530d5da-58c8-4ac1-89c6-de81460ad735.tmp</t>
  </si>
  <si>
    <t>641c5372-ecf1-489c-b80a-ef7e4eb69aaf.tmp</t>
  </si>
  <si>
    <t>\\acsfs\profiles$\lorrainerdl\Downloads\641c5372-ecf1-489c-b80a-ef7e4eb69aaf.tmp</t>
  </si>
  <si>
    <t>d7b2e593-7a74-47b7-95fb-f467005f7736.tmp</t>
  </si>
  <si>
    <t>\\acsfs\profiles$\vivianalds\Downloads\d7b2e593-7a74-47b7-95fb-f467005f7736.tmp</t>
  </si>
  <si>
    <t>lu79556a0ulzi.tmp</t>
  </si>
  <si>
    <t>\\acsfs\profiles$\BRUNAAR\Numero\lu79556a0ulzi.tmp</t>
  </si>
  <si>
    <t>lu79556a0ulzl.tmp</t>
  </si>
  <si>
    <t>\\acsfs\profiles$\BRUNAAR\Numero\lu79556a0ulzl.tmp</t>
  </si>
  <si>
    <t>joaogvc@algartech.com;m1nxnxefxetrukrzvgozdhyqef1vh0jvuushxg==;marianadjc@algartech.com;rafaelggs@algartech.com;taysdss@algartech.com;viniciussg@algartech.com;</t>
  </si>
  <si>
    <t>joaogvc@algartech.com,m1nxnxefxetrukrzvgozdhyqef1vh0jvuushxg==,marianadjc@algartech.com,rafaelggs@algartech.com,taysdss@algartech.com,viniciussg@algartech.com</t>
  </si>
  <si>
    <t>https://joaogvc@algartech.com,leonardoao@algartech.com,marianadjc@algartech.com,paulacn@algartech.com,rafaelggs@algartech.com,taysdss@algartech.com,thiagordu@algartech.com,viniciussg@algartech.com</t>
  </si>
  <si>
    <t>55c4abb8-8cf7-4fd5-8e2b-5d9012193c46.tmp</t>
  </si>
  <si>
    <t>\\acsfs\profiles$\quindaizaagds\Downloads\55c4abb8-8cf7-4fd5-8e2b-5d9012193c46.tmp</t>
  </si>
  <si>
    <t>b2ae8acb-861b-417a-8ae3-52940e8678b9.tmp</t>
  </si>
  <si>
    <t>\\acsfs\profiles$\quindaizaagds\Downloads\b2ae8acb-861b-417a-8ae3-52940e8678b9.tmp</t>
  </si>
  <si>
    <t>d9bbd964-c406-42b4-8972-9f13e79eabb5.tmp</t>
  </si>
  <si>
    <t>\\acsfs\profiles$\quindaizaagds\Downloads\d9bbd964-c406-42b4-8972-9f13e79eabb5.tmp</t>
  </si>
  <si>
    <t>a3361584-f951-4855-b6dc-73caf4b6c772.tmp</t>
  </si>
  <si>
    <t>\\acsfs\profiles$\quindaizaagds\Downloads\a3361584-f951-4855-b6dc-73caf4b6c772.tmp</t>
  </si>
  <si>
    <t>lu243762e7vxd.tmp</t>
  </si>
  <si>
    <t>\\acsfs\profiles$\CLAUDIAJCA\lu243762e7vxd.tmp</t>
  </si>
  <si>
    <t>\\acsfs\profiles$\CLAUDIAJCA\lu243762e7vxd.tmp\</t>
  </si>
  <si>
    <t>\\acsfs\profiles$\CLAUDIAJCA\lu243762e7vxd.tmp\META-INF\</t>
  </si>
  <si>
    <t>\\acsfs\profiles$\CLAUDIAJCA\lu243762e7vxd.tmp\Thumbnails\</t>
  </si>
  <si>
    <t>lu79556a0ulzo.tmp</t>
  </si>
  <si>
    <t>\\acsfs\profiles$\BRUNAAR\Numero\lu79556a0ulzo.tmp</t>
  </si>
  <si>
    <t>6a98ed41-b682-4d46-8480-10f970537add.tmp</t>
  </si>
  <si>
    <t>\\acsfs\profiles$\jalilebds\Downloads\6a98ed41-b682-4d46-8480-10f970537add.tmp</t>
  </si>
  <si>
    <t>Erro Operacional Marta. (dezembro) (1).ods</t>
  </si>
  <si>
    <t>\\acsfs\profiles$\wedersonbadr\Downloads\Erro Operacional Marta. (dezembro) (1).ods</t>
  </si>
  <si>
    <t>\\acsfs\profiles$\wedersonbadr\Downloads\Erro Operacional Marta. (dezembro) (1).ods\</t>
  </si>
  <si>
    <t>\\acsfs\profiles$\wedersonbadr\Downloads\Erro Operacional Marta. (dezembro) (1).ods\META-INF\</t>
  </si>
  <si>
    <t>\\acsfs\profiles$\wedersonbadr\Downloads\Erro Operacional Marta. (dezembro) (1).ods\Thumbnails\</t>
  </si>
  <si>
    <t>\\acsfs\DEPTOS\Operacao\PCP\5 - Comum\PLANEJAMENTO BV\13 - ARQUIVOS CORPORATIVOS\</t>
  </si>
  <si>
    <t>\\acsfs\DEPTOS\Operacao\PCP\5 - Comum\PLANEJAMENTO BV\13 - ARQUIVOS CORPORATIVOS\Thumbs.db</t>
  </si>
  <si>
    <t>4425b710-d10b-4e82-a022-8b49803da6d2.tmp</t>
  </si>
  <si>
    <t>\\acsfs\profiles$\mariliafplb\Downloads\4425b710-d10b-4e82-a022-8b49803da6d2.tmp</t>
  </si>
  <si>
    <t>cronograma auditoria top - 2020 (1) (1).xlsx</t>
  </si>
  <si>
    <t>4d981aaf-1796-49ad-b952-ed5e85e81d36.tmp</t>
  </si>
  <si>
    <t>\\acsfs\profiles$\quindaizaagds\Downloads\4d981aaf-1796-49ad-b952-ed5e85e81d36.tmp</t>
  </si>
  <si>
    <t>bdb77fa2-3b95-412e-b1a3-adbc05c5954d.tmp</t>
  </si>
  <si>
    <t>\\acsfs\profiles$\quindaizaagds\Downloads\bdb77fa2-3b95-412e-b1a3-adbc05c5954d.tmp</t>
  </si>
  <si>
    <t>b3fca27b-9954-467b-9900-af6de5380557.tmp</t>
  </si>
  <si>
    <t>\\acsfs\profiles$\quindaizaagds\Downloads\b3fca27b-9954-467b-9900-af6de5380557.tmp</t>
  </si>
  <si>
    <t>\\acsfs\profiles$\wedersonbadr\</t>
  </si>
  <si>
    <t>\\acsfs\profiles$\wedersonbadr\Thumbs.db</t>
  </si>
  <si>
    <t>74997b3a-e25a-4ef9-ab6c-45ee90b2d573.tmp</t>
  </si>
  <si>
    <t>\\acsfs\profiles$\mariagsg\Downloads\74997b3a-e25a-4ef9-ab6c-45ee90b2d573.tmp</t>
  </si>
  <si>
    <t>2ca417e6-09b9-454f-b9da-eb6cfd95b844.tmp</t>
  </si>
  <si>
    <t>\\acsfs\profiles$\henriquehmdo\Downloads\2ca417e6-09b9-454f-b9da-eb6cfd95b844.tmp</t>
  </si>
  <si>
    <t>.~lock.VENDAS DEZEMBRO..!.ods#</t>
  </si>
  <si>
    <t>\\acsfs\profiles$\regisedsj\My Documents\.~lock.VENDAS DEZEMBRO..!.ods#</t>
  </si>
  <si>
    <t>\\acsfs\profiles$\regisedsj\My Documents\.~lock.VENDAS.ods#</t>
  </si>
  <si>
    <t>\\acsfs\DEPTOS\Operacao\PCP\5 - Comum\PLANEJAMENTO BV\14 - ACOMPANHAMENTO\1 - REPORT ACOMPANHAMENTO\2020\1 - JANEIRO\FINANCEIRA\Acompanhamento improdutividade BV Financeira cópia.xlsx</t>
  </si>
  <si>
    <t>PagadoresRelatorioMensal.xlsx</t>
  </si>
  <si>
    <t>c000a88f-71b4-42e2-968a-5117fda9ff6c.tmp</t>
  </si>
  <si>
    <t>\\acsfs\profiles$\lorrainerdl\Downloads\c000a88f-71b4-42e2-968a-5117fda9ff6c.tmp</t>
  </si>
  <si>
    <t>d8226641-7a32-4ae9-9294-a6cab679d1d1.tmp</t>
  </si>
  <si>
    <t>\\acsfs\profiles$\lorrainerdl\Downloads\d8226641-7a32-4ae9-9294-a6cab679d1d1.tmp</t>
  </si>
  <si>
    <t>2d0ba431-ea6f-440e-ba72-fe25956c4c1a.tmp</t>
  </si>
  <si>
    <t>\\acsfs\profiles$\inarajst\Downloads\2d0ba431-ea6f-440e-ba72-fe25956c4c1a.tmp</t>
  </si>
  <si>
    <t>lu302402r1mh0.tmp</t>
  </si>
  <si>
    <t>\\acsfs\profiles$\jalilebds\Downloads\lu302402r1mh0.tmp</t>
  </si>
  <si>
    <t>10.200.60.94</t>
  </si>
  <si>
    <t>mail.google.com/_/upload?authuser=1&amp;dcp=asu-n&amp;upload_id=AEnB2UqBapupiJkqqpoXxA22MmPkoT16l_FfWtaPJQtQUOyEUc6Ca_PtwLh91Qpio2HeiksAbq-RzpOkCmQCPVPvNVkjYNzQ-Q&amp;upload_protocol=resumable</t>
  </si>
  <si>
    <t>\\acsfs\DEPTOS\Controladoria\2 - Business Performance\2019\1 - Precificacao\1 - Analises e Acompanhamentos\1 - GAT\12 - Dezembro\IBM VLI\Ajustados\</t>
  </si>
  <si>
    <t>220040 - IBM - VLI - Field - BP Aprovada - C2 - (C017_B017) rev1.xlsb</t>
  </si>
  <si>
    <t>\\acsfs\DEPTOS\Controladoria\2 - Business Performance\2019\1 - Precificacao\1 - Analises e Acompanhamentos\1 - GAT\12 - Dezembro\IBM VLI\Ajustados\220040 - IBM - VLI - Field - BP Aprovada - C2 - (C017_B017) rev1.xlsb\</t>
  </si>
  <si>
    <t>.~lock.VENDAS JANEIRO 2020.ods#</t>
  </si>
  <si>
    <t>\\acsfs\profiles$\regisedsj\My Documents\.~lock.VENDAS JANEIRO 2020.ods#</t>
  </si>
  <si>
    <t>lu124681s9ux.tmp</t>
  </si>
  <si>
    <t>\\acsfs\profiles$\regisedsj\My Documents\lu124681s9ux.tmp</t>
  </si>
  <si>
    <t>bb1a5f56-4051-4a07-8206-170330562099.tmp</t>
  </si>
  <si>
    <t>\\acsfs\profiles$\gabrielarb\Downloads\bb1a5f56-4051-4a07-8206-170330562099.tmp</t>
  </si>
  <si>
    <t>\\acsfs\profiles$\regisedsj\My Documents\lu124681s9ux.tmp\</t>
  </si>
  <si>
    <t>\\acsfs\profiles$\regisedsj\My Documents\lu124681s9ux.tmp\META-INF\</t>
  </si>
  <si>
    <t>\\acsfs\profiles$\regisedsj\My Documents\lu124681s9ux.tmp\Thumbnails\</t>
  </si>
  <si>
    <t>b284a7db-8eab-408f-be5e-e0bbac00eefa.tmp</t>
  </si>
  <si>
    <t>\\acsfs\profiles$\regisedsj\Downloads\b284a7db-8eab-408f-be5e-e0bbac00eefa.tmp</t>
  </si>
  <si>
    <t>c07e99e6-9b33-41f1-bf94-2427cd6e6943.tmp</t>
  </si>
  <si>
    <t>\\acsfs\profiles$\wenderbnm\Downloads\c07e99e6-9b33-41f1-bf94-2427cd6e6943.tmp</t>
  </si>
  <si>
    <t>4182e976-52b3-4061-b9ac-8b2c5c7c87a9.tmp</t>
  </si>
  <si>
    <t>\\acsfs\profiles$\gabrielamdp\Downloads\4182e976-52b3-4061-b9ac-8b2c5c7c87a9.tmp</t>
  </si>
  <si>
    <t>892b2661-0036-4597-9232-eda9fdf978a4.tmp</t>
  </si>
  <si>
    <t>\\acsfs\profiles$\gabrielamdp\Downloads\892b2661-0036-4597-9232-eda9fdf978a4.tmp</t>
  </si>
  <si>
    <t>e55dfd84-2f18-4eaa-9062-9bec328df904.tmp</t>
  </si>
  <si>
    <t>\\acsfs\profiles$\gabrielamdp\Downloads\e55dfd84-2f18-4eaa-9062-9bec328df904.tmp</t>
  </si>
  <si>
    <t>2b5a4215-7068-4120-baa3-41b013070598.tmp</t>
  </si>
  <si>
    <t>\\acsfs\profiles$\gabrielamdp\Downloads\2b5a4215-7068-4120-baa3-41b013070598.tmp</t>
  </si>
  <si>
    <t>2c412d05-0bdf-4ee3-9861-6d7e8680605e.tmp</t>
  </si>
  <si>
    <t>\\acsfs\profiles$\michelerds\Downloads\2c412d05-0bdf-4ee3-9861-6d7e8680605e.tmp</t>
  </si>
  <si>
    <t>9e9ac2b9-dabd-44d7-9e3f-a3f5bafb59b4.tmp</t>
  </si>
  <si>
    <t>\\acsfs\profiles$\milenaas\Downloads\9e9ac2b9-dabd-44d7-9e3f-a3f5bafb59b4.tmp</t>
  </si>
  <si>
    <t>ENC: Inlcusões</t>
  </si>
  <si>
    <t>/o=exchangelabs/ou=exchange administrative group (fydibohf23spdlt)/cn=recipients/cn=8b5b63d67af648d081a40c45cc800804-fabiana per;equipefabi@algartech.com.br;tecnicospj@algartech.com.br;thaismo@algartech.com.br;</t>
  </si>
  <si>
    <t>Planejamento TRN MIGRAÇÃO FULL</t>
  </si>
  <si>
    <t>TRN MIGRAÇÃO FULL_CRC.xlsx</t>
  </si>
  <si>
    <t>/o=exchangelabs/ou=exchange administrative group (fydibohf23spdlt)/cn=recipients/cn=8b5b63d67af648d081a40c45cc800804-fabiana per,equipefabi@algartech.com.br,tecnicospj@algartech.com.br,thaismo@algartech.com.br</t>
  </si>
  <si>
    <t>brunodaf@algartech.com</t>
  </si>
  <si>
    <t>C:\Users\brunodaf\Downloads\</t>
  </si>
  <si>
    <t>Relatório Telecom - Dezembro.xlsx</t>
  </si>
  <si>
    <t>10717155-c20d-4dbf-9349-a96ee72864bd.tmp</t>
  </si>
  <si>
    <t>\\acsfs\profiles$\brendadsl\Downloads\10717155-c20d-4dbf-9349-a96ee72864bd.tmp</t>
  </si>
  <si>
    <t>2761ba03-c8bf-4f74-8370-4333d888faef.tmp</t>
  </si>
  <si>
    <t>\\acsfs\profiles$\brendadsl\Downloads\2761ba03-c8bf-4f74-8370-4333d888faef.tmp</t>
  </si>
  <si>
    <t>f6229985-a17f-48bc-96e5-05b6c53b79a5.tmp</t>
  </si>
  <si>
    <t>\\acsfs\profiles$\brendadsl\Downloads\f6229985-a17f-48bc-96e5-05b6c53b79a5.tmp</t>
  </si>
  <si>
    <t>4d521970-63a8-4d52-800e-fd66a09f7473.tmp</t>
  </si>
  <si>
    <t>\\acsfs\profiles$\brendadsl\Downloads\4d521970-63a8-4d52-800e-fd66a09f7473.tmp</t>
  </si>
  <si>
    <t>77ec2758-04ab-4c26-9e3b-714c07b8fb69.tmp</t>
  </si>
  <si>
    <t>\\acsfs\profiles$\brendadsl\Downloads\77ec2758-04ab-4c26-9e3b-714c07b8fb69.tmp</t>
  </si>
  <si>
    <t>52829b66-b462-40cd-8668-0bb0412eadd1.tmp</t>
  </si>
  <si>
    <t>\\acsfs\profiles$\brendadsl\Downloads\52829b66-b462-40cd-8668-0bb0412eadd1.tmp</t>
  </si>
  <si>
    <t>lu302402r1mh3.tmp</t>
  </si>
  <si>
    <t>\\acsfs\profiles$\jalilebds\Downloads\lu302402r1mh3.tmp</t>
  </si>
  <si>
    <t>079eef90-4de6-4065-a806-affc1c193382.tmp</t>
  </si>
  <si>
    <t>\\acsfs\profiles$\antoniosva\Downloads\079eef90-4de6-4065-a806-affc1c193382.tmp</t>
  </si>
  <si>
    <t>e8aea972-a638-4e68-a7e8-62744b85cfd7.tmp</t>
  </si>
  <si>
    <t>\\acsfs\profiles$\antoniosva\Downloads\e8aea972-a638-4e68-a7e8-62744b85cfd7.tmp</t>
  </si>
  <si>
    <t>1fad6837-3c7b-4edc-baa2-ae3ae8df3832.tmp</t>
  </si>
  <si>
    <t>\\acsfs\profiles$\antoniosva\Downloads\1fad6837-3c7b-4edc-baa2-ae3ae8df3832.tmp</t>
  </si>
  <si>
    <t>939bcf1f-5d88-4ea5-9eb2-5eead9136318.tmp</t>
  </si>
  <si>
    <t>\\acsfs\profiles$\georgendsq\Downloads\939bcf1f-5d88-4ea5-9eb2-5eead9136318.tmp</t>
  </si>
  <si>
    <t>e0114029-333e-466b-9ed0-7b963f457031.tmp</t>
  </si>
  <si>
    <t>\\acsfs\profiles$\georgendsq\Downloads\e0114029-333e-466b-9ed0-7b963f457031.tmp</t>
  </si>
  <si>
    <t>34d889ba-7e0f-4ce4-8b94-c867450c22a3.tmp</t>
  </si>
  <si>
    <t>\\acsfs\profiles$\georgendsq\Downloads\34d889ba-7e0f-4ce4-8b94-c867450c22a3.tmp</t>
  </si>
  <si>
    <t>eafd3971-8549-4eba-a3b3-9a824606bf16.tmp</t>
  </si>
  <si>
    <t>\\acsfs\profiles$\georgendsq\Downloads\eafd3971-8549-4eba-a3b3-9a824606bf16.tmp</t>
  </si>
  <si>
    <t>9ba9604d-97f9-4c50-bde3-33bc1322eba8.tmp</t>
  </si>
  <si>
    <t>\\acsfs\profiles$\georgendsq\Downloads\9ba9604d-97f9-4c50-bde3-33bc1322eba8.tmp</t>
  </si>
  <si>
    <t>731106ce-414d-49ef-9454-25a838da5951.tmp</t>
  </si>
  <si>
    <t>\\acsfs\profiles$\andrezacapf\Downloads\731106ce-414d-49ef-9454-25a838da5951.tmp</t>
  </si>
  <si>
    <t>e3be74c6-b90c-48a1-ad37-62166fbf5047.tmp</t>
  </si>
  <si>
    <t>\\acsfs\profiles$\andrezacapf\Downloads\e3be74c6-b90c-48a1-ad37-62166fbf5047.tmp</t>
  </si>
  <si>
    <t>2115cc5a-487e-474d-b5d3-18165d162fdb.tmp</t>
  </si>
  <si>
    <t>\\acsfs\profiles$\andrezacapf\Downloads\2115cc5a-487e-474d-b5d3-18165d162fdb.tmp</t>
  </si>
  <si>
    <t>b1463046-258e-4d9a-822b-ab7f0d35c6bb.tmp</t>
  </si>
  <si>
    <t>\\acsfs\profiles$\andrezacapf\Downloads\b1463046-258e-4d9a-822b-ab7f0d35c6bb.tmp</t>
  </si>
  <si>
    <t>bb7f2c44-3e6e-4200-a2b3-e9e648d6ba82.tmp</t>
  </si>
  <si>
    <t>\\acsfs\profiles$\andrezacapf\Downloads\bb7f2c44-3e6e-4200-a2b3-e9e648d6ba82.tmp</t>
  </si>
  <si>
    <t>839ad9af-223f-480f-bfc8-9c8432d73366.tmp</t>
  </si>
  <si>
    <t>\\acsfs\profiles$\andrezacapf\Downloads\839ad9af-223f-480f-bfc8-9c8432d73366.tmp</t>
  </si>
  <si>
    <t>b210787b-c014-44ef-998f-6d5b8f54372c.tmp</t>
  </si>
  <si>
    <t>\\acsfs\profiles$\jonatanls\Downloads\b210787b-c014-44ef-998f-6d5b8f54372c.tmp</t>
  </si>
  <si>
    <t>ceb546b8-df5a-4e99-b66e-93a8c5f0e722.tmp</t>
  </si>
  <si>
    <t>\\acsfs\profiles$\KARENJSS\Downloads\ceb546b8-df5a-4e99-b66e-93a8c5f0e722.tmp</t>
  </si>
  <si>
    <t>\\acsfs\DEPTOS\Operacao\Banco_Votorantim\Qualidade\Anderson\Laudo\Joao Icatu\</t>
  </si>
  <si>
    <t>\\acsfs\DEPTOS\Operacao\Banco_Votorantim\Qualidade\Anderson\Laudo\Joao Icatu\Thumbs.db</t>
  </si>
  <si>
    <t>D:\OneDrive\AlgarTech\Pré-Vendas\Cliente\2020\A100\215436 - A100 - SPOF - Option 1\</t>
  </si>
  <si>
    <t>Classificacao_de_Ativos_-_SPOF_Diesel_(3).xlsx</t>
  </si>
  <si>
    <t>D:\OneDrive\AlgarTech\Pré-Vendas\Cliente\2020\A100\215436 - A100 - SPOF - Option 1\reprojetospofa100.zip\</t>
  </si>
  <si>
    <t>D:\OneDrive\AlgarTech\Pré-Vendas\Cliente\2020\A100\215436 - A100 - SPOF - Option 1\Precificacao_BPFinanceiro\</t>
  </si>
  <si>
    <t>D:\OneDrive\AlgarTech\Pré-Vendas\Cliente\2020\A100\215436 - A100 - SPOF - Option 1\Precificacao_BPFinanceiro\Precificacao_V1.eml\</t>
  </si>
  <si>
    <t>D:\OneDrive\AlgarTech\Pré-Vendas\Cliente\2020\A100\215436 - A100 - SPOF - Option 1\reprojetospofa100\</t>
  </si>
  <si>
    <t>\\acsfs\deptos\Operacao\Banco_Votorantim\Supervisao\DIÁRIO DE BORDO BV\</t>
  </si>
  <si>
    <t>Diario de Bordo - BV 2019.xlsb</t>
  </si>
  <si>
    <t>\\acsfs\deptos\Operacao\Banco_Votorantim\Supervisao\DIÁRIO DE BORDO BV\Diario de Bordo - BV 2019.xlsb</t>
  </si>
  <si>
    <t>Diario de Bordo - BV.xlsb</t>
  </si>
  <si>
    <t>\\acsfs\deptos\Operacao\Banco_Votorantim\Supervisao\DIÁRIO DE BORDO BV\Diario de Bordo - BV.xlsb</t>
  </si>
  <si>
    <t>2ce47112-c99c-40e0-a270-3e5cdf4a3fa4.tmp</t>
  </si>
  <si>
    <t>\\acsfs\profiles$\wedersonbadr\My Documents\My Music\2ce47112-c99c-40e0-a270-3e5cdf4a3fa4.tmp</t>
  </si>
  <si>
    <t>lu15500126w02.tmp</t>
  </si>
  <si>
    <t>\\acsfs\profiles$\jonathanwap\lu15500126w02.tmp</t>
  </si>
  <si>
    <t>\\acsfs\profiles$\jonathanwap\lu15500126w02.tmp\</t>
  </si>
  <si>
    <t>\\acsfs\profiles$\jonathanwap\lu15500126w02.tmp\META-INF\</t>
  </si>
  <si>
    <t>\\acsfs\profiles$\jonathanwap\lu15500126w02.tmp\Thumbnails\</t>
  </si>
  <si>
    <t>ce4c09cf-7c2c-45e5-9927-6d336e697040.tmp</t>
  </si>
  <si>
    <t>\\acsfs\profiles$\rafaelahpn\Downloads\ce4c09cf-7c2c-45e5-9927-6d336e697040.tmp</t>
  </si>
  <si>
    <t>\\acsfs\DEPTOS\Operacao\PCP\5 - Comum\PLANEJAMENTO BV\14 - ACOMPANHAMENTO\1 - REPORT ACOMPANHAMENTO\2020\1 - JANEIRO\CARTÕES\Login Logout Cartões\</t>
  </si>
  <si>
    <t>mail.google.com/sync/u/0/i/s?hl=pt-BR&amp;c=661</t>
  </si>
  <si>
    <t>bvcartes-supervisores@algarnet.onmicrosoft.com;joaogvc@algartech.com;leonardoao@algartech.com;m1nxnxefxetrukrzvgozdhyqef1vh0jvuushxg==;marianacds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1nxnxefxetrukrzvgozdhyqef1vh0jvuushxg==,marianacds@algartech.com,marianadjc@algartech.com,mirianppb@algartech.com,paulacn@algartech.com,rafaelggs@algartech.com,taysdss@algartech.com,thiagordu@algartech.com,viniciussg@algartech.com</t>
  </si>
  <si>
    <t>mail.google.com/sync/u/0/i/s?hl=pt-BR&amp;c=667</t>
  </si>
  <si>
    <t>mail.google.com/sync/u/0/i/s?hl=pt-BR&amp;c=669</t>
  </si>
  <si>
    <t>mail.google.com/_/upload?authuser=0&amp;dcp=asu-n&amp;upload_id=AEnB2UoZgH-61i483lEifE2I5yA1yKJYa0SnwmQ2BaQnDZvEX0pKrAk8J3vFGj7OlNfOcAIp7yeqMK6gY_xu95U_Z2Q4kWlSnJEf6feL6M2ie51BYd8XEJ4&amp;upload_protocol=resumable</t>
  </si>
  <si>
    <t>RELATORIO DE LOGIN - BV CARTÕES 01-01.xlsm</t>
  </si>
  <si>
    <t>CURVA NORMAL - 31/12/2019</t>
  </si>
  <si>
    <t>6a7f1dca-a503-44b0-87c1-388f732bec3b.tmp</t>
  </si>
  <si>
    <t>\\acsfs\profiles$\antoniosva\Downloads\6a7f1dca-a503-44b0-87c1-388f732bec3b.tmp</t>
  </si>
  <si>
    <t>d1de3c14-a6a2-45ea-8fbc-ad9b04abfb9b.tmp</t>
  </si>
  <si>
    <t>\\acsfs\profiles$\antoniosva\Downloads\d1de3c14-a6a2-45ea-8fbc-ad9b04abfb9b.tmp</t>
  </si>
  <si>
    <t>e93a9fb9-971e-4c46-b3ef-1fef8c334193.tmp</t>
  </si>
  <si>
    <t>\\acsfs\profiles$\antoniosva\Downloads\e93a9fb9-971e-4c46-b3ef-1fef8c334193.tmp</t>
  </si>
  <si>
    <t>bu financeira 2020-NB-POLATI.xlsx</t>
  </si>
  <si>
    <t>0ac502b9-db4a-429b-8f85-7d9a827c0250.tmp</t>
  </si>
  <si>
    <t>\\acsfs\profiles$\georgendsq\Downloads\0ac502b9-db4a-429b-8f85-7d9a827c0250.tmp</t>
  </si>
  <si>
    <t>12/31/2019 16:56:24</t>
  </si>
  <si>
    <t>XLOG_marcosvnds_31122019_091223.log</t>
  </si>
  <si>
    <t>\\acsfs\profiles$\marcosvnds\My Documents\xworkcenter\logs\XLOG_marcosvnds_31122019_091223.log</t>
  </si>
  <si>
    <t>100bb2cc-167b-4550-a442-3dc59e8f6808.tmp</t>
  </si>
  <si>
    <t>\\acsfs\profiles$\andrezacapf\Downloads\100bb2cc-167b-4550-a442-3dc59e8f6808.tmp</t>
  </si>
  <si>
    <t>fe6d9ed1-f38c-4696-838f-571e7bea65f8.tmp</t>
  </si>
  <si>
    <t>\\acsfs\profiles$\andrezacapf\Downloads\fe6d9ed1-f38c-4696-838f-571e7bea65f8.tmp</t>
  </si>
  <si>
    <t>25e31350-d6e3-43e5-b73f-ceb04ec0ef7b.tmp</t>
  </si>
  <si>
    <t>\\acsfs\profiles$\andrezacapf\Downloads\25e31350-d6e3-43e5-b73f-ceb04ec0ef7b.tmp</t>
  </si>
  <si>
    <t>475f970f-0720-4582-a586-fcfcac85516f.tmp</t>
  </si>
  <si>
    <t>\\acsfs\profiles$\andrezacapf\Downloads\475f970f-0720-4582-a586-fcfcac85516f.tmp</t>
  </si>
  <si>
    <t>86fa6726-8e5d-49da-b99b-e02146e0b303.tmp</t>
  </si>
  <si>
    <t>\\acsfs\profiles$\jonatanls\Downloads\86fa6726-8e5d-49da-b99b-e02146e0b303.tmp</t>
  </si>
  <si>
    <t>5a7b8856-4630-483e-b42e-dad7e5563238.tmp</t>
  </si>
  <si>
    <t>\\acsfs\profiles$\jonatanls\Downloads\5a7b8856-4630-483e-b42e-dad7e5563238.tmp</t>
  </si>
  <si>
    <t>f91b1e31-8c9f-4f66-acb9-1f04d7ffc371.tmp</t>
  </si>
  <si>
    <t>\\acsfs\profiles$\KARENJSS\Downloads\f91b1e31-8c9f-4f66-acb9-1f04d7ffc371.tmp</t>
  </si>
  <si>
    <t>https://udpmailboxap01/h/search?si=0&amp;so=0&amp;sc=59310&amp;sfi=6&amp;st=message&amp;action=compose</t>
  </si>
  <si>
    <t>\\acsfs\DEPTOS\Operacao\PCP\5 - Comum\PLANEJAMENTO BV\23 - EXTRAÇÕES\Agent State Details\DEZEMBRO\</t>
  </si>
  <si>
    <t>Agent State Details 30-12-2019.xlsx</t>
  </si>
  <si>
    <t>\\acsfs\DEPTOS\Operacao\PCP\5 - Comum\PLANEJAMENTO BV\23 - EXTRAÇÕES\Agent State Details\DEZEMBRO\Agent State Details 30-12-2019.xlsx</t>
  </si>
  <si>
    <t>\\acsfs\DEPTOS\Operacao\PCP\5 - Comum\PLANEJAMENTO BV\23 - EXTRAÇÕES\Agente Login Logout details report\DEZEMBRO\</t>
  </si>
  <si>
    <t>AGENT LOGIN LOGOUT DETAILS REPORT 30-12-2019.xlsx</t>
  </si>
  <si>
    <t>\\acsfs\DEPTOS\Operacao\PCP\5 - Comum\PLANEJAMENTO BV\23 - EXTRAÇÕES\Agente Login Logout details report\DEZEMBRO\AGENT LOGIN LOGOUT DETAILS REPORT 30-12-2019.xlsx</t>
  </si>
  <si>
    <t>Agent State Details 31-12-2019.xlsx</t>
  </si>
  <si>
    <t>\\acsfs\DEPTOS\Operacao\PCP\5 - Comum\PLANEJAMENTO BV\23 - EXTRAÇÕES\Agent State Details\DEZEMBRO\Agent State Details 31-12-2019.xlsx</t>
  </si>
  <si>
    <t>AGENT LOGIN LOGOUT DETAILS REPORT 31-12-2019.xlsx</t>
  </si>
  <si>
    <t>\\acsfs\DEPTOS\Operacao\PCP\5 - Comum\PLANEJAMENTO BV\23 - EXTRAÇÕES\Agente Login Logout details report\DEZEMBRO\AGENT LOGIN LOGOUT DETAILS REPORT 31-12-2019.xlsx</t>
  </si>
  <si>
    <t>.~lock.Vendas.xlsx#</t>
  </si>
  <si>
    <t>\\acsfs\profiles$\victoriaksr\My Documents\.~lock.Vendas.xlsx#</t>
  </si>
  <si>
    <t>78-2B-CB-C1-05-2A</t>
  </si>
  <si>
    <t>VOTORANT-AFB008</t>
  </si>
  <si>
    <t>8084a857-8738-4d57-ae7f-b8fd40faada3.tmp</t>
  </si>
  <si>
    <t>\\acsfs\profiles$\gabriellalpr\Downloads\8084a857-8738-4d57-ae7f-b8fd40faada3.tmp</t>
  </si>
  <si>
    <t>b38585ee-288f-42a7-a1d1-36f367df2de7.tmp</t>
  </si>
  <si>
    <t>\\acsfs\profiles$\gabriellalpr\Downloads\b38585ee-288f-42a7-a1d1-36f367df2de7.tmp</t>
  </si>
  <si>
    <t>70048513-2c51-48dd-8b62-85714c008784.tmp</t>
  </si>
  <si>
    <t>\\acsfs\profiles$\gabriellalpr\Downloads\70048513-2c51-48dd-8b62-85714c008784.tmp</t>
  </si>
  <si>
    <t>2a095efa-0a40-44cb-9b91-5cc3a92a19f9.tmp</t>
  </si>
  <si>
    <t>\\acsfs\profiles$\gabriellalpr\Downloads\2a095efa-0a40-44cb-9b91-5cc3a92a19f9.tmp</t>
  </si>
  <si>
    <t>BERNARDO PATRICK CARNEIRO MOTA (26).contact</t>
  </si>
  <si>
    <t>\\acsfs\profiles$\bernardopcm\Contacts\BERNARDO PATRICK CARNEIRO MOTA (26).contact</t>
  </si>
  <si>
    <t>10.200.67.52</t>
  </si>
  <si>
    <t>ee6b3156-915b-4993-8376-744424166762.tmp</t>
  </si>
  <si>
    <t>\\acsfs\profiles$\marcosvnds\Downloads\ee6b3156-915b-4993-8376-744424166762.tmp</t>
  </si>
  <si>
    <t>18b231bd-b245-4615-996b-ef823ce56ae9.tmp</t>
  </si>
  <si>
    <t>\\acsfs\profiles$\marcosvnds\Downloads\18b231bd-b245-4615-996b-ef823ce56ae9.tmp</t>
  </si>
  <si>
    <t>7663aeef-b200-4c0b-890a-070416585547.tmp</t>
  </si>
  <si>
    <t>\\acsfs\profiles$\andrezacapf\Downloads\7663aeef-b200-4c0b-890a-070416585547.tmp</t>
  </si>
  <si>
    <t>a3bb2b66-edbc-41b4-9260-be9db320fe8c.tmp</t>
  </si>
  <si>
    <t>\\acsfs\profiles$\KARENJSS\Downloads\a3bb2b66-edbc-41b4-9260-be9db320fe8c.tmp</t>
  </si>
  <si>
    <t>b7af515b-3d84-4c64-a83c-acf67b339856.tmp</t>
  </si>
  <si>
    <t>\\acsfs\profiles$\regisadsa\Downloads\b7af515b-3d84-4c64-a83c-acf67b339856.tmp</t>
  </si>
  <si>
    <t>8aecee66-2e2b-4969-ad45-aff9f2a1c57e.tmp</t>
  </si>
  <si>
    <t>\\acsfs\profiles$\regisadsa\Downloads\8aecee66-2e2b-4969-ad45-aff9f2a1c57e.tmp</t>
  </si>
  <si>
    <t>dccaf748-905d-43fb-9145-0d4fa8996f64.tmp</t>
  </si>
  <si>
    <t>\\acsfs\profiles$\regisadsa\Downloads\dccaf748-905d-43fb-9145-0d4fa8996f64.tmp</t>
  </si>
  <si>
    <t>98ea9efd-d19d-4386-8979-4aa144b2242f.tmp</t>
  </si>
  <si>
    <t>\\acsfs\profiles$\regisadsa\Downloads\98ea9efd-d19d-4386-8979-4aa144b2242f.tmp</t>
  </si>
  <si>
    <t>78d1dc0c-7d5e-4185-a358-1ec57211628d.tmp</t>
  </si>
  <si>
    <t>\\acsfs\profiles$\regisadsa\Downloads\78d1dc0c-7d5e-4185-a358-1ec57211628d.tmp</t>
  </si>
  <si>
    <t>9c9f6b09-6dea-439d-91f6-523df17109a9.tmp</t>
  </si>
  <si>
    <t>\\acsfs\profiles$\quindaizaagds\Downloads\9c9f6b09-6dea-439d-91f6-523df17109a9.tmp</t>
  </si>
  <si>
    <t>717d3f44-e3c1-4547-b85c-c2cadf84fb79.tmp</t>
  </si>
  <si>
    <t>\\acsfs\profiles$\inarajst\Downloads\717d3f44-e3c1-4547-b85c-c2cadf84fb79.tmp</t>
  </si>
  <si>
    <t>6b0b599b-a063-4349-ad54-00e0369fdac7.tmp</t>
  </si>
  <si>
    <t>\\acsfs\profiles$\THYAGOSP\Downloads\6b0b599b-a063-4349-ad54-00e0369fdac7.tmp</t>
  </si>
  <si>
    <t>\\acsfs\DEPTOS\Operacao\PCP\5 - Comum\PLANEJAMENTO BV\23 - EXTRAÇÕES\Agent utilization\</t>
  </si>
  <si>
    <t>Agent utilization 01-12 a 31-12.xlsx</t>
  </si>
  <si>
    <t>\\acsfs\DEPTOS\Operacao\PCP\5 - Comum\PLANEJAMENTO BV\23 - EXTRAÇÕES\Agent utilization\Agent utilization 01-12 a 31-12.xlsx</t>
  </si>
  <si>
    <t>algartechcpcbv@algartech.com;andrelpsa@algartech.com;cpc-controldeskavon@algartech.com;joseasn@algartech.com;josiascdsj@algartech.com;leonardoao@algartech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mail.google.com/sync/u/0/i/s?hl=pt-BR&amp;c=623</t>
  </si>
  <si>
    <t>cpc-controldeskavon@algartech.com;joseasn@algartech.com;marianadjc@algartech.com;viniciussg@algartech.com;</t>
  </si>
  <si>
    <t>cpc-controldeskavon@algartech.com,joseasn@algartech.com,marianadjc@algartech.com,viniciussg@algartech.com</t>
  </si>
  <si>
    <t>10.200.99.125</t>
  </si>
  <si>
    <t>\\acsfs\deptos\educacao empresarial\2 - operações\2.5 - avon\03 - treinadores\fernanda\formações fv\front 1\formação janeiro-20\</t>
  </si>
  <si>
    <t>lista de treinamento avon.xlsx</t>
  </si>
  <si>
    <t>b8a0ed69-8ef8-45b8-aba3-f96326a35e34.tmp</t>
  </si>
  <si>
    <t>\\acsfs\profiles$\gabriellalpr\Downloads\b8a0ed69-8ef8-45b8-aba3-f96326a35e34.tmp</t>
  </si>
  <si>
    <t>c2cc2fe1-5ae1-40f7-84c2-278fc90983f2.tmp</t>
  </si>
  <si>
    <t>\\acsfs\profiles$\bernardopcm\Downloads\c2cc2fe1-5ae1-40f7-84c2-278fc90983f2.tmp</t>
  </si>
  <si>
    <t>b3034571-fb61-4a78-8c2d-703649f3ede3.tmp</t>
  </si>
  <si>
    <t>\\acsfs\profiles$\bernardopcm\Downloads\b3034571-fb61-4a78-8c2d-703649f3ede3.tmp</t>
  </si>
  <si>
    <t>Não confirmado 623344.crdownload</t>
  </si>
  <si>
    <t>\\acsfs\profiles$\bernardopcm\Downloads\Não confirmado 623344.crdownload</t>
  </si>
  <si>
    <t>99fc007a-4779-4325-aa8a-19232b2a5618.tmp</t>
  </si>
  <si>
    <t>\\acsfs\profiles$\bernardopcm\Downloads\99fc007a-4779-4325-aa8a-19232b2a5618.tmp</t>
  </si>
  <si>
    <t>0b58d6b5-3129-4825-b6aa-d250c55c2763.tmp</t>
  </si>
  <si>
    <t>\\acsfs\profiles$\marcosvnds\Downloads\0b58d6b5-3129-4825-b6aa-d250c55c2763.tmp</t>
  </si>
  <si>
    <t>815ec9a2-e464-4719-9045-426185858f2b.tmp</t>
  </si>
  <si>
    <t>\\acsfs\profiles$\marcosvnds\Downloads\815ec9a2-e464-4719-9045-426185858f2b.tmp</t>
  </si>
  <si>
    <t>d1808b0b-d710-4eec-a983-eb6839ff408d.tmp</t>
  </si>
  <si>
    <t>\\acsfs\profiles$\marcosvnds\Downloads\d1808b0b-d710-4eec-a983-eb6839ff408d.tmp</t>
  </si>
  <si>
    <t>93e47626-d7e2-4f5e-b249-c7f7233bab57.tmp</t>
  </si>
  <si>
    <t>\\acsfs\profiles$\marcosvnds\Downloads\93e47626-d7e2-4f5e-b249-c7f7233bab57.tmp</t>
  </si>
  <si>
    <t>b4c311f6-725e-4dc4-b272-61e2a509bc34.tmp</t>
  </si>
  <si>
    <t>\\acsfs\profiles$\marcosvnds\Downloads\b4c311f6-725e-4dc4-b272-61e2a509bc34.tmp</t>
  </si>
  <si>
    <t>c20d7124-72c0-45aa-98b2-ba24854f3d4b.tmp</t>
  </si>
  <si>
    <t>\\acsfs\profiles$\victorgl\Downloads\c20d7124-72c0-45aa-98b2-ba24854f3d4b.tmp</t>
  </si>
  <si>
    <t>c1d1a3c6-077f-4aa4-ae70-cff6856589dd.tmp</t>
  </si>
  <si>
    <t>\\acsfs\profiles$\victorgl\Downloads\c1d1a3c6-077f-4aa4-ae70-cff6856589dd.tmp</t>
  </si>
  <si>
    <t>f4a42386-7165-427a-8919-6246ed3b7ce2.tmp</t>
  </si>
  <si>
    <t>\\acsfs\profiles$\victorgl\Downloads\f4a42386-7165-427a-8919-6246ed3b7ce2.tmp</t>
  </si>
  <si>
    <t>e47bfc2b-0501-4828-9c3f-119362b7600e.tmp</t>
  </si>
  <si>
    <t>\\acsfs\profiles$\KARENJSS\Downloads\e47bfc2b-0501-4828-9c3f-119362b7600e.tmp</t>
  </si>
  <si>
    <t>47cbc2a0-e587-4120-acce-3beb965f5ee4.tmp</t>
  </si>
  <si>
    <t>\\acsfs\profiles$\KARENJSS\Downloads\47cbc2a0-e587-4120-acce-3beb965f5ee4.tmp</t>
  </si>
  <si>
    <t>lu302402r1mha.tmp</t>
  </si>
  <si>
    <t>\\acsfs\profiles$\jalilebds\Downloads\lu302402r1mha.tmp</t>
  </si>
  <si>
    <t>4915f29d-5038-4562-8512-de42b193648e.tmp</t>
  </si>
  <si>
    <t>\\acsfs\profiles$\larissaad\Downloads\4915f29d-5038-4562-8512-de42b193648e.tmp</t>
  </si>
  <si>
    <t>\\udpavonfs01\avon\00 - ACOMPANHAMENTO AVON\04 - BACKOFFICE CORNERSTONE\2019\12.2019\RELATORIO\FECHAMENTO\</t>
  </si>
  <si>
    <t>\\udpavonfs01\avon\00 - ACOMPANHAMENTO AVON\04 - BACKOFFICE CORNERSTONE\2019\12.2019\RELATORIO\FECHAMENTO\Acompanhamento Backoffice Cornerstone DEZ.19.xlsx</t>
  </si>
  <si>
    <t>673d971e-b452-48b4-a79b-67db368f1ef8.tmp</t>
  </si>
  <si>
    <t>\\acsfs\profiles$\gabriellalpr\Downloads\673d971e-b452-48b4-a79b-67db368f1ef8.tmp</t>
  </si>
  <si>
    <t>5522b3a0-f974-4742-9fa1-6e9de5729fb5.tmp</t>
  </si>
  <si>
    <t>\\acsfs\profiles$\YASMINSC\Downloads\5522b3a0-f974-4742-9fa1-6e9de5729fb5.tmp</t>
  </si>
  <si>
    <t>e8fab3ba-b9b0-4151-b25e-c083a04cd398.tmp</t>
  </si>
  <si>
    <t>\\acsfs\profiles$\regisadsa\Downloads\e8fab3ba-b9b0-4151-b25e-c083a04cd398.tmp</t>
  </si>
  <si>
    <t>2a6bc686-abb8-482b-a1c1-0f7c90eaf194.tmp</t>
  </si>
  <si>
    <t>\\acsfs\profiles$\quindaizaagds\Downloads\2a6bc686-abb8-482b-a1c1-0f7c90eaf194.tmp</t>
  </si>
  <si>
    <t>fabriciadc@algartech.com.br;joaogvc@algartech.com;josiascdsj@algartech.com;marianadjc@algartech.com;rafaelggs@algartech.com;taysdss@algartech.com;viniciussg@algartech.com;</t>
  </si>
  <si>
    <t>fabriciadc@algartech.com.br,joaogvc@algartech.com,josiascdsj@algartech.com,marianadjc@algartech.com,rafaelggs@algartech.com,taysdss@algartech.com,viniciussg@algartech.com</t>
  </si>
  <si>
    <t>78-2B-CB-C1-06-43</t>
  </si>
  <si>
    <t>VOTORANT-WB007</t>
  </si>
  <si>
    <t>lorenabmc</t>
  </si>
  <si>
    <t>\\acsfs\profiles$\lorenabmc\Downloads\</t>
  </si>
  <si>
    <t>baab0b1b-41e5-45cb-992d-7c4bde3c6323.tmp</t>
  </si>
  <si>
    <t>\\acsfs\profiles$\lorenabmc\Downloads\baab0b1b-41e5-45cb-992d-7c4bde3c6323.tmp</t>
  </si>
  <si>
    <t>0d63b1db-89b1-4a51-a766-6ecc608dbabf.tmp</t>
  </si>
  <si>
    <t>\\acsfs\profiles$\lorenabmc\Downloads\0d63b1db-89b1-4a51-a766-6ecc608dbabf.tmp</t>
  </si>
  <si>
    <t>pmoalgartech@algartech.com;</t>
  </si>
  <si>
    <t>pmoalgartech@algartech.com</t>
  </si>
  <si>
    <t>7a6cfcca-58b4-4533-8823-c11f4b0de37e.tmp</t>
  </si>
  <si>
    <t>\\acsfs\profiles$\victorgl\Downloads\7a6cfcca-58b4-4533-8823-c11f4b0de37e.tmp</t>
  </si>
  <si>
    <t>a2647643-e0d9-4220-958f-1e6e6d31feff.tmp</t>
  </si>
  <si>
    <t>\\acsfs\profiles$\anafsb\Downloads\a2647643-e0d9-4220-958f-1e6e6d31feff.tmp</t>
  </si>
  <si>
    <t>e733349e-ea86-4070-9642-2c8be2e6c2c1.tmp</t>
  </si>
  <si>
    <t>\\acsfs\profiles$\KARENJSS\Downloads\e733349e-ea86-4070-9642-2c8be2e6c2c1.tmp</t>
  </si>
  <si>
    <t>a596aa71-7500-4967-8531-ac1cdcbdd7a1.tmp</t>
  </si>
  <si>
    <t>\\acsfs\profiles$\KARENJSS\Downloads\a596aa71-7500-4967-8531-ac1cdcbdd7a1.tmp</t>
  </si>
  <si>
    <t>a7537ff1-fe2e-4024-aeac-1976aabdfe58.tmp</t>
  </si>
  <si>
    <t>\\acsfs\profiles$\KARENJSS\Downloads\a7537ff1-fe2e-4024-aeac-1976aabdfe58.tmp</t>
  </si>
  <si>
    <t>39f8f646-339b-417b-84a6-34b05ef2f315.tmp</t>
  </si>
  <si>
    <t>\\acsfs\profiles$\ANAPDSB\Downloads\39f8f646-339b-417b-84a6-34b05ef2f315.tmp</t>
  </si>
  <si>
    <t>lu302402r1mhd.tmp</t>
  </si>
  <si>
    <t>\\acsfs\profiles$\jalilebds\Downloads\lu302402r1mhd.tmp</t>
  </si>
  <si>
    <t>WEDERSON BRUNO ALVES DOS REIS (25643).contact</t>
  </si>
  <si>
    <t>\\acsfs\profiles$\wedersonbadr\Contacts\WEDERSON BRUNO ALVES DOS REIS (25643).contact</t>
  </si>
  <si>
    <t>1e2ece11-b5b2-4ef8-adef-23ed12ddbdb7.tmp</t>
  </si>
  <si>
    <t>\\acsfs\profiles$\rafaelahpn\Downloads\1e2ece11-b5b2-4ef8-adef-23ed12ddbdb7.tmp</t>
  </si>
  <si>
    <t>Erro carnê.PNG</t>
  </si>
  <si>
    <t>\\acsfs\profiles$\brendavdoa\My Documents\Erro carnê.PNG</t>
  </si>
  <si>
    <t>46f82b66-7c20-4632-a765-6e96ca3d706d.tmp</t>
  </si>
  <si>
    <t>\\acsfs\profiles$\antoniosva\Downloads\46f82b66-7c20-4632-a765-6e96ca3d706d.tmp</t>
  </si>
  <si>
    <t>bc858ed7-5a19-4374-acf1-174df0354a8f.tmp</t>
  </si>
  <si>
    <t>\\acsfs\profiles$\leticiala\Downloads\bc858ed7-5a19-4374-acf1-174df0354a8f.tmp</t>
  </si>
  <si>
    <t>4434ad86-d15e-4ec3-a9d5-31c982504c79.tmp</t>
  </si>
  <si>
    <t>\\acsfs\profiles$\leticiala\Downloads\4434ad86-d15e-4ec3-a9d5-31c982504c79.tmp</t>
  </si>
  <si>
    <t>96d85659-e90c-45a6-8c24-a0da189f9895.tmp</t>
  </si>
  <si>
    <t>\\acsfs\profiles$\inarajst\Downloads\96d85659-e90c-45a6-8c24-a0da189f9895.tmp</t>
  </si>
  <si>
    <t>165b8fd6-1184-41a9-b436-792e31d3f0b1.tmp</t>
  </si>
  <si>
    <t>\\acsfs\profiles$\lorenabmc\Downloads\165b8fd6-1184-41a9-b436-792e31d3f0b1.tmp</t>
  </si>
  <si>
    <t>mail.google.com/sync/u/0/i/s?hl=pt-BR&amp;c=767</t>
  </si>
  <si>
    <t>algartechcpcbv@algartech.com;andrelpsa@algartech.com;cpc-controldeskavon@algartech.com;joseasn@algartech.com;josiascdsj@algartech.com;leonardoao@algartech.com;luiz.henriquesantos@avon.com;marianadjc@algartech.com;mensal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mensal,paulacn@algartech.com,qualidadealgarbv@algartech.com,rafaelggs@algartech.com,supervisaobancovotorantim@algartech.com,taysdss@algartech.com,thiagolrc@bv.algartech.com,viniciussg@algartech.com</t>
  </si>
  <si>
    <t>mail.google.com/sync/u/0/i/s?hl=pt-BR&amp;c=803</t>
  </si>
  <si>
    <t>\\acsfs\DEPTOS\Operacao\PCP\5 - Comum\PLANEJAMENTO BV\23 - EXTRAÇÕES\Agent State Details\2020\JANEIRO\</t>
  </si>
  <si>
    <t>Agent State Details 01.01.2020.xlsx</t>
  </si>
  <si>
    <t>\\acsfs\DEPTOS\Operacao\PCP\5 - Comum\PLANEJAMENTO BV\23 - EXTRAÇÕES\Agent State Details\2020\JANEIRO\Agent State Details 01.01.2020.xlsx</t>
  </si>
  <si>
    <t>2a9de230-7417-447a-83cd-1a473a3ac064.tmp</t>
  </si>
  <si>
    <t>\\acsfs\profiles$\rafaelamsv\Downloads\2a9de230-7417-447a-83cd-1a473a3ac064.tmp</t>
  </si>
  <si>
    <t>lu359443ydymq.tmp</t>
  </si>
  <si>
    <t>\\acsfs\profiles$\marcellewdl\My Documents\lu359443ydymq.tmp</t>
  </si>
  <si>
    <t>\\acsfs\profiles$\marcellewdl\My Documents\lu359443ydymq.tmp\</t>
  </si>
  <si>
    <t>\\acsfs\profiles$\marcellewdl\My Documents\lu359443ydymq.tmp\META-INF\</t>
  </si>
  <si>
    <t>\\acsfs\profiles$\marcellewdl\My Documents\lu359443ydymq.tmp\Thumbnails\</t>
  </si>
  <si>
    <t>lu13728nh564.tmp</t>
  </si>
  <si>
    <t>\\acsfs\profiles$\luanarda\lu13728nh564.tmp</t>
  </si>
  <si>
    <t>\\acsfs\profiles$\luanarda\lu13728nh564.tmp\</t>
  </si>
  <si>
    <t>\\acsfs\profiles$\luanarda\lu13728nh564.tmp\META-INF\</t>
  </si>
  <si>
    <t>\\acsfs\profiles$\luanarda\lu13728nh564.tmp\Thumbnails\</t>
  </si>
  <si>
    <t>Prototipo ferramenta v2.xlsm</t>
  </si>
  <si>
    <t>f30cc9f2-9748-4f0f-909a-0b23e3569de0.tmp</t>
  </si>
  <si>
    <t>\\acsfs\profiles$\sarahbal\Downloads\f30cc9f2-9748-4f0f-909a-0b23e3569de0.tmp</t>
  </si>
  <si>
    <t>69ddb6e0-1a86-44cc-acc3-f6014c2e5421.tmp</t>
  </si>
  <si>
    <t>\\acsfs\profiles$\edicarlosdl\Downloads\69ddb6e0-1a86-44cc-acc3-f6014c2e5421.tmp</t>
  </si>
  <si>
    <t>656a9a05-6886-4cf3-80c6-8c6ccb23076f.tmp</t>
  </si>
  <si>
    <t>\\acsfs\profiles$\matheusmax\Downloads\656a9a05-6886-4cf3-80c6-8c6ccb23076f.tmp</t>
  </si>
  <si>
    <t>1199262c-1ca7-4b93-8fed-48ea3f8eae35.tmp</t>
  </si>
  <si>
    <t>\\acsfs\profiles$\matheusmax\Downloads\1199262c-1ca7-4b93-8fed-48ea3f8eae35.tmp</t>
  </si>
  <si>
    <t>9b3aaa89-950b-4a5c-bcd6-fa66019359ed.tmp</t>
  </si>
  <si>
    <t>\\acsfs\profiles$\welidicdj\Downloads\9b3aaa89-950b-4a5c-bcd6-fa66019359ed.tmp</t>
  </si>
  <si>
    <t>0b2ae28e-76c0-4ac8-b899-475e39846149.tmp</t>
  </si>
  <si>
    <t>\\acsfs\profiles$\welidicdj\Downloads\0b2ae28e-76c0-4ac8-b899-475e39846149.tmp</t>
  </si>
  <si>
    <t>lu302402r1mhl.tmp</t>
  </si>
  <si>
    <t>\\acsfs\profiles$\jalilebds\Downloads\lu302402r1mhl.tmp</t>
  </si>
  <si>
    <t>14be7502-2ce0-411d-bad3-8a698c553c57.tmp</t>
  </si>
  <si>
    <t>\\acsfs\profiles$\alinepp\Downloads\14be7502-2ce0-411d-bad3-8a698c553c57.tmp</t>
  </si>
  <si>
    <t>\\acsfs\DEPTOS\Operacao\PCP\5 - Comum\PLANEJAMENTO BV\23 - EXTRAÇÕES\Agente Login Logout details report\</t>
  </si>
  <si>
    <t>AGENT LOGIN LOGOUT DETAILS REPORT 01.01.2020.xlsx</t>
  </si>
  <si>
    <t>\\acsfs\DEPTOS\Operacao\PCP\5 - Comum\PLANEJAMENTO BV\23 - EXTRAÇÕES\Agente Login Logout details report\AGENT LOGIN LOGOUT DETAILS REPORT 01.01.2020.xlsx</t>
  </si>
  <si>
    <t>d0ed5b26-a803-4e2c-a5c2-c8aa226d3786.tmp</t>
  </si>
  <si>
    <t>\\acsfs\profiles$\wenderbnm\Downloads\d0ed5b26-a803-4e2c-a5c2-c8aa226d3786.tmp</t>
  </si>
  <si>
    <t>36c8e47d-d731-49bc-99fd-a7761f96ff9a.tmp</t>
  </si>
  <si>
    <t>\\acsfs\profiles$\vivianibfs\Downloads\36c8e47d-d731-49bc-99fd-a7761f96ff9a.tmp</t>
  </si>
  <si>
    <t>Painel de Produtividade Contas Novas - Dezembro - Fechamento.xlsx</t>
  </si>
  <si>
    <t>7e719609-4d31-4634-8421-738acce69fac.tmp</t>
  </si>
  <si>
    <t>\\acsfs\profiles$\KARENJSS\Downloads\7e719609-4d31-4634-8421-738acce69fac.tmp</t>
  </si>
  <si>
    <t>f85356bb-b2fa-4c7d-aafd-db2451c67f8f.tmp</t>
  </si>
  <si>
    <t>\\acsfs\profiles$\KARENJSS\Downloads\f85356bb-b2fa-4c7d-aafd-db2451c67f8f.tmp</t>
  </si>
  <si>
    <t>58c15770-1294-4448-90b5-429e4232a889.tmp</t>
  </si>
  <si>
    <t>\\acsfs\profiles$\edicarlosdl\Downloads\58c15770-1294-4448-90b5-429e4232a889.tmp</t>
  </si>
  <si>
    <t>35f64b0c-7576-4f7c-81a6-cd14499e92cd.tmp</t>
  </si>
  <si>
    <t>\\acsfs\profiles$\alinepp\Downloads\35f64b0c-7576-4f7c-81a6-cd14499e92cd.tmp</t>
  </si>
  <si>
    <t>99b39ccf-b957-43aa-9b4a-2b634b193e81.tmp</t>
  </si>
  <si>
    <t>\\acsfs\profiles$\alinepp\Downloads\99b39ccf-b957-43aa-9b4a-2b634b193e81.tmp</t>
  </si>
  <si>
    <t>b966d9ad-109f-4c5c-82f5-e1afe5d663bb.tmp</t>
  </si>
  <si>
    <t>\\acsfs\profiles$\alinepp\Downloads\b966d9ad-109f-4c5c-82f5-e1afe5d663bb.tmp</t>
  </si>
  <si>
    <t>8b45d335-c928-4671-b355-dff26ab738fa.tmp</t>
  </si>
  <si>
    <t>\\acsfs\profiles$\philipegsf\Downloads\8b45d335-c928-4671-b355-dff26ab738fa.tmp</t>
  </si>
  <si>
    <t>02af54d1-ce2b-4048-9f41-5198ba9bf086.tmp</t>
  </si>
  <si>
    <t>\\acsfs\profiles$\fabianobmf\Downloads\02af54d1-ce2b-4048-9f41-5198ba9bf086.tmp</t>
  </si>
  <si>
    <t>5b6f06df-7f7b-400f-a106-d280875e4775.tmp</t>
  </si>
  <si>
    <t>\\acsfs\profiles$\vivianibfs\Downloads\5b6f06df-7f7b-400f-a106-d280875e4775.tmp</t>
  </si>
  <si>
    <t>e99d0660-6f87-4285-bfa0-e0379c69a8a6.tmp</t>
  </si>
  <si>
    <t>\\acsfs\profiles$\vivianibfs\Downloads\e99d0660-6f87-4285-bfa0-e0379c69a8a6.tmp</t>
  </si>
  <si>
    <t>4caeca72-d705-467f-b937-7a3f8fb18a78.tmp</t>
  </si>
  <si>
    <t>\\acsfs\profiles$\vivianibfs\Downloads\4caeca72-d705-467f-b937-7a3f8fb18a78.tmp</t>
  </si>
  <si>
    <t>\\acsfs\DEPTOS\EDUCACAO EMPRESARIAL\2 - Operações\0.01 BV CARTÕES\Larisa\</t>
  </si>
  <si>
    <t>\\acsfs\DEPTOS\EDUCACAO EMPRESARIAL\2 - Operações\0.01 BV CARTÕES\Larisa\Thumbs.db</t>
  </si>
  <si>
    <t>74-86-7A-FB-1A-4B</t>
  </si>
  <si>
    <t>VOTORANT-WB008</t>
  </si>
  <si>
    <t>3dc53c79-c617-4fe3-ad22-adb26216f872.tmp</t>
  </si>
  <si>
    <t>\\acsfs\profiles$\lorenabmc\Downloads\3dc53c79-c617-4fe3-ad22-adb26216f872.tmp</t>
  </si>
  <si>
    <t>82a29142-3a01-4872-acf4-814568f3b007.tmp</t>
  </si>
  <si>
    <t>\\acsfs\profiles$\lorenabmc\Downloads\82a29142-3a01-4872-acf4-814568f3b007.tmp</t>
  </si>
  <si>
    <t>463215ec-e636-4a12-94eb-743f6bd2f835.tmp</t>
  </si>
  <si>
    <t>\\acsfs\profiles$\lorenabmc\Downloads\463215ec-e636-4a12-94eb-743f6bd2f835.tmp</t>
  </si>
  <si>
    <t>b4140bb6-828b-413f-be26-70061b37d6c8.tmp</t>
  </si>
  <si>
    <t>\\acsfs\profiles$\lorenabmc\Downloads\b4140bb6-828b-413f-be26-70061b37d6c8.tmp</t>
  </si>
  <si>
    <t>5b0a211f-6236-451b-ba85-3d816f484d30.tmp</t>
  </si>
  <si>
    <t>\\acsfs\profiles$\ERICALSR\Downloads\5b0a211f-6236-451b-ba85-3d816f484d30.tmp</t>
  </si>
  <si>
    <t>8e7682e8-fedb-4b77-a752-370f459829a9.tmp</t>
  </si>
  <si>
    <t>\\acsfs\profiles$\alinepp\Downloads\8e7682e8-fedb-4b77-a752-370f459829a9.tmp</t>
  </si>
  <si>
    <t>8d102fd3-6399-4f5f-b239-bf5d50fac22e.tmp</t>
  </si>
  <si>
    <t>\\acsfs\profiles$\philipegsf\Downloads\8d102fd3-6399-4f5f-b239-bf5d50fac22e.tmp</t>
  </si>
  <si>
    <t>c13af7f5-f068-4fd2-9567-76e0e8bb5fd8.tmp</t>
  </si>
  <si>
    <t>\\acsfs\profiles$\fabianobmf\Downloads\c13af7f5-f068-4fd2-9567-76e0e8bb5fd8.tmp</t>
  </si>
  <si>
    <t>fc7e960d-c81e-430c-ab4b-76f20a229a53.tmp</t>
  </si>
  <si>
    <t>\\acsfs\profiles$\leticiala\Downloads\fc7e960d-c81e-430c-ab4b-76f20a229a53.tmp</t>
  </si>
  <si>
    <t>55359771-8df9-4ef8-8c5b-0e1156d483e4.tmp</t>
  </si>
  <si>
    <t>\\acsfs\profiles$\victorgl\Downloads\55359771-8df9-4ef8-8c5b-0e1156d483e4.tmp</t>
  </si>
  <si>
    <t>XLOG_marcosvnds_02012020_141917.log</t>
  </si>
  <si>
    <t>\\acsfs\profiles$\marcosvnds\My Documents\xworkcenter\logs\XLOG_marcosvnds_02012020_141917.log</t>
  </si>
  <si>
    <t>7faa744c-8c7b-462d-8a71-d2433c602a95.tmp</t>
  </si>
  <si>
    <t>\\acsfs\profiles$\KARENJSS\Downloads\7faa744c-8c7b-462d-8a71-d2433c602a95.tmp</t>
  </si>
  <si>
    <t>30eec610-744c-45a4-b9dd-7155e799ba9a.tmp</t>
  </si>
  <si>
    <t>\\acsfs\profiles$\marcosvnds\Downloads\30eec610-744c-45a4-b9dd-7155e799ba9a.tmp</t>
  </si>
  <si>
    <t>0810ba78-b578-46de-9823-3db1f93edfa2.tmp</t>
  </si>
  <si>
    <t>\\acsfs\profiles$\eduardofss\Downloads\0810ba78-b578-46de-9823-3db1f93edfa2.tmp</t>
  </si>
  <si>
    <t>676b1491-4476-4a6d-8918-70c7abcc665c.tmp</t>
  </si>
  <si>
    <t>\\acsfs\profiles$\gabrieleods\Downloads\676b1491-4476-4a6d-8918-70c7abcc665c.tmp</t>
  </si>
  <si>
    <t>bc9bf52b-8f80-4f27-a897-dc540c7fe4a7.tmp</t>
  </si>
  <si>
    <t>\\acsfs\profiles$\gabrieleods\Downloads\bc9bf52b-8f80-4f27-a897-dc540c7fe4a7.tmp</t>
  </si>
  <si>
    <t>eec74da5-dbbe-46d6-9e81-16da35579f07.tmp</t>
  </si>
  <si>
    <t>\\acsfs\profiles$\gabrieleods\Downloads\eec74da5-dbbe-46d6-9e81-16da35579f07.tmp</t>
  </si>
  <si>
    <t>kit_pre_deslig_disp_sem_justa_causa_ind_100377_lays costa braga.pdf</t>
  </si>
  <si>
    <t>lu302402r1mhs.tmp</t>
  </si>
  <si>
    <t>\\acsfs\profiles$\jalilebds\Downloads\lu302402r1mhs.tmp</t>
  </si>
  <si>
    <t>mail.google.com/sync/u/0/i/s?hl=pt-BR&amp;c=834</t>
  </si>
  <si>
    <t>mail.google.com/sync/u/0/i/s?hl=pt-BR&amp;c=841</t>
  </si>
  <si>
    <t>mail.google.com/sync/u/0/i/s?hl=pt-BR&amp;c=843</t>
  </si>
  <si>
    <t>mail.google.com/sync/u/0/i/s?hl=pt-BR&amp;c=850</t>
  </si>
  <si>
    <t>algartechcpcbv@algartech.com;andrelpsa@algartech.com;cpc-controldeskavon@algartech.com;joseasn@algartech.com;josiascdsj@algartech.com;leonardoao@algartech.com;luiz.henriquesantos@avon.com;marianadjc@algartech.com;maristelavodq@bv.algartech.com;mensal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maristelavodq@bv.algartech.com,mensal,paulacn@algartech.com,qualidadealgarbv@algartech.com,rafaelggs@algartech.com,supervisaobancovotorantim@algartech.com,taysdss@algartech.com,thiagolrc@bv.algartech.com,viniciussg@algartech.com</t>
  </si>
  <si>
    <t>mail.google.com/sync/u/0/i/s?hl=pt-BR&amp;c=856</t>
  </si>
  <si>
    <t>mail.google.com/sync/u/0/i/s?hl=pt-BR&amp;c=860</t>
  </si>
  <si>
    <t>mail.google.com/sync/u/0/i/s?hl=pt-BR&amp;c=867</t>
  </si>
  <si>
    <t>mail.google.com/sync/u/0/i/s?hl=pt-BR&amp;c=869</t>
  </si>
  <si>
    <t>mail.google.com/sync/u/0/i/s?hl=pt-BR&amp;c=871</t>
  </si>
  <si>
    <t>mail.google.com/sync/u/0/i/s?hl=pt-BR&amp;c=875</t>
  </si>
  <si>
    <t>mail.google.com/sync/u/0/i/s?hl=pt-BR&amp;c=880</t>
  </si>
  <si>
    <t>c4d827e1-547e-4663-8190-06835d36beca.tmp</t>
  </si>
  <si>
    <t>\\acsfs\profiles$\rafaelamsv\Downloads\c4d827e1-547e-4663-8190-06835d36beca.tmp</t>
  </si>
  <si>
    <t>b0cdb7bd-6344-4d47-baf8-23b0448b9b28.tmp</t>
  </si>
  <si>
    <t>\\acsfs\profiles$\philipegsf\Downloads\b0cdb7bd-6344-4d47-baf8-23b0448b9b28.tmp</t>
  </si>
  <si>
    <t>9bfdd3b0-d8dd-4e0a-a2b9-b857a3ea339a.tmp</t>
  </si>
  <si>
    <t>\\acsfs\profiles$\bernardopcm\Downloads\9bfdd3b0-d8dd-4e0a-a2b9-b857a3ea339a.tmp</t>
  </si>
  <si>
    <t>.~lock.Vendas Dezembro 2.xlsx#</t>
  </si>
  <si>
    <t>\\acsfs\profiles$\LUCASBS\Planilhas\.~lock.Vendas Dezembro 2.xlsx#</t>
  </si>
  <si>
    <t>http://servicedesk.algartech.com:8686/c/portal/session_click</t>
  </si>
  <si>
    <t>0c8720c9-e978-4c06-afba-fedad13afa28.tmp</t>
  </si>
  <si>
    <t>\\acsfs\profiles$\KARENJSS\Downloads\0c8720c9-e978-4c06-afba-fedad13afa28.tmp</t>
  </si>
  <si>
    <t>846fe266-1aa0-4ab3-b4ed-a3656d03b96c.tmp</t>
  </si>
  <si>
    <t>\\acsfs\profiles$\KARENJSS\Downloads\846fe266-1aa0-4ab3-b4ed-a3656d03b96c.tmp</t>
  </si>
  <si>
    <t>6a5d3f35-6e76-4cdc-b40d-b6f5a69c9c9b.tmp</t>
  </si>
  <si>
    <t>\\acsfs\profiles$\marcosvnds\Downloads\6a5d3f35-6e76-4cdc-b40d-b6f5a69c9c9b.tmp</t>
  </si>
  <si>
    <t>2a63890a-f00d-4946-8f38-fd88f878e68c.tmp</t>
  </si>
  <si>
    <t>\\acsfs\profiles$\marcosvnds\Downloads\2a63890a-f00d-4946-8f38-fd88f878e68c.tmp</t>
  </si>
  <si>
    <t>c0bd5138-71fa-41e5-8fc9-f11e968fc0c0.tmp</t>
  </si>
  <si>
    <t>\\acsfs\profiles$\marcosvnds\Downloads\c0bd5138-71fa-41e5-8fc9-f11e968fc0c0.tmp</t>
  </si>
  <si>
    <t>10.200.57.65</t>
  </si>
  <si>
    <t>mail.google.com/_/upload?authuser=0&amp;dcp=asu-n&amp;upload_id=AEnB2Uo_HBn44ukkN3_N8zb1kgRjPYuAIUBVCRCdeuh8-6g2F1_bJVrCGU4LW-PJZL9wt4k5W3LCTMPZv3z0WnjU29CefVnhiAclyH5aLmgFFg6heE_GKTI&amp;upload_protocol=resumable</t>
  </si>
  <si>
    <t>\\acsfs\deptos\PMO Governança\01 - COMITÊ DE NEGÓCIOS\APROVAÇÕES\PENDENTE\SICOOB\</t>
  </si>
  <si>
    <t>\\acsfs\deptos\PMO Governança\01 - COMITÊ DE NEGÓCIOS\APROVAÇÕES\PENDENTE\SICOOB\152004 Sicoob BP - 24 meses PA + Digital FINAL v19.4_v2.xlsb\</t>
  </si>
  <si>
    <t>mail.google.com/_/upload?authuser=0&amp;dcp=asu-n&amp;upload_id=AEnB2UrRT5mrw3sHjh55BPUNwY0KxM0TGfHWdhfTaJv12LuA2oq6yof6Y_H49BjgMKp3LVRByhBxCJ9HhIyjjM7qfCyoQtilqw&amp;upload_protocol=resumable</t>
  </si>
  <si>
    <t>acacio@algartech.com;aline.de.almeida@algartech.com;alinesf@algartech.com;amandacdr@algartech.com;camiladod@algartech.com;camilat@algartech.com;camilavs@algartech.com;danieldom@algartech.com;douglasxm@algartech.com;edilsonrb@algartech.com;elisangela.silva@algartech.com;fabianomm@algartech.com;gabrieljst@algartech.com;guilhermeaso@algartech.com;hugobsa@algartech.com;joelson.rosa@algarnet.onmicrosoft.com;leonardo.caetano@algartech.com;luiz.m.carvalho@algartech.com;marceloat@algartech.com;marco.padovani@algartech.com;octavio.vasconcellos@algartech.com;rafaelbdt@algartech.com;renata.silva@algartech.com;renatobrl@algartech.com;roselainesds@algartech.com;saramfg@algartech.com;simoneesm@algartech.com;victorhsr@algartech.com;walter.silva@algartech.com;wesleydal@algartech.com;william.lopes@algartech.com;wilsonaapn@algartech.com;</t>
  </si>
  <si>
    <t>C:\Users\guilhermeaso\Downloads\</t>
  </si>
  <si>
    <t>acacio@algartech.com,aline.de.almeida@algartech.com,alinesf@algartech.com,amandacdr@algartech.com,camiladod@algartech.com,camilat@algartech.com,camilavs@algartech.com,danieldom@algartech.com,douglasxm@algartech.com,edilsonrb@algartech.com,elisangela.silva@algartech.com,fabianomm@algartech.com,gabrieljst@algartech.com,guilhermeaso@algartech.com,hugobsa@algartech.com,joelson.rosa@algarnet.onmicrosoft.com,leonardo.caetano@algartech.com,luiz.m.carvalho@algartech.com,marceloat@algartech.com,marco.padovani@algartech.com,octavio.vasconcellos@algartech.com,rafaelbdt@algartech.com,renata.silva@algartech.com,renatobrl@algartech.com,roselainesds@algartech.com,saramfg@algartech.com,simoneesm@algartech.com,victorhsr@algartech.com,walter.silva@algartech.com,wesleydal@algartech.com,william.lopes@algartech.com,wilsonaapn@algartech.com</t>
  </si>
  <si>
    <t>mail.google.com/_/upload?authuser=1&amp;dcp=asu-n&amp;upload_id=AEnB2Urtd9YcbxUSlahSdiJsTOtgbXs4IIga009KavWPG_FD-DQUhyiVavRuB6BDZKZ5aCwtChNejF05G3GxocklC0QQEYi_PWRdJxpLiBz69pUUWV-TISk&amp;upload_protocol=resumable</t>
  </si>
  <si>
    <t>aca563bb-0ab8-4a23-b3e7-7584da21e041.tmp</t>
  </si>
  <si>
    <t>\\acsfs\profiles$\francislayneads\Downloads\aca563bb-0ab8-4a23-b3e7-7584da21e041.tmp</t>
  </si>
  <si>
    <t>9f57c977-99cc-4898-8358-d6891e15a6cd.tmp</t>
  </si>
  <si>
    <t>\\acsfs\profiles$\lorenabmc\Downloads\9f57c977-99cc-4898-8358-d6891e15a6cd.tmp</t>
  </si>
  <si>
    <t>57a0b779-b763-49a6-9281-5ea297c2cb1f.tmp</t>
  </si>
  <si>
    <t>\\acsfs\profiles$\alinepp\Downloads\57a0b779-b763-49a6-9281-5ea297c2cb1f.tmp</t>
  </si>
  <si>
    <t>\\acsfs\deptos\Operacao\PCP\5 - Comum\CONTROL DESK\2 - DAC2\Control Desk AVON\Relatorios\WHATSAPP\2019\12 - Dezembro\</t>
  </si>
  <si>
    <t>Report PA Digital_TOPS_Dezembro.xlsm</t>
  </si>
  <si>
    <t>\\acsfs\deptos\Operacao\PCP\5 - Comum\CONTROL DESK\2 - DAC2\Control Desk AVON\Relatorios\WHATSAPP\2020\Report PA Digital_TOPS_Dezembro.xlsm</t>
  </si>
  <si>
    <t>rodrigoap@algartech.com.br</t>
  </si>
  <si>
    <t>Resumo Gerencial Bacen Procedente Amex até 31/12</t>
  </si>
  <si>
    <t>c:\users\karinefg\downloads\</t>
  </si>
  <si>
    <t>kit_pre_deslig_pedido_demissao_ausente_98953_sabrina silva cassemiro.pdf</t>
  </si>
  <si>
    <t>9904853f-3136-471f-9c8d-2ee711691a79.tmp</t>
  </si>
  <si>
    <t>\\acsfs\profiles$\gabrieleods\Downloads\9904853f-3136-471f-9c8d-2ee711691a79.tmp</t>
  </si>
  <si>
    <t>98d47e94-3d94-45f2-8654-bb38c9d18551.tmp</t>
  </si>
  <si>
    <t>\\acsfs\profiles$\gabrieleods\Downloads\98d47e94-3d94-45f2-8654-bb38c9d18551.tmp</t>
  </si>
  <si>
    <t>lu302402r1mhv.tmp</t>
  </si>
  <si>
    <t>\\acsfs\profiles$\jalilebds\Downloads\lu302402r1mhv.tmp</t>
  </si>
  <si>
    <t>C:\Users\denisevca\Desktop\PACOTE VIAGEM\</t>
  </si>
  <si>
    <t>Expurgo Pacote Viagens Dezembro19.xls</t>
  </si>
  <si>
    <t>2039c66b-ea86-427a-ab96-a2d4323355d1.tmp</t>
  </si>
  <si>
    <t>\\acsfs\profiles$\gabrielarb\Downloads\2039c66b-ea86-427a-ab96-a2d4323355d1.tmp</t>
  </si>
  <si>
    <t>279c0d56-1e38-4bb8-899d-efe380b10fe9.tmp</t>
  </si>
  <si>
    <t>\\acsfs\profiles$\laylaams\Downloads\279c0d56-1e38-4bb8-899d-efe380b10fe9.tmp</t>
  </si>
  <si>
    <t>1efd1dab-8326-4b08-9718-0f9504e4f29f.tmp</t>
  </si>
  <si>
    <t>\\acsfs\profiles$\laylaams\Downloads\1efd1dab-8326-4b08-9718-0f9504e4f29f.tmp</t>
  </si>
  <si>
    <t>95d1fa7d-a57e-4c98-b9df-13d6a43081b9.tmp</t>
  </si>
  <si>
    <t>\\acsfs\profiles$\fabianobmf\Downloads\95d1fa7d-a57e-4c98-b9df-13d6a43081b9.tmp</t>
  </si>
  <si>
    <t>57b62e62-af0a-4d80-a864-ea3b0c60a2fa.tmp</t>
  </si>
  <si>
    <t>\\acsfs\profiles$\fabianobmf\Downloads\57b62e62-af0a-4d80-a864-ea3b0c60a2fa.tmp</t>
  </si>
  <si>
    <t>0dc41832-eea4-4afa-9ba6-6360b12e3eb4.tmp</t>
  </si>
  <si>
    <t>\\acsfs\profiles$\rosileiam\Downloads\0dc41832-eea4-4afa-9ba6-6360b12e3eb4.tmp</t>
  </si>
  <si>
    <t>6c0a07da-c9bc-4aaa-b839-8ba59ad20071.tmp</t>
  </si>
  <si>
    <t>\\acsfs\profiles$\rosileiam\Downloads\6c0a07da-c9bc-4aaa-b839-8ba59ad20071.tmp</t>
  </si>
  <si>
    <t>189cf3d6-e438-450c-a498-0ce5b5e9217a.tmp</t>
  </si>
  <si>
    <t>\\acsfs\profiles$\geovannasm\Downloads\189cf3d6-e438-450c-a498-0ce5b5e9217a.tmp</t>
  </si>
  <si>
    <t>isabeldst</t>
  </si>
  <si>
    <t>\\acsfs\profiles$\isabeldst\My Documents\</t>
  </si>
  <si>
    <t>.~lock.planilha isabel.ods#</t>
  </si>
  <si>
    <t>\\acsfs\profiles$\isabeldst\My Documents\.~lock.planilha isabel.ods#</t>
  </si>
  <si>
    <t>7c9abf48-4adf-4a74-96df-24dad87a2dbf.tmp</t>
  </si>
  <si>
    <t>\\acsfs\profiles$\brunalas\Downloads\7c9abf48-4adf-4a74-96df-24dad87a2dbf.tmp</t>
  </si>
  <si>
    <t>kit_pre_deslig_disp_sem_justa_causa_ind_97657_juliana ferreira da silva.pdf</t>
  </si>
  <si>
    <t>1fb330fc-df6e-4147-8c2f-e9163bd63b1f.tmp</t>
  </si>
  <si>
    <t>\\acsfs\profiles$\LAISLG\Downloads\1fb330fc-df6e-4147-8c2f-e9163bd63b1f.tmp</t>
  </si>
  <si>
    <t>33effa64-1512-419a-8b31-46d76535de88.tmp</t>
  </si>
  <si>
    <t>\\acsfs\profiles$\regisedsj\Downloads\33effa64-1512-419a-8b31-46d76535de88.tmp</t>
  </si>
  <si>
    <t>84b68bd4-9265-41ba-ae08-86adc014650d.tmp</t>
  </si>
  <si>
    <t>\\acsfs\profiles$\philipegsf\Downloads\84b68bd4-9265-41ba-ae08-86adc014650d.tmp</t>
  </si>
  <si>
    <t>CPF 39621131855 Raine de Oliveira Leite.pdf</t>
  </si>
  <si>
    <t>\\acsfs\Deptos\EDUCACAO EMPRESARIAL\FERNANDA MONIT\Fernanda\RECLAMAÇÃO E OUVIDORIA\CPF 39621131855 Raine de Oliveira Leite.pdf</t>
  </si>
  <si>
    <t>43e50e08-cbb0-4091-b217-1be06cf05806.tmp</t>
  </si>
  <si>
    <t>\\acsfs\profiles$\henriqueco\Downloads\43e50e08-cbb0-4091-b217-1be06cf05806.tmp</t>
  </si>
  <si>
    <t>0bea4392-8c88-4180-a187-974a473a5399.tmp</t>
  </si>
  <si>
    <t>\\acsfs\profiles$\henriqueco\Downloads\0bea4392-8c88-4180-a187-974a473a5399.tmp</t>
  </si>
  <si>
    <t>C:\Users\jefersonfo\Downloads\FECHAMENTO FINANCEIRO - BV FINANCEIRA - NOV_19.eml\</t>
  </si>
  <si>
    <t>Novo Arquivo Faturamento_Algar_Novembro_2019_V1.xlsm</t>
  </si>
  <si>
    <t>0d6c024d-d094-46b0-98b1-d6bf795c8607.tmp</t>
  </si>
  <si>
    <t>\\acsfs\profiles$\sarahbal\Downloads\0d6c024d-d094-46b0-98b1-d6bf795c8607.tmp</t>
  </si>
  <si>
    <t>a835c3dc-13cb-451b-bd96-e7bedcce283c.tmp</t>
  </si>
  <si>
    <t>\\acsfs\profiles$\marcosvnds\Downloads\a835c3dc-13cb-451b-bd96-e7bedcce283c.tmp</t>
  </si>
  <si>
    <t>a324c23e-5724-46a0-a2dc-60e0644b82fa.tmp</t>
  </si>
  <si>
    <t>\\acsfs\profiles$\mariellecs\Downloads\a324c23e-5724-46a0-a2dc-60e0644b82fa.tmp</t>
  </si>
  <si>
    <t>3477a7fd-0d5f-4dab-9dd6-ed717790aeb0.tmp</t>
  </si>
  <si>
    <t>\\acsfs\profiles$\cintiadjl\Downloads\3477a7fd-0d5f-4dab-9dd6-ed717790aeb0.tmp</t>
  </si>
  <si>
    <t>2591cce0-9009-4c0e-88c8-cfefb8d8c038.tmp</t>
  </si>
  <si>
    <t>\\acsfs\profiles$\cintiadjl\Downloads\2591cce0-9009-4c0e-88c8-cfefb8d8c038.tmp</t>
  </si>
  <si>
    <t>.~lock.planilha 3.ods#</t>
  </si>
  <si>
    <t>\\acsfs\profiles$\isabeldst\My Documents\.~lock.planilha 3.ods#</t>
  </si>
  <si>
    <t>e19c92e7-af89-4cb2-98d7-b0d47bf09072.tmp</t>
  </si>
  <si>
    <t>\\acsfs\profiles$\brunalas\Downloads\e19c92e7-af89-4cb2-98d7-b0d47bf09072.tmp</t>
  </si>
  <si>
    <t>d6c491aa-0691-4144-a8dd-65e4ae8ef43e.tmp</t>
  </si>
  <si>
    <t>\\acsfs\profiles$\francislayneads\Downloads\d6c491aa-0691-4144-a8dd-65e4ae8ef43e.tmp</t>
  </si>
  <si>
    <t>c9e0d803-8fca-4953-b45a-246346300c41.tmp</t>
  </si>
  <si>
    <t>\\acsfs\profiles$\erichds\Downloads\c9e0d803-8fca-4953-b45a-246346300c41.tmp</t>
  </si>
  <si>
    <t>3fa2097f-4e22-40e5-954d-e9fa17f5ebfa.tmp</t>
  </si>
  <si>
    <t>\\acsfs\profiles$\erichds\Downloads\3fa2097f-4e22-40e5-954d-e9fa17f5ebfa.tmp</t>
  </si>
  <si>
    <t>90fd44e1-d666-4590-9b84-f150905e1999.tmp</t>
  </si>
  <si>
    <t>\\acsfs\profiles$\LAISLG\Downloads\90fd44e1-d666-4590-9b84-f150905e1999.tmp</t>
  </si>
  <si>
    <t>416eaf92-44a8-4325-9f73-2d6d4b146d70.tmp</t>
  </si>
  <si>
    <t>\\acsfs\profiles$\ERICALSR\Downloads\416eaf92-44a8-4325-9f73-2d6d4b146d70.tmp</t>
  </si>
  <si>
    <t>7a1306dd-b1af-4fa4-b348-d04aae124a6f.tmp</t>
  </si>
  <si>
    <t>\\acsfs\profiles$\gabrielarb\Downloads\7a1306dd-b1af-4fa4-b348-d04aae124a6f.tmp</t>
  </si>
  <si>
    <t>5b09d5ff-f141-4e42-bb87-55cf9c07de79.tmp</t>
  </si>
  <si>
    <t>\\acsfs\profiles$\geovanaasa\Downloads\5b09d5ff-f141-4e42-bb87-55cf9c07de79.tmp</t>
  </si>
  <si>
    <t>14913ed1-1cac-4d01-af47-9b5a86523722.tmp</t>
  </si>
  <si>
    <t>\\acsfs\profiles$\fabianafv\Downloads\14913ed1-1cac-4d01-af47-9b5a86523722.tmp</t>
  </si>
  <si>
    <t>208ec2d0-6c37-41bb-be2e-206d638d80fe.tmp</t>
  </si>
  <si>
    <t>\\acsfs\profiles$\henriqueco\Downloads\208ec2d0-6c37-41bb-be2e-206d638d80fe.tmp</t>
  </si>
  <si>
    <t>marcelodsd@algartech.com;thiagomoli@algartech.com;</t>
  </si>
  <si>
    <t>Painel Casos Especiais Dez</t>
  </si>
  <si>
    <t>marcelodsd@algartech.com,thiagomoli@algartech.com</t>
  </si>
  <si>
    <t>7753872c-d92b-4e97-96bb-efc5d24ec292.tmp</t>
  </si>
  <si>
    <t>\\acsfs\profiles$\cintiadjl\Downloads\7753872c-d92b-4e97-96bb-efc5d24ec292.tmp</t>
  </si>
  <si>
    <t>0f471341-ed4d-46e0-9ad1-c0f8262427aa.tmp</t>
  </si>
  <si>
    <t>\\acsfs\profiles$\cintiadjl\Downloads\0f471341-ed4d-46e0-9ad1-c0f8262427aa.tmp</t>
  </si>
  <si>
    <t>9dbd2ecb-5d34-4d36-8b51-af5b24229d37.tmp</t>
  </si>
  <si>
    <t>\\acsfs\profiles$\cintiadjl\Downloads\9dbd2ecb-5d34-4d36-8b51-af5b24229d37.tmp</t>
  </si>
  <si>
    <t>e7371aaa-7fa5-41ae-96f5-7dd289df9e0b.tmp</t>
  </si>
  <si>
    <t>\\acsfs\profiles$\quindaizaagds\Downloads\e7371aaa-7fa5-41ae-96f5-7dd289df9e0b.tmp</t>
  </si>
  <si>
    <t>lu302402r1mhy.tmp</t>
  </si>
  <si>
    <t>\\acsfs\profiles$\jalilebds\Downloads\lu302402r1mhy.tmp</t>
  </si>
  <si>
    <t>27acd80b-37dd-4d15-943c-171d9fc3f966.tmp</t>
  </si>
  <si>
    <t>\\acsfs\profiles$\ayalabfi\Downloads\27acd80b-37dd-4d15-943c-171d9fc3f966.tmp</t>
  </si>
  <si>
    <t>boa tarde! segue anexa a acc;conforme solicitado.;</t>
  </si>
  <si>
    <t>_ACC_-_Modelo_-_Sugestao_Nova_ACC_2016_v.final.xls</t>
  </si>
  <si>
    <t>https://boa tarde! segue anexa a acc,conforme solicitado.</t>
  </si>
  <si>
    <t>b6d42d9c-0501-41a5-95db-dcf8625104c4.tmp</t>
  </si>
  <si>
    <t>\\acsfs\profiles$\michelerds\Downloads\b6d42d9c-0501-41a5-95db-dcf8625104c4.tmp</t>
  </si>
  <si>
    <t>82f22234-ccaf-439c-8ce8-5195c4f7b91c.tmp</t>
  </si>
  <si>
    <t>\\acsfs\profiles$\fabianobmf\Downloads\82f22234-ccaf-439c-8ce8-5195c4f7b91c.tmp</t>
  </si>
  <si>
    <t>.~lock.planilha ativo fabiana 30 -12-2019.ods#</t>
  </si>
  <si>
    <t>\\acsfs\profiles$\fabianafv\My Documents\.~lock.planilha ativo fabiana 30 -12-2019.ods#</t>
  </si>
  <si>
    <t>lu154242yupf0.tmp</t>
  </si>
  <si>
    <t>\\acsfs\profiles$\jonatanls\My Documents\lu154242yupf0.tmp</t>
  </si>
  <si>
    <t>lu154242yupf6.tmp</t>
  </si>
  <si>
    <t>\\acsfs\profiles$\jonatanls\My Documents\lu154242yupf6.tmp</t>
  </si>
  <si>
    <t>mail.google.com/_/upload?authuser=0&amp;dcp=asu-n&amp;upload_id=AEnB2Up4sBFqMsII6KcbsQhA_otmXodV39GkixzVdHx8LflOT1WiTPUmY5oo_gAfMeJcVfSbrT5TphJi62mIo9cIKzQcXG6F1v9oQPrNGTBcBey_EzU6wKc&amp;upload_protocol=resumable</t>
  </si>
  <si>
    <t>Rafael Raully Fernandes_1_6776225363894802525_1_32.wav</t>
  </si>
  <si>
    <t>024572d4-0461-4c3a-aa6d-c82f960ef6a4.tmp</t>
  </si>
  <si>
    <t>\\acsfs\profiles$\isabellegtds\Downloads\024572d4-0461-4c3a-aa6d-c82f960ef6a4.tmp</t>
  </si>
  <si>
    <t>https://fabriciadc@algartech.com.br,joaogvc@algartech.com,josiascdsj@algartech.com,marianadjc@algartech.com,rafaelggs@algartech.com,taysdss@algartech.com,viniciussg@algartech.com</t>
  </si>
  <si>
    <t>c:\users\paulacris\appdata\local\google\chrome\user data\default\file system\001\t\</t>
  </si>
  <si>
    <t>.usage</t>
  </si>
  <si>
    <t>\\acsfs\deptos\Operacao\PCP\5 - Comum\CONTROL DESK\2 - DAC2\Control Desk AVON\Relatorios\WHATSAPP\2019\12 - Dezembro\Report PA Digital_TOPS_Dezembro.xlsm</t>
  </si>
  <si>
    <t>\\acsfs\profiles$\ALEXANDREMM\Novo Documento de Texto.txt</t>
  </si>
  <si>
    <t>Relatorio.Recibo.Ferias_20200102150536210137.pdf.v9mwoax.partial</t>
  </si>
  <si>
    <t>\\acsfs\profiles$\bernardopcm\Downloads\Relatorio.Recibo.Ferias_20200102150536210137.pdf.v9mwoax.partial</t>
  </si>
  <si>
    <t>Mascara_CNF_2019_12.xlsb</t>
  </si>
  <si>
    <t>70f9d8b9-e219-4b33-a53e-83a1110f880c.tmp</t>
  </si>
  <si>
    <t>\\acsfs\profiles$\fabianobmf\Downloads\70f9d8b9-e219-4b33-a53e-83a1110f880c.tmp</t>
  </si>
  <si>
    <t>a3bb960b-1f93-4a23-883e-c5a990d5b25b.tmp</t>
  </si>
  <si>
    <t>\\acsfs\profiles$\sarahbal\Downloads\a3bb960b-1f93-4a23-883e-c5a990d5b25b.tmp</t>
  </si>
  <si>
    <t>c2fb1a66-baef-4250-a8e5-a6bedf9a4772.tmp</t>
  </si>
  <si>
    <t>\\acsfs\profiles$\victorgl\Downloads\c2fb1a66-baef-4250-a8e5-a6bedf9a4772.tmp</t>
  </si>
  <si>
    <t>lu154242yupfc.tmp</t>
  </si>
  <si>
    <t>\\acsfs\profiles$\jonatanls\My Documents\lu154242yupfc.tmp</t>
  </si>
  <si>
    <t>lu154242yupfi.tmp</t>
  </si>
  <si>
    <t>\\acsfs\profiles$\jonatanls\My Documents\lu154242yupfi.tmp</t>
  </si>
  <si>
    <t>FECHAMENTO RELATORIO.png</t>
  </si>
  <si>
    <t>\\acsfs\DEPTOS\Operacao\Banco_Votorantim\Qualidade\Anderson\Jose\Atualizado\FECHAMENTO RELATORIO.png</t>
  </si>
  <si>
    <t>lu302402r1mi1.tmp</t>
  </si>
  <si>
    <t>\\acsfs\profiles$\jalilebds\Downloads\lu302402r1mi1.tmp</t>
  </si>
  <si>
    <t>\\acsfs\profiles$\laurandos\My Documents\My Videos\</t>
  </si>
  <si>
    <t>\\acsfs\profiles$\laurandos\My Documents\My Videos\desktop.ini</t>
  </si>
  <si>
    <t>\\acsfs\profiles$\laurandos\My Documents\My Pictures\</t>
  </si>
  <si>
    <t>\\acsfs\profiles$\laurandos\My Documents\My Pictures\desktop.ini</t>
  </si>
  <si>
    <t>\\acsfs\profiles$\laurandos\Contacts\</t>
  </si>
  <si>
    <t>\\acsfs\profiles$\laurandos\Contacts\desktop.ini</t>
  </si>
  <si>
    <t>\\acsfs\profiles$\laurandos\Favorites\</t>
  </si>
  <si>
    <t>\\acsfs\profiles$\laurandos\Favorites\desktop.ini</t>
  </si>
  <si>
    <t>\\acsfs\profiles$\laurandos\My Documents\My Music\</t>
  </si>
  <si>
    <t>\\acsfs\profiles$\laurandos\My Documents\My Music\desktop.ini</t>
  </si>
  <si>
    <t>\\acsfs\profiles$\laurandos\Searches\</t>
  </si>
  <si>
    <t>\\acsfs\profiles$\laurandos\Searches\desktop.ini</t>
  </si>
  <si>
    <t>\\acsfs\profiles$\laurandos\Downloads\desktop.ini</t>
  </si>
  <si>
    <t>\\acsfs\profiles$\laurandos\My Documents\</t>
  </si>
  <si>
    <t>\\acsfs\profiles$\laurandos\My Documents\desktop.ini</t>
  </si>
  <si>
    <t>\\acsfs\profiles$\laurandos\Saved Games\</t>
  </si>
  <si>
    <t>\\acsfs\profiles$\laurandos\Saved Games\desktop.ini</t>
  </si>
  <si>
    <t>winrt--{S-1-5-21-602162358-764733703-839522115-358570}-.searchconnector-ms</t>
  </si>
  <si>
    <t>\\acsfs\profiles$\laurandos\Searches\winrt--{S-1-5-21-602162358-764733703-839522115-358570}-.searchconnector-ms</t>
  </si>
  <si>
    <t>f3fef2ff-82bc-4177-ad8a-bbb48786f4eb.tmp</t>
  </si>
  <si>
    <t>\\acsfs\profiles$\laurandos\Downloads\f3fef2ff-82bc-4177-ad8a-bbb48786f4eb.tmp</t>
  </si>
  <si>
    <t>580fd0ea-e0bd-4994-a086-4b8f7f317b20.tmp</t>
  </si>
  <si>
    <t>\\acsfs\profiles$\philipegsf\Downloads\580fd0ea-e0bd-4994-a086-4b8f7f317b20.tmp</t>
  </si>
  <si>
    <t>mail.google.com/_/upload?authuser=0&amp;dcp=asu-n&amp;upload_id=AEnB2UpngVlGiHyTKpacefFwup-RGfjHcxcg6vKZpg6io3y_IBLzQFXpN2uqI6jjtl6GdQ-SRHk4D4l9lW6j7S8h_aZWlcvyn803GJVZCEX92MOqM9dmRtg&amp;upload_protocol=resumable</t>
  </si>
  <si>
    <t>C:\Users\gustavoas\Documents\Algar Tech Local\Gestão da área\</t>
  </si>
  <si>
    <t>Novo PTH PPE GAT Orçamento 2020_v5.xlsx</t>
  </si>
  <si>
    <t>fac65bbd-103d-475a-bb6a-c5c4711f75d2.tmp</t>
  </si>
  <si>
    <t>\\acsfs\profiles$\fabianafv\Downloads\fac65bbd-103d-475a-bb6a-c5c4711f75d2.tmp</t>
  </si>
  <si>
    <t>74599bf5-ee14-46a7-b6bf-e78689a8101b.tmp</t>
  </si>
  <si>
    <t>\\acsfs\profiles$\fabianafv\Downloads\74599bf5-ee14-46a7-b6bf-e78689a8101b.tmp</t>
  </si>
  <si>
    <t>Base Componentes Versao 19.xlsx</t>
  </si>
  <si>
    <t>d25c395d-25c5-48ec-a2f2-be45a39fe48e.tmp</t>
  </si>
  <si>
    <t>\\acsfs\profiles$\sarahbal\Downloads\d25c395d-25c5-48ec-a2f2-be45a39fe48e.tmp</t>
  </si>
  <si>
    <t>fc246b02-6698-4be6-8da0-7bd3b8059e76.tmp</t>
  </si>
  <si>
    <t>\\acsfs\profiles$\laurandos\Downloads\fc246b02-6698-4be6-8da0-7bd3b8059e76.tmp</t>
  </si>
  <si>
    <t>mail.google.com/sync/u/0/i/s?hl=pt-BR&amp;c=885</t>
  </si>
  <si>
    <t>mail.google.com/sync/u/0/i/s?hl=pt-BR&amp;c=889</t>
  </si>
  <si>
    <t>mail.google.com/sync/u/0/i/s?hl=pt-BR&amp;c=891</t>
  </si>
  <si>
    <t>mail.google.com/sync/u/0/i/s?hl=pt-BR&amp;c=899</t>
  </si>
  <si>
    <t>mail.google.com/sync/u/0/i/s?hl=pt-BR&amp;c=902</t>
  </si>
  <si>
    <t>mail.google.com/sync/u/0/i/s?hl=pt-BR&amp;c=904</t>
  </si>
  <si>
    <t>22279114-dbfc-4198-b11e-d2f8e9efd617.tmp</t>
  </si>
  <si>
    <t>\\acsfs\profiles$\gabrielafs\Downloads\22279114-dbfc-4198-b11e-d2f8e9efd617.tmp</t>
  </si>
  <si>
    <t>431c4ecd-1903-4e62-9574-9d287a7a9b7f.tmp</t>
  </si>
  <si>
    <t>\\acsfs\profiles$\fabianafv\Downloads\431c4ecd-1903-4e62-9574-9d287a7a9b7f.tmp</t>
  </si>
  <si>
    <t>lu3194049o76u.tmp</t>
  </si>
  <si>
    <t>\\acsfs\profiles$\LUCASBS\Planilhas\lu3194049o76u.tmp</t>
  </si>
  <si>
    <t>Controle de Erros operacionais - Dezembro -ATUALIZADA (1).xlsb</t>
  </si>
  <si>
    <t>f4eccb96-1c47-4a1a-bbd0-1fec03c29040.tmp</t>
  </si>
  <si>
    <t>\\acsfs\profiles$\gabrieleods\Downloads\f4eccb96-1c47-4a1a-bbd0-1fec03c29040.tmp</t>
  </si>
  <si>
    <t>aa4c9b24-3300-4213-8bf2-df35e830e043.tmp</t>
  </si>
  <si>
    <t>\\acsfs\profiles$\ERICALSR\Downloads\aa4c9b24-3300-4213-8bf2-df35e830e043.tmp</t>
  </si>
  <si>
    <t>catianalv@algartech.com;cpc-controldeskavon@algartech.com;joseasn@algartech.com;lucianarsantos@algartech.com;marianadjc@algartech.com;senildapdo@algartecnologia.com.br;</t>
  </si>
  <si>
    <t>catianalv@algartech.com,cpc-controldeskavon@algartech.com,joseasn@algartech.com,lucianarsantos@algartech.com,marianadjc@algartech.com,senildapdo@algartecnologia.com.br</t>
  </si>
  <si>
    <t>catianalv@algartech.com;cpc-controldeskavon@algartech.com;joseasn@algartech.com;lucianarsantos@algartech.com;marianadjc@algartech.com;senildapdo@algartecnologia.com.br;viniciussg@algartech.com;</t>
  </si>
  <si>
    <t>catianalv@algartech.com,cpc-controldeskavon@algartech.com,joseasn@algartech.com,lucianarsantos@algartech.com,marianadjc@algartech.com,senildapdo@algartecnologia.com.br,viniciussg@algartech.com</t>
  </si>
  <si>
    <t>mail.google.com/sync/u/0/i/s?hl=pt-BR&amp;c=955</t>
  </si>
  <si>
    <t>mail.google.com/sync/u/0/i/s?hl=pt-BR&amp;c=960</t>
  </si>
  <si>
    <t>algartechcpcbv@algartech.com;andrelpsa@algartech.com;catianalv@algartech.com;cpc-controldeskavon@algartech.com;joseasn@algartech.com;josiascdsj@algartech.com;leonardoao@algartech.com;lucianarsantos@algartech.com;marianadjc@algartech.com;paulacn@algartech.com;qualidadealgarbv@algartech.com;rafaelggs@algartech.com;senildapdo@algartecnologia.com.br;supervisaobancovotorantim@algartech.com;taysdss@algartech.com;thiagolrc@bv.algartech.com;viniciussg@algartech.com;</t>
  </si>
  <si>
    <t>algartechcpcbv@algartech.com,andrelpsa@algartech.com,catianalv@algartech.com,cpc-controldeskavon@algartech.com,joseasn@algartech.com,josiascdsj@algartech.com,leonardoao@algartech.com,lucianarsantos@algartech.com,marianadjc@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980</t>
  </si>
  <si>
    <t>lu228362gud0x.tmp</t>
  </si>
  <si>
    <t>\\acsfs\profiles$\victoriaksr\My Documents\lu228362gud0x.tmp</t>
  </si>
  <si>
    <t>lu228362gud10.tmp</t>
  </si>
  <si>
    <t>\\acsfs\profiles$\victoriaksr\My Documents\lu228362gud10.tmp</t>
  </si>
  <si>
    <t>https://www.portalfornecedores.tim.com.br/sap/bc/webdynpro/sap/zwd_cf/;sap-ext-sid=npzi36dclssglynj8itjsw--cob2xskx6gmihlaxzduu3q--/~wd_key/?sap-contextid=sid:anon:hsapp1s_p1s_00:2fd4bb3m1jz3egcjqsvoizxojadhzbqclfc8b8jw-new&amp;sap-wd-resource-id=wd24&amp;sap-wd-secure-id=b869c988455d775bfafcb53d2d4dc4c5</t>
  </si>
  <si>
    <t>Pedidos - 2020-01-02T151741.055.csv</t>
  </si>
  <si>
    <t>https://www.portalfornecedores.tim.com.br/sap/bc/webdynpro/sap/zwd_cf/;sap-ext-sid=npzi36dclssglynj8itjsw--emnl5lc0nvgrsg4lc96lrg--/~wd_key/?sap-contextid=sid:anon:hsapp1s_p1s_00:2fd4gyfu-bxtaby-vltqiitdejlgzbqalfcy4wpc-new&amp;sap-wd-resource-id=wd24&amp;sap-wd-secure-id=16d5cb799b17ac7d378619d87aa62fd5</t>
  </si>
  <si>
    <t>Pedidos - 2020-01-02T151900.075.csv</t>
  </si>
  <si>
    <t>d606dd17-5735-4e71-838d-0c1fe3926725.tmp</t>
  </si>
  <si>
    <t>\\acsfs\profiles$\fabianafv\Downloads\d606dd17-5735-4e71-838d-0c1fe3926725.tmp</t>
  </si>
  <si>
    <t>mail.google.com/_/upload?authuser=0&amp;dcp=asu-n&amp;upload_id=AEnB2Ur4Uq0DpyulRxGoe4Rwsw4VO0G69R9gUzIKq7CnOiJfLlTD4KtJgfnpXiXTxH3t4VP97huBT0YVGN0V62fPKg5Phik61HVK1vPMkf7bRrqg8ObfkAM&amp;upload_protocol=resumable</t>
  </si>
  <si>
    <t>Karen de Souza Rodrigues_1_6756894489189625616_1_32.wav</t>
  </si>
  <si>
    <t>23097be5-cef4-4067-a705-ff0acf5dfae2.tmp</t>
  </si>
  <si>
    <t>\\acsfs\profiles$\regisadsa\Downloads\23097be5-cef4-4067-a705-ff0acf5dfae2.tmp</t>
  </si>
  <si>
    <t>b5e921ee-b306-4e8a-9cfb-4570704970d6.tmp</t>
  </si>
  <si>
    <t>\\acsfs\profiles$\mariagsg\Downloads\b5e921ee-b306-4e8a-9cfb-4570704970d6.tmp</t>
  </si>
  <si>
    <t>785d4181-3ce0-4f75-b802-e16b7246b09d.tmp</t>
  </si>
  <si>
    <t>\\acsfs\profiles$\gabrieleods\Downloads\785d4181-3ce0-4f75-b802-e16b7246b09d.tmp</t>
  </si>
  <si>
    <t>63355f58-3c4b-4cef-845c-839183518781.tmp</t>
  </si>
  <si>
    <t>\\acsfs\profiles$\alinepp\Downloads\63355f58-3c4b-4cef-845c-839183518781.tmp</t>
  </si>
  <si>
    <t>https://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cb2182b3-e937-4d55-a9a1-d69f6a0e217b.tmp</t>
  </si>
  <si>
    <t>\\acsfs\profiles$\rafaelahpn\Downloads\cb2182b3-e937-4d55-a9a1-d69f6a0e217b.tmp</t>
  </si>
  <si>
    <t>95bdc107-43b8-4f53-8c52-8cf2f9db4131.tmp</t>
  </si>
  <si>
    <t>\\acsfs\profiles$\gabrielafs\Downloads\95bdc107-43b8-4f53-8c52-8cf2f9db4131.tmp</t>
  </si>
  <si>
    <t>Relatorio.Recibo.Ferias_20200102152301210137.pdf.tubwx9u.partial</t>
  </si>
  <si>
    <t>\\acsfs\profiles$\bernardopcm\Downloads\Relatorio.Recibo.Ferias_20200102152301210137.pdf.tubwx9u.partial</t>
  </si>
  <si>
    <t>Relatorio.Recibo.Ferias_20200102152352210137.pdf.9r7ez5e.partial</t>
  </si>
  <si>
    <t>\\acsfs\profiles$\bernardopcm\Downloads\Relatorio.Recibo.Ferias_20200102152352210137.pdf.9r7ez5e.partial</t>
  </si>
  <si>
    <t>Relatorio.Recibo.Ferias_20200102152437210137.pdf.wylw9gr.partial</t>
  </si>
  <si>
    <t>\\acsfs\profiles$\bernardopcm\Downloads\Relatorio.Recibo.Ferias_20200102152437210137.pdf.wylw9gr.partial</t>
  </si>
  <si>
    <t>6fb2e907-6067-4f58-88f5-bb31c2e10625.tmp</t>
  </si>
  <si>
    <t>\\acsfs\profiles$\fabianafv\Downloads\6fb2e907-6067-4f58-88f5-bb31c2e10625.tmp</t>
  </si>
  <si>
    <t>lu154242yupfo.tmp</t>
  </si>
  <si>
    <t>\\acsfs\profiles$\jonatanls\My Documents\lu154242yupfo.tmp</t>
  </si>
  <si>
    <t>Relatorio de Vendas - Auditoria BV Cartoes (Dezembro)_FECHAMENTO.xlsx</t>
  </si>
  <si>
    <t>\\acsfs\DEPTOS\Operacao\Banco_Votorantim\Qualidade\Anderson\Jose\Atualizado\Relatorio de Vendas - Auditoria BV Cartoes (Dezembro)_FECHAMENTO.xlsx</t>
  </si>
  <si>
    <t>be26250d-c278-4e17-8a86-f15b43202e7a.tmp</t>
  </si>
  <si>
    <t>\\acsfs\profiles$\philipegsf\Downloads\be26250d-c278-4e17-8a86-f15b43202e7a.tmp</t>
  </si>
  <si>
    <t>6f87507e-f50d-48ed-b5d0-929075f9eaa9.tmp</t>
  </si>
  <si>
    <t>\\acsfs\profiles$\andreapdsg\Downloads\6f87507e-f50d-48ed-b5d0-929075f9eaa9.tmp</t>
  </si>
  <si>
    <t>e581ab9f-a7de-425f-9fe5-8f91da561384.tmp</t>
  </si>
  <si>
    <t>\\acsfs\profiles$\andreapdsg\Downloads\e581ab9f-a7de-425f-9fe5-8f91da561384.tmp</t>
  </si>
  <si>
    <t>489f456f-a40a-42fd-a488-da6f39f1ae4f.tmp</t>
  </si>
  <si>
    <t>\\acsfs\profiles$\andreapdsg\Downloads\489f456f-a40a-42fd-a488-da6f39f1ae4f.tmp</t>
  </si>
  <si>
    <t>8078e242-87f3-4aa4-9c14-a0fc65690130.tmp</t>
  </si>
  <si>
    <t>\\acsfs\profiles$\JOAOVAL\Downloads\8078e242-87f3-4aa4-9c14-a0fc65690130.tmp</t>
  </si>
  <si>
    <t>backofficebv@dxc.com;jean.loiola@bv.com.br;larissa.alcantara@bv.com.br;marianeps@algartech.com;mirianppb@algartech.com;thiagordu@algartech.com;</t>
  </si>
  <si>
    <t>backofficebv@dxc.com,jean.loiola@bv.com.br,larissa.alcantara@bv.com.br,marianeps@algartech.com,mirianppb@algartech.com,thiagordu@algartech.com</t>
  </si>
  <si>
    <t>d3403d1f-c45c-4468-b014-a16428c46967.tmp</t>
  </si>
  <si>
    <t>\\acsfs\profiles$\mariajra\Downloads\d3403d1f-c45c-4468-b014-a16428c46967.tmp</t>
  </si>
  <si>
    <t>Não confirmado 101296.crdownload</t>
  </si>
  <si>
    <t>\\acsfs\profiles$\gabrieleods\Downloads\Não confirmado 101296.crdownload</t>
  </si>
  <si>
    <t>XLOG_vanessacgs_02012020_080925.log</t>
  </si>
  <si>
    <t>\\acsfs\profiles$\vanessacgs\My Documents\xworkcenter\logs\XLOG_vanessacgs_02012020_080925.log</t>
  </si>
  <si>
    <t>9ee088d0-3ebf-4a36-8c2a-cc57ad177fa6.tmp</t>
  </si>
  <si>
    <t>\\acsfs\profiles$\gabrielarb\Downloads\9ee088d0-3ebf-4a36-8c2a-cc57ad177fa6.tmp</t>
  </si>
  <si>
    <t>b0a6f3bd-8a14-4384-9759-bc427f0cc258.tmp</t>
  </si>
  <si>
    <t>\\acsfs\profiles$\regisedsj\Downloads\b0a6f3bd-8a14-4384-9759-bc427f0cc258.tmp</t>
  </si>
  <si>
    <t>21a5922e-1bf8-4581-a4d3-e735f49f0dbd.tmp</t>
  </si>
  <si>
    <t>\\acsfs\profiles$\gabrielamdp\Downloads\21a5922e-1bf8-4581-a4d3-e735f49f0dbd.tmp</t>
  </si>
  <si>
    <t>lu4915684hbl6.tmp</t>
  </si>
  <si>
    <t>\\acsfs\profiles$\LUISPLS\My Documents\Nova pasta\lu4915684hbl6.tmp</t>
  </si>
  <si>
    <t>\\acsfs\profiles$\LUISPLS\My Documents\Nova pasta\lu4915684hbl6.tmp\</t>
  </si>
  <si>
    <t>\\acsfs\profiles$\LUISPLS\My Documents\Nova pasta\lu4915684hbl6.tmp\META-INF\</t>
  </si>
  <si>
    <t>\\acsfs\profiles$\LUISPLS\My Documents\Nova pasta\lu4915684hbl6.tmp\Thumbnails\</t>
  </si>
  <si>
    <t>https://www.portalfornecedores.tim.com.br/sap/bc/webdynpro/sap/zwd_cf/;sap-ext-sid=npzi36dclssglynj8itjsw--cob2xskx6gmihlaxzduu3q--/~wd_key/?sap-contextid=sid:anon:hsapp1s_p1s_00:2fd49aqaewnxlecichol_yhqew3hzboojfb7tje3-new&amp;sap-wd-resource-id=wd24&amp;sap-wd-secure-id=024f66027c58c08fcf9a1edb7d944c12</t>
  </si>
  <si>
    <t>Pedidos - 2020-01-02T153343.268.csv</t>
  </si>
  <si>
    <t>Pedidos - 2020-01-02T153505.080.csv</t>
  </si>
  <si>
    <t>https://www.portalfornecedores.tim.com.br/sap/bc/webdynpro/sap/zwd_cf/;sap-ext-sid=npzi36dclssglynj8itjsw--cob2xskx6gmihlaxzduu3q--/~wd_key/?sap-contextid=sid:anon:hsapp1s_p1s_00:2fd4pnl1sa5f1ckmxj_jkfbkdnbhzbofj1b5q7gn-new&amp;sap-wd-resource-id=wd24&amp;sap-wd-secure-id=0fe93f2025407936d7bacf3f381d4db4</t>
  </si>
  <si>
    <t>Pedidos - 2020-01-02T153618.834.csv</t>
  </si>
  <si>
    <t>https://www.portalfornecedores.tim.com.br/sap/bc/webdynpro/sap/zwd_cf/;sap-ext-sid=npzi36dclssglynj8itjsw--k2jdzyy*obi_d6n6zjic2w--/~wd_key/?sap-contextid=sid:anon:hsapp1s_p1s_00:2fd4ynjsvoa1tb4nwpukxclptwvgzbqjj1caix2b-new&amp;sap-wd-resource-id=wd24&amp;sap-wd-secure-id=9a32ead0c51529d37e2082751646c1a6</t>
  </si>
  <si>
    <t>\\acsfs\profiles$\flaviacdst\Favorites\Início - 1.url\</t>
  </si>
  <si>
    <t>\\acsfs\profiles$\flaviacdst\Favorites\Início - 1.url\:favicon:$DATA</t>
  </si>
  <si>
    <t>Início - 1.url</t>
  </si>
  <si>
    <t>\\acsfs\profiles$\flaviacdst\Favorites\Início - 1.url</t>
  </si>
  <si>
    <t>mail.google.com/_/upload?authuser=0&amp;dcp=asu-n&amp;upload_id=AEnB2UqVR7Cv0MefGrjlbHQWTXphhju0wnQUOnhDe2qXm61-e8ZWtd4gqrnuz9C1iOYRkU9_het4A_greeqc6ePrVUu1CrS0rZlOQVaMlVP0GVo2TZR_paw&amp;upload_protocol=resumable</t>
  </si>
  <si>
    <t>C:\Projetos\AVON\SUPORTE\45_URA_SAR_Extracao_Assuntos_Navegacao\</t>
  </si>
  <si>
    <t>URA_SAR_Assuntos_DEZ2019.csv</t>
  </si>
  <si>
    <t>828b3403-145f-4c36-88a2-e0a57df884cd.tmp</t>
  </si>
  <si>
    <t>\\acsfs\profiles$\rafaelahpn\Downloads\828b3403-145f-4c36-88a2-e0a57df884cd.tmp</t>
  </si>
  <si>
    <t>acea4c81-b15b-4b18-9a5f-5c7650d31d08.tmp</t>
  </si>
  <si>
    <t>\\acsfs\profiles$\laylaams\Downloads\acea4c81-b15b-4b18-9a5f-5c7650d31d08.tmp</t>
  </si>
  <si>
    <t>Pedidos - 2020-01-02T153916.438.csv</t>
  </si>
  <si>
    <t>1246e28b-2601-48ad-9d2c-8e9c8a0adfa4.tmp</t>
  </si>
  <si>
    <t>\\acsfs\profiles$\jonatanls\Downloads\1246e28b-2601-48ad-9d2c-8e9c8a0adfa4.tmp</t>
  </si>
  <si>
    <t>$IIKA757.pdf</t>
  </si>
  <si>
    <t>\\acsfs\profiles$\jonatanls\Downloads\$RECYCLE.BIN\$IIKA757.pdf</t>
  </si>
  <si>
    <t>$IZS9RND.pdf</t>
  </si>
  <si>
    <t>\\acsfs\profiles$\jonatanls\Downloads\$RECYCLE.BIN\$IZS9RND.pdf</t>
  </si>
  <si>
    <t>$IRDK8FK.pdf</t>
  </si>
  <si>
    <t>\\acsfs\profiles$\jonatanls\Downloads\$RECYCLE.BIN\$IRDK8FK.pdf</t>
  </si>
  <si>
    <t>$ILZE256.pdf</t>
  </si>
  <si>
    <t>\\acsfs\profiles$\jonatanls\Downloads\$RECYCLE.BIN\$ILZE256.pdf</t>
  </si>
  <si>
    <t>dd60f096-a9d2-4be4-9965-083f10928013.tmp</t>
  </si>
  <si>
    <t>\\acsfs\profiles$\jonatanls\Downloads\dd60f096-a9d2-4be4-9965-083f10928013.tmp</t>
  </si>
  <si>
    <t>3a7a23c5-e035-4aca-a76f-3dd3e4f01fc0.tmp</t>
  </si>
  <si>
    <t>\\acsfs\profiles$\matheusmax\Downloads\3a7a23c5-e035-4aca-a76f-3dd3e4f01fc0.tmp</t>
  </si>
  <si>
    <t>andrelpsa@algartech.com;gabrielsma@algartech.com;robsonams@algartech.com;supervisaobancovotorantim@algartech.com;</t>
  </si>
  <si>
    <t>andrelpsa@algartech.com,gabrielsma@algartech.com,robsonams@algartech.com,supervisaobancovotorantim@algartech.com</t>
  </si>
  <si>
    <t>mail.google.com/sync/u/0/i/s?hl=pt-BR&amp;c=786</t>
  </si>
  <si>
    <t>robsonams@algartech.com;</t>
  </si>
  <si>
    <t>andrelpsa@algartech.com;fabianacscg@algartech.com;mirianppb@algartech.com;qualidadealgarbv@algartech.com;robsonams@algartech.com;talmaiardo@algartech.com;</t>
  </si>
  <si>
    <t>andrelpsa@algartech.com,fabianacscg@algartech.com,mirianppb@algartech.com,qualidadealgarbv@algartech.com,robsonams@algartech.com,talmaiardo@algartech.com</t>
  </si>
  <si>
    <t>mail.google.com/sync/u/0/i/s?hl=pt-BR&amp;c=796</t>
  </si>
  <si>
    <t>1fcc01cb-31be-4dcc-87ad-147be55d72f6.tmp</t>
  </si>
  <si>
    <t>\\acsfs\profiles$\myllenardl\Downloads\1fcc01cb-31be-4dcc-87ad-147be55d72f6.tmp</t>
  </si>
  <si>
    <t>b3e04d64-73e7-40cd-b4aa-1aee57e1818c.tmp</t>
  </si>
  <si>
    <t>\\acsfs\profiles$\myllenardl\Downloads\b3e04d64-73e7-40cd-b4aa-1aee57e1818c.tmp</t>
  </si>
  <si>
    <t>67db60ea-82fc-4390-abd6-6c8c23aaf694.tmp</t>
  </si>
  <si>
    <t>\\acsfs\profiles$\larissaad\Downloads\67db60ea-82fc-4390-abd6-6c8c23aaf694.tmp</t>
  </si>
  <si>
    <t>mail.google.com/sync/u/0/i/s?hl=pt-BR&amp;c=1043</t>
  </si>
  <si>
    <t>mail.google.com/sync/u/0/i/s?hl=pt-BR&amp;c=1046</t>
  </si>
  <si>
    <t>mail.google.com/sync/u/0/i/s?hl=pt-BR&amp;c=1048</t>
  </si>
  <si>
    <t>mail.google.com/sync/u/0/i/s?hl=pt-BR&amp;c=1050</t>
  </si>
  <si>
    <t>mail.google.com/sync/u/0/i/s?hl=pt-BR&amp;c=1052</t>
  </si>
  <si>
    <t>mail.google.com/sync/u/0/i/s?hl=pt-BR&amp;c=1057</t>
  </si>
  <si>
    <t>mail.google.com/sync/u/0/i/s?hl=pt-BR&amp;c=1061</t>
  </si>
  <si>
    <t>mail.google.com/sync/u/0/i/s?hl=pt-BR&amp;c=1064</t>
  </si>
  <si>
    <t>mail.google.com/sync/u/0/i/s?hl=pt-BR&amp;c=1066</t>
  </si>
  <si>
    <t>algartechcpcbv@algartech.com;andrelpsa@algartech.com;catianalv@algartech.com;cpc-controldeskavon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lgartechcpcbv@algartech.com,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ecbe8a33-f887-4735-a2de-6d0c5dcec2c8.tmp</t>
  </si>
  <si>
    <t>\\acsfs\profiles$\LUISPLS\Downloads\ecbe8a33-f887-4735-a2de-6d0c5dcec2c8.tmp</t>
  </si>
  <si>
    <t>2f645f1f-9b71-4a00-b6b2-aa33d88b8a9a.tmp</t>
  </si>
  <si>
    <t>\\acsfs\profiles$\leticiala\Downloads\2f645f1f-9b71-4a00-b6b2-aa33d88b8a9a.tmp</t>
  </si>
  <si>
    <t>9782c6b5-52aa-47a4-8f41-80eff84afd5e.tmp</t>
  </si>
  <si>
    <t>\\acsfs\profiles$\leticiala\Downloads\9782c6b5-52aa-47a4-8f41-80eff84afd5e.tmp</t>
  </si>
  <si>
    <t>mail.google.com/_/upload?authuser=0&amp;dcp=asu-n&amp;upload_id=AEnB2Up73j63Y5XkU1FZEJEDAQ2C1cHMBpYtZXHCzmQQT-7L4f3nnAUEYL-R9XgDHD0IBz89V3kq2xkxiXGBT0PzzFC1goEOpA&amp;upload_protocol=resumable</t>
  </si>
  <si>
    <t>Luana Rosa de Almeida_1_6764366254815905429_1_32.wav</t>
  </si>
  <si>
    <t>backofficebv@dxc.com;jean.loiola@bv.com.br;larissa.alcantara@bv.com.br;lilianls@algartech.com;marianeps@algartech.com;talmaiardo@algartech.com;thiagordu@algartech.com;</t>
  </si>
  <si>
    <t>backofficebv@dxc.com,jean.loiola@bv.com.br,larissa.alcantara@bv.com.br,lilianls@algartech.com,marianeps@algartech.com,talmaiardo@algartech.com,thiagordu@algartech.com</t>
  </si>
  <si>
    <t>lilianls@algartech.com;</t>
  </si>
  <si>
    <t>lilianls@algartech.com</t>
  </si>
  <si>
    <t>kesiadof@algartech.com;lilianls@algartech.com;</t>
  </si>
  <si>
    <t>kesiadof@algartech.com,lilianls@algartech.com</t>
  </si>
  <si>
    <t>de22fd04-8cea-4802-866a-3ae94aa11133.tmp</t>
  </si>
  <si>
    <t>\\acsfs\profiles$\quindaizaagds\Downloads\de22fd04-8cea-4802-866a-3ae94aa11133.tmp</t>
  </si>
  <si>
    <t>e2925a43-d121-494d-a48d-9c9817338d2f.tmp</t>
  </si>
  <si>
    <t>\\acsfs\profiles$\quindaizaagds\Downloads\e2925a43-d121-494d-a48d-9c9817338d2f.tmp</t>
  </si>
  <si>
    <t>mail.google.com/sync/u/0/i/s?hl=pt-BR&amp;c=1068</t>
  </si>
  <si>
    <t>mail.google.com/sync/u/0/i/s?hl=pt-BR&amp;c=1072</t>
  </si>
  <si>
    <t>mail.google.com/sync/u/0/i/s?hl=pt-BR&amp;c=1077</t>
  </si>
  <si>
    <t>mail.google.com/sync/u/0/i/s?hl=pt-BR&amp;c=1082</t>
  </si>
  <si>
    <t>mail.google.com/sync/u/0/i/s?hl=pt-BR&amp;c=1088</t>
  </si>
  <si>
    <t>mail.google.com/sync/u/0/i/s?hl=pt-BR&amp;c=1093</t>
  </si>
  <si>
    <t>mail.google.com/sync/u/0/i/s?hl=pt-BR&amp;c=1098</t>
  </si>
  <si>
    <t>mail.google.com/sync/u/0/i/s?hl=pt-BR&amp;c=1103</t>
  </si>
  <si>
    <t>mail.google.com/sync/u/0/i/s?hl=pt-BR&amp;c=1110</t>
  </si>
  <si>
    <t>mail.google.com/sync/u/0/i/s?hl=pt-BR&amp;c=1115</t>
  </si>
  <si>
    <t>mail.google.com/sync/u/0/i/s?hl=pt-BR&amp;c=1121</t>
  </si>
  <si>
    <t>ENC: EXTERNAL: Re: RES: SALDO CREDOR UNE</t>
  </si>
  <si>
    <t>Re RES SALDO CREDOR UNE.msg\s1\</t>
  </si>
  <si>
    <t>SALDO CREDOR UNE.xlsx</t>
  </si>
  <si>
    <t>ligiagb@algartech.com;ligiagb@algartech.com.br;</t>
  </si>
  <si>
    <t>ENC: URGENTE _ TRN MIGRAÇÃO FULL</t>
  </si>
  <si>
    <t>ligiagb@algartech.com,ligiagb@algartech.com.br</t>
  </si>
  <si>
    <t>8d314e23-1253-47ad-9c2c-899568e5debf.tmp</t>
  </si>
  <si>
    <t>\\acsfs\profiles$\gabrielamdp\Downloads\8d314e23-1253-47ad-9c2c-899568e5debf.tmp</t>
  </si>
  <si>
    <t>88ada61f-622e-4c94-9825-09b07fecebb8.tmp</t>
  </si>
  <si>
    <t>\\acsfs\profiles$\gabrielamdp\Downloads\88ada61f-622e-4c94-9825-09b07fecebb8.tmp</t>
  </si>
  <si>
    <t>lu75796a08irp.tmp</t>
  </si>
  <si>
    <t>\\acsfs\DEPTOS\Operacao\Banco_Votorantim\Supervisao\SUPERS BV CARTÕES\ANA VITORIA\APOIO\lu75796a08irp.tmp</t>
  </si>
  <si>
    <t>\\acsfs\DEPTOS\Operacao\Banco_Votorantim\Supervisao\SUPERS BV CARTÕES\ANA VITORIA\APOIO\lu75796a08irp.tmp\</t>
  </si>
  <si>
    <t>\\acsfs\DEPTOS\Operacao\Banco_Votorantim\Supervisao\SUPERS BV CARTÕES\ANA VITORIA\APOIO\lu75796a08irp.tmp\META-INF\</t>
  </si>
  <si>
    <t>\\acsfs\DEPTOS\Operacao\Banco_Votorantim\Supervisao\SUPERS BV CARTÕES\ANA VITORIA\APOIO\lu75796a08irp.tmp\Thumbnails\</t>
  </si>
  <si>
    <t>a9528c2b-1029-4d69-9c8d-cf46847568d1.tmp</t>
  </si>
  <si>
    <t>\\acsfs\profiles$\mariagsg\Downloads\a9528c2b-1029-4d69-9c8d-cf46847568d1.tmp</t>
  </si>
  <si>
    <t>XLOG_tiagosno_02012020_075152.log</t>
  </si>
  <si>
    <t>\\acsfs\profiles$\tiagosno\My Documents\xworkcenter\logs\XLOG_tiagosno_02012020_075152.log</t>
  </si>
  <si>
    <t>5da1aa0b-900c-47f2-a00b-9ef67217fa21.tmp</t>
  </si>
  <si>
    <t>\\acsfs\profiles$\fabianobmf\Downloads\5da1aa0b-900c-47f2-a00b-9ef67217fa21.tmp</t>
  </si>
  <si>
    <t>cb290f46-64e5-4226-b4e7-f07d99a0aa7c.tmp</t>
  </si>
  <si>
    <t>\\acsfs\profiles$\luanaagl\Downloads\cb290f46-64e5-4226-b4e7-f07d99a0aa7c.tmp</t>
  </si>
  <si>
    <t>lu302402r1mig.tmp</t>
  </si>
  <si>
    <t>\\acsfs\profiles$\jalilebds\Downloads\lu302402r1mig.tmp</t>
  </si>
  <si>
    <t>bba1a662-f9be-405b-97fe-92c903329336.tmp</t>
  </si>
  <si>
    <t>\\acsfs\profiles$\geovannasm\Downloads\bba1a662-f9be-405b-97fe-92c903329336.tmp</t>
  </si>
  <si>
    <t>lu302402r1mij.tmp</t>
  </si>
  <si>
    <t>\\acsfs\profiles$\jalilebds\Downloads\lu302402r1mij.tmp</t>
  </si>
  <si>
    <t>lu302402r1mim.tmp</t>
  </si>
  <si>
    <t>\\acsfs\profiles$\jalilebds\Downloads\lu302402r1mim.tmp</t>
  </si>
  <si>
    <t>88e52bc6-4363-48f4-bc45-b743dcbcd7fb.tmp</t>
  </si>
  <si>
    <t>\\acsfs\profiles$\erichds\Downloads\88e52bc6-4363-48f4-bc45-b743dcbcd7fb.tmp</t>
  </si>
  <si>
    <t>8fb4432c-974f-4ac3-83d1-df4fef24d000.tmp</t>
  </si>
  <si>
    <t>\\acsfs\profiles$\larissaad\Downloads\8fb4432c-974f-4ac3-83d1-df4fef24d000.tmp</t>
  </si>
  <si>
    <t>2b01e5a9-d09e-4b4d-985a-553558cd1f11.tmp</t>
  </si>
  <si>
    <t>\\acsfs\profiles$\michelerds\Downloads\2b01e5a9-d09e-4b4d-985a-553558cd1f11.tmp</t>
  </si>
  <si>
    <t>716fed49-3b04-43dd-bcd9-94e70cd3d3d3.tmp</t>
  </si>
  <si>
    <t>\\acsfs\profiles$\geovannasm\Downloads\716fed49-3b04-43dd-bcd9-94e70cd3d3d3.tmp</t>
  </si>
  <si>
    <t>7ed30dda-1573-4ae5-be63-e9e75ee378fc.tmp</t>
  </si>
  <si>
    <t>\\acsfs\profiles$\deborahsi\Downloads\7ed30dda-1573-4ae5-be63-e9e75ee378fc.tmp</t>
  </si>
  <si>
    <t>8256bfd7-8f66-4207-9005-49c1bc13d46b.tmp</t>
  </si>
  <si>
    <t>\\acsfs\profiles$\cintiadjl\Downloads\8256bfd7-8f66-4207-9005-49c1bc13d46b.tmp</t>
  </si>
  <si>
    <t>\\acsfs\profiles$\quindaizaagds\My Documents\My Pictures\VENDAS.txt</t>
  </si>
  <si>
    <t>ccc80fe2-c808-4872-87c9-c7f8c0796760.tmp</t>
  </si>
  <si>
    <t>\\acsfs\profiles$\mariagsg\Downloads\ccc80fe2-c808-4872-87c9-c7f8c0796760.tmp</t>
  </si>
  <si>
    <t>65db271e-e276-43d4-9396-0163bed3c5d2.tmp</t>
  </si>
  <si>
    <t>\\acsfs\profiles$\myllenardl\Downloads\65db271e-e276-43d4-9396-0163bed3c5d2.tmp</t>
  </si>
  <si>
    <t>8900303f-b377-485d-ab63-3cd20e245bc3.tmp</t>
  </si>
  <si>
    <t>\\acsfs\profiles$\myllenardl\Downloads\8900303f-b377-485d-ab63-3cd20e245bc3.tmp</t>
  </si>
  <si>
    <t>mail.google.com/_/upload?authuser=1&amp;dcp=asu-n&amp;upload_id=AEnB2UpiNfGBLI3kzlozbGIwk0lqvmya1r6M7rv5Z4M3m2aTSJukjXaP3f4D1K81be9sitHroq8-fXkocT9jcLrSuByiK70KFdkEaVsgM3_duyPWizH3CXQ&amp;upload_protocol=resumable</t>
  </si>
  <si>
    <t>\\acsfs\Deptos\CPC\4 - MIS\2 - Cliente\8 - Bradesco\53 - URR\03 - Entrega\Curva ABCD\</t>
  </si>
  <si>
    <t>Curva_ABCD_URR_Fechamento_Dezembro.xlsm</t>
  </si>
  <si>
    <t>406f9ca8-f124-414a-bf20-818b1cb2d3cc.tmp</t>
  </si>
  <si>
    <t>\\acsfs\profiles$\lorenabmc\Downloads\406f9ca8-f124-414a-bf20-818b1cb2d3cc.tmp</t>
  </si>
  <si>
    <t>7b331291-f697-4d8a-a958-28f645b28826.tmp</t>
  </si>
  <si>
    <t>\\acsfs\profiles$\lorenabmc\Downloads\7b331291-f697-4d8a-a958-28f645b28826.tmp</t>
  </si>
  <si>
    <t>fd5d1568-072c-46e0-92a4-a44b2c5fdf3c.tmp</t>
  </si>
  <si>
    <t>\\acsfs\profiles$\larissaad\Downloads\fd5d1568-072c-46e0-92a4-a44b2c5fdf3c.tmp</t>
  </si>
  <si>
    <t>24de3616-e14b-4304-8e97-4c95fba3ff6a.tmp</t>
  </si>
  <si>
    <t>\\acsfs\profiles$\rafaelahpn\Downloads\24de3616-e14b-4304-8e97-4c95fba3ff6a.tmp</t>
  </si>
  <si>
    <t>3e00c652-adc3-436d-b0e3-a93843e1f75b.tmp</t>
  </si>
  <si>
    <t>\\acsfs\profiles$\wedersonbadr\My Documents\My Music\3e00c652-adc3-436d-b0e3-a93843e1f75b.tmp</t>
  </si>
  <si>
    <t>ae07e7ae-930d-43ba-906a-0793d0d45818.tmp</t>
  </si>
  <si>
    <t>\\acsfs\profiles$\wedersonbadr\My Documents\My Music\ae07e7ae-930d-43ba-906a-0793d0d45818.tmp</t>
  </si>
  <si>
    <t>868ee400-4fe9-4470-ae41-7f770897174a.tmp</t>
  </si>
  <si>
    <t>\\acsfs\profiles$\wedersonbadr\My Documents\My Music\868ee400-4fe9-4470-ae41-7f770897174a.tmp</t>
  </si>
  <si>
    <t>637d6d43-7c09-4885-bfa4-0ddccb9fb06f.tmp</t>
  </si>
  <si>
    <t>\\acsfs\profiles$\rafaelahpn\Downloads\637d6d43-7c09-4885-bfa4-0ddccb9fb06f.tmp</t>
  </si>
  <si>
    <t>80fcac47-601d-4179-af5d-255135eec988.tmp</t>
  </si>
  <si>
    <t>\\acsfs\profiles$\rafaelahpn\Downloads\80fcac47-601d-4179-af5d-255135eec988.tmp</t>
  </si>
  <si>
    <t>6fe085b4-b7e4-451a-b502-43fbb8f92b06.tmp</t>
  </si>
  <si>
    <t>\\acsfs\profiles$\rafaelahpn\Downloads\6fe085b4-b7e4-451a-b502-43fbb8f92b06.tmp</t>
  </si>
  <si>
    <t>3ebaec56-79c6-40b4-9a4b-5225dd4f8132.tmp</t>
  </si>
  <si>
    <t>\\acsfs\profiles$\gabriellalpr\Downloads\3ebaec56-79c6-40b4-9a4b-5225dd4f8132.tmp</t>
  </si>
  <si>
    <t>ba2436fc-e3fe-4977-a7b0-d1e50bca1012.tmp</t>
  </si>
  <si>
    <t>\\acsfs\profiles$\brendadsl\Downloads\ba2436fc-e3fe-4977-a7b0-d1e50bca1012.tmp</t>
  </si>
  <si>
    <t>44fb7edb-0e29-4a67-91f8-383988cf0a19.tmp</t>
  </si>
  <si>
    <t>\\acsfs\profiles$\brendadsl\Downloads\44fb7edb-0e29-4a67-91f8-383988cf0a19.tmp</t>
  </si>
  <si>
    <t>675de308-177c-44ce-9c3f-c8defbbf508b.tmp</t>
  </si>
  <si>
    <t>\\acsfs\profiles$\brendadsl\Downloads\675de308-177c-44ce-9c3f-c8defbbf508b.tmp</t>
  </si>
  <si>
    <t>lu48882xoxqr.tmp</t>
  </si>
  <si>
    <t>\\acsfs\profiles$\LORRAYNEVAM\lu48882xoxqr.tmp</t>
  </si>
  <si>
    <t>\\acsfs\profiles$\LORRAYNEVAM\lu48882xoxqr.tmp\</t>
  </si>
  <si>
    <t>\\acsfs\profiles$\LORRAYNEVAM\lu48882xoxqr.tmp\META-INF\</t>
  </si>
  <si>
    <t>\\acsfs\profiles$\LORRAYNEVAM\lu48882xoxqr.tmp\Thumbnails\</t>
  </si>
  <si>
    <t>4cab1269-618d-494c-91b4-f160cff66f00.tmp</t>
  </si>
  <si>
    <t>\\acsfs\profiles$\francislayneads\Downloads\4cab1269-618d-494c-91b4-f160cff66f00.tmp</t>
  </si>
  <si>
    <t>10.200.66.10</t>
  </si>
  <si>
    <t>74-86-7A-FB-18-8E</t>
  </si>
  <si>
    <t>VOTORANT-ZB003</t>
  </si>
  <si>
    <t>2ddb3c44-60ea-440c-ad0f-0e12f45fee6e.tmp</t>
  </si>
  <si>
    <t>\\acsfs\profiles$\rafaelahpn\Downloads\2ddb3c44-60ea-440c-ad0f-0e12f45fee6e.tmp</t>
  </si>
  <si>
    <t>32641c79-1015-4bd5-9718-5c01e0ffa13e.tmp</t>
  </si>
  <si>
    <t>\\acsfs\profiles$\rafaelahpn\Downloads\32641c79-1015-4bd5-9718-5c01e0ffa13e.tmp</t>
  </si>
  <si>
    <t>b13dff75-cc38-4266-8588-5b399717a106.tmp</t>
  </si>
  <si>
    <t>\\acsfs\profiles$\andreapdsg\Downloads\b13dff75-cc38-4266-8588-5b399717a106.tmp</t>
  </si>
  <si>
    <t>24cd5860-291a-4457-b1f4-a2c108ce6cbd.tmp</t>
  </si>
  <si>
    <t>\\acsfs\profiles$\andreapdsg\Downloads\24cd5860-291a-4457-b1f4-a2c108ce6cbd.tmp</t>
  </si>
  <si>
    <t>a38a5d3c-40fb-4869-ac88-00212ce50876.tmp</t>
  </si>
  <si>
    <t>\\acsfs\profiles$\andreapdsg\Downloads\a38a5d3c-40fb-4869-ac88-00212ce50876.tmp</t>
  </si>
  <si>
    <t>\\acsfs\DEPTOS\Operacao\PCP\5 - Comum\PLANEJAMENTO BV\22 - BANCO DE DADOS BV\FINANCEIRA\5F80BAAE.tmp\</t>
  </si>
  <si>
    <t>\\acsfs\DEPTOS\Operacao\PCP\5 - Comum\PLANEJAMENTO BV\22 - BANCO DE DADOS BV\FINANCEIRA\5F80BAAE.tmp\:Zone.Identifier:$DATA</t>
  </si>
  <si>
    <t>\\acsfs\DEPTOS\Operacao\PCP\5 - Comum\PLANEJAMENTO BV\22 - BANCO DE DADOS BV\FINANCEIRA\Banco de Dados BV 12-2019.xlsx</t>
  </si>
  <si>
    <t>lu302402r1miu.tmp</t>
  </si>
  <si>
    <t>\\acsfs\profiles$\jalilebds\Downloads\lu302402r1miu.tmp</t>
  </si>
  <si>
    <t>e9c612ca-91e8-46ac-bbe2-28b42dce9274.tmp</t>
  </si>
  <si>
    <t>\\acsfs\profiles$\laurandos\Downloads\e9c612ca-91e8-46ac-bbe2-28b42dce9274.tmp</t>
  </si>
  <si>
    <t>backofficebv@dxc.com;fernandaab@algartech.com;jose.ric.dos-santos@dxc.com;larissa.alcantara@bv.com.br;marianeps@algartech.com;talmaiardo@algartech.com;thiagordu@algartech.com;</t>
  </si>
  <si>
    <t>backofficebv@dxc.com,fernandaab@algartech.com,jose.ric.dos-santos@dxc.com,larissa.alcantara@bv.com.br,marianeps@algartech.com,talmaiardo@algartech.com,thiagordu@algartech.com</t>
  </si>
  <si>
    <t>mail.google.com/sync/u/0/i/s?hl=pt-BR&amp;c=1164</t>
  </si>
  <si>
    <t>6a55bfdf-02bc-453f-8fbf-4d3090bbdd22.tmp</t>
  </si>
  <si>
    <t>\\acsfs\profiles$\michelerds\Downloads\6a55bfdf-02bc-453f-8fbf-4d3090bbdd22.tmp</t>
  </si>
  <si>
    <t>lu302402r1mix.tmp</t>
  </si>
  <si>
    <t>\\acsfs\profiles$\jalilebds\Downloads\lu302402r1mix.tmp</t>
  </si>
  <si>
    <t>9ed57e8e-8181-4262-988d-d2e9b72985f4.tmp</t>
  </si>
  <si>
    <t>\\acsfs\profiles$\laurandos\Downloads\9ed57e8e-8181-4262-988d-d2e9b72985f4.tmp</t>
  </si>
  <si>
    <t>gabrieljst@algartech.com;</t>
  </si>
  <si>
    <t>C:\Users\jefersonfo\Documents\Administrativos\</t>
  </si>
  <si>
    <t>gabrieljst@algartech.com</t>
  </si>
  <si>
    <t>XLOG_anacdos_02012020_081500.log</t>
  </si>
  <si>
    <t>\\acsfs\profiles$\anacdos\My Documents\xworkcenter\logs\XLOG_anacdos_02012020_081500.log</t>
  </si>
  <si>
    <t>https://algar.folhasinergyrh.com.br/afastamento/upload?id=0&amp;idsolicitacao=17289</t>
  </si>
  <si>
    <t>31/12/2019;</t>
  </si>
  <si>
    <t>image2020-01-02-134558.pdf</t>
  </si>
  <si>
    <t>https://31/12/2019</t>
  </si>
  <si>
    <t>lu302402r1mj0.tmp</t>
  </si>
  <si>
    <t>\\acsfs\profiles$\jalilebds\Downloads\lu302402r1mj0.tmp</t>
  </si>
  <si>
    <t>4e02fe31-23f7-4aac-82bb-eeb1fb8ba172.tmp</t>
  </si>
  <si>
    <t>\\acsfs\profiles$\alinepp\Downloads\4e02fe31-23f7-4aac-82bb-eeb1fb8ba172.tmp</t>
  </si>
  <si>
    <t>mail.google.com/sync/u/0/i/s?hl=pt-BR&amp;c=1182</t>
  </si>
  <si>
    <t>mail.google.com/sync/u/0/i/s?hl=pt-BR&amp;c=1184</t>
  </si>
  <si>
    <t>mail.google.com/sync/u/0/i/s?hl=pt-BR&amp;c=1187</t>
  </si>
  <si>
    <t>mail.google.com/sync/u/0/i/s?hl=pt-BR&amp;c=1189</t>
  </si>
  <si>
    <t>mail.google.com/sync/u/0/i/s?hl=pt-BR&amp;c=1191</t>
  </si>
  <si>
    <t>lu228362gud18.tmp</t>
  </si>
  <si>
    <t>\\acsfs\profiles$\victoriaksr\My Documents\lu228362gud18.tmp</t>
  </si>
  <si>
    <t>.~lock.TABELA VENDAS JANEIRO.ods#</t>
  </si>
  <si>
    <t>\\acsfs\profiles$\lucasgpe\Desktop\.~lock.TABELA VENDAS JANEIRO.ods#</t>
  </si>
  <si>
    <t>lu5040pcew.tmp</t>
  </si>
  <si>
    <t>\\acsfs\profiles$\lucasgpe\Desktop\lu5040pcew.tmp</t>
  </si>
  <si>
    <t>\\acsfs\profiles$\lucasgpe\Desktop\lu5040pcew.tmp\</t>
  </si>
  <si>
    <t>\\acsfs\profiles$\lucasgpe\Desktop\lu5040pcew.tmp\META-INF\</t>
  </si>
  <si>
    <t>\\acsfs\profiles$\lucasgpe\Desktop\lu5040pcew.tmp\Thumbnails\</t>
  </si>
  <si>
    <t>https://algar.folhasinergyrh.com.br/afastamento/upload?id=0&amp;idsolicitacao=17299</t>
  </si>
  <si>
    <t>30/12/2019;31/12/2019;</t>
  </si>
  <si>
    <t>image2020-01-02-163119.pdf</t>
  </si>
  <si>
    <t>https://30/12/2019,31/12/2019</t>
  </si>
  <si>
    <t>mail.google.com/_/upload?authuser=0&amp;dcp=asu-n&amp;upload_id=AEnB2Up4pL_WZCJ-NTIglSG7Fq5dhaKtdQDt7aAYB7bdqzFo7WQ4UqFDa3IAea3_lTrB2d_XFuIhNMQN2rpGkReKvA5TnGMtC0RtBNQFvvgd_9GI6qiIwi8&amp;upload_protocol=resumable</t>
  </si>
  <si>
    <t>CAS - cab-servbrasif (3).xlsx</t>
  </si>
  <si>
    <t>lu302402r1mj3.tmp</t>
  </si>
  <si>
    <t>\\acsfs\profiles$\jalilebds\Downloads\lu302402r1mj3.tmp</t>
  </si>
  <si>
    <t>mail.google.com/sync/u/0/i/s?hl=pt-BR&amp;c=1196</t>
  </si>
  <si>
    <t>mail.google.com/sync/u/0/i/s?hl=pt-BR&amp;c=1198</t>
  </si>
  <si>
    <t>mail.google.com/sync/u/0/i/s?hl=pt-BR&amp;c=1201</t>
  </si>
  <si>
    <t>mail.google.com/sync/u/0/i/s?hl=pt-BR&amp;c=1203</t>
  </si>
  <si>
    <t>mail.google.com/sync/u/0/i/s?hl=pt-BR&amp;c=1206</t>
  </si>
  <si>
    <t>mail.google.com/sync/u/0/i/s?hl=pt-BR&amp;c=1208</t>
  </si>
  <si>
    <t>mail.google.com/sync/u/0/i/s?hl=pt-BR&amp;c=1215</t>
  </si>
  <si>
    <t>mail.google.com/sync/u/0/i/s?hl=pt-BR&amp;c=1218</t>
  </si>
  <si>
    <t>RES: Relatório Ações B.O - Especialistas</t>
  </si>
  <si>
    <t>30/12/2019;eliane.martins@bv.com.br;</t>
  </si>
  <si>
    <t>30/12/2019,eliane.martins@bv.com.br</t>
  </si>
  <si>
    <t>30/12/2019,31/12/2019</t>
  </si>
  <si>
    <t>_x001A_;n@�})n&lt;x bc��r��&lt;���_x0012_��g{^=r'�b��_x0013_u_x0014_3�ogq��8{�y=�rwq��q_x000E_b�1�-�\��*��{�g_x001E_��lozn�_x001A_m���h����_x001E_��w�;</t>
  </si>
  <si>
    <t>_x001A_,n@�})n&lt;x bc��r��&lt;���_x0012_��g{^=r'�b��_x0013_u_x0014_3�ogq��8{�y=�rwq��q_x000E_b�1�-�\��*��{�g_x001E_��lozn�_x001A_m���h����_x001E_��w�</t>
  </si>
  <si>
    <t>C:\one drvie algar\algar\BU Financeira 2020\</t>
  </si>
  <si>
    <t>diretos marco.xlsx</t>
  </si>
  <si>
    <t>mail.google.com/sync/u/0/i/s?hl=pt-BR&amp;c=1229</t>
  </si>
  <si>
    <t>mail.google.com/sync/u/0/i/s?hl=pt-BR&amp;c=1232</t>
  </si>
  <si>
    <t>mail.google.com/sync/u/0/i/s?hl=pt-BR&amp;c=1235</t>
  </si>
  <si>
    <t>mail.google.com/sync/u/0/i/s?hl=pt-BR&amp;c=1239</t>
  </si>
  <si>
    <t>mail.google.com/sync/u/0/i/s?hl=pt-BR&amp;c=1241</t>
  </si>
  <si>
    <t>1eff5238-49f5-4854-b22b-2c863222f0e5.tmp</t>
  </si>
  <si>
    <t>\\acsfs\profiles$\henriqueco\Downloads\1eff5238-49f5-4854-b22b-2c863222f0e5.tmp</t>
  </si>
  <si>
    <t>XLOG_ellencds_02012020_090337.log</t>
  </si>
  <si>
    <t>\\acsfs\profiles$\ellencds\My Documents\xworkcenter\logs\XLOG_ellencds_02012020_090337.log</t>
  </si>
  <si>
    <t>1d5730a6-54c6-49fe-a2d2-17397ca80718.tmp</t>
  </si>
  <si>
    <t>\\acsfs\profiles$\joycemmdl\Downloads\1d5730a6-54c6-49fe-a2d2-17397ca80718.tmp</t>
  </si>
  <si>
    <t>lu302402r1mjb.tmp</t>
  </si>
  <si>
    <t>\\acsfs\profiles$\jalilebds\Downloads\lu302402r1mjb.tmp</t>
  </si>
  <si>
    <t>lu352563z7d7m.tmp</t>
  </si>
  <si>
    <t>\\acsfs\profiles$\isabeldst\My Documents\lu352563z7d7m.tmp</t>
  </si>
  <si>
    <t>\\acsfs\profiles$\isabeldst\My Documents\lu352563z7d7m.tmp\</t>
  </si>
  <si>
    <t>\\acsfs\profiles$\isabeldst\My Documents\lu352563z7d7m.tmp\META-INF\</t>
  </si>
  <si>
    <t>\\acsfs\profiles$\isabeldst\My Documents\lu352563z7d7m.tmp\Thumbnails\</t>
  </si>
  <si>
    <t>lu352563z7d7s.tmp</t>
  </si>
  <si>
    <t>\\acsfs\profiles$\isabeldst\My Documents\lu352563z7d7s.tmp</t>
  </si>
  <si>
    <t>\\acsfs\profiles$\isabeldst\My Documents\lu352563z7d7s.tmp\</t>
  </si>
  <si>
    <t>\\acsfs\profiles$\isabeldst\My Documents\lu352563z7d7s.tmp\META-INF\</t>
  </si>
  <si>
    <t>\\acsfs\profiles$\isabeldst\My Documents\lu352563z7d7s.tmp\Thumbnails\</t>
  </si>
  <si>
    <t>ff08f554-a96f-4f1b-b7c8-c22fe9ae12ed.tmp</t>
  </si>
  <si>
    <t>\\acsfs\profiles$\joycemmdl\Downloads\ff08f554-a96f-4f1b-b7c8-c22fe9ae12ed.tmp</t>
  </si>
  <si>
    <t>lu302402r1mje.tmp</t>
  </si>
  <si>
    <t>\\acsfs\profiles$\jalilebds\Downloads\lu302402r1mje.tmp</t>
  </si>
  <si>
    <t>a9c9bd91-344f-4e20-8101-9a7d079a744f.tmp</t>
  </si>
  <si>
    <t>\\acsfs\profiles$\erichds\Downloads\a9c9bd91-344f-4e20-8101-9a7d079a744f.tmp</t>
  </si>
  <si>
    <t>0ea94b0b-6a79-4e08-9a2c-694207d2f02e.tmp</t>
  </si>
  <si>
    <t>\\acsfs\profiles$\gabrielamdp\Downloads\0ea94b0b-6a79-4e08-9a2c-694207d2f02e.tmp</t>
  </si>
  <si>
    <t>C:\Users\karinefg\Downloads\</t>
  </si>
  <si>
    <t>image2020-01-02-163321.zip</t>
  </si>
  <si>
    <t>C:\Users\karinefg\Downloads\image2020-01-02-163321.zip\</t>
  </si>
  <si>
    <t>image2020-01-02-163321.pdf</t>
  </si>
  <si>
    <t>https://algar.folhasinergyrh.com.br/rescisao/upload?id=0&amp;idsolicitacao=0&amp;idprerescisao=1656</t>
  </si>
  <si>
    <t>lu10232pc70.tmp</t>
  </si>
  <si>
    <t>\\acsfs\profiles$\fabianafv\My Documents\lu10232pc70.tmp</t>
  </si>
  <si>
    <t>\\acsfs\profiles$\fabianafv\My Documents\lu10232pc70.tmp\</t>
  </si>
  <si>
    <t>\\acsfs\profiles$\fabianafv\My Documents\lu10232pc70.tmp\META-INF\</t>
  </si>
  <si>
    <t>\\acsfs\profiles$\fabianafv\My Documents\lu10232pc70.tmp\Thumbnails\</t>
  </si>
  <si>
    <t>\\acsfs\DEPTOS\Controladoria\Planejamento\Reuniões Mensais\2019\12 - Dezembro\Suporte Fechamento\Análise Resultado\</t>
  </si>
  <si>
    <t>122019_Relatorio_Despesa.xlsb</t>
  </si>
  <si>
    <t>mail.google.com/_/upload?authuser=0&amp;dcp=asu-n&amp;upload_id=AEnB2Uo6WuK8zgmBLaJL-6GfzRdb1415B1Vd-3pn7ky46CahT2R0-7hL0OFycUvhBB1JZtueAQTIynwGtY_iJaCvNN6pxxMOp3uZEze3758vWcakzFYoQOY&amp;upload_protocol=resumable</t>
  </si>
  <si>
    <t>122019_Relatorio_Indiretos.xlsb</t>
  </si>
  <si>
    <t>lu302402r1mjh.tmp</t>
  </si>
  <si>
    <t>\\acsfs\profiles$\jalilebds\Downloads\lu302402r1mjh.tmp</t>
  </si>
  <si>
    <t>mail.google.com/sync/u/0/i/s?hl=pt-BR&amp;c=1244</t>
  </si>
  <si>
    <t>mail.google.com/sync/u/0/i/s?hl=pt-BR&amp;c=1247</t>
  </si>
  <si>
    <t>mail.google.com/sync/u/0/i/s?hl=pt-BR&amp;c=1249</t>
  </si>
  <si>
    <t>mail.google.com/sync/u/0/i/s?hl=pt-BR&amp;c=1252</t>
  </si>
  <si>
    <t>mail.google.com/sync/u/0/i/s?hl=pt-BR&amp;c=1254</t>
  </si>
  <si>
    <t>656a1eec-e764-41f3-8c3b-6eff271c200a.tmp</t>
  </si>
  <si>
    <t>\\acsfs\profiles$\regisedsj\Downloads\656a1eec-e764-41f3-8c3b-6eff271c200a.tmp</t>
  </si>
  <si>
    <t>a96567e4-1331-4167-84c2-546a1b50c4ca.tmp</t>
  </si>
  <si>
    <t>\\acsfs\profiles$\rafaelahpn\Downloads\a96567e4-1331-4167-84c2-546a1b50c4ca.tmp</t>
  </si>
  <si>
    <t>a4e9d8d5-c226-441b-bfda-38cc11860e24.tmp</t>
  </si>
  <si>
    <t>\\acsfs\profiles$\fabianobmf\Downloads\a4e9d8d5-c226-441b-bfda-38cc11860e24.tmp</t>
  </si>
  <si>
    <t>b5b32f8d-bc7c-41f9-9db0-fd44aa16ffdf.tmp</t>
  </si>
  <si>
    <t>\\acsfs\profiles$\fabianobmf\Downloads\b5b32f8d-bc7c-41f9-9db0-fd44aa16ffdf.tmp</t>
  </si>
  <si>
    <t>lu302402r1mjk.tmp</t>
  </si>
  <si>
    <t>\\acsfs\profiles$\jalilebds\Downloads\lu302402r1mjk.tmp</t>
  </si>
  <si>
    <t>caa92061-c458-4ffc-802b-51fa2bd7e6c4.tmp</t>
  </si>
  <si>
    <t>\\acsfs\profiles$\jalilebds\Downloads\caa92061-c458-4ffc-802b-51fa2bd7e6c4.tmp</t>
  </si>
  <si>
    <t>.~lock.filas 1721 1725 e 1724 a tratar (1).xlsx#</t>
  </si>
  <si>
    <t>\\acsfs\profiles$\jalilebds\Downloads\.~lock.filas 1721 1725 e 1724 a tratar (1).xlsx#</t>
  </si>
  <si>
    <t>lu302402r1mjq.tmp</t>
  </si>
  <si>
    <t>\\acsfs\profiles$\jalilebds\Downloads\lu302402r1mjq.tmp</t>
  </si>
  <si>
    <t>lu302402r1mjt.tmp</t>
  </si>
  <si>
    <t>\\acsfs\profiles$\jalilebds\Downloads\lu302402r1mjt.tmp</t>
  </si>
  <si>
    <t>lu302402r1mjw.tmp</t>
  </si>
  <si>
    <t>\\acsfs\profiles$\jalilebds\Downloads\lu302402r1mjw.tmp</t>
  </si>
  <si>
    <t>adrianofo@algartech.com.br;hiago.santos@fisglobal.com;poliane.amaral@bradesco.com.br;</t>
  </si>
  <si>
    <t>Cópia de SALDO CREDOR UNE.xlsx</t>
  </si>
  <si>
    <t>adrianofo@algartech.com.br,hiago.santos@fisglobal.com,poliane.amaral@bradesco.com.br</t>
  </si>
  <si>
    <t>d092623a-6aad-4a45-bdb4-9de434a6ebba.tmp</t>
  </si>
  <si>
    <t>\\acsfs\profiles$\gabriellalpr\Downloads\d092623a-6aad-4a45-bdb4-9de434a6ebba.tmp</t>
  </si>
  <si>
    <t>lu302402r1mjz.tmp</t>
  </si>
  <si>
    <t>\\acsfs\profiles$\jalilebds\Downloads\lu302402r1mjz.tmp</t>
  </si>
  <si>
    <t>lu302402r1mk2.tmp</t>
  </si>
  <si>
    <t>\\acsfs\profiles$\jalilebds\Downloads\lu302402r1mk2.tmp</t>
  </si>
  <si>
    <t>lu302402r1mk5.tmp</t>
  </si>
  <si>
    <t>\\acsfs\profiles$\jalilebds\Downloads\lu302402r1mk5.tmp</t>
  </si>
  <si>
    <t>lu302402r1mk8.tmp</t>
  </si>
  <si>
    <t>\\acsfs\profiles$\jalilebds\Downloads\lu302402r1mk8.tmp</t>
  </si>
  <si>
    <t>lu302402r1mkb.tmp</t>
  </si>
  <si>
    <t>\\acsfs\profiles$\jalilebds\Downloads\lu302402r1mkb.tmp</t>
  </si>
  <si>
    <t>lu302402r1mke.tmp</t>
  </si>
  <si>
    <t>\\acsfs\profiles$\jalilebds\Downloads\lu302402r1mke.tmp</t>
  </si>
  <si>
    <t>\\acsfs\deptos\Operacao\PCP\5 - Comum\CONTROL DESK\2 - DAC2\Control Desk AVON\Relatorios\Status de login\2019\12 - Dezembro\</t>
  </si>
  <si>
    <t>28-12 RELATORIO DE LOGIN AVON.xlsm</t>
  </si>
  <si>
    <t>\\acsfs\deptos\Operacao\PCP\5 - Comum\CONTROL DESK\2 - DAC2\Control Desk AVON\Relatorios\Status de login\2020\28-12 RELATORIO DE LOGIN AVON.xlsm</t>
  </si>
  <si>
    <t>d79fc508-a65a-40a1-bd1e-b0337e774ca5.tmp</t>
  </si>
  <si>
    <t>\\acsfs\profiles$\rosileiam\Downloads\d79fc508-a65a-40a1-bd1e-b0337e774ca5.tmp</t>
  </si>
  <si>
    <t>lu10232pc76.tmp</t>
  </si>
  <si>
    <t>\\acsfs\profiles$\fabianafv\My Documents\lu10232pc76.tmp</t>
  </si>
  <si>
    <t>\\acsfs\profiles$\fabianafv\My Documents\lu10232pc76.tmp\</t>
  </si>
  <si>
    <t>\\acsfs\profiles$\fabianafv\My Documents\lu10232pc76.tmp\META-INF\</t>
  </si>
  <si>
    <t>\\acsfs\profiles$\fabianafv\My Documents\lu10232pc76.tmp\Thumbnails\</t>
  </si>
  <si>
    <t>538827d0-a573-481a-b27c-1370b0696cb6.tmp</t>
  </si>
  <si>
    <t>\\acsfs\profiles$\fabianafv\Downloads\538827d0-a573-481a-b27c-1370b0696cb6.tmp</t>
  </si>
  <si>
    <t>lu211202da8ue.tmp</t>
  </si>
  <si>
    <t>\\acsfs\profiles$\edicarlosdl\My Documents\lu211202da8ue.tmp</t>
  </si>
  <si>
    <t>\\acsfs\profiles$\edicarlosdl\My Documents\lu211202da8ue.tmp\</t>
  </si>
  <si>
    <t>\\acsfs\profiles$\edicarlosdl\My Documents\lu211202da8ue.tmp\META-INF\</t>
  </si>
  <si>
    <t>\\acsfs\profiles$\edicarlosdl\My Documents\lu211202da8ue.tmp\Thumbnails\</t>
  </si>
  <si>
    <t>e8356721-9fe7-4db9-a2df-9460c5c2f61e.tmp</t>
  </si>
  <si>
    <t>\\acsfs\profiles$\andreapdsg\Downloads\e8356721-9fe7-4db9-a2df-9460c5c2f61e.tmp</t>
  </si>
  <si>
    <t>02c7f7ee-58ec-4468-9f97-28dc543fdd80.tmp</t>
  </si>
  <si>
    <t>\\acsfs\profiles$\nathaliaos\Downloads\02c7f7ee-58ec-4468-9f97-28dc543fdd80.tmp</t>
  </si>
  <si>
    <t>985af991-2fcc-4999-af5b-9e123872bce6.tmp</t>
  </si>
  <si>
    <t>\\acsfs\profiles$\nathaliaos\Downloads\985af991-2fcc-4999-af5b-9e123872bce6.tmp</t>
  </si>
  <si>
    <t>560e756b-13d8-4b25-a5b7-1acd8c305c11.tmp</t>
  </si>
  <si>
    <t>\\acsfs\profiles$\nathaliaos\Downloads\560e756b-13d8-4b25-a5b7-1acd8c305c11.tmp</t>
  </si>
  <si>
    <t>mail.google.com/_/upload?authuser=1&amp;dcp=asu-n&amp;upload_id=AEnB2UrCDuHvoA96i2mLPEQ343oouuyP631EQi-Ge9UMWLvElj-ZlA-OFP4nMPQ2Ubksiw2ARRW_AidTgs6y2bwHS7iy0NZK-plw2lJIdoutgus4rwy_iP4&amp;upload_protocol=resumable</t>
  </si>
  <si>
    <t>\\acsfs\DEPTOS\Controladoria\2 - Business Performance\2019\1 - Precificacao\1 - Analises e Acompanhamentos\1 - GAT\12 - Dezembro\IBM VLI\Ultimo\IBM VLI.zip\</t>
  </si>
  <si>
    <t>220040 - IBM - VLI - Field - BP Aprovada - C1 - (C017_B017) rev1.xlsb</t>
  </si>
  <si>
    <t>\\acsfs\DEPTOS\Controladoria\2 - Business Performance\2019\1 - Precificacao\1 - Analises e Acompanhamentos\1 - GAT\12 - Dezembro\IBM VLI\Ultimo\IBM VLI.zip\220040 - IBM - VLI - Field - BP Aprovada - C1 - (C017_B017) rev1.xlsb\</t>
  </si>
  <si>
    <t>\\acsfs\DEPTOS\Controladoria\2 - Business Performance\2019\1 - Precificacao\1 - Analises e Acompanhamentos\1 - GAT\12 - Dezembro\IBM VLI\Ultimo\IBM VLI.zip\220040 - IBM - VLI - Field - BP Aprovada - C2 - (C017_B017) rev1.xlsb\</t>
  </si>
  <si>
    <t>gustavodsil@algartech.com</t>
  </si>
  <si>
    <t>ab783619-68ec-432a-8796-0bd04dcaaadb.tmp</t>
  </si>
  <si>
    <t>\\acsfs\profiles$\philipegsf\Downloads\ab783619-68ec-432a-8796-0bd04dcaaadb.tmp</t>
  </si>
  <si>
    <t>recuperacao custos dez.19.xls</t>
  </si>
  <si>
    <t>34420f93-c1fb-42f3-8124-3248aec5ee46.tmp</t>
  </si>
  <si>
    <t>\\acsfs\profiles$\taylaedoa\Downloads\34420f93-c1fb-42f3-8124-3248aec5ee46.tmp</t>
  </si>
  <si>
    <t>cc8758aa-2b63-46de-841b-aabf4ef47725.tmp</t>
  </si>
  <si>
    <t>\\acsfs\profiles$\taylaedoa\Downloads\cc8758aa-2b63-46de-841b-aabf4ef47725.tmp</t>
  </si>
  <si>
    <t>5cafeda1-2094-4fc4-8501-247bf21893a0.tmp</t>
  </si>
  <si>
    <t>\\acsfs\profiles$\regisedsj\Downloads\5cafeda1-2094-4fc4-8501-247bf21893a0.tmp</t>
  </si>
  <si>
    <t>000ef0e4-ded7-4e10-a7c4-7994e3d4f638.tmp</t>
  </si>
  <si>
    <t>\\acsfs\profiles$\regisedsj\Downloads\000ef0e4-ded7-4e10-a7c4-7994e3d4f638.tmp</t>
  </si>
  <si>
    <t>mgbbyetuvxuaauckwatkdgj6gnujbgtdifgleutbvvlcfe4uxarecw==;</t>
  </si>
  <si>
    <t>mgbbyetuvxuaauckwatkdgj6gnujbgtdifgleutbvvlcfe4uxarecw==</t>
  </si>
  <si>
    <t>ebeba2eb-855f-4a66-a344-0180e1bc1ae1.tmp</t>
  </si>
  <si>
    <t>\\acsfs\profiles$\mariajaf\Downloads\ebeba2eb-855f-4a66-a344-0180e1bc1ae1.tmp</t>
  </si>
  <si>
    <t>d03dce54-1a8c-4b74-a63a-845940301394.tmp</t>
  </si>
  <si>
    <t>\\acsfs\profiles$\leonardocb\Downloads\d03dce54-1a8c-4b74-a63a-845940301394.tmp</t>
  </si>
  <si>
    <t>c445ada6-8dc6-4de8-a39f-d2ae83c467cf.tmp</t>
  </si>
  <si>
    <t>\\acsfs\profiles$\leonardocb\Downloads\c445ada6-8dc6-4de8-a39f-d2ae83c467cf.tmp</t>
  </si>
  <si>
    <t>12be46dd-04f5-4729-ae60-cce78f52b483.tmp</t>
  </si>
  <si>
    <t>\\acsfs\profiles$\mariajaf\Downloads\12be46dd-04f5-4729-ae60-cce78f52b483.tmp</t>
  </si>
  <si>
    <t>4b7d928e-4c02-4982-b73c-59b41b873fc5.tmp</t>
  </si>
  <si>
    <t>\\acsfs\profiles$\leandromsa\Downloads\4b7d928e-4c02-4982-b73c-59b41b873fc5.tmp</t>
  </si>
  <si>
    <t>480439e1-752b-4b35-b7d7-55aef1e422c3.tmp</t>
  </si>
  <si>
    <t>\\acsfs\profiles$\leandromsa\Downloads\480439e1-752b-4b35-b7d7-55aef1e422c3.tmp</t>
  </si>
  <si>
    <t>29-12 RELATORIO DE LOGIN AVON - Cópia.xlsm</t>
  </si>
  <si>
    <t>\\acsfs\deptos\Operacao\PCP\5 - Comum\CONTROL DESK\2 - DAC2\Control Desk AVON\Relatorios\Status de login\2019\12 - Dezembro\29-12 RELATORIO DE LOGIN AVON - Cópia.xlsm</t>
  </si>
  <si>
    <t>andre.komatsubara@bradesco.com.br;evertonpdsr@algartech.com.br;lorrany.bianca@bradesco.com.br;murillo.silva@bradesco.com.br;</t>
  </si>
  <si>
    <t>CONTROLE INCLUSÕES.xlsx</t>
  </si>
  <si>
    <t>andre.komatsubara@bradesco.com.br,evertonpdsr@algartech.com.br,lorrany.bianca@bradesco.com.br,murillo.silva@bradesco.com.br</t>
  </si>
  <si>
    <t>bb7346a5-bc7c-4289-835a-5e0b858dd00c.tmp</t>
  </si>
  <si>
    <t>\\acsfs\profiles$\fabianafv\Downloads\bb7346a5-bc7c-4289-835a-5e0b858dd00c.tmp</t>
  </si>
  <si>
    <t>guilhermeaso@algartech.com;</t>
  </si>
  <si>
    <t>guilhermeaso@algartech.com</t>
  </si>
  <si>
    <t>30-12 RELATORIO DE LOGIN AVON.xlsm</t>
  </si>
  <si>
    <t>\\acsfs\deptos\Operacao\PCP\5 - Comum\CONTROL DESK\2 - DAC2\Control Desk AVON\Relatorios\Status de login\2019\12 - Dezembro\30-12 RELATORIO DE LOGIN AVON.xlsm</t>
  </si>
  <si>
    <t>mail.google.com/sync/u/0/i/s?hl=pt-BR&amp;c=1283</t>
  </si>
  <si>
    <t>mail.google.com/sync/u/0/i/s?hl=pt-BR&amp;c=1285</t>
  </si>
  <si>
    <t>mail.google.com/sync/u/0/i/s?hl=pt-BR&amp;c=1291</t>
  </si>
  <si>
    <t>mail.google.com/sync/u/0/i/s?hl=pt-BR&amp;c=1293</t>
  </si>
  <si>
    <t>algartechcpcbv@algartech.com;andrelpsa@algartech.com;cpc-controldeskavon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1295</t>
  </si>
  <si>
    <t>mail.google.com/sync/u/0/i/s?hl=pt-BR&amp;c=1297</t>
  </si>
  <si>
    <t>mail.google.com/sync/u/0/i/s?hl=pt-BR&amp;c=1299</t>
  </si>
  <si>
    <t>andrelps@algartech.com;</t>
  </si>
  <si>
    <t>0ff862dd-a03f-4b1a-80e0-e031740ffe06.tmp</t>
  </si>
  <si>
    <t>\\acsfs\profiles$\JOAOVAL\Downloads\0ff862dd-a03f-4b1a-80e0-e031740ffe06.tmp</t>
  </si>
  <si>
    <t>leonardomcb@algartech.com;marco.goncalves@algar.com.br;</t>
  </si>
  <si>
    <t>Checklist Projeto Nimbus_Consolidado_Abertura Data Room V3.xlsx</t>
  </si>
  <si>
    <t>leonardomcb@algartech.com,marco.goncalves@algar.com.br</t>
  </si>
  <si>
    <t>100035125381406;fÉrias;</t>
  </si>
  <si>
    <t>https://100035125381406,fÉrias</t>
  </si>
  <si>
    <t>mail.google.com/sync/u/0/i/s?hl=pt-BR&amp;c=1302</t>
  </si>
  <si>
    <t>mail.google.com/sync/u/0/i/s?hl=pt-BR&amp;c=1305</t>
  </si>
  <si>
    <t>mail.google.com/sync/u/0/i/s?hl=pt-BR&amp;c=1307</t>
  </si>
  <si>
    <t>mail.google.com/sync/u/0/i/s?hl=pt-BR&amp;c=1309</t>
  </si>
  <si>
    <t>mail.google.com/sync/u/0/i/s?hl=pt-BR&amp;c=1311</t>
  </si>
  <si>
    <t>mail.google.com/sync/u/0/i/s?hl=pt-BR&amp;c=1313</t>
  </si>
  <si>
    <t>mail.google.com/sync/u/0/i/s?hl=pt-BR&amp;c=1317</t>
  </si>
  <si>
    <t>mail.google.com/sync/u/0/i/s?hl=pt-BR&amp;c=1320</t>
  </si>
  <si>
    <t>mail.google.com/sync/u/0/i/s?hl=pt-BR&amp;c=1322</t>
  </si>
  <si>
    <t>mail.google.com/sync/u/0/i/s?hl=pt-BR&amp;c=1324</t>
  </si>
  <si>
    <t>ENC: Controle Inclusões</t>
  </si>
  <si>
    <t>c03b57fe-0dc6-490c-96f2-7e4298e2f9eb.tmp</t>
  </si>
  <si>
    <t>\\acsfs\profiles$\gabriellalpr\Downloads\c03b57fe-0dc6-490c-96f2-7e4298e2f9eb.tmp</t>
  </si>
  <si>
    <t>mail.google.com/sync/u/0/i/s?hl=pt-BR&amp;c=1338</t>
  </si>
  <si>
    <t>mail.google.com/sync/u/0/i/s?hl=pt-BR&amp;c=1340</t>
  </si>
  <si>
    <t>mail.google.com/sync/u/0/i/s?hl=pt-BR&amp;c=1342</t>
  </si>
  <si>
    <t>mail.google.com/sync/u/0/i/s?hl=pt-BR&amp;c=1344</t>
  </si>
  <si>
    <t>mail.google.com/sync/u/0/i/s?hl=pt-BR&amp;c=1347</t>
  </si>
  <si>
    <t>mail.google.com/sync/u/0/i/s?hl=pt-BR&amp;c=1349</t>
  </si>
  <si>
    <t>mail.google.com/sync/u/0/i/s?hl=pt-BR&amp;c=1351</t>
  </si>
  <si>
    <t>mail.google.com/sync/u/0/i/s?hl=pt-BR&amp;c=1353</t>
  </si>
  <si>
    <t>mail.google.com/sync/u/0/i/s?hl=pt-BR&amp;c=1355</t>
  </si>
  <si>
    <t>mail.google.com/sync/u/0/i/s?hl=pt-BR&amp;c=1357</t>
  </si>
  <si>
    <t>mail.google.com/sync/u/0/i/s?hl=pt-BR&amp;c=1360</t>
  </si>
  <si>
    <t>mail.google.com/sync/u/0/i/s?hl=pt-BR&amp;c=1362</t>
  </si>
  <si>
    <t>mail.google.com/sync/u/0/i/s?hl=pt-BR&amp;c=1364</t>
  </si>
  <si>
    <t>mail.google.com/sync/u/0/i/s?hl=pt-BR&amp;c=1366</t>
  </si>
  <si>
    <t>mail.google.com/sync/u/0/i/s?hl=pt-BR&amp;c=1368</t>
  </si>
  <si>
    <t>mail.google.com/sync/u/0/i/s?hl=pt-BR&amp;c=1371</t>
  </si>
  <si>
    <t>mail.google.com/sync/u/0/i/s?hl=pt-BR&amp;c=1373</t>
  </si>
  <si>
    <t>mail.google.com/sync/u/0/i/s?hl=pt-BR&amp;c=1375</t>
  </si>
  <si>
    <t>Resultado Semanal D2C - Dez19.xlsx</t>
  </si>
  <si>
    <t>6e494def-bb02-4221-b0d7-d3cfd390b454.tmp</t>
  </si>
  <si>
    <t>\\acsfs\profiles$\henriqueco\Downloads\6e494def-bb02-4221-b0d7-d3cfd390b454.tmp</t>
  </si>
  <si>
    <t>7df0529c-126c-467d-8a4a-94fa39f12cbf.tmp</t>
  </si>
  <si>
    <t>\\acsfs\profiles$\victorgl\Downloads\7df0529c-126c-467d-8a4a-94fa39f12cbf.tmp</t>
  </si>
  <si>
    <t>CSC Viagem_3512450.xlsx</t>
  </si>
  <si>
    <t>1b5e9243-d5a2-4f48-a4d2-af0db7a3e4cb.tmp</t>
  </si>
  <si>
    <t>\\acsfs\profiles$\gabrielamdp\Downloads\1b5e9243-d5a2-4f48-a4d2-af0db7a3e4cb.tmp</t>
  </si>
  <si>
    <t>e8a731eb-3765-40ad-926c-7cd5e1a89660.tmp</t>
  </si>
  <si>
    <t>\\acsfs\profiles$\gabrielamdp\Downloads\e8a731eb-3765-40ad-926c-7cd5e1a89660.tmp</t>
  </si>
  <si>
    <t>4fd9c80d-5114-4d13-9fd7-799ad9bdcfdd.tmp</t>
  </si>
  <si>
    <t>\\acsfs\profiles$\mariajaf\Downloads\4fd9c80d-5114-4d13-9fd7-799ad9bdcfdd.tmp</t>
  </si>
  <si>
    <t>4630b100-8eb0-4ee1-8990-32c455f2c30c.tmp</t>
  </si>
  <si>
    <t>\\acsfs\profiles$\matheusmax\Downloads\4630b100-8eb0-4ee1-8990-32c455f2c30c.tmp</t>
  </si>
  <si>
    <t>1c0566a6-83ad-457b-b3f1-e6a621031ca2.tmp</t>
  </si>
  <si>
    <t>\\acsfs\profiles$\brunalas\Downloads\1c0566a6-83ad-457b-b3f1-e6a621031ca2.tmp</t>
  </si>
  <si>
    <t>c83094fc-bc76-4c96-a68a-95e241cff3fa.tmp</t>
  </si>
  <si>
    <t>\\acsfs\profiles$\brunalas\Downloads\c83094fc-bc76-4c96-a68a-95e241cff3fa.tmp</t>
  </si>
  <si>
    <t>\\acsfs\profiles$\jhonatadss\My Documents\</t>
  </si>
  <si>
    <t>Jhonata.txt</t>
  </si>
  <si>
    <t>\\acsfs\profiles$\jhonatadss\My Documents\Jhonata.txt</t>
  </si>
  <si>
    <t>fbe80655-1573-4ee9-8843-40a3e5c2924a.tmp</t>
  </si>
  <si>
    <t>\\acsfs\profiles$\gabrielamdp\Downloads\fbe80655-1573-4ee9-8843-40a3e5c2924a.tmp</t>
  </si>
  <si>
    <t>C:\Users\edilsonrb\Documents\02.Trabalho\86.ANO.2020\01.CLIENTES\01.PRUDENTIAL\01.JANEIRO\01.FORNECEDORES\</t>
  </si>
  <si>
    <t>Escopo.Contratação.xlsx</t>
  </si>
  <si>
    <t>Mariana 2.jpg</t>
  </si>
  <si>
    <t>mail.google.com/_/upload?authuser=0&amp;dcp=asu-n&amp;upload_id=AEnB2UrkfZtYYPaPim0-RH7HyIJHynzlYvhf05hbBWlSbvJqdyjpLxmE2xwHc8zvl4p1t23KzC4_4Ba2HN0jvC10yhEDnRrg7xwYVthFpXIyfHXZIe9Pu4U&amp;upload_protocol=resumable</t>
  </si>
  <si>
    <t>Mariana.jpg</t>
  </si>
  <si>
    <t>links links links links links links links links.txt</t>
  </si>
  <si>
    <t>\\acsfs\profiles$\alessandraan\My Documents\links links links links links links links links.txt</t>
  </si>
  <si>
    <t>MATERIAL DE APOIO.txt</t>
  </si>
  <si>
    <t>\\acsfs\profiles$\alessandraan\My Documents\MATERIAL DE APOIO.txt</t>
  </si>
  <si>
    <t>\\acsfs\profiles$\alessandraan\My Documents\$RECYCLE.BIN\</t>
  </si>
  <si>
    <t>$IJ45N8B.txt</t>
  </si>
  <si>
    <t>\\acsfs\profiles$\alessandraan\My Documents\$RECYCLE.BIN\$IJ45N8B.txt</t>
  </si>
  <si>
    <t>$IIYWCYF.txt</t>
  </si>
  <si>
    <t>\\acsfs\profiles$\alessandraan\My Documents\$RECYCLE.BIN\$IIYWCYF.txt</t>
  </si>
  <si>
    <t>$ISVDC94.txt</t>
  </si>
  <si>
    <t>\\acsfs\profiles$\alessandraan\My Documents\$RECYCLE.BIN\$ISVDC94.txt</t>
  </si>
  <si>
    <t>$I9QMEVF.txt</t>
  </si>
  <si>
    <t>\\acsfs\profiles$\alessandraan\My Documents\$RECYCLE.BIN\$I9QMEVF.txt</t>
  </si>
  <si>
    <t>$I1V9EIQ.txt</t>
  </si>
  <si>
    <t>\\acsfs\profiles$\alessandraan\My Documents\$RECYCLE.BIN\$I1V9EIQ.txt</t>
  </si>
  <si>
    <t>$IFRZGNK.txt</t>
  </si>
  <si>
    <t>\\acsfs\profiles$\alessandraan\My Documents\$RECYCLE.BIN\$IFRZGNK.txt</t>
  </si>
  <si>
    <t>$IIAZCJ8.txt</t>
  </si>
  <si>
    <t>\\acsfs\profiles$\alessandraan\My Documents\$RECYCLE.BIN\$IIAZCJ8.txt</t>
  </si>
  <si>
    <t>100035125381406,fÉrias</t>
  </si>
  <si>
    <t>f2f44e01-5628-469c-bef0-98a4a863e391.tmp</t>
  </si>
  <si>
    <t>\\acsfs\profiles$\alinepp\Downloads\f2f44e01-5628-469c-bef0-98a4a863e391.tmp</t>
  </si>
  <si>
    <t>3446cb8e-cdf8-4a39-967a-73b6338d2d1f.tmp</t>
  </si>
  <si>
    <t>\\acsfs\profiles$\gabriellalpr\Downloads\3446cb8e-cdf8-4a39-967a-73b6338d2d1f.tmp</t>
  </si>
  <si>
    <t>https://www.portalfornecedores.tim.com.br/sap/bc/webdynpro/sap/zwd_cf/;sap-ext-sid=npzi36dclssglynj8itjsw--iafkf2eumx0o4_lck4r1va--/~wd_key/?sap-contextid=sid:anon:hsapp1s_p1s_00:2fd43o9qm-vb0qfxhkfzsukjyf7gzbq6cfc_xqth-new&amp;sap-wd-resource-id=wd24&amp;sap-wd-secure-id=ecab8ee72a2c089e558ab9f0ed40a57e</t>
  </si>
  <si>
    <t>Pedidos - 2020-01-02T182200.165.csv</t>
  </si>
  <si>
    <t>7f4eb816-3e97-4314-950b-5d2beee0ec21.tmp</t>
  </si>
  <si>
    <t>\\acsfs\profiles$\andrezacapf\Downloads\7f4eb816-3e97-4314-950b-5d2beee0ec21.tmp</t>
  </si>
  <si>
    <t>$IPSUIP0.txt</t>
  </si>
  <si>
    <t>\\acsfs\profiles$\alessandraan\My Documents\$RECYCLE.BIN\$IPSUIP0.txt</t>
  </si>
  <si>
    <t>$IM1VUP9.txt</t>
  </si>
  <si>
    <t>\\acsfs\profiles$\alessandraan\My Documents\$RECYCLE.BIN\$IM1VUP9.txt</t>
  </si>
  <si>
    <t>algartechcpcbv@algartech.com;andrelpsa@algartech.com;fabriciadc@algartech.com.br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fabriciadc@algartech.com.br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\\acsfs\profiles$\ciceraads\My Documents\xworkcenter\logs\</t>
  </si>
  <si>
    <t>XLOG_ciceraads_02012020_182444.log</t>
  </si>
  <si>
    <t>\\acsfs\profiles$\ciceraads\My Documents\xworkcenter\logs\XLOG_ciceraads_02012020_182444.log</t>
  </si>
  <si>
    <t>046a1798-f642-4470-8d17-d32474d663e0.tmp</t>
  </si>
  <si>
    <t>\\acsfs\profiles$\andreapdsg\Downloads\046a1798-f642-4470-8d17-d32474d663e0.tmp</t>
  </si>
  <si>
    <t>Pedidos - 2020-01-02T182702.038.csv</t>
  </si>
  <si>
    <t>63dc3a4a-9328-4279-9aa2-b4f017df9f4a.tmp</t>
  </si>
  <si>
    <t>\\acsfs\profiles$\fabianafv\Downloads\63dc3a4a-9328-4279-9aa2-b4f017df9f4a.tmp</t>
  </si>
  <si>
    <t>d899f3f2-4fbe-49dc-a64a-81108bb5d047.tmp</t>
  </si>
  <si>
    <t>\\acsfs\profiles$\fabianafv\Downloads\d899f3f2-4fbe-49dc-a64a-81108bb5d047.tmp</t>
  </si>
  <si>
    <t>GABRIELE OLIVEIRA DE SOUSA (541).contact</t>
  </si>
  <si>
    <t>\\acsfs\profiles$\gabrieleods\Contacts\GABRIELE OLIVEIRA DE SOUSA (541).contact</t>
  </si>
  <si>
    <t>Pedidos - 2020-01-02T182822.554.csv</t>
  </si>
  <si>
    <t>ab27d0c0-3077-419a-854b-364fc114b6d3.tmp</t>
  </si>
  <si>
    <t>\\acsfs\profiles$\andrezacapf\Downloads\ab27d0c0-3077-419a-854b-364fc114b6d3.tmp</t>
  </si>
  <si>
    <t>aca1346a-1a2c-45a6-83fe-a036f3312dae.tmp</t>
  </si>
  <si>
    <t>\\acsfs\profiles$\andrezacapf\Downloads\aca1346a-1a2c-45a6-83fe-a036f3312dae.tmp</t>
  </si>
  <si>
    <t>f2c16d4e-4b4f-4f7f-bf4b-29c676973893.tmp</t>
  </si>
  <si>
    <t>\\acsfs\profiles$\andrezacapf\Downloads\f2c16d4e-4b4f-4f7f-bf4b-29c676973893.tmp</t>
  </si>
  <si>
    <t>7ad39ba4-c009-481d-bdd5-efa81d76ff08.tmp</t>
  </si>
  <si>
    <t>\\acsfs\profiles$\andrezacapf\Downloads\7ad39ba4-c009-481d-bdd5-efa81d76ff08.tmp</t>
  </si>
  <si>
    <t>ac1dfa38-cc48-4518-bf0b-525cd54f9742.tmp</t>
  </si>
  <si>
    <t>\\acsfs\profiles$\andrezacapf\Downloads\ac1dfa38-cc48-4518-bf0b-525cd54f9742.tmp</t>
  </si>
  <si>
    <t>eaec9085-b57f-4187-83d7-8c9948238dbb.tmp</t>
  </si>
  <si>
    <t>\\acsfs\profiles$\andrezacapf\Downloads\eaec9085-b57f-4187-83d7-8c9948238dbb.tmp</t>
  </si>
  <si>
    <t>https://algartechcpcbv@algartech.com,andrelpsa@algartech.com,fabriciadc@algartech.com.br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87852f88-73c4-418a-92f1-a6993f5c61e2.tmp</t>
  </si>
  <si>
    <t>\\acsfs\profiles$\gabrielamdp\Downloads\87852f88-73c4-418a-92f1-a6993f5c61e2.tmp</t>
  </si>
  <si>
    <t>6733f983-e39b-49ed-a214-5fd4bb36d73a.tmp</t>
  </si>
  <si>
    <t>\\acsfs\profiles$\henriqueco\Downloads\6733f983-e39b-49ed-a214-5fd4bb36d73a.tmp</t>
  </si>
  <si>
    <t>c7ad6180-9eac-4e6f-b8c2-31729a3bb30c.tmp</t>
  </si>
  <si>
    <t>\\acsfs\profiles$\andrezacapf\Downloads\c7ad6180-9eac-4e6f-b8c2-31729a3bb30c.tmp</t>
  </si>
  <si>
    <t>6d568d88-1e02-4fa4-a828-7d573ad45d14.tmp</t>
  </si>
  <si>
    <t>\\acsfs\profiles$\gabrieleods\Downloads\6d568d88-1e02-4fa4-a828-7d573ad45d14.tmp</t>
  </si>
  <si>
    <t>5db1ffe0-f00c-44b0-b116-198109534fc2.tmp</t>
  </si>
  <si>
    <t>\\acsfs\profiles$\victorgl\Downloads\5db1ffe0-f00c-44b0-b116-198109534fc2.tmp</t>
  </si>
  <si>
    <t>5fe97b2a-4192-42fb-9db0-9304c9dd15dc.tmp</t>
  </si>
  <si>
    <t>\\acsfs\profiles$\leonardocb\Downloads\5fe97b2a-4192-42fb-9db0-9304c9dd15dc.tmp</t>
  </si>
  <si>
    <t>800d7d16-d3f9-4945-a3ce-e70326e64511.tmp</t>
  </si>
  <si>
    <t>\\acsfs\profiles$\leonardocb\Downloads\800d7d16-d3f9-4945-a3ce-e70326e64511.tmp</t>
  </si>
  <si>
    <t>76bd831e-f1cd-4690-abe2-1e59b2a8f797.tmp</t>
  </si>
  <si>
    <t>\\acsfs\profiles$\leonardocb\Downloads\76bd831e-f1cd-4690-abe2-1e59b2a8f797.tmp</t>
  </si>
  <si>
    <t>andrelpsa@algartech.com;joaopsan@algartech.com;leonardoao@algartech.com;maristelavodq@bv.algartech.com;supervisaobancovotorantim@algartech.com;thiagolrc@bv.algartech.com;</t>
  </si>
  <si>
    <t>andrelpsa@algartech.com,joaopsan@algartech.com,leonardoao@algartech.com,maristelavodq@bv.algartech.com,supervisaobancovotorantim@algartech.com,thiagolrc@bv.algartech.com</t>
  </si>
  <si>
    <t>100035125381406;fabriciadc@algartech.com.br;joaogvc@algartech.com;josiascdsj@algartech.com;marianadjc@algartech.com;rafaelggs@algartech.com;taysdss@algartech.com;viniciussg@algartech.com;</t>
  </si>
  <si>
    <t>100035125381406,fabriciadc@algartech.com.br,joaogvc@algartech.com,josiascdsj@algartech.com,marianadjc@algartech.com,rafaelggs@algartech.com,taysdss@algartech.com,viniciussg@algartech.com</t>
  </si>
  <si>
    <t>b8912fda-1ecc-4969-95a2-428f632f866b.tmp</t>
  </si>
  <si>
    <t>\\acsfs\profiles$\alinepp\Downloads\b8912fda-1ecc-4969-95a2-428f632f866b.tmp</t>
  </si>
  <si>
    <t>https://www.portalfornecedores.tim.com.br/sap/bc/webdynpro/sap/zwd_cf/;sap-ext-sid=npzi36dclssglynj8itjsw--iafkf2eumx0o4_lck4r1va--/~wd_key/?sap-contextid=sid:anon:hsapp1s_p1s_00:2fd42dcgck162vnvrlnm_nh-yppgzboid1dd8bhq-new&amp;sap-wd-resource-id=wd24&amp;sap-wd-secure-id=fac4e85c00a5a2e7ff9ab65817030da8</t>
  </si>
  <si>
    <t>Pedidos - 2020-01-02T184646.237.csv</t>
  </si>
  <si>
    <t>12c6f566-f2c1-4910-a4ab-879634595bd6.tmp</t>
  </si>
  <si>
    <t>\\acsfs\profiles$\leonardocb\Downloads\12c6f566-f2c1-4910-a4ab-879634595bd6.tmp</t>
  </si>
  <si>
    <t>ulog_AcroARM2_Reader_3b8210f9-3618-47e4-b9cc-5aaaba62831a_f44ad36c-0bd2-4a93-bb23-779399baf863_0.log</t>
  </si>
  <si>
    <t>C:\Users\flaviacno\AppData\Roaming\Adobe\LogTransport2\Logs\ulog_AcroARM2_Reader_3b8210f9-3618-47e4-b9cc-5aaaba62831a_f44ad36c-0bd2-4a93-bb23-779399baf863_0.log\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</t>
  </si>
  <si>
    <t>Guia Prático da Supervisão - Oficial.doc</t>
  </si>
  <si>
    <t>mail.google.com/sync/u/0/i/s?hl=pt-BR&amp;c=306</t>
  </si>
  <si>
    <t>Pedidos - 2020-01-02T185003.399.csv</t>
  </si>
  <si>
    <t>Pedidos - 2020-01-02T185149.979.csv</t>
  </si>
  <si>
    <t>image2020-01-02-183718.pdf</t>
  </si>
  <si>
    <t>HORA EXTRA - 03-01.xlsx</t>
  </si>
  <si>
    <t>8ca761a5-dfc3-4c1a-9368-b2028aeb5e25.tmp</t>
  </si>
  <si>
    <t>\\acsfs\profiles$\laurandos\Downloads\8ca761a5-dfc3-4c1a-9368-b2028aeb5e25.tmp</t>
  </si>
  <si>
    <t>Verificar faturamento - BBN TIM.xlsx</t>
  </si>
  <si>
    <t>MARCOS VINICIUS NARCIZO DA SILVA (14966).contact</t>
  </si>
  <si>
    <t>\\acsfs\profiles$\marcosvnds\Contacts\MARCOS VINICIUS NARCIZO DA SILVA (14966).contact</t>
  </si>
  <si>
    <t>abb66099-4d7e-4daf-af3d-4411841e7b3e.tmp</t>
  </si>
  <si>
    <t>\\acsfs\profiles$\gabrielamdp\Downloads\abb66099-4d7e-4daf-af3d-4411841e7b3e.tmp</t>
  </si>
  <si>
    <t>XLOG_marcosvnds_02012020_143152.log</t>
  </si>
  <si>
    <t>\\acsfs\profiles$\marcosvnds\My Documents\xworkcenter\logs\XLOG_marcosvnds_02012020_143152.log</t>
  </si>
  <si>
    <t>87173e3b-dda1-44e1-8b8a-fbe10b719aea.tmp</t>
  </si>
  <si>
    <t>\\acsfs\profiles$\cintiadjl\Downloads\87173e3b-dda1-44e1-8b8a-fbe10b719aea.tmp</t>
  </si>
  <si>
    <t>d7d9068d-f9b6-40f4-bea0-43f18781bf2a.tmp</t>
  </si>
  <si>
    <t>\\acsfs\profiles$\cintiadjl\Downloads\d7d9068d-f9b6-40f4-bea0-43f18781bf2a.tmp</t>
  </si>
  <si>
    <t>645f76a6-8e55-498e-a48b-e336109dede3.tmp</t>
  </si>
  <si>
    <t>\\acsfs\profiles$\brendadsl\Downloads\645f76a6-8e55-498e-a48b-e336109dede3.tmp</t>
  </si>
  <si>
    <t>6b6503ff-c3b8-4cde-b525-81efb3311717.tmp</t>
  </si>
  <si>
    <t>\\acsfs\profiles$\marcosvnds\Downloads\6b6503ff-c3b8-4cde-b525-81efb3311717.tmp</t>
  </si>
  <si>
    <t>559ad48e-af4b-487e-ac64-1ce52aee6ce8.tmp</t>
  </si>
  <si>
    <t>\\acsfs\profiles$\marcosvnds\Downloads\559ad48e-af4b-487e-ac64-1ce52aee6ce8.tmp</t>
  </si>
  <si>
    <t>0c742a6c-b364-43e1-b4db-32cf9ff9988b.tmp</t>
  </si>
  <si>
    <t>\\acsfs\profiles$\marcosvnds\Downloads\0c742a6c-b364-43e1-b4db-32cf9ff9988b.tmp</t>
  </si>
  <si>
    <t>https://udpmailboxap01.acs.com.br:8443/h/search?si=0&amp;so=0&amp;sc=60134&amp;sfi=2&amp;st=conversation&amp;action=compose&amp;paction=rowview</t>
  </si>
  <si>
    <t>flaviacno@algartech.com;gabrielbmdl@bv.algartech.com;</t>
  </si>
  <si>
    <t>https://flaviacno@algartech.com,gabrielbmdl@bv.algartech.com</t>
  </si>
  <si>
    <t>larisacc</t>
  </si>
  <si>
    <t>\\acsfs\DEPTOS\EDUCACAO EMPRESARIAL\Thumbs.db</t>
  </si>
  <si>
    <t>4eb8e966-8546-4e19-b0ee-76fd0f5038df.tmp</t>
  </si>
  <si>
    <t>\\acsfs\profiles$\joycemmdl\Downloads\4eb8e966-8546-4e19-b0ee-76fd0f5038df.tmp</t>
  </si>
  <si>
    <t>lu2557633n8ow.tmp</t>
  </si>
  <si>
    <t>\\acsfs\profiles$\jalilebds\Downloads\lu2557633n8ow.tmp</t>
  </si>
  <si>
    <t>larisacc@algartech.com</t>
  </si>
  <si>
    <t>larisacc@algartecnologia.com.br;lauanedjs@algartech.com;</t>
  </si>
  <si>
    <t>larisacc@algartecnologia.com.br,lauanedjs@algartech.com</t>
  </si>
  <si>
    <t>lu2557633n8oz.tmp</t>
  </si>
  <si>
    <t>\\acsfs\profiles$\jalilebds\Downloads\lu2557633n8oz.tmp</t>
  </si>
  <si>
    <t>\\acsfs\DEPTOS\EDUCACAO EMPRESARIAL\2 - Operações\0.01 BV CARTÕES\Larisa\Formação BV\</t>
  </si>
  <si>
    <t>\\acsfs\DEPTOS\EDUCACAO EMPRESARIAL\2 - Operações\0.01 BV CARTÕES\Larisa\Formação BV\Thumbs.db</t>
  </si>
  <si>
    <t>\\acsfs\qld\Gestão por Processos\Oficiais\Indicadores\VBA\GTO 2.0\Anexos_Gto\Plano_Aula\78548\</t>
  </si>
  <si>
    <t>7010_PLANO DE AULA BV CARTÕES.xls</t>
  </si>
  <si>
    <t>\\acsfs\qld\Gestão por Processos\Oficiais\Indicadores\VBA\GTO 2.0\Anexos_Gto\Plano_Aula\78548\7010_PLANO DE AULA BV CARTÕES.xls</t>
  </si>
  <si>
    <t>XLOG_marcosvnds_02012020_191939.log</t>
  </si>
  <si>
    <t>\\acsfs\profiles$\marcosvnds\My Documents\xworkcenter\logs\XLOG_marcosvnds_02012020_191939.log</t>
  </si>
  <si>
    <t>7c3b2962-fe29-4735-be67-10365645f842.tmp</t>
  </si>
  <si>
    <t>\\acsfs\profiles$\brunalas\Downloads\7c3b2962-fe29-4735-be67-10365645f842.tmp</t>
  </si>
  <si>
    <t>Deslig.Lisandra.pdf</t>
  </si>
  <si>
    <t>CDI_MANUAL_ Lis.xlsx</t>
  </si>
  <si>
    <t>ericsonns@algartech.com;mirianppb@algartech.com;</t>
  </si>
  <si>
    <t>ericsonns@algartech.com,mirianppb@algartech.com</t>
  </si>
  <si>
    <t>Check List.xls</t>
  </si>
  <si>
    <t>\\acsfs\DEPTOS\EDUCACAO EMPRESARIAL\2 - Operações\0.01 BV CARTÕES\Larisa\Formação BV\Check List.xls</t>
  </si>
  <si>
    <t>84f300f3-3f12-4ae2-95e3-da144ed67690.tmp</t>
  </si>
  <si>
    <t>\\acsfs\profiles$\marcosvnds\Downloads\84f300f3-3f12-4ae2-95e3-da144ed67690.tmp</t>
  </si>
  <si>
    <t>8a10d08d-b19d-407e-9930-1980a74ed626.tmp</t>
  </si>
  <si>
    <t>\\acsfs\profiles$\rosileiam\Downloads\8a10d08d-b19d-407e-9930-1980a74ed626.tmp</t>
  </si>
  <si>
    <t>e94704b9-b4f7-4f51-9052-fad9a4f5c899.tmp</t>
  </si>
  <si>
    <t>\\acsfs\profiles$\erichds\Downloads\e94704b9-b4f7-4f51-9052-fad9a4f5c899.tmp</t>
  </si>
  <si>
    <t>f0a93fae-8178-4788-b53a-f934d2f1ee95.tmp</t>
  </si>
  <si>
    <t>\\acsfs\profiles$\marcosvnds\Downloads\f0a93fae-8178-4788-b53a-f934d2f1ee95.tmp</t>
  </si>
  <si>
    <t>db94eb4b-cd31-4da4-b6fc-65735db23b0a.tmp</t>
  </si>
  <si>
    <t>\\acsfs\profiles$\leonardocb\Downloads\db94eb4b-cd31-4da4-b6fc-65735db23b0a.tmp</t>
  </si>
  <si>
    <t>a6c8c912-4eaa-4180-99bf-aad5f4e6893b.tmp</t>
  </si>
  <si>
    <t>\\acsfs\profiles$\marcosvnds\Downloads\a6c8c912-4eaa-4180-99bf-aad5f4e6893b.tmp</t>
  </si>
  <si>
    <t>05b794f1-609c-48e0-94ba-d4c52aa83c1a.tmp</t>
  </si>
  <si>
    <t>\\acsfs\profiles$\alinepp\Downloads\05b794f1-609c-48e0-94ba-d4c52aa83c1a.tmp</t>
  </si>
  <si>
    <t>10.200.58.53</t>
  </si>
  <si>
    <t>GABRIELE OLIVEIRA DE SOUSA (27295).contact</t>
  </si>
  <si>
    <t>\\acsfs\profiles$\gabrieleods\Contacts\GABRIELE OLIVEIRA DE SOUSA (27295).contact</t>
  </si>
  <si>
    <t>8041fbfb-90e8-4431-8479-9cee7092d605.tmp</t>
  </si>
  <si>
    <t>\\acsfs\profiles$\rosileiam\Downloads\8041fbfb-90e8-4431-8479-9cee7092d605.tmp</t>
  </si>
  <si>
    <t>3e5ac319-46dc-457c-8c9a-a095f61f604a.tmp</t>
  </si>
  <si>
    <t>\\acsfs\profiles$\marcosvnds\Downloads\3e5ac319-46dc-457c-8c9a-a095f61f604a.tmp</t>
  </si>
  <si>
    <t>https://100035125381406,fabriciadc@algartech.com.br,joaogvc@algartech.com,josiascdsj@algartech.com,marianadjc@algartech.com,rafaelggs@algartech.com,taysdss@algartech.com,viniciussg@algartech.com</t>
  </si>
  <si>
    <t>c056bcde-6545-42a7-a660-ff295d60462a.tmp</t>
  </si>
  <si>
    <t>\\acsfs\profiles$\gabrieleods\Downloads\c056bcde-6545-42a7-a660-ff295d60462a.tmp</t>
  </si>
  <si>
    <t>f370e7f3-7953-4e3b-bf9f-971fb3bb0a8d.tmp</t>
  </si>
  <si>
    <t>\\acsfs\profiles$\gabrieleods\Downloads\f370e7f3-7953-4e3b-bf9f-971fb3bb0a8d.tmp</t>
  </si>
  <si>
    <t>fabriciadc@algartech.com.br;joaogvc@algartech.com;josiascdsj@algartech.com;leonardoao@algartech.com;marianadjc@algartech.com;rafaelggs@algartech.com;taysdss@algartech.com;thiagordu@algartech.com;viniciussg@algartech.com;</t>
  </si>
  <si>
    <t>fabriciadc@algartech.com.br,joaogvc@algartech.com,josiascdsj@algartech.com,leonardoao@algartech.com,marianadjc@algartech.com,rafaelggs@algartech.com,taysdss@algartech.com,thiagordu@algartech.com,viniciussg@algartech.com</t>
  </si>
  <si>
    <t>100035125381406;joaogvc@algartech.com;leonardoao@algartech.com;marianadjc@algartech.com;rafaelggs@algartech.com;taysdss@algartech.com;thiagordu@algartech.com;viniciussg@algartech.com;</t>
  </si>
  <si>
    <t>100035125381406,joaogvc@algartech.com,leonardoao@algartech.com,marianadjc@algartech.com,rafaelggs@algartech.com,taysdss@algartech.com,thiagordu@algartech.com,viniciussg@algartech.com</t>
  </si>
  <si>
    <t>.~lock.CONTAS.ods#</t>
  </si>
  <si>
    <t>\\acsfs\profiles$\regisedsj\My Documents\.~lock.CONTAS.ods#</t>
  </si>
  <si>
    <t>lu1076058amm.tmp</t>
  </si>
  <si>
    <t>\\acsfs\profiles$\regisedsj\My Documents\lu1076058amm.tmp</t>
  </si>
  <si>
    <t>\\acsfs\profiles$\regisedsj\My Documents\lu1076058amm.tmp\</t>
  </si>
  <si>
    <t>\\acsfs\profiles$\regisedsj\My Documents\lu1076058amm.tmp\META-INF\</t>
  </si>
  <si>
    <t>\\acsfs\profiles$\regisedsj\My Documents\lu1076058amm.tmp\Thumbnails\</t>
  </si>
  <si>
    <t>9942529d-513c-467b-9c40-860016cc320f.tmp</t>
  </si>
  <si>
    <t>\\acsfs\profiles$\leonardocb\Downloads\9942529d-513c-467b-9c40-860016cc320f.tmp</t>
  </si>
  <si>
    <t>XLOG_anakcs_02012020_124035.log</t>
  </si>
  <si>
    <t>\\acsfs\profiles$\anakcs\My Documents\xworkcenter\logs\XLOG_anakcs_02012020_124035.log</t>
  </si>
  <si>
    <t>93bb2af6-e5e7-4a82-9497-b8aa1a5f5f17.tmp</t>
  </si>
  <si>
    <t>\\acsfs\profiles$\fabianafv\Downloads\93bb2af6-e5e7-4a82-9497-b8aa1a5f5f17.tmp</t>
  </si>
  <si>
    <t>75cf31e1-da9f-44cd-9bc9-537cf9e65b46.tmp</t>
  </si>
  <si>
    <t>\\acsfs\profiles$\fabianafv\Downloads\75cf31e1-da9f-44cd-9bc9-537cf9e65b46.tmp</t>
  </si>
  <si>
    <t>2a2a372e-55da-447f-9c59-aeec875f1c84.tmp</t>
  </si>
  <si>
    <t>\\acsfs\profiles$\erichds\Downloads\2a2a372e-55da-447f-9c59-aeec875f1c84.tmp</t>
  </si>
  <si>
    <t>dcef0a30-e8d9-46e0-b8b2-9713ab6e89ce.tmp</t>
  </si>
  <si>
    <t>\\acsfs\profiles$\rosileiam\Downloads\dcef0a30-e8d9-46e0-b8b2-9713ab6e89ce.tmp</t>
  </si>
  <si>
    <t>f73b7274-0c40-48a2-b483-4e79634bc35e.tmp</t>
  </si>
  <si>
    <t>\\acsfs\profiles$\edicarlosdl\Downloads\f73b7274-0c40-48a2-b483-4e79634bc35e.tmp</t>
  </si>
  <si>
    <t>48eee896-e547-4155-bb9e-a57bbf8d911b.tmp</t>
  </si>
  <si>
    <t>\\acsfs\profiles$\erichds\Downloads\48eee896-e547-4155-bb9e-a57bbf8d911b.tmp</t>
  </si>
  <si>
    <t>caf96776-a0ef-43d7-b67c-5379064b9395.tmp</t>
  </si>
  <si>
    <t>\\acsfs\profiles$\leonardocb\Downloads\caf96776-a0ef-43d7-b67c-5379064b9395.tmp</t>
  </si>
  <si>
    <t>c8a23b79-f2dd-442d-b90e-065f9ddefb1b.tmp</t>
  </si>
  <si>
    <t>\\acsfs\profiles$\gabrielamdp\Downloads\c8a23b79-f2dd-442d-b90e-065f9ddefb1b.tmp</t>
  </si>
  <si>
    <t>1dc454ce-7813-47d0-b533-124269eb0d62.tmp</t>
  </si>
  <si>
    <t>\\acsfs\profiles$\edicarlosdl\Downloads\1dc454ce-7813-47d0-b533-124269eb0d62.tmp</t>
  </si>
  <si>
    <t>https://173e2545.akstat.io/</t>
  </si>
  <si>
    <t>$IJPEVS1.xlsx</t>
  </si>
  <si>
    <t>\\acsfs\profiles$\jalilebds\Downloads\$RECYCLE.BIN\$IJPEVS1.xlsx</t>
  </si>
  <si>
    <t>$INKKXLX.xlsx</t>
  </si>
  <si>
    <t>\\acsfs\profiles$\jalilebds\Downloads\$RECYCLE.BIN\$INKKXLX.xlsx</t>
  </si>
  <si>
    <t>100035125381406;algartechcpcbv@algartech.com;andrelpsa@algartech.com;fabriciadc@algartech.com.br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35125381406,algartechcpcbv@algartech.com,andrelpsa@algartech.com,fabriciadc@algartech.com.br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35125381406;algartechcpcbv@algartech.com;andrelpsa@algartech.com;fabriciadc@algartech.com.br;joaogvc@algartech.com;josiascdsj@algartech.com;leonardoao@algartech.com;marianadjc@algartech.com;maristelavodq@bv.algartech.com;qualidadealgarbv@algartech.com;rafaelggs@algartech.com;supervisaobancovotorantim@algartech.com;taysdss@algartech.com;thiagolrc@bv.algartech.com;viniciussg@algartech.com;</t>
  </si>
  <si>
    <t>100035125381406,algartechcpcbv@algartech.com,andrelpsa@algartech.com,fabriciadc@algartech.com.br,joaogvc@algartech.com,josiascdsj@algartech.com,leonardoao@algartech.com,marianadjc@algartech.com,maristelavodq@bv.algartech.com,qualidadealgarbv@algartech.com,rafaelggs@algartech.com,supervisaobancovotorantim@algartech.com,taysdss@algartech.com,thiagolrc@bv.algartech.com,viniciussg@algartech.com</t>
  </si>
  <si>
    <t>aec949bf-93c9-4495-b5b5-956515777077.tmp</t>
  </si>
  <si>
    <t>\\acsfs\profiles$\victorgl\Downloads\aec949bf-93c9-4495-b5b5-956515777077.tmp</t>
  </si>
  <si>
    <t>100035125381406;algartechcpcbv@algartech.com;andrelpsa@algartech.com;fabriciadc@algartech.com.br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35125381406,algartechcpcbv@algartech.com,andrelpsa@algartech.com,fabriciadc@algartech.com.br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35125381406;fabriciadc@algartech.com.br;fÉrias;joaogvc@algartech.com;josiascdsj@algartech.com;marianadjc@algartech.com;rafaelggs@algartech.com;taysdss@algartech.com;viniciussg@algartech.com;</t>
  </si>
  <si>
    <t>100035125381406,fabriciadc@algartech.com.br,fÉrias,joaogvc@algartech.com,josiascdsj@algartech.com,marianadjc@algartech.com,rafaelggs@algartech.com,taysdss@algartech.com,viniciussg@algartech.com</t>
  </si>
  <si>
    <t>0dbd5bb9-5423-4811-8f55-ace335ac7613.tmp</t>
  </si>
  <si>
    <t>\\acsfs\profiles$\taylaedoa\Downloads\0dbd5bb9-5423-4811-8f55-ace335ac7613.tmp</t>
  </si>
  <si>
    <t>3d67251d-4055-4cde-bbbd-a3361a9b3605.tmp</t>
  </si>
  <si>
    <t>\\acsfs\profiles$\brendadsl\Downloads\3d67251d-4055-4cde-bbbd-a3361a9b3605.tmp</t>
  </si>
  <si>
    <t>mail.google.com/sync/u/0/i/s?hl=pt-BR&amp;c=295</t>
  </si>
  <si>
    <t>https://100035125381406,fabriciadc@algartech.com.br,fÉrias,joaogvc@algartech.com,josiascdsj@algartech.com,marianadjc@algartech.com,rafaelggs@algartech.com,taysdss@algartech.com,viniciussg@algartech.com</t>
  </si>
  <si>
    <t>39efb672-4bcf-4196-9d32-17bc64644a94.tmp</t>
  </si>
  <si>
    <t>\\acsfs\profiles$\gabrielamdp\Downloads\39efb672-4bcf-4196-9d32-17bc64644a94.tmp</t>
  </si>
  <si>
    <t>1c0d3cf2-b2d4-44b2-bf22-4719c91bc9cf.tmp</t>
  </si>
  <si>
    <t>\\acsfs\profiles$\taylaedoa\Downloads\1c0d3cf2-b2d4-44b2-bf22-4719c91bc9cf.tmp</t>
  </si>
  <si>
    <t>Valores mes de Janeiro.txt</t>
  </si>
  <si>
    <t>\\acsfs\profiles$\leandromsa\My Documents\Leandro\Valores mes de Janeiro.txt</t>
  </si>
  <si>
    <t>b5938c04-c871-477c-af03-5bbd0dd3775f.tmp</t>
  </si>
  <si>
    <t>\\acsfs\profiles$\nathaliaos\Downloads\b5938c04-c871-477c-af03-5bbd0dd3775f.tmp</t>
  </si>
  <si>
    <t>b2aa9331-ea98-4656-acb2-5b7f6d13b153.tmp</t>
  </si>
  <si>
    <t>\\acsfs\profiles$\leonardocb\Downloads\b2aa9331-ea98-4656-acb2-5b7f6d13b153.tmp</t>
  </si>
  <si>
    <t>bab5dfe0-b9e1-490f-a735-8a8dd2b9aa54.tmp</t>
  </si>
  <si>
    <t>\\acsfs\profiles$\leonardocb\Downloads\bab5dfe0-b9e1-490f-a735-8a8dd2b9aa54.tmp</t>
  </si>
  <si>
    <t>robertm</t>
  </si>
  <si>
    <t>\\acsfs\profiles$\ROBERTM\Downloads\</t>
  </si>
  <si>
    <t>c11ac418-e251-4b8e-be60-b9a186191419.tmp</t>
  </si>
  <si>
    <t>\\acsfs\profiles$\ROBERTM\Downloads\c11ac418-e251-4b8e-be60-b9a186191419.tmp</t>
  </si>
  <si>
    <t>7cbae828-2077-43d8-b300-353818505371.tmp</t>
  </si>
  <si>
    <t>\\acsfs\profiles$\ROBERTM\Downloads\7cbae828-2077-43d8-b300-353818505371.tmp</t>
  </si>
  <si>
    <t>56ab1bac-ca75-40db-ba40-057823e657c8.tmp</t>
  </si>
  <si>
    <t>\\acsfs\profiles$\marlyannegdls\Downloads\56ab1bac-ca75-40db-ba40-057823e657c8.tmp</t>
  </si>
  <si>
    <t>Holerite_112019_2138871.pdf.uquwu49.partial</t>
  </si>
  <si>
    <t>\\acsfs\profiles$\janaynatro\Downloads\Holerite_112019_2138871.pdf.uquwu49.partial</t>
  </si>
  <si>
    <t>b1ddf020-de28-4ad7-a9a8-4d01ee50286c.tmp</t>
  </si>
  <si>
    <t>\\acsfs\profiles$\ROBERTM\Downloads\b1ddf020-de28-4ad7-a9a8-4d01ee50286c.tmp</t>
  </si>
  <si>
    <t>af063b70-f13e-4d3e-bdd8-41ba03c5469b.tmp</t>
  </si>
  <si>
    <t>\\acsfs\profiles$\marlyannegdls\Downloads\af063b70-f13e-4d3e-bdd8-41ba03c5469b.tmp</t>
  </si>
  <si>
    <t>43524379-b3f9-4005-99c0-9818970301a6.tmp</t>
  </si>
  <si>
    <t>\\acsfs\profiles$\rogeriofd\Downloads\43524379-b3f9-4005-99c0-9818970301a6.tmp</t>
  </si>
  <si>
    <t>9341a7e0-1365-4bc7-ae92-0a79303cdd52.tmp</t>
  </si>
  <si>
    <t>\\acsfs\profiles$\rogeriofd\Downloads\9341a7e0-1365-4bc7-ae92-0a79303cdd52.tmp</t>
  </si>
  <si>
    <t>10.200.67.31</t>
  </si>
  <si>
    <t>74-86-7A-FD-D5-4B</t>
  </si>
  <si>
    <t>VOTORANT-VB019</t>
  </si>
  <si>
    <t>vendas janeiro 2020.txt</t>
  </si>
  <si>
    <t>\\acsfs\profiles$\joycemmdl\My Documents\vendas janeiro 2020.txt</t>
  </si>
  <si>
    <t>a374a4fd-0632-4772-a048-150534a0bdb4.tmp</t>
  </si>
  <si>
    <t>\\acsfs\profiles$\marlyannegdls\Downloads\a374a4fd-0632-4772-a048-150534a0bdb4.tmp</t>
  </si>
  <si>
    <t>3b3d1415-4999-41c7-8b94-a1110e78fe45.tmp</t>
  </si>
  <si>
    <t>\\acsfs\profiles$\marlyannegdls\Downloads\3b3d1415-4999-41c7-8b94-a1110e78fe45.tmp</t>
  </si>
  <si>
    <t>332a4ed7-b771-4404-9d2f-f8b68eefaa29.tmp</t>
  </si>
  <si>
    <t>\\acsfs\profiles$\marlyannegdls\Downloads\332a4ed7-b771-4404-9d2f-f8b68eefaa29.tmp</t>
  </si>
  <si>
    <t>eb729762-1929-4b95-9f91-8da2d5f5b255.tmp</t>
  </si>
  <si>
    <t>\\acsfs\profiles$\marlyannegdls\Downloads\eb729762-1929-4b95-9f91-8da2d5f5b255.tmp</t>
  </si>
  <si>
    <t>9ba81eaf-ff7e-4d24-b389-812888927727.tmp</t>
  </si>
  <si>
    <t>\\acsfs\profiles$\rogeriofd\Downloads\9ba81eaf-ff7e-4d24-b389-812888927727.tmp</t>
  </si>
  <si>
    <t>551becde-a27f-4221-8f1e-b8f99045ede4.tmp</t>
  </si>
  <si>
    <t>\\acsfs\profiles$\rogeriofd\Downloads\551becde-a27f-4221-8f1e-b8f99045ede4.tmp</t>
  </si>
  <si>
    <t>811b2bed-f502-4e31-a328-5e491432e924.tmp</t>
  </si>
  <si>
    <t>\\acsfs\profiles$\ROZENCAM\Downloads\811b2bed-f502-4e31-a328-5e491432e924.tmp</t>
  </si>
  <si>
    <t>d4db36f5-3dfd-492e-b084-30a778447f9c.tmp</t>
  </si>
  <si>
    <t>\\acsfs\profiles$\ROZENCAM\Downloads\d4db36f5-3dfd-492e-b084-30a778447f9c.tmp</t>
  </si>
  <si>
    <t>4bb2f557-8125-470c-b664-d47f7a83f58a.tmp</t>
  </si>
  <si>
    <t>\\acsfs\profiles$\andressagr\Downloads\4bb2f557-8125-470c-b664-d47f7a83f58a.tmp</t>
  </si>
  <si>
    <t>2c822b0d-9634-4da4-9038-2bdb5603f3a9.tmp</t>
  </si>
  <si>
    <t>\\acsfs\profiles$\andressagr\Downloads\2c822b0d-9634-4da4-9038-2bdb5603f3a9.tmp</t>
  </si>
  <si>
    <t>bdc3f993-1fe7-4451-afe6-c4feebde3e8b.tmp</t>
  </si>
  <si>
    <t>\\acsfs\profiles$\andressagr\Downloads\bdc3f993-1fe7-4451-afe6-c4feebde3e8b.tmp</t>
  </si>
  <si>
    <t>\\acsfs\DEPTOS\Operacao\PCP\5 - Comum\PLANEJAMENTO BV\14 - ACOMPANHAMENTO\1 - REPORT ACOMPANHAMENTO\2020\1 - JANEIRO\CARTÕES\~$Range.xlsx</t>
  </si>
  <si>
    <t>bf4e93f4-8a66-490b-8451-97cbfedf26b9.tmp</t>
  </si>
  <si>
    <t>\\acsfs\profiles$\andressagr\Downloads\bf4e93f4-8a66-490b-8451-97cbfedf26b9.tmp</t>
  </si>
  <si>
    <t>a8e43ba8-554f-49a5-b6d6-1e8c24cf92a7.tmp</t>
  </si>
  <si>
    <t>\\acsfs\profiles$\rafaelamsv\Downloads\a8e43ba8-554f-49a5-b6d6-1e8c24cf92a7.tmp</t>
  </si>
  <si>
    <t>56f9f3c6-43e6-440b-ac2e-8dc14f1d9e8e.tmp</t>
  </si>
  <si>
    <t>\\acsfs\profiles$\rafaelamsv\Downloads\56f9f3c6-43e6-440b-ac2e-8dc14f1d9e8e.tmp</t>
  </si>
  <si>
    <t>$I7VK8YW.PNG</t>
  </si>
  <si>
    <t>\\acsfs\profiles$\brendavdoa\My Documents\$RECYCLE.BIN\$I7VK8YW.PNG</t>
  </si>
  <si>
    <t>e5e87ecb-b89c-4f22-88ae-0a1be7142357.tmp</t>
  </si>
  <si>
    <t>\\acsfs\profiles$\deboraaa\Downloads\e5e87ecb-b89c-4f22-88ae-0a1be7142357.tmp</t>
  </si>
  <si>
    <t>95a9ceba-c8ac-4ab4-9e67-7bf6b0878af3.tmp</t>
  </si>
  <si>
    <t>\\acsfs\profiles$\deboraaa\Downloads\95a9ceba-c8ac-4ab4-9e67-7bf6b0878af3.tmp</t>
  </si>
  <si>
    <t>4b1c5df6-867e-4df6-9c9f-5da2e6dc578b.tmp</t>
  </si>
  <si>
    <t>\\acsfs\profiles$\deboraaa\Downloads\4b1c5df6-867e-4df6-9c9f-5da2e6dc578b.tmp</t>
  </si>
  <si>
    <t>2c067089-d6a0-47e0-8202-4a04bdb6a9c5.tmp</t>
  </si>
  <si>
    <t>\\acsfs\profiles$\ROZENCAM\Downloads\2c067089-d6a0-47e0-8202-4a04bdb6a9c5.tmp</t>
  </si>
  <si>
    <t>10cc4a1d-69c2-4fa7-95e8-412326dbcafd.tmp</t>
  </si>
  <si>
    <t>\\acsfs\profiles$\vivianealda\Downloads\10cc4a1d-69c2-4fa7-95e8-412326dbcafd.tmp</t>
  </si>
  <si>
    <t>7086fd38-0713-48d1-947c-9a5111fe4098.tmp</t>
  </si>
  <si>
    <t>\\acsfs\profiles$\mariellecs\Downloads\7086fd38-0713-48d1-947c-9a5111fe4098.tmp</t>
  </si>
  <si>
    <t>3be3c5e7-bed7-4cf7-bb62-5cc14f77b234.tmp</t>
  </si>
  <si>
    <t>\\acsfs\profiles$\deboraaa\Downloads\3be3c5e7-bed7-4cf7-bb62-5cc14f77b234.tmp</t>
  </si>
  <si>
    <t>ff14a629-f44e-4cc0-afe2-cdb663f9a8df.tmp</t>
  </si>
  <si>
    <t>\\acsfs\profiles$\vivianealda\Downloads\ff14a629-f44e-4cc0-afe2-cdb663f9a8df.tmp</t>
  </si>
  <si>
    <t>cb262096-03a8-40b4-accd-6f3380d13e1e.tmp</t>
  </si>
  <si>
    <t>\\acsfs\profiles$\vivianealda\Downloads\cb262096-03a8-40b4-accd-6f3380d13e1e.tmp</t>
  </si>
  <si>
    <t>ad3e29c0-5c90-45a7-98d1-141db144a20e.tmp</t>
  </si>
  <si>
    <t>\\acsfs\profiles$\vivianealda\Downloads\ad3e29c0-5c90-45a7-98d1-141db144a20e.tmp</t>
  </si>
  <si>
    <t>0adaafed-22f9-4cf2-adb8-9d3259f55baa.tmp</t>
  </si>
  <si>
    <t>\\acsfs\profiles$\mariellecs\Downloads\0adaafed-22f9-4cf2-adb8-9d3259f55baa.tmp</t>
  </si>
  <si>
    <t>96c43c21-1410-42b3-bf3f-d91c42b2b5e9.tmp</t>
  </si>
  <si>
    <t>\\acsfs\profiles$\mariellecs\Downloads\96c43c21-1410-42b3-bf3f-d91c42b2b5e9.tmp</t>
  </si>
  <si>
    <t>354d63b9-ca5f-4bd5-ba62-b518a32238eb.tmp</t>
  </si>
  <si>
    <t>\\acsfs\profiles$\BRUNAAR\Downloads\354d63b9-ca5f-4bd5-ba62-b518a32238eb.tmp</t>
  </si>
  <si>
    <t>2c378505-a6c6-4fa3-9377-009868af1c19.tmp</t>
  </si>
  <si>
    <t>\\acsfs\profiles$\BRUNAAR\Downloads\2c378505-a6c6-4fa3-9377-009868af1c19.tmp</t>
  </si>
  <si>
    <t>090bfa65-baf9-4c6b-9d66-9d890b5e1cf9.tmp</t>
  </si>
  <si>
    <t>\\acsfs\profiles$\andressagr\Downloads\090bfa65-baf9-4c6b-9d66-9d890b5e1cf9.tmp</t>
  </si>
  <si>
    <t>a99e67d0-5656-4a34-82ad-365aa7edb5c7.tmp</t>
  </si>
  <si>
    <t>\\acsfs\profiles$\andressagr\Downloads\a99e67d0-5656-4a34-82ad-365aa7edb5c7.tmp</t>
  </si>
  <si>
    <t>597857d4-e371-43e9-8eb3-634887454f8b.tmp</t>
  </si>
  <si>
    <t>\\acsfs\profiles$\claudiajca\Downloads\597857d4-e371-43e9-8eb3-634887454f8b.tmp</t>
  </si>
  <si>
    <t>491e60b0-5fdb-433f-a59e-026c970f92d4.tmp</t>
  </si>
  <si>
    <t>\\acsfs\profiles$\claudiajca\Downloads\491e60b0-5fdb-433f-a59e-026c970f92d4.tmp</t>
  </si>
  <si>
    <t>f12e7aea-1be4-4573-806b-5ab0f9139bd3.tmp</t>
  </si>
  <si>
    <t>\\acsfs\profiles$\mariellecs\Downloads\f12e7aea-1be4-4573-806b-5ab0f9139bd3.tmp</t>
  </si>
  <si>
    <t>d93754c0-0bd8-41ca-85ab-ee5e9feffb4a.tmp</t>
  </si>
  <si>
    <t>\\acsfs\profiles$\mariellecs\Downloads\d93754c0-0bd8-41ca-85ab-ee5e9feffb4a.tmp</t>
  </si>
  <si>
    <t>8a7ef3be-67e6-4a0b-8383-aaaf5e69aa8b.tmp</t>
  </si>
  <si>
    <t>\\acsfs\profiles$\mariellecs\Downloads\8a7ef3be-67e6-4a0b-8383-aaaf5e69aa8b.tmp</t>
  </si>
  <si>
    <t>5ec117fd-2efb-4650-be23-4a2e20edd455.tmp</t>
  </si>
  <si>
    <t>\\acsfs\profiles$\andressagr\Downloads\5ec117fd-2efb-4650-be23-4a2e20edd455.tmp</t>
  </si>
  <si>
    <t>d1b46d93-e135-4953-8295-fe7b6b186f53.tmp</t>
  </si>
  <si>
    <t>\\acsfs\profiles$\andressagr\Downloads\d1b46d93-e135-4953-8295-fe7b6b186f53.tmp</t>
  </si>
  <si>
    <t>69ba5b28-3a02-403c-855f-f487f15bcf14.tmp</t>
  </si>
  <si>
    <t>\\acsfs\profiles$\laianear\Downloads\69ba5b28-3a02-403c-855f-f487f15bcf14.tmp</t>
  </si>
  <si>
    <t>ae41dda3-ca15-44b7-b55c-c63fde91eaae.tmp</t>
  </si>
  <si>
    <t>\\acsfs\profiles$\laianear\Downloads\ae41dda3-ca15-44b7-b55c-c63fde91eaae.tmp</t>
  </si>
  <si>
    <t>83ca4aa8-81f0-4923-ac9d-bc9b363d8e80.tmp</t>
  </si>
  <si>
    <t>\\acsfs\profiles$\laianear\Downloads\83ca4aa8-81f0-4923-ac9d-bc9b363d8e80.tmp</t>
  </si>
  <si>
    <t>db980bd5-5a07-48e8-8882-7d5d8df6e3f8.tmp</t>
  </si>
  <si>
    <t>\\acsfs\profiles$\mariellecs\Downloads\db980bd5-5a07-48e8-8882-7d5d8df6e3f8.tmp</t>
  </si>
  <si>
    <t>29c5418c-4e22-4dc4-943c-07f46c9eccb6.tmp</t>
  </si>
  <si>
    <t>\\acsfs\profiles$\mariellecs\Downloads\29c5418c-4e22-4dc4-943c-07f46c9eccb6.tmp</t>
  </si>
  <si>
    <t>9eb98773-9575-411a-a0a7-08ea6a3a3769.tmp</t>
  </si>
  <si>
    <t>\\acsfs\profiles$\leticiala\Downloads\9eb98773-9575-411a-a0a7-08ea6a3a3769.tmp</t>
  </si>
  <si>
    <t>874a840d-03af-46d0-9a8f-342579db67c9.tmp</t>
  </si>
  <si>
    <t>\\acsfs\profiles$\leticiala\Downloads\874a840d-03af-46d0-9a8f-342579db67c9.tmp</t>
  </si>
  <si>
    <t>cd291b36-990c-4ceb-8830-87833cc1cbc7.tmp</t>
  </si>
  <si>
    <t>\\acsfs\profiles$\leticiala\Downloads\cd291b36-990c-4ceb-8830-87833cc1cbc7.tmp</t>
  </si>
  <si>
    <t>Q29udHJvbGxlci5JbnRlcmFjdGlvbldvcmtzcGFj (3).ica.crdownload</t>
  </si>
  <si>
    <t>\\acsfs\profiles$\leticiala\Downloads\Q29udHJvbGxlci5JbnRlcmFjdGlvbldvcmtzcGFj (3).ica.crdownload</t>
  </si>
  <si>
    <t>mail.google.com/_/upload?authuser=0&amp;dcp=asu-n&amp;upload_id=AEnB2UpO6ZdV0NdYdsRQLhaFhHJGSTMp42aGUB0hGRSMad1xkzf15JngD75Hc19lFkBGbTi1FgdjIl4DHUoBWf-KKg--YMxXDZ_j55cvMXYaZWnlVMG8FcU&amp;upload_protocol=resumable</t>
  </si>
  <si>
    <t>lu338685b8pfm.tmp</t>
  </si>
  <si>
    <t>\\acsfs\profiles$\ALYNYA\My Documents\lu338685b8pfm.tmp</t>
  </si>
  <si>
    <t>\\acsfs\profiles$\ALYNYA\My Documents\lu338685b8pfm.tmp\</t>
  </si>
  <si>
    <t>\\acsfs\profiles$\ALYNYA\My Documents\lu338685b8pfm.tmp\META-INF\</t>
  </si>
  <si>
    <t>\\acsfs\profiles$\ALYNYA\My Documents\lu338685b8pfm.tmp\Thumbnails\</t>
  </si>
  <si>
    <t>96a574bd-36eb-42e0-81b7-bdb893c68550.tmp</t>
  </si>
  <si>
    <t>\\acsfs\profiles$\fabianobmf\Downloads\96a574bd-36eb-42e0-81b7-bdb893c68550.tmp</t>
  </si>
  <si>
    <t>47a947b4-d6f6-4d36-b889-6b93c7159cc0.tmp</t>
  </si>
  <si>
    <t>\\acsfs\profiles$\fabianobmf\Downloads\47a947b4-d6f6-4d36-b889-6b93c7159cc0.tmp</t>
  </si>
  <si>
    <t>46652a61-1467-4d91-a0d1-169873820dfa.tmp</t>
  </si>
  <si>
    <t>\\acsfs\profiles$\sarahbal\Downloads\46652a61-1467-4d91-a0d1-169873820dfa.tmp</t>
  </si>
  <si>
    <t>53c8af94-f0d5-44d5-b549-8f614f2e37a9.tmp</t>
  </si>
  <si>
    <t>\\acsfs\profiles$\sarahbal\Downloads\53c8af94-f0d5-44d5-b549-8f614f2e37a9.tmp</t>
  </si>
  <si>
    <t>d153a9e1-e692-4e5d-80cf-e000978d0421.tmp</t>
  </si>
  <si>
    <t>\\acsfs\profiles$\websondsa\Downloads\d153a9e1-e692-4e5d-80cf-e000978d0421.tmp</t>
  </si>
  <si>
    <t>59f5301d-fc13-43fb-8910-5f1ad935d45a.tmp</t>
  </si>
  <si>
    <t>\\acsfs\profiles$\websondsa\Downloads\59f5301d-fc13-43fb-8910-5f1ad935d45a.tmp</t>
  </si>
  <si>
    <t>83bd0c5c-1c6f-4ed8-bc7f-8dfc486e531d.tmp</t>
  </si>
  <si>
    <t>\\acsfs\profiles$\websondsa\Downloads\83bd0c5c-1c6f-4ed8-bc7f-8dfc486e531d.tmp</t>
  </si>
  <si>
    <t>647d69b5-2f64-42bc-8937-fcc1d14efc20.tmp</t>
  </si>
  <si>
    <t>\\acsfs\profiles$\websondsa\Downloads\647d69b5-2f64-42bc-8937-fcc1d14efc20.tmp</t>
  </si>
  <si>
    <t>e6ff14cd-5750-4af7-b147-4d62f4d218a8.tmp</t>
  </si>
  <si>
    <t>\\acsfs\profiles$\websondsa\Downloads\e6ff14cd-5750-4af7-b147-4d62f4d218a8.tmp</t>
  </si>
  <si>
    <t>eadd2b5a-5f46-4266-99fa-f518e432726a.tmp</t>
  </si>
  <si>
    <t>\\acsfs\profiles$\leticiala\Downloads\eadd2b5a-5f46-4266-99fa-f518e432726a.tmp</t>
  </si>
  <si>
    <t>eba5b980-6a09-49e9-be0f-2686c591f288.tmp</t>
  </si>
  <si>
    <t>\\acsfs\profiles$\inarajst\Downloads\eba5b980-6a09-49e9-be0f-2686c591f288.tmp</t>
  </si>
  <si>
    <t>49b76d06-e3e6-4718-9bce-88f0e180535b.tmp</t>
  </si>
  <si>
    <t>\\acsfs\profiles$\inarajst\Downloads\49b76d06-e3e6-4718-9bce-88f0e180535b.tmp</t>
  </si>
  <si>
    <t>de4f282f-1e44-415f-8f18-0707a1673125.tmp</t>
  </si>
  <si>
    <t>\\acsfs\profiles$\inarajst\Downloads\de4f282f-1e44-415f-8f18-0707a1673125.tmp</t>
  </si>
  <si>
    <t>cb471001-7287-41d2-b756-9546f538d61e.tmp</t>
  </si>
  <si>
    <t>\\acsfs\profiles$\inarajst\Downloads\cb471001-7287-41d2-b756-9546f538d61e.tmp</t>
  </si>
  <si>
    <t>964ff278-5fca-4abc-a885-97c2296f8183.tmp</t>
  </si>
  <si>
    <t>\\acsfs\profiles$\cintiadcf\Downloads\964ff278-5fca-4abc-a885-97c2296f8183.tmp</t>
  </si>
  <si>
    <t>c195f9de-e85a-4a84-ac2c-6e319119beb1.tmp</t>
  </si>
  <si>
    <t>\\acsfs\profiles$\cintiadcf\Downloads\c195f9de-e85a-4a84-ac2c-6e319119beb1.tmp</t>
  </si>
  <si>
    <t>8de5520b-22ae-4f26-99b8-4bab64a4f4d5.tmp</t>
  </si>
  <si>
    <t>\\acsfs\profiles$\ALYNYA\Downloads\8de5520b-22ae-4f26-99b8-4bab64a4f4d5.tmp</t>
  </si>
  <si>
    <t>877551b3-445a-4fb6-9307-22c49e2c2d79.tmp</t>
  </si>
  <si>
    <t>\\acsfs\profiles$\ALYNYA\Downloads\877551b3-445a-4fb6-9307-22c49e2c2d79.tmp</t>
  </si>
  <si>
    <t>65324410-414d-47bf-8e1c-e303f492d6b7.tmp</t>
  </si>
  <si>
    <t>\\acsfs\profiles$\sarahbal\Downloads\65324410-414d-47bf-8e1c-e303f492d6b7.tmp</t>
  </si>
  <si>
    <t>02d68285-264f-429c-b651-268e8994c5ff.tmp</t>
  </si>
  <si>
    <t>\\acsfs\profiles$\sarahbal\Downloads\02d68285-264f-429c-b651-268e8994c5ff.tmp</t>
  </si>
  <si>
    <t>1e717efa-6ead-44a4-a51b-9f671b8151eb.tmp</t>
  </si>
  <si>
    <t>\\acsfs\profiles$\larissaad\Downloads\1e717efa-6ead-44a4-a51b-9f671b8151eb.tmp</t>
  </si>
  <si>
    <t>c3c943eb-7d54-4498-84ae-7f61815f0e78.tmp</t>
  </si>
  <si>
    <t>\\acsfs\profiles$\larissaad\Downloads\c3c943eb-7d54-4498-84ae-7f61815f0e78.tmp</t>
  </si>
  <si>
    <t>38b6d142-c03c-43ec-9491-60b974724bd4.tmp</t>
  </si>
  <si>
    <t>\\acsfs\profiles$\cintiadcf\Downloads\38b6d142-c03c-43ec-9491-60b974724bd4.tmp</t>
  </si>
  <si>
    <t>7a0a7774-0d5b-478d-8014-58df2ccb9cfa.tmp</t>
  </si>
  <si>
    <t>\\acsfs\profiles$\danielac\Downloads\7a0a7774-0d5b-478d-8014-58df2ccb9cfa.tmp</t>
  </si>
  <si>
    <t>6327aec0-1ce0-4c25-9f08-c72f66f1fd71.tmp</t>
  </si>
  <si>
    <t>\\acsfs\profiles$\ALYNYA\Downloads\6327aec0-1ce0-4c25-9f08-c72f66f1fd71.tmp</t>
  </si>
  <si>
    <t>f05dc6ee-ab19-4641-b984-b2761a56a468.tmp</t>
  </si>
  <si>
    <t>\\acsfs\profiles$\laianear\Downloads\f05dc6ee-ab19-4641-b984-b2761a56a468.tmp</t>
  </si>
  <si>
    <t>99de387f-b6e1-4098-b5d3-061da6da70a1.tmp</t>
  </si>
  <si>
    <t>\\acsfs\profiles$\geovannasm\Downloads\99de387f-b6e1-4098-b5d3-061da6da70a1.tmp</t>
  </si>
  <si>
    <t>09ada6ce-d609-4951-a125-714bb6a2867f.tmp</t>
  </si>
  <si>
    <t>\\acsfs\profiles$\geovannasm\Downloads\09ada6ce-d609-4951-a125-714bb6a2867f.tmp</t>
  </si>
  <si>
    <t>c2beabc3-9359-4cce-b3f2-20b4584bf9a5.tmp</t>
  </si>
  <si>
    <t>\\acsfs\profiles$\inarajst\Downloads\c2beabc3-9359-4cce-b3f2-20b4584bf9a5.tmp</t>
  </si>
  <si>
    <t>eaebc69f-bf74-4784-8773-a84d531827f1.tmp</t>
  </si>
  <si>
    <t>\\acsfs\profiles$\rafaelahpn\Downloads\eaebc69f-bf74-4784-8773-a84d531827f1.tmp</t>
  </si>
  <si>
    <t>9a78a425-cb9f-4bc9-aa50-2485dcd58878.tmp</t>
  </si>
  <si>
    <t>\\acsfs\profiles$\rafaelahpn\Downloads\9a78a425-cb9f-4bc9-aa50-2485dcd58878.tmp</t>
  </si>
  <si>
    <t>ee8d068f-af0d-4822-9420-476ebb420f3a.tmp</t>
  </si>
  <si>
    <t>\\acsfs\profiles$\rafaelahpn\Downloads\ee8d068f-af0d-4822-9420-476ebb420f3a.tmp</t>
  </si>
  <si>
    <t>95d18661-3c44-4696-8d70-c54ff6f9ea84.tmp</t>
  </si>
  <si>
    <t>\\acsfs\profiles$\rafaelahpn\Downloads\95d18661-3c44-4696-8d70-c54ff6f9ea84.tmp</t>
  </si>
  <si>
    <t>f789115d-6a4a-441e-a2e2-0468a8f972c8.tmp</t>
  </si>
  <si>
    <t>\\acsfs\profiles$\vivianalds\Downloads\f789115d-6a4a-441e-a2e2-0468a8f972c8.tmp</t>
  </si>
  <si>
    <t>c241da64-9f63-447d-9c3a-34719864cf4d.tmp</t>
  </si>
  <si>
    <t>\\acsfs\profiles$\vivianalds\Downloads\c241da64-9f63-447d-9c3a-34719864cf4d.tmp</t>
  </si>
  <si>
    <t>82037193-2a2a-49aa-bcc4-88b193bc7c40.tmp</t>
  </si>
  <si>
    <t>\\acsfs\profiles$\vivianalds\Downloads\82037193-2a2a-49aa-bcc4-88b193bc7c40.tmp</t>
  </si>
  <si>
    <t>94de914f-8145-48f2-9bfb-da7f779cb825.tmp</t>
  </si>
  <si>
    <t>\\acsfs\profiles$\danielac\Downloads\94de914f-8145-48f2-9bfb-da7f779cb825.tmp</t>
  </si>
  <si>
    <t>bffde2d0-d5a1-4cae-96df-d539e64622f5.tmp</t>
  </si>
  <si>
    <t>\\acsfs\profiles$\danielac\Downloads\bffde2d0-d5a1-4cae-96df-d539e64622f5.tmp</t>
  </si>
  <si>
    <t>42846134-1ad4-4909-a262-328724816dae.tmp</t>
  </si>
  <si>
    <t>\\acsfs\profiles$\danielac\Downloads\42846134-1ad4-4909-a262-328724816dae.tmp</t>
  </si>
  <si>
    <t>4672862d-e059-4c36-97ca-23839de3491d.tmp</t>
  </si>
  <si>
    <t>\\acsfs\profiles$\geovannasm\Downloads\4672862d-e059-4c36-97ca-23839de3491d.tmp</t>
  </si>
  <si>
    <t>8ec3d0ca-75fc-4ae9-8151-eb89d456c8a2.tmp</t>
  </si>
  <si>
    <t>\\acsfs\profiles$\geovannasm\Downloads\8ec3d0ca-75fc-4ae9-8151-eb89d456c8a2.tmp</t>
  </si>
  <si>
    <t>andrelpsa@algartech.com;joaogvc@algartech.com;leonardoao@algartech.com;marianadjc@algartech.com;maristelavodq@bv.algartech.com;paulacn@algartech.com;rafaelggs@algartech.com;taysdss@algartech.com;thiagordu@algartech.com;viniciussg@algartech.com;</t>
  </si>
  <si>
    <t>andrelpsa@algartech.com,joaogvc@algartech.com,leonardoao@algartech.com,marianadjc@algartech.com,maristelavodq@bv.algartech.com,paulacn@algartech.com,rafaelggs@algartech.com,taysdss@algartech.com,thiagordu@algartech.com,viniciussg@algartech.com</t>
  </si>
  <si>
    <t>8c3a19b4-4d3e-43b8-b8e2-07d4d8f07d6e.tmp</t>
  </si>
  <si>
    <t>\\acsfs\profiles$\rafaelahpn\Downloads\8c3a19b4-4d3e-43b8-b8e2-07d4d8f07d6e.tmp</t>
  </si>
  <si>
    <t>789a3db5-933b-4948-a8d1-dfa19e03585b.tmp</t>
  </si>
  <si>
    <t>\\acsfs\profiles$\rafaelahpn\Downloads\789a3db5-933b-4948-a8d1-dfa19e03585b.tmp</t>
  </si>
  <si>
    <t>0d72040b-819f-4789-9fa3-069e8cd3dd57.tmp</t>
  </si>
  <si>
    <t>\\acsfs\profiles$\geovannasm\Downloads\0d72040b-819f-4789-9fa3-069e8cd3dd57.tmp</t>
  </si>
  <si>
    <t>c676336f-79d6-45bf-a544-a1d2b5f77dbc.tmp</t>
  </si>
  <si>
    <t>\\acsfs\profiles$\mariajra\Downloads\c676336f-79d6-45bf-a544-a1d2b5f77dbc.tmp</t>
  </si>
  <si>
    <t>b0b1d278-a834-4eab-bf9e-8620ea886583.tmp</t>
  </si>
  <si>
    <t>\\acsfs\profiles$\inarajst\Downloads\b0b1d278-a834-4eab-bf9e-8620ea886583.tmp</t>
  </si>
  <si>
    <t>e572286e-7fcd-4aa2-9f72-c817e9c747c4.tmp</t>
  </si>
  <si>
    <t>\\acsfs\profiles$\vivianalds\Downloads\e572286e-7fcd-4aa2-9f72-c817e9c747c4.tmp</t>
  </si>
  <si>
    <t>92e48959-ef10-47c2-884e-288a73432315.tmp</t>
  </si>
  <si>
    <t>\\acsfs\profiles$\maxmillianosv\Downloads\92e48959-ef10-47c2-884e-288a73432315.tmp</t>
  </si>
  <si>
    <t>f29888ea-d689-4af8-9044-78cf4c603ec1.tmp</t>
  </si>
  <si>
    <t>\\acsfs\profiles$\fabianobmf\Downloads\f29888ea-d689-4af8-9044-78cf4c603ec1.tmp</t>
  </si>
  <si>
    <t>e18c61e9-a1d4-4e1b-9e61-9f255a0d0640.tmp</t>
  </si>
  <si>
    <t>\\acsfs\profiles$\laianear\Downloads\e18c61e9-a1d4-4e1b-9e61-9f255a0d0640.tmp</t>
  </si>
  <si>
    <t>480254f9-9486-4a44-80ca-4c6196cdbb70.tmp</t>
  </si>
  <si>
    <t>\\acsfs\profiles$\laianear\Downloads\480254f9-9486-4a44-80ca-4c6196cdbb70.tmp</t>
  </si>
  <si>
    <t>5bee2be0-124e-41a6-8726-d4876ecd9e0b.tmp</t>
  </si>
  <si>
    <t>\\acsfs\profiles$\anafsb\Downloads\5bee2be0-124e-41a6-8726-d4876ecd9e0b.tmp</t>
  </si>
  <si>
    <t>687bdf62-2dbb-40d7-988f-984c968bfdf0.tmp</t>
  </si>
  <si>
    <t>\\acsfs\profiles$\anafsb\Downloads\687bdf62-2dbb-40d7-988f-984c968bfdf0.tmp</t>
  </si>
  <si>
    <t>bf7eeac4-7a1a-4b10-a32e-b5d855ef6fc7.tmp</t>
  </si>
  <si>
    <t>\\acsfs\profiles$\anafsb\Downloads\bf7eeac4-7a1a-4b10-a32e-b5d855ef6fc7.tmp</t>
  </si>
  <si>
    <t>08eb2061-f7f6-47bd-92bb-d0d339d6ab15.tmp</t>
  </si>
  <si>
    <t>\\acsfs\profiles$\anafsb\Downloads\08eb2061-f7f6-47bd-92bb-d0d339d6ab15.tmp</t>
  </si>
  <si>
    <t>da6bf898-e2d7-44dd-af82-0fb70c5c264d.tmp</t>
  </si>
  <si>
    <t>\\acsfs\profiles$\anafsb\Downloads\da6bf898-e2d7-44dd-af82-0fb70c5c264d.tmp</t>
  </si>
  <si>
    <t>1a9e54a5-9cda-4b1e-8e0f-2eb10cdc6c3f.tmp</t>
  </si>
  <si>
    <t>\\acsfs\profiles$\anafsb\Downloads\1a9e54a5-9cda-4b1e-8e0f-2eb10cdc6c3f.tmp</t>
  </si>
  <si>
    <t>dbafed90-32d5-4de2-ae4f-7ed52bf653d7.tmp</t>
  </si>
  <si>
    <t>\\acsfs\profiles$\sarahbal\Downloads\dbafed90-32d5-4de2-ae4f-7ed52bf653d7.tmp</t>
  </si>
  <si>
    <t>64358734-fc85-4044-9438-87d6fa9ce02c.tmp</t>
  </si>
  <si>
    <t>\\acsfs\profiles$\lucasqdss\Downloads\64358734-fc85-4044-9438-87d6fa9ce02c.tmp</t>
  </si>
  <si>
    <t>d54baa3f-d040-4c69-8f17-ef5c1d8f2cbd.tmp</t>
  </si>
  <si>
    <t>\\acsfs\profiles$\lucasqdss\Downloads\d54baa3f-d040-4c69-8f17-ef5c1d8f2cbd.tmp</t>
  </si>
  <si>
    <t>\\acsfs\profiles$\michelerds\Contacts\</t>
  </si>
  <si>
    <t>MICHELE RODRIGUES DE SOUSA (5901).contact</t>
  </si>
  <si>
    <t>\\acsfs\profiles$\michelerds\Contacts\MICHELE RODRIGUES DE SOUSA (5901).contact</t>
  </si>
  <si>
    <t>\\acsfs\profiles$\michelerds\My Documents\My Videos\</t>
  </si>
  <si>
    <t>\\acsfs\profiles$\michelerds\My Documents\My Videos\desktop.ini</t>
  </si>
  <si>
    <t>\\acsfs\profiles$\michelerds\My Documents\My Pictures\</t>
  </si>
  <si>
    <t>\\acsfs\profiles$\michelerds\My Documents\My Pictures\desktop.ini</t>
  </si>
  <si>
    <t>\\acsfs\profiles$\michelerds\Contacts\desktop.ini</t>
  </si>
  <si>
    <t>\\acsfs\profiles$\michelerds\Favorites\</t>
  </si>
  <si>
    <t>\\acsfs\profiles$\michelerds\Favorites\desktop.ini</t>
  </si>
  <si>
    <t>\\acsfs\profiles$\michelerds\My Documents\My Music\</t>
  </si>
  <si>
    <t>\\acsfs\profiles$\michelerds\My Documents\My Music\desktop.ini</t>
  </si>
  <si>
    <t>\\acsfs\profiles$\michelerds\Searches\</t>
  </si>
  <si>
    <t>\\acsfs\profiles$\michelerds\Searches\desktop.ini</t>
  </si>
  <si>
    <t>\\acsfs\profiles$\michelerds\Downloads\desktop.ini</t>
  </si>
  <si>
    <t>\\acsfs\profiles$\michelerds\My Documents\</t>
  </si>
  <si>
    <t>\\acsfs\profiles$\michelerds\My Documents\desktop.ini</t>
  </si>
  <si>
    <t>\\acsfs\profiles$\michelerds\Saved Games\</t>
  </si>
  <si>
    <t>\\acsfs\profiles$\michelerds\Saved Games\desktop.ini</t>
  </si>
  <si>
    <t>\\acsfs\profiles$\michelerds\Favorites\Links for Brasil\</t>
  </si>
  <si>
    <t>\\acsfs\profiles$\michelerds\Favorites\Links for Brasil\desktop.ini</t>
  </si>
  <si>
    <t>\\acsfs\profiles$\michelerds\Favorites\Links for Brasil\Microsoft Brasil.url</t>
  </si>
  <si>
    <t>\\acsfs\profiles$\michelerds\Favorites\Links for Brasil\Windows Brasil.url</t>
  </si>
  <si>
    <t>\\acsfs\profiles$\michelerds\Favorites\Links for Brasil\MSN Brasil.url</t>
  </si>
  <si>
    <t>f6ab8940-633f-4b7b-b008-483a4d572f37.tmp</t>
  </si>
  <si>
    <t>\\acsfs\profiles$\anafsb\Downloads\f6ab8940-633f-4b7b-b008-483a4d572f37.tmp</t>
  </si>
  <si>
    <t>4ebb5e22-8021-45b5-8a3f-27b0a1e9c08e.tmp</t>
  </si>
  <si>
    <t>\\acsfs\profiles$\mariajra\Downloads\4ebb5e22-8021-45b5-8a3f-27b0a1e9c08e.tmp</t>
  </si>
  <si>
    <t>e8e6526c-63df-498d-9637-f4d3e36ce42f.tmp</t>
  </si>
  <si>
    <t>\\acsfs\profiles$\lucasqdss\Downloads\e8e6526c-63df-498d-9637-f4d3e36ce42f.tmp</t>
  </si>
  <si>
    <t>46ecdcff-485d-4746-967d-fd39dfb7c838.tmp</t>
  </si>
  <si>
    <t>\\acsfs\profiles$\luanarda\Downloads\46ecdcff-485d-4746-967d-fd39dfb7c838.tmp</t>
  </si>
  <si>
    <t>2d7d7e47-383c-467e-ad3e-9bccddbe387d.tmp</t>
  </si>
  <si>
    <t>\\acsfs\profiles$\danielac\Downloads\2d7d7e47-383c-467e-ad3e-9bccddbe387d.tmp</t>
  </si>
  <si>
    <t>45baf19b-4b2b-46b6-ae73-7c6321a13af3.tmp</t>
  </si>
  <si>
    <t>\\acsfs\profiles$\wenderbnm\Downloads\45baf19b-4b2b-46b6-ae73-7c6321a13af3.tmp</t>
  </si>
  <si>
    <t>7318f05e-9ae3-4705-8783-4e34702af4df.tmp</t>
  </si>
  <si>
    <t>\\acsfs\profiles$\wenderbnm\Downloads\7318f05e-9ae3-4705-8783-4e34702af4df.tmp</t>
  </si>
  <si>
    <t>97560ba6-c66c-454d-a4b6-8a9882193f6a.tmp</t>
  </si>
  <si>
    <t>\\acsfs\profiles$\inarajst\Downloads\97560ba6-c66c-454d-a4b6-8a9882193f6a.tmp</t>
  </si>
  <si>
    <t>c4a1afd8-333d-430a-8c42-ae5045cd2abf.tmp</t>
  </si>
  <si>
    <t>\\acsfs\profiles$\paulovadc\Downloads\c4a1afd8-333d-430a-8c42-ae5045cd2abf.tmp</t>
  </si>
  <si>
    <t>9a34526d-a64c-4007-b972-c2571ba41e53.tmp</t>
  </si>
  <si>
    <t>\\acsfs\profiles$\paulovadc\Downloads\9a34526d-a64c-4007-b972-c2571ba41e53.tmp</t>
  </si>
  <si>
    <t>d4005a31-9191-430e-98ab-5c32c5d52135.tmp</t>
  </si>
  <si>
    <t>\\acsfs\profiles$\ERICALSR\Downloads\d4005a31-9191-430e-98ab-5c32c5d52135.tmp</t>
  </si>
  <si>
    <t>d43ef446-fddf-4afd-8656-c48e2e07d747.tmp</t>
  </si>
  <si>
    <t>\\acsfs\profiles$\marcellewdl\Downloads\d43ef446-fddf-4afd-8656-c48e2e07d747.tmp</t>
  </si>
  <si>
    <t>0d97538f-b9d3-4522-8b62-2185fbcf6b15.tmp</t>
  </si>
  <si>
    <t>\\acsfs\profiles$\marcellewdl\Downloads\0d97538f-b9d3-4522-8b62-2185fbcf6b15.tmp</t>
  </si>
  <si>
    <t>b33fb7c5-0e3f-4911-a2ff-6afdb907928e.tmp</t>
  </si>
  <si>
    <t>\\acsfs\profiles$\michelerds\Downloads\b33fb7c5-0e3f-4911-a2ff-6afdb907928e.tmp</t>
  </si>
  <si>
    <t>46241fbc-1e1d-438c-8b2f-4acf66f7effe.tmp</t>
  </si>
  <si>
    <t>\\acsfs\profiles$\michelerds\Downloads\46241fbc-1e1d-438c-8b2f-4acf66f7effe.tmp</t>
  </si>
  <si>
    <t>c3be6c91-77ad-40cc-b28e-0dedd9fd2ad6.tmp</t>
  </si>
  <si>
    <t>\\acsfs\profiles$\michelerds\Downloads\c3be6c91-77ad-40cc-b28e-0dedd9fd2ad6.tmp</t>
  </si>
  <si>
    <t>d19e5bac-98a0-469d-8aa8-1124fea251ad.tmp</t>
  </si>
  <si>
    <t>\\acsfs\profiles$\michelerds\Downloads\d19e5bac-98a0-469d-8aa8-1124fea251ad.tmp</t>
  </si>
  <si>
    <t>69a8c1e7-3094-4856-baf6-5e8f31ca41ea.tmp</t>
  </si>
  <si>
    <t>\\acsfs\profiles$\deborahsi\Downloads\69a8c1e7-3094-4856-baf6-5e8f31ca41ea.tmp</t>
  </si>
  <si>
    <t>30584229-cf9c-419e-9bcc-6489c6331408.tmp</t>
  </si>
  <si>
    <t>\\acsfs\profiles$\deborahsi\Downloads\30584229-cf9c-419e-9bcc-6489c6331408.tmp</t>
  </si>
  <si>
    <t>410d482c-fe56-496c-9e47-17fa0a857c70.tmp</t>
  </si>
  <si>
    <t>\\acsfs\profiles$\deborahsi\Downloads\410d482c-fe56-496c-9e47-17fa0a857c70.tmp</t>
  </si>
  <si>
    <t>ed4f82d5-a69c-4a58-b536-ce43060001a0.tmp</t>
  </si>
  <si>
    <t>\\acsfs\profiles$\henriquehmdo\Downloads\ed4f82d5-a69c-4a58-b536-ce43060001a0.tmp</t>
  </si>
  <si>
    <t>0b2c1a30-d9b0-4f29-9008-64337296c5d4.tmp</t>
  </si>
  <si>
    <t>\\acsfs\profiles$\henriquehmdo\Downloads\0b2c1a30-d9b0-4f29-9008-64337296c5d4.tmp</t>
  </si>
  <si>
    <t>d30c23eb-d8f2-47fd-a7bf-b79e5bb3b6db.tmp</t>
  </si>
  <si>
    <t>\\acsfs\profiles$\mariajra\Downloads\d30c23eb-d8f2-47fd-a7bf-b79e5bb3b6db.tmp</t>
  </si>
  <si>
    <t>7688de7e-2597-4e81-8fd3-0c3f1d6229bb.tmp</t>
  </si>
  <si>
    <t>\\acsfs\profiles$\mariajra\Downloads\7688de7e-2597-4e81-8fd3-0c3f1d6229bb.tmp</t>
  </si>
  <si>
    <t>b92bfd3f-51fc-44df-9ea4-51f7afbad321.tmp</t>
  </si>
  <si>
    <t>\\acsfs\profiles$\larissaad\Downloads\b92bfd3f-51fc-44df-9ea4-51f7afbad321.tmp</t>
  </si>
  <si>
    <t>Portal SinergyRH Software para Gestão de RH.url</t>
  </si>
  <si>
    <t>\\acsfs\profiles$\LUCASQDSS\Favorites\Portal SinergyRH Software para Gestão de RH.url</t>
  </si>
  <si>
    <t>6dce840b-f173-4c66-b834-215df7394bea.tmp</t>
  </si>
  <si>
    <t>\\acsfs\profiles$\luanarda\Downloads\6dce840b-f173-4c66-b834-215df7394bea.tmp</t>
  </si>
  <si>
    <t>\\acsfs\profiles$\LUCASQDSS\Favorites\Portal SinergyRH Software para Gestão de RH.url\</t>
  </si>
  <si>
    <t>\\acsfs\profiles$\LUCASQDSS\Favorites\Portal SinergyRH Software para Gestão de RH.url\:favicon:$DATA</t>
  </si>
  <si>
    <t>32efc5b6-ca11-45e9-8374-c4db8b5558b4.tmp</t>
  </si>
  <si>
    <t>\\acsfs\profiles$\THYAGOSP\Downloads\32efc5b6-ca11-45e9-8374-c4db8b5558b4.tmp</t>
  </si>
  <si>
    <t>1bbe233d-f5a3-47be-8419-7293d033fa3b.tmp</t>
  </si>
  <si>
    <t>\\acsfs\profiles$\THYAGOSP\Downloads\1bbe233d-f5a3-47be-8419-7293d033fa3b.tmp</t>
  </si>
  <si>
    <t>fbcb5b29-4f59-41da-9046-47ac3ff56fff.tmp</t>
  </si>
  <si>
    <t>\\acsfs\profiles$\THYAGOSP\Downloads\fbcb5b29-4f59-41da-9046-47ac3ff56fff.tmp</t>
  </si>
  <si>
    <t>7fc66655-8167-4a6d-bdab-083734f0b0b8.tmp</t>
  </si>
  <si>
    <t>\\acsfs\profiles$\ERICALSR\Downloads\7fc66655-8167-4a6d-bdab-083734f0b0b8.tmp</t>
  </si>
  <si>
    <t>d61a8199-d0a2-4b51-9328-48a14db410c0.tmp</t>
  </si>
  <si>
    <t>\\acsfs\profiles$\felipetds\Downloads\d61a8199-d0a2-4b51-9328-48a14db410c0.tmp</t>
  </si>
  <si>
    <t>8542d22b-5900-4d87-8041-85eed6d113eb.tmp</t>
  </si>
  <si>
    <t>\\acsfs\profiles$\felipetds\Downloads\8542d22b-5900-4d87-8041-85eed6d113eb.tmp</t>
  </si>
  <si>
    <t>b6140ee9-a255-49a6-ace7-1992536e672d.tmp</t>
  </si>
  <si>
    <t>\\acsfs\profiles$\sarahbal\Downloads\b6140ee9-a255-49a6-ace7-1992536e672d.tmp</t>
  </si>
  <si>
    <t>c6b568c2-2d89-449b-bd70-2a1dc410e4b0.tmp</t>
  </si>
  <si>
    <t>\\acsfs\profiles$\deborahsi\Downloads\c6b568c2-2d89-449b-bd70-2a1dc410e4b0.tmp</t>
  </si>
  <si>
    <t>d3dd96bf-f40f-4024-b014-b1475a693757.tmp</t>
  </si>
  <si>
    <t>\\acsfs\profiles$\quindaizaagds\Downloads\d3dd96bf-f40f-4024-b014-b1475a693757.tmp</t>
  </si>
  <si>
    <t>57a0199a-75db-49ed-9f6e-db44e6ff6caf.tmp</t>
  </si>
  <si>
    <t>\\acsfs\profiles$\quindaizaagds\Downloads\57a0199a-75db-49ed-9f6e-db44e6ff6caf.tmp</t>
  </si>
  <si>
    <t>89d36963-eda0-48ac-a489-0fe345dffc8e.tmp</t>
  </si>
  <si>
    <t>\\acsfs\profiles$\larissaad\Downloads\89d36963-eda0-48ac-a489-0fe345dffc8e.tmp</t>
  </si>
  <si>
    <t>b741e966-ca01-4314-8a1d-c3064861d55e.tmp</t>
  </si>
  <si>
    <t>\\acsfs\profiles$\deboraaa\Downloads\b741e966-ca01-4314-8a1d-c3064861d55e.tmp</t>
  </si>
  <si>
    <t>d249993d-4d6c-43b3-b4aa-28365abcf8cd.tmp</t>
  </si>
  <si>
    <t>\\acsfs\profiles$\maxmillianosv\Downloads\d249993d-4d6c-43b3-b4aa-28365abcf8cd.tmp</t>
  </si>
  <si>
    <t>a88872fc-cea0-4ef5-8159-9d8e20018fb1.tmp</t>
  </si>
  <si>
    <t>\\acsfs\profiles$\maxmillianosv\Downloads\a88872fc-cea0-4ef5-8159-9d8e20018fb1.tmp</t>
  </si>
  <si>
    <t>9d85105b-0ee5-404a-b473-fe8c2a0d93df.tmp</t>
  </si>
  <si>
    <t>\\acsfs\profiles$\maxmillianosv\Downloads\9d85105b-0ee5-404a-b473-fe8c2a0d93df.tmp</t>
  </si>
  <si>
    <t>08a3a389-5081-4646-a494-12d9a27c89c3.tmp</t>
  </si>
  <si>
    <t>\\acsfs\profiles$\maxmillianosv\Downloads\08a3a389-5081-4646-a494-12d9a27c89c3.tmp</t>
  </si>
  <si>
    <t>f0999707-7f4e-4f4f-94aa-c66938ef1342.tmp</t>
  </si>
  <si>
    <t>\\acsfs\profiles$\mariliafplb\Downloads\f0999707-7f4e-4f4f-94aa-c66938ef1342.tmp</t>
  </si>
  <si>
    <t>10099f09-93b5-4e4f-bfb8-b45917dcf2b9.tmp</t>
  </si>
  <si>
    <t>\\acsfs\profiles$\mariliafplb\Downloads\10099f09-93b5-4e4f-bfb8-b45917dcf2b9.tmp</t>
  </si>
  <si>
    <t>7bf2895d-ef4b-4fef-9af6-1cc24d05e2b1.tmp</t>
  </si>
  <si>
    <t>\\acsfs\profiles$\milenaas\Downloads\7bf2895d-ef4b-4fef-9af6-1cc24d05e2b1.tmp</t>
  </si>
  <si>
    <t>f5c533e3-0c9a-4e79-9feb-420d155696fa.tmp</t>
  </si>
  <si>
    <t>\\acsfs\profiles$\milenaas\Downloads\f5c533e3-0c9a-4e79-9feb-420d155696fa.tmp</t>
  </si>
  <si>
    <t>2fce6774-2c96-4f50-a46d-ccd3977eac81.tmp</t>
  </si>
  <si>
    <t>\\acsfs\profiles$\milenaas\Downloads\2fce6774-2c96-4f50-a46d-ccd3977eac81.tmp</t>
  </si>
  <si>
    <t>3bc19cee-f469-4344-83e4-bbd8be05df15.tmp</t>
  </si>
  <si>
    <t>\\acsfs\profiles$\luanaagl\Downloads\3bc19cee-f469-4344-83e4-bbd8be05df15.tmp</t>
  </si>
  <si>
    <t>\\acsfs\profiles$\Lucasbs\Contacts\</t>
  </si>
  <si>
    <t>dfdfa7d1-4162-4161-ad4e-05ce0f30d780.tmp</t>
  </si>
  <si>
    <t>\\acsfs\profiles$\LUCASNS\Downloads\dfdfa7d1-4162-4161-ad4e-05ce0f30d780.tmp</t>
  </si>
  <si>
    <t>65392d5b-9cbf-42e2-9e48-21e46115cb60.tmp</t>
  </si>
  <si>
    <t>\\acsfs\profiles$\LUCASNS\Downloads\65392d5b-9cbf-42e2-9e48-21e46115cb60.tmp</t>
  </si>
  <si>
    <t>6b366960-d650-4499-9f5b-92e5aaed7d3f.tmp</t>
  </si>
  <si>
    <t>\\acsfs\profiles$\larissaad\Downloads\6b366960-d650-4499-9f5b-92e5aaed7d3f.tmp</t>
  </si>
  <si>
    <t>9f74eaab-72fb-4faa-b36c-e945f12bad3a.tmp</t>
  </si>
  <si>
    <t>\\acsfs\profiles$\lorraynevam\Downloads\9f74eaab-72fb-4faa-b36c-e945f12bad3a.tmp</t>
  </si>
  <si>
    <t>d83c05f8-8eba-4069-bae6-0121ada20719.tmp</t>
  </si>
  <si>
    <t>\\acsfs\profiles$\maxmillianosv\Downloads\d83c05f8-8eba-4069-bae6-0121ada20719.tmp</t>
  </si>
  <si>
    <t>d74fd4a1-130b-45e7-8cd1-6e1b1e9c626f.tmp</t>
  </si>
  <si>
    <t>\\acsfs\profiles$\maxmillianosv\Downloads\d74fd4a1-130b-45e7-8cd1-6e1b1e9c626f.tmp</t>
  </si>
  <si>
    <t>93c7313f-95db-469e-a5db-dc3c7c0580c1.tmp</t>
  </si>
  <si>
    <t>\\acsfs\profiles$\lorrainerdl\Downloads\93c7313f-95db-469e-a5db-dc3c7c0580c1.tmp</t>
  </si>
  <si>
    <t>f6e677bf-cc15-44cb-a1b8-a770009ebe04.tmp</t>
  </si>
  <si>
    <t>\\acsfs\profiles$\lorrainerdl\Downloads\f6e677bf-cc15-44cb-a1b8-a770009ebe04.tmp</t>
  </si>
  <si>
    <t>C:\Users\anavbg\Downloads\</t>
  </si>
  <si>
    <t>Status Filas.xlsx</t>
  </si>
  <si>
    <t>\\acsfs\DEPTOS\Operacao\Banco_Votorantim\Supervisao\SUPERS BV CARTÕES\ANA VITORIA\APOIO\Status Filas.xlsx</t>
  </si>
  <si>
    <t>Filas-ALGAR - JONATAN.xlsx</t>
  </si>
  <si>
    <t>\\acsfs\DEPTOS\Operacao\Banco_Votorantim\Supervisao\SUPERS BV CARTÕES\ANA VITORIA\APOIO\Filas-ALGAR - JONATAN.xlsx</t>
  </si>
  <si>
    <t>16e51394-0626-4c50-adcd-492352750167.tmp</t>
  </si>
  <si>
    <t>\\acsfs\profiles$\milenaas\Downloads\16e51394-0626-4c50-adcd-492352750167.tmp</t>
  </si>
  <si>
    <t>89ac1d84-d656-48c3-a184-39c72eae9ac8.tmp</t>
  </si>
  <si>
    <t>\\acsfs\profiles$\sarahbal\Downloads\89ac1d84-d656-48c3-a184-39c72eae9ac8.tmp</t>
  </si>
  <si>
    <t>d900ac0b-889d-40fc-bf47-d4288d22cd0a.tmp</t>
  </si>
  <si>
    <t>\\acsfs\profiles$\luanaagl\Downloads\d900ac0b-889d-40fc-bf47-d4288d22cd0a.tmp</t>
  </si>
  <si>
    <t>f67fd1ba-8275-4ba5-98f6-faa3a1d3fcb9.tmp</t>
  </si>
  <si>
    <t>\\acsfs\profiles$\luanaagl\Downloads\f67fd1ba-8275-4ba5-98f6-faa3a1d3fcb9.tmp</t>
  </si>
  <si>
    <t>905c3138-93cf-4e4f-876d-7b7e2987eda2.tmp</t>
  </si>
  <si>
    <t>\\acsfs\profiles$\LUCASBS\Downloads\905c3138-93cf-4e4f-876d-7b7e2987eda2.tmp</t>
  </si>
  <si>
    <t>c46f76a5-34e9-45ae-bcca-f9d3f3493094.tmp</t>
  </si>
  <si>
    <t>\\acsfs\profiles$\LUCASBS\Downloads\c46f76a5-34e9-45ae-bcca-f9d3f3493094.tmp</t>
  </si>
  <si>
    <t>https://udpmailboxap01.acs.com.br:8443/h/search?si=0&amp;so=0&amp;sc=60273&amp;sfi=6&amp;st=conversation&amp;action=compose</t>
  </si>
  <si>
    <t>0551f811-5b18-44a1-9f69-0c05119ac639.tmp</t>
  </si>
  <si>
    <t>\\acsfs\profiles$\larissaad\Downloads\0551f811-5b18-44a1-9f69-0c05119ac639.tmp</t>
  </si>
  <si>
    <t>b86a21ce-b0c2-465d-9d84-7ca8d1f974d1.tmp</t>
  </si>
  <si>
    <t>\\acsfs\profiles$\lorraynevam\Downloads\b86a21ce-b0c2-465d-9d84-7ca8d1f974d1.tmp</t>
  </si>
  <si>
    <t>bd6b4cd1-b5e9-4676-8186-670cc49c1ca4.tmp</t>
  </si>
  <si>
    <t>\\acsfs\profiles$\lorrainerdl\Downloads\bd6b4cd1-b5e9-4676-8186-670cc49c1ca4.tmp</t>
  </si>
  <si>
    <t>eabc0142-9430-4773-acdf-a9484972c1ab.tmp</t>
  </si>
  <si>
    <t>\\acsfs\profiles$\mariellecs\Downloads\eabc0142-9430-4773-acdf-a9484972c1ab.tmp</t>
  </si>
  <si>
    <t>736b03cb-fa2b-405f-8636-e153f5bec1d3.tmp</t>
  </si>
  <si>
    <t>\\acsfs\profiles$\geovannasm\Downloads\736b03cb-fa2b-405f-8636-e153f5bec1d3.tmp</t>
  </si>
  <si>
    <t>9c3438e6-f2f5-4ae3-9f45-8b7d2b87d26c.tmp</t>
  </si>
  <si>
    <t>\\acsfs\profiles$\quindaizaagds\Downloads\9c3438e6-f2f5-4ae3-9f45-8b7d2b87d26c.tmp</t>
  </si>
  <si>
    <t>fd983378-3622-4869-be27-213536c3179e.tmp</t>
  </si>
  <si>
    <t>\\acsfs\profiles$\quindaizaagds\Downloads\fd983378-3622-4869-be27-213536c3179e.tmp</t>
  </si>
  <si>
    <t>45d78eab-419d-4698-93f0-e527650280af.tmp</t>
  </si>
  <si>
    <t>\\acsfs\profiles$\larissaad\Downloads\45d78eab-419d-4698-93f0-e527650280af.tmp</t>
  </si>
  <si>
    <t>c7d8734d-2d66-4746-9359-d30ca3e4584f.tmp</t>
  </si>
  <si>
    <t>\\acsfs\profiles$\ayalabfi\Downloads\c7d8734d-2d66-4746-9359-d30ca3e4584f.tmp</t>
  </si>
  <si>
    <t>14a59b66-ca11-4fc7-9c42-5857d2866f8f.tmp</t>
  </si>
  <si>
    <t>\\acsfs\profiles$\ayalabfi\Downloads\14a59b66-ca11-4fc7-9c42-5857d2866f8f.tmp</t>
  </si>
  <si>
    <t>813563f8-5435-4b51-88ac-f46573583d37.tmp</t>
  </si>
  <si>
    <t>\\acsfs\profiles$\ayalabfi\Downloads\813563f8-5435-4b51-88ac-f46573583d37.tmp</t>
  </si>
  <si>
    <t>ded61716-9b2a-4b20-913f-3f0afe33f23c.tmp</t>
  </si>
  <si>
    <t>\\acsfs\profiles$\ayalabfi\Downloads\ded61716-9b2a-4b20-913f-3f0afe33f23c.tmp</t>
  </si>
  <si>
    <t>Relatorio de Vendas - Auditoria BV Cartoes (Dezembro) Cliente.xlsx</t>
  </si>
  <si>
    <t>\\acsfs\DEPTOS\Operacao\Banco_Votorantim\Qualidade\Anderson\Jose\Atualizado\Relatorio de Vendas - Auditoria BV Cartoes (Dezembro) Cliente.xlsx</t>
  </si>
  <si>
    <t>34006b6d-4fad-4b00-9d96-472c1743f5d6.tmp</t>
  </si>
  <si>
    <t>\\acsfs\profiles$\danielac\Downloads\34006b6d-4fad-4b00-9d96-472c1743f5d6.tmp</t>
  </si>
  <si>
    <t>eddcc1ef-0b1f-4b63-a502-6928eaac5839.tmp</t>
  </si>
  <si>
    <t>\\acsfs\profiles$\YASMINSC\Downloads\eddcc1ef-0b1f-4b63-a502-6928eaac5839.tmp</t>
  </si>
  <si>
    <t>8c2fb200-3e6a-4393-932d-03307660a553.tmp</t>
  </si>
  <si>
    <t>\\acsfs\profiles$\geovannasm\Downloads\8c2fb200-3e6a-4393-932d-03307660a553.tmp</t>
  </si>
  <si>
    <t>2db2c3e8-c8b7-497d-865b-7a2da895dbbd.tmp</t>
  </si>
  <si>
    <t>\\acsfs\profiles$\isabellegtds\Downloads\2db2c3e8-c8b7-497d-865b-7a2da895dbbd.tmp</t>
  </si>
  <si>
    <t>6481e5b5-ac4b-49db-82b5-48042d299c52.tmp</t>
  </si>
  <si>
    <t>\\acsfs\profiles$\isabellegtds\Downloads\6481e5b5-ac4b-49db-82b5-48042d299c52.tmp</t>
  </si>
  <si>
    <t>60b68a39-337b-46c5-9548-5d806aab1af2.tmp</t>
  </si>
  <si>
    <t>\\acsfs\profiles$\sarahbal\Downloads\60b68a39-337b-46c5-9548-5d806aab1af2.tmp</t>
  </si>
  <si>
    <t>8d27b3cf-d0f3-40ff-a813-62d7d81692a3.tmp</t>
  </si>
  <si>
    <t>\\acsfs\profiles$\danielmlds\Downloads\8d27b3cf-d0f3-40ff-a813-62d7d81692a3.tmp</t>
  </si>
  <si>
    <t>a52a2213-6353-4235-a297-ecc0144f1aab.tmp</t>
  </si>
  <si>
    <t>\\acsfs\profiles$\danielmlds\Downloads\a52a2213-6353-4235-a297-ecc0144f1aab.tmp</t>
  </si>
  <si>
    <t>7b7bed70-26c5-4075-98da-250de8d14d6a.tmp</t>
  </si>
  <si>
    <t>\\acsfs\profiles$\nataliacsl\Downloads\7b7bed70-26c5-4075-98da-250de8d14d6a.tmp</t>
  </si>
  <si>
    <t>238fc7dc-744a-482d-be35-9d8a897fc095.tmp</t>
  </si>
  <si>
    <t>\\acsfs\profiles$\ayalabfi\Downloads\238fc7dc-744a-482d-be35-9d8a897fc095.tmp</t>
  </si>
  <si>
    <t>Relatorio de Vendas - Auditoria BV Cartoes (Dezembro) SUPERVISÃO.xlsx</t>
  </si>
  <si>
    <t>\\acsfs\DEPTOS\Operacao\Banco_Votorantim\Qualidade\Anderson\Jose\Atualizado\Relatorio de Vendas - Auditoria BV Cartoes (Dezembro) SUPERVISÃO.xlsx</t>
  </si>
  <si>
    <t>2f8bdd18-2d81-4041-8d91-03cedb9db7f7.tmp</t>
  </si>
  <si>
    <t>\\acsfs\profiles$\leticiala\Downloads\2f8bdd18-2d81-4041-8d91-03cedb9db7f7.tmp</t>
  </si>
  <si>
    <t>1db0dd41-12c5-496f-85db-1c1272ba42d3.tmp</t>
  </si>
  <si>
    <t>\\acsfs\profiles$\talitafdc\Downloads\1db0dd41-12c5-496f-85db-1c1272ba42d3.tmp</t>
  </si>
  <si>
    <t>Unconfirmed 832402.crdownload</t>
  </si>
  <si>
    <t>\\acsfs\profiles$\talitafdc\Downloads\Unconfirmed 832402.crdownload</t>
  </si>
  <si>
    <t>66aed440-cb09-4cd5-85d5-0c9da58ccd21.tmp</t>
  </si>
  <si>
    <t>\\acsfs\profiles$\vivianealda\Downloads\66aed440-cb09-4cd5-85d5-0c9da58ccd21.tmp</t>
  </si>
  <si>
    <t>38139abd-8d3d-4277-9677-e9578bb31c93.tmp</t>
  </si>
  <si>
    <t>\\acsfs\profiles$\victoriaksr\Downloads\38139abd-8d3d-4277-9677-e9578bb31c93.tmp</t>
  </si>
  <si>
    <t>71256c52-e71b-4129-96ec-a36a66842737.tmp</t>
  </si>
  <si>
    <t>\\acsfs\profiles$\nataliacsl\Downloads\71256c52-e71b-4129-96ec-a36a66842737.tmp</t>
  </si>
  <si>
    <t>Relatorio de Vendas - Auditoria BV Cartoes (Dezembro)_FECHAMENTO - Cópia.xlsx</t>
  </si>
  <si>
    <t>\\acsfs\DEPTOS\Operacao\Banco_Votorantim\Qualidade\Anderson\Jose\Atualizado\Relatorio de Vendas - Auditoria BV Cartoes (Dezembro)_FECHAMENTO - Cópia.xlsx</t>
  </si>
  <si>
    <t>dc92d1bf-793f-4412-a359-9c6c7c9d428d.tmp</t>
  </si>
  <si>
    <t>\\acsfs\profiles$\inarajst\Downloads\dc92d1bf-793f-4412-a359-9c6c7c9d428d.tmp</t>
  </si>
  <si>
    <t>4d98d825-609c-42d0-a32e-67fe6eeeea82.tmp</t>
  </si>
  <si>
    <t>\\acsfs\profiles$\vivianealda\Downloads\4d98d825-609c-42d0-a32e-67fe6eeeea82.tmp</t>
  </si>
  <si>
    <t>34a7eac5-929a-40c9-81ef-61d78f1afa0e.tmp</t>
  </si>
  <si>
    <t>\\acsfs\profiles$\eduardofss\Downloads\34a7eac5-929a-40c9-81ef-61d78f1afa0e.tmp</t>
  </si>
  <si>
    <t>Q29udHJvbGxlci5QYXl3YXJlXzEtMg-- (42).ica</t>
  </si>
  <si>
    <t>\\acsfs\profiles$\eduardofss\Downloads\Q29udHJvbGxlci5QYXl3YXJlXzEtMg-- (42).ica</t>
  </si>
  <si>
    <t>ae8d0707-00d8-49df-be74-6091113990c6.tmp</t>
  </si>
  <si>
    <t>\\acsfs\profiles$\eduardofss\Downloads\ae8d0707-00d8-49df-be74-6091113990c6.tmp</t>
  </si>
  <si>
    <t>lu1144jm27.tmp</t>
  </si>
  <si>
    <t>\\acsfs\profiles$\LUCASBS\Planilhas\lu1144jm27.tmp</t>
  </si>
  <si>
    <t>8f80f37d-2ed5-416a-a69e-e4ec0837197e.tmp</t>
  </si>
  <si>
    <t>\\acsfs\profiles$\eduardofss\Downloads\8f80f37d-2ed5-416a-a69e-e4ec0837197e.tmp</t>
  </si>
  <si>
    <t>3dc8736d-dfe6-4ee5-8d8b-32b0a14d2afb.tmp</t>
  </si>
  <si>
    <t>\\acsfs\profiles$\larissaad\Downloads\3dc8736d-dfe6-4ee5-8d8b-32b0a14d2afb.tmp</t>
  </si>
  <si>
    <t>922e3842-7178-4846-826e-09c0751ffcb2.tmp</t>
  </si>
  <si>
    <t>\\acsfs\profiles$\lorrainerdl\Downloads\922e3842-7178-4846-826e-09c0751ffcb2.tmp</t>
  </si>
  <si>
    <t>323de29b-b2d4-49b4-89f7-272d2be2ef9b.tmp</t>
  </si>
  <si>
    <t>\\acsfs\profiles$\lucasgpe\Downloads\323de29b-b2d4-49b4-89f7-272d2be2ef9b.tmp</t>
  </si>
  <si>
    <t>ab4e1d4b-b9a0-4211-96f0-48dca63fa089.tmp</t>
  </si>
  <si>
    <t>\\acsfs\profiles$\geovanaasa\Downloads\ab4e1d4b-b9a0-4211-96f0-48dca63fa089.tmp</t>
  </si>
  <si>
    <t>d4efca96-0d93-41ae-bf2b-a161809d2a20.tmp</t>
  </si>
  <si>
    <t>\\acsfs\profiles$\geovanaasa\Downloads\d4efca96-0d93-41ae-bf2b-a161809d2a20.tmp</t>
  </si>
  <si>
    <t>b6479705-6738-45c3-9f00-137892dae850.tmp</t>
  </si>
  <si>
    <t>\\acsfs\profiles$\adelvinsonle\Downloads\b6479705-6738-45c3-9f00-137892dae850.tmp</t>
  </si>
  <si>
    <t>968b66c0-6267-462e-b378-b22afee9381f.tmp</t>
  </si>
  <si>
    <t>\\acsfs\profiles$\adelvinsonle\Downloads\968b66c0-6267-462e-b378-b22afee9381f.tmp</t>
  </si>
  <si>
    <t>9e38eeb2-aa48-46d3-be3a-3f1a6829960a.tmp</t>
  </si>
  <si>
    <t>\\acsfs\profiles$\luanaagl\Downloads\9e38eeb2-aa48-46d3-be3a-3f1a6829960a.tmp</t>
  </si>
  <si>
    <t>1b936155-a274-4a94-a517-69b0555438e2.tmp</t>
  </si>
  <si>
    <t>\\acsfs\profiles$\victoriaksr\Downloads\1b936155-a274-4a94-a517-69b0555438e2.tmp</t>
  </si>
  <si>
    <t>913551cd-c483-44d7-8117-6cad3dd46cca.tmp</t>
  </si>
  <si>
    <t>\\acsfs\profiles$\PEDROHAB\Downloads\913551cd-c483-44d7-8117-6cad3dd46cca.tmp</t>
  </si>
  <si>
    <t>e3c4478f-98d4-4cd8-8490-89e40075fc17.tmp</t>
  </si>
  <si>
    <t>\\acsfs\profiles$\PEDROHAB\Downloads\e3c4478f-98d4-4cd8-8490-89e40075fc17.tmp</t>
  </si>
  <si>
    <t>0b436858-2ab6-49fb-9f3a-4a64b15fd3fe.tmp</t>
  </si>
  <si>
    <t>\\acsfs\profiles$\PEDROHAB\Downloads\0b436858-2ab6-49fb-9f3a-4a64b15fd3fe.tmp</t>
  </si>
  <si>
    <t>\\acsfs\deptos\CEI - Coordenação de Engenharia e Infraestrutura\CEI – Manutenção\48 - PCM\Manutenção\2. Acompanhamento diário\2019\41\</t>
  </si>
  <si>
    <t>QUADRO DE ACOMPANHAMENTO.xlsx</t>
  </si>
  <si>
    <t>' and title contains 'xlsx' and trashed = false and '0aasoq2nlq5_zuk9pva' in parents&amp;fields=kind,ancestorhasaugmentedpermissions,containsunsubscribedchildren,displayname,domain,emailaddress,explicitlytrashed,filesize,hasthumbnail,hasvisitorpermissions,id,id),items(kind,lastmodifyinguser(kind,lastviewedbymedate,mimetype�,modifie,modifiedbymedate,modifieddate,nextpagetoken,ontainsunsubscribedchildren,owners(kind,permissionid,picture,shared,sharedwithmedate,thumbnailversion,title,userpermission(role),workspaceids</t>
  </si>
  <si>
    <t>8e98ad5f-0582-4b16-ae61-7e344b369594.tmp</t>
  </si>
  <si>
    <t>\\acsfs\profiles$\cintiadcf\Downloads\8e98ad5f-0582-4b16-ae61-7e344b369594.tmp</t>
  </si>
  <si>
    <t>86324d3f-df48-4c30-a884-86a9aa2e1bd5.tmp</t>
  </si>
  <si>
    <t>\\acsfs\profiles$\lorrainerdl\Downloads\86324d3f-df48-4c30-a884-86a9aa2e1bd5.tmp</t>
  </si>
  <si>
    <t>eb71ca7a-faab-46fc-95bb-384303780ec5.tmp</t>
  </si>
  <si>
    <t>\\acsfs\profiles$\lorrainerdl\Downloads\eb71ca7a-faab-46fc-95bb-384303780ec5.tmp</t>
  </si>
  <si>
    <t>9a69716c-3aa1-4ef1-bb65-792f81afb0f7.tmp</t>
  </si>
  <si>
    <t>\\acsfs\profiles$\lorrainerdl\Downloads\9a69716c-3aa1-4ef1-bb65-792f81afb0f7.tmp</t>
  </si>
  <si>
    <t>\\acsfs\profiles$\ALEXANDREMM\.~lock.Novo(a) Planilha OpenDocument.ods#</t>
  </si>
  <si>
    <t>3e4b9df9-88d5-4ad3-a508-f52da9dece0c.tmp</t>
  </si>
  <si>
    <t>\\acsfs\profiles$\leticiala\Downloads\3e4b9df9-88d5-4ad3-a508-f52da9dece0c.tmp</t>
  </si>
  <si>
    <t>6f6ef183-9d9a-4c21-be4b-d13c75f8778d.tmp</t>
  </si>
  <si>
    <t>\\acsfs\profiles$\lucasgpe\Downloads\6f6ef183-9d9a-4c21-be4b-d13c75f8778d.tmp</t>
  </si>
  <si>
    <t>e738973c-8454-475e-be0a-8f6a4c0fdba5.tmp</t>
  </si>
  <si>
    <t>\\acsfs\profiles$\milenaas\Downloads\e738973c-8454-475e-be0a-8f6a4c0fdba5.tmp</t>
  </si>
  <si>
    <t>.~lock.Vendas 13.12.2019.xlsx#</t>
  </si>
  <si>
    <t>\\acsfs\profiles$\LUCASBS\Planilhas\.~lock.Vendas 13.12.2019.xlsx#</t>
  </si>
  <si>
    <t>5071ce98-ef3a-4450-81a1-7911defcd456.tmp</t>
  </si>
  <si>
    <t>\\acsfs\profiles$\nataliacsl\Downloads\5071ce98-ef3a-4450-81a1-7911defcd456.tmp</t>
  </si>
  <si>
    <t>3b061944-5ad8-4c70-9a73-503ecbb50ed8.tmp</t>
  </si>
  <si>
    <t>\\acsfs\profiles$\leticiala\Downloads\3b061944-5ad8-4c70-9a73-503ecbb50ed8.tmp</t>
  </si>
  <si>
    <t>lu54043tp62r.tmp</t>
  </si>
  <si>
    <t>\\acsfs\profiles$\CLAUDIAJCA\lu54043tp62r.tmp</t>
  </si>
  <si>
    <t>\\acsfs\profiles$\CLAUDIAJCA\lu54043tp62r.tmp\</t>
  </si>
  <si>
    <t>\\acsfs\profiles$\CLAUDIAJCA\lu54043tp62r.tmp\META-INF\</t>
  </si>
  <si>
    <t>\\acsfs\profiles$\CLAUDIAJCA\lu54043tp62r.tmp\Thumbnails\</t>
  </si>
  <si>
    <t>556f4e30-bac4-46e6-b604-cd78baa8a357.tmp</t>
  </si>
  <si>
    <t>\\acsfs\profiles$\mariliafplb\Downloads\556f4e30-bac4-46e6-b604-cd78baa8a357.tmp</t>
  </si>
  <si>
    <t>lu1144jm2g.tmp</t>
  </si>
  <si>
    <t>\\acsfs\profiles$\LUCASBS\Planilhas\lu1144jm2g.tmp</t>
  </si>
  <si>
    <t>lu1144jm2m.tmp</t>
  </si>
  <si>
    <t>\\acsfs\profiles$\LUCASBS\Planilhas\lu1144jm2m.tmp</t>
  </si>
  <si>
    <t>lu1144jm2s.tmp</t>
  </si>
  <si>
    <t>\\acsfs\profiles$\LUCASBS\Planilhas\lu1144jm2s.tmp</t>
  </si>
  <si>
    <t>CINTHIA CRISTYELLE SANTOS DE ARAUJO (36).contact</t>
  </si>
  <si>
    <t>\\acsfs\profiles$\cinthiacsda\Contacts\CINTHIA CRISTYELLE SANTOS DE ARAUJO (36).contact</t>
  </si>
  <si>
    <t>algartechcpcbv@algartech.com;andrelpsa@algartech.com;cpc-controldeskavon@algartech.com;joseasn@algartech.com;josiascdsj@algartech.com;leonardoao@algartech.com;luiz.henriquesantos@avon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71bc8a88-2c3d-48ef-8dba-c377df6b7ece.tmp</t>
  </si>
  <si>
    <t>\\acsfs\profiles$\antoniosva\Downloads\71bc8a88-2c3d-48ef-8dba-c377df6b7ece.tmp</t>
  </si>
  <si>
    <t>6f1575b3-fc19-4fff-8d46-4c90103d7f39.tmp</t>
  </si>
  <si>
    <t>\\acsfs\profiles$\antoniosva\Downloads\6f1575b3-fc19-4fff-8d46-4c90103d7f39.tmp</t>
  </si>
  <si>
    <t>ee0b55af-87cf-4dc5-a49c-4a6ff5fc7c3e.tmp</t>
  </si>
  <si>
    <t>\\acsfs\profiles$\antoniosva\Downloads\ee0b55af-87cf-4dc5-a49c-4a6ff5fc7c3e.tmp</t>
  </si>
  <si>
    <t>a4d39699-4fd5-462f-b8e1-e04149eef99b.tmp</t>
  </si>
  <si>
    <t>\\acsfs\profiles$\antoniosva\Downloads\a4d39699-4fd5-462f-b8e1-e04149eef99b.tmp</t>
  </si>
  <si>
    <t>9d1e9802-2c27-4caf-9f79-a19986b21e2b.tmp</t>
  </si>
  <si>
    <t>\\acsfs\profiles$\antoniosva\Downloads\9d1e9802-2c27-4caf-9f79-a19986b21e2b.tmp</t>
  </si>
  <si>
    <t>b935acfa-6a25-4b1d-9909-aba68aa70e6a.tmp</t>
  </si>
  <si>
    <t>\\acsfs\profiles$\antoniosva\Downloads\b935acfa-6a25-4b1d-9909-aba68aa70e6a.tmp</t>
  </si>
  <si>
    <t>61f47298-3e5a-46e1-af1b-e7b1fa2fd32d.tmp</t>
  </si>
  <si>
    <t>\\acsfs\profiles$\antoniosva\Downloads\61f47298-3e5a-46e1-af1b-e7b1fa2fd32d.tmp</t>
  </si>
  <si>
    <t>2c7bfd03-da51-479b-ab0a-586f69d494dc.tmp</t>
  </si>
  <si>
    <t>\\acsfs\profiles$\adelvinsonle\Downloads\2c7bfd03-da51-479b-ab0a-586f69d494dc.tmp</t>
  </si>
  <si>
    <t>866f6642-a386-4020-9a2a-77ab37aa1895.tmp</t>
  </si>
  <si>
    <t>\\acsfs\profiles$\Flaviojmm\Downloads\866f6642-a386-4020-9a2a-77ab37aa1895.tmp</t>
  </si>
  <si>
    <t>67295b92-430b-4378-a17e-a7b283c8e402.tmp</t>
  </si>
  <si>
    <t>\\acsfs\profiles$\Flaviojmm\Downloads\67295b92-430b-4378-a17e-a7b283c8e402.tmp</t>
  </si>
  <si>
    <t>14c7569c-33de-40d0-af11-aaf9ed856a82.tmp</t>
  </si>
  <si>
    <t>\\acsfs\profiles$\Flaviojmm\Downloads\14c7569c-33de-40d0-af11-aaf9ed856a82.tmp</t>
  </si>
  <si>
    <t>lu77912bfudpf.tmp</t>
  </si>
  <si>
    <t>\\acsfs\profiles$\BRUNAAR\Numero\lu77912bfudpf.tmp</t>
  </si>
  <si>
    <t>4b6bf606-7f15-4f80-bf43-df0ea6c35f2e.tmp</t>
  </si>
  <si>
    <t>\\acsfs\profiles$\deboraaa\Downloads\4b6bf606-7f15-4f80-bf43-df0ea6c35f2e.tmp</t>
  </si>
  <si>
    <t>\\acsfs\deptos\Operacao\PCP\5 - Comum\ALESSANDRA GOMES DOS SANTOS BARROS\AVON\Relatórios\1 - NCOB\2020\01 - JANEIRO\</t>
  </si>
  <si>
    <t>ACOMPANHAMENTO NCOB - Jan.2020.xlsx</t>
  </si>
  <si>
    <t>\\acsfs\deptos\Operacao\PCP\5 - Comum\ALESSANDRA GOMES DOS SANTOS BARROS\AVON\Relatórios\1 - NCOB\2020\01 - JANEIRO\ACOMPANHAMENTO NCOB - Jan.2020.xlsx</t>
  </si>
  <si>
    <t>cpc-controldeskavon@algartech.com;joseasn@algartech.com;josiascdsj@algartech.com;luiz.henriquesantos@avon.com;marianadjc@algartech.com;paulacn@algartech.com;rafaelggs@algartech.com;viniciussg@algartech.com;</t>
  </si>
  <si>
    <t>cpc-controldeskavon@algartech.com,joseasn@algartech.com,josiascdsj@algartech.com,luiz.henriquesantos@avon.com,marianadjc@algartech.com,paulacn@algartech.com,rafaelggs@algartech.com,viniciussg@algartech.com</t>
  </si>
  <si>
    <t>4f10ffe1-1d67-4a51-b879-9486f2523aeb.tmp</t>
  </si>
  <si>
    <t>\\acsfs\profiles$\antoniosva\Downloads\4f10ffe1-1d67-4a51-b879-9486f2523aeb.tmp</t>
  </si>
  <si>
    <t>78983d49-af53-45d0-af78-eaf8efdfb9cb.tmp</t>
  </si>
  <si>
    <t>\\acsfs\profiles$\gabrielhca\Downloads\78983d49-af53-45d0-af78-eaf8efdfb9cb.tmp</t>
  </si>
  <si>
    <t>27e0cd6b-1835-4a49-893a-1a341345109a.tmp</t>
  </si>
  <si>
    <t>\\acsfs\profiles$\gabrielhca\Downloads\27e0cd6b-1835-4a49-893a-1a341345109a.tmp</t>
  </si>
  <si>
    <t>69da8db4-8f92-4e20-aeeb-e26e674be6cd.tmp</t>
  </si>
  <si>
    <t>\\acsfs\profiles$\gabrielhca\Downloads\69da8db4-8f92-4e20-aeeb-e26e674be6cd.tmp</t>
  </si>
  <si>
    <t>4f71b6cb-2db4-4040-a0b6-7be1015fe535.tmp</t>
  </si>
  <si>
    <t>\\acsfs\profiles$\LUCASBS\Downloads\4f71b6cb-2db4-4040-a0b6-7be1015fe535.tmp</t>
  </si>
  <si>
    <t>ebc0158c-e30d-48c5-b01e-4396387e9258.tmp</t>
  </si>
  <si>
    <t>\\acsfs\profiles$\mariliafplb\Downloads\ebc0158c-e30d-48c5-b01e-4396387e9258.tmp</t>
  </si>
  <si>
    <t>lu77912bfudpi.tmp</t>
  </si>
  <si>
    <t>\\acsfs\profiles$\BRUNAAR\Numero\lu77912bfudpi.tmp</t>
  </si>
  <si>
    <t>lu73196bfyt2b.tmp</t>
  </si>
  <si>
    <t>\\acsfs\DEPTOS\Operacao\Banco_Votorantim\Supervisao\SUPERS BV CARTÕES\ANA VITORIA\APOIO\lu73196bfyt2b.tmp</t>
  </si>
  <si>
    <t>\\acsfs\DEPTOS\Operacao\Banco_Votorantim\Supervisao\SUPERS BV CARTÕES\ANA VITORIA\APOIO\lu73196bfyt2b.tmp\</t>
  </si>
  <si>
    <t>\\acsfs\DEPTOS\Operacao\Banco_Votorantim\Supervisao\SUPERS BV CARTÕES\ANA VITORIA\APOIO\lu73196bfyt2b.tmp\META-INF\</t>
  </si>
  <si>
    <t>\\acsfs\DEPTOS\Operacao\Banco_Votorantim\Supervisao\SUPERS BV CARTÕES\ANA VITORIA\APOIO\lu73196bfyt2b.tmp\Thumbnails\</t>
  </si>
  <si>
    <t>a0074630-52a6-41f5-9267-1a19ee24832a.tmp</t>
  </si>
  <si>
    <t>\\acsfs\profiles$\gabrielhca\Downloads\a0074630-52a6-41f5-9267-1a19ee24832a.tmp</t>
  </si>
  <si>
    <t>10.200.60.71</t>
  </si>
  <si>
    <t>rrtostes@yahoo.com.br,</t>
  </si>
  <si>
    <t>mail.yahoo.com/ws/v3/batch?name=messages.saveV3&amp;hash=355f1fd2&amp;appId=YMailNorrin&amp;ymreqid=3a227341-57ee-9988-1c39-98001c01fd00&amp;wssid=DovASF6heiF</t>
  </si>
  <si>
    <t>george@socionautas.com.br;</t>
  </si>
  <si>
    <t>C:\Users\reginaldort\Downloads\Clarivi-20200102T173023Z-001.zip\Clarivi\</t>
  </si>
  <si>
    <t>Lista de funÃ§_es.xlsx</t>
  </si>
  <si>
    <t>george@socionautas.com.br</t>
  </si>
  <si>
    <t>a284869f-69ee-458a-ba59-da828d7cffdb.tmp</t>
  </si>
  <si>
    <t>\\acsfs\profiles$\victoriaksr\Downloads\a284869f-69ee-458a-ba59-da828d7cffdb.tmp</t>
  </si>
  <si>
    <t>.~lock.Retratação Qualidade.xlsx#</t>
  </si>
  <si>
    <t>\\acsfs\profiles$\victoriaksr\Downloads\.~lock.Retratação Qualidade.xlsx#</t>
  </si>
  <si>
    <t>28e8d18a-ec80-4e81-8b44-cf28b59dd495.tmp</t>
  </si>
  <si>
    <t>\\acsfs\profiles$\larissaad\Downloads\28e8d18a-ec80-4e81-8b44-cf28b59dd495.tmp</t>
  </si>
  <si>
    <t>bf98c264-2bd3-4f4b-b993-58ba709876fa.tmp</t>
  </si>
  <si>
    <t>\\acsfs\profiles$\luanarda\Downloads\bf98c264-2bd3-4f4b-b993-58ba709876fa.tmp</t>
  </si>
  <si>
    <t>d04735e0-c7b4-47c8-85f2-b792ae6cf8ea.tmp</t>
  </si>
  <si>
    <t>\\acsfs\profiles$\nayarasds\Downloads\d04735e0-c7b4-47c8-85f2-b792ae6cf8ea.tmp</t>
  </si>
  <si>
    <t>de471d8c-f30a-46af-803a-0a09e9b59e85.tmp</t>
  </si>
  <si>
    <t>\\acsfs\profiles$\nayarasds\Downloads\de471d8c-f30a-46af-803a-0a09e9b59e85.tmp</t>
  </si>
  <si>
    <t>a4b0f394-bb0f-4c3b-a4ed-301070046d81.tmp</t>
  </si>
  <si>
    <t>\\acsfs\profiles$\nayarasds\Downloads\a4b0f394-bb0f-4c3b-a4ed-301070046d81.tmp</t>
  </si>
  <si>
    <t>CURVA NORMAL - 2020</t>
  </si>
  <si>
    <t>Tempo Improdutivo 2020.xlsm</t>
  </si>
  <si>
    <t>lu1144jm33.tmp</t>
  </si>
  <si>
    <t>\\acsfs\profiles$\LUCASBS\Planilhas\lu1144jm33.tmp</t>
  </si>
  <si>
    <t>edc7c696-ed20-42d4-8114-37d84a576584.tmp</t>
  </si>
  <si>
    <t>\\acsfs\profiles$\jaquelinecp\Downloads\edc7c696-ed20-42d4-8114-37d84a576584.tmp</t>
  </si>
  <si>
    <t>bc208bb6-1102-411d-9a69-804fccb0cf88.tmp</t>
  </si>
  <si>
    <t>\\acsfs\profiles$\jaquelinecp\Downloads\bc208bb6-1102-411d-9a69-804fccb0cf88.tmp</t>
  </si>
  <si>
    <t>b420e3b3-e525-499c-9bd6-20bc48c0f081.tmp</t>
  </si>
  <si>
    <t>\\acsfs\profiles$\jaquelinecp\Downloads\b420e3b3-e525-499c-9bd6-20bc48c0f081.tmp</t>
  </si>
  <si>
    <t>Ligação - LUCAS-CASO GLEICIA (ICATU)_1_6773712610458142576_1_32.wav</t>
  </si>
  <si>
    <t>\\acsfs\DEPTOS\EDUCACAO EMPRESARIAL\2 - Operações\0 - BV\5 - QUALIDADE\Nova pasta\jose\Ligação - LUCAS-CASO GLEICIA (ICATU)_1_6773712610458142576_1_32.wav</t>
  </si>
  <si>
    <t>74d9a1cf-f2f9-4472-b9f7-9d1bae4308e3.tmp</t>
  </si>
  <si>
    <t>\\acsfs\profiles$\nayarasds\Downloads\74d9a1cf-f2f9-4472-b9f7-9d1bae4308e3.tmp</t>
  </si>
  <si>
    <t>cdec50f9-b6ac-4bd8-8d5d-3de1f1f55410.tmp</t>
  </si>
  <si>
    <t>\\acsfs\profiles$\nayarasds\Downloads\cdec50f9-b6ac-4bd8-8d5d-3de1f1f55410.tmp</t>
  </si>
  <si>
    <t>4ba0d2e8-c887-4ea2-ae14-3852c7ec61d0.tmp</t>
  </si>
  <si>
    <t>\\acsfs\profiles$\nayarasds\Downloads\4ba0d2e8-c887-4ea2-ae14-3852c7ec61d0.tmp</t>
  </si>
  <si>
    <t>25bc37be-91e8-4525-9fc1-4fe7be7cbaaf.tmp</t>
  </si>
  <si>
    <t>\\acsfs\profiles$\nayarasds\Downloads\25bc37be-91e8-4525-9fc1-4fe7be7cbaaf.tmp</t>
  </si>
  <si>
    <t>https://algartechcpcbv@algartech.com,andrelpsa@algartech.com,cpc-controldeskavon@algartech.com,joseasn@algartech.com,josiascdsj@algartech.com,leonardoao@algartech.com,luiz.henriquesantos@avon.com,marianadjc@algartech.com,paulacn@algartech.com,qualidadealgarbv@algartech.com,rafaelggs@algartech.com,supervisaobancovotorantim@algartech.com,taysdss@algartech.com,thiagolrc@bv.algartech.com,viniciussg@algartech.com</t>
  </si>
  <si>
    <t>andrelpsa@algartech.com;catianalv@algartech.com;cpc-controldeskavon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d665a751-b140-4f07-a859-b2ebc6424808.tmp</t>
  </si>
  <si>
    <t>\\acsfs\profiles$\LAISLG\Downloads\d665a751-b140-4f07-a859-b2ebc6424808.tmp</t>
  </si>
  <si>
    <t>93cffc13-35cf-4217-94eb-598aded842c8.tmp</t>
  </si>
  <si>
    <t>\\acsfs\profiles$\LAISLG\Downloads\93cffc13-35cf-4217-94eb-598aded842c8.tmp</t>
  </si>
  <si>
    <t>lu1144jm39.tmp</t>
  </si>
  <si>
    <t>\\acsfs\profiles$\LUCASBS\Planilhas\lu1144jm39.tmp</t>
  </si>
  <si>
    <t>lu1144jm3f.tmp</t>
  </si>
  <si>
    <t>\\acsfs\profiles$\LUCASBS\Planilhas\lu1144jm3f.tmp</t>
  </si>
  <si>
    <t>lu1144jm3l.tmp</t>
  </si>
  <si>
    <t>\\acsfs\profiles$\LUCASBS\Planilhas\lu1144jm3l.tmp</t>
  </si>
  <si>
    <t>aaf77573-c094-44be-bc45-5481464dd964.tmp</t>
  </si>
  <si>
    <t>\\acsfs\profiles$\alessandraan\Downloads\aaf77573-c094-44be-bc45-5481464dd964.tmp</t>
  </si>
  <si>
    <t>8a31c426-2f7f-4300-a5e3-d4cf051cf1b4.tmp</t>
  </si>
  <si>
    <t>\\acsfs\profiles$\alessandraan\Downloads\8a31c426-2f7f-4300-a5e3-d4cf051cf1b4.tmp</t>
  </si>
  <si>
    <t>0f59c7c8-d5f4-4d18-ba06-a5ce84e6822e.tmp</t>
  </si>
  <si>
    <t>\\acsfs\profiles$\alessandraan\Downloads\0f59c7c8-d5f4-4d18-ba06-a5ce84e6822e.tmp</t>
  </si>
  <si>
    <t>9ae1b0bc-165d-44fa-91fb-855b2f767fea.tmp</t>
  </si>
  <si>
    <t>\\acsfs\profiles$\alessandraan\Downloads\9ae1b0bc-165d-44fa-91fb-855b2f767fea.tmp</t>
  </si>
  <si>
    <t>a8fbb105-7bcb-404f-bda2-258e558b985c.tmp</t>
  </si>
  <si>
    <t>\\acsfs\profiles$\alessandraan\Downloads\a8fbb105-7bcb-404f-bda2-258e558b985c.tmp</t>
  </si>
  <si>
    <t>255fe9cd-d76b-41da-86d8-29ecd2d1f146.tmp</t>
  </si>
  <si>
    <t>\\acsfs\profiles$\alessandraan\Downloads\255fe9cd-d76b-41da-86d8-29ecd2d1f146.tmp</t>
  </si>
  <si>
    <t>7ab31fc9-3743-4034-a0b7-3540061b4cce.tmp</t>
  </si>
  <si>
    <t>\\acsfs\profiles$\lucasgpe\Downloads\7ab31fc9-3743-4034-a0b7-3540061b4cce.tmp</t>
  </si>
  <si>
    <t>gabrielsma</t>
  </si>
  <si>
    <t>dcdd28c8-6dcf-4329-96a2-a8b345ed19c5.tmp</t>
  </si>
  <si>
    <t>\\acsfs\profiles$\sarahbal\Downloads\dcdd28c8-6dcf-4329-96a2-a8b345ed19c5.tmp</t>
  </si>
  <si>
    <t>57622daf-b7d3-4aa4-bcc1-e76238d4098a.tmp</t>
  </si>
  <si>
    <t>\\acsfs\profiles$\gabrielhca\Downloads\57622daf-b7d3-4aa4-bcc1-e76238d4098a.tmp</t>
  </si>
  <si>
    <t>98e8c9da-1b49-4c56-b846-11cf9a485471.tmp</t>
  </si>
  <si>
    <t>\\acsfs\profiles$\rafaelamsv\Downloads\98e8c9da-1b49-4c56-b846-11cf9a485471.tmp</t>
  </si>
  <si>
    <t>8d739b67-c6e0-4db0-8cf9-086bc2cf2690.tmp</t>
  </si>
  <si>
    <t>\\acsfs\profiles$\larissaad\Downloads\8d739b67-c6e0-4db0-8cf9-086bc2cf2690.tmp</t>
  </si>
  <si>
    <t>5fd906e5-b8f8-4751-816e-810c85d27ca7.tmp</t>
  </si>
  <si>
    <t>\\acsfs\profiles$\wedersonbadr\My Documents\My Music\5fd906e5-b8f8-4751-816e-810c85d27ca7.tmp</t>
  </si>
  <si>
    <t>35daa7b8-2ac3-477e-9611-486fe783a781.tmp</t>
  </si>
  <si>
    <t>\\acsfs\profiles$\wedersonbadr\My Documents\My Music\35daa7b8-2ac3-477e-9611-486fe783a781.tmp</t>
  </si>
  <si>
    <t>9ae19575-98aa-422c-8662-81dcc871f3b8.tmp</t>
  </si>
  <si>
    <t>\\acsfs\profiles$\inarajst\Downloads\9ae19575-98aa-422c-8662-81dcc871f3b8.tmp</t>
  </si>
  <si>
    <t>5876ee10-5539-4971-b481-a14ef990c15b.tmp</t>
  </si>
  <si>
    <t>\\acsfs\profiles$\deborahsi\Downloads\5876ee10-5539-4971-b481-a14ef990c15b.tmp</t>
  </si>
  <si>
    <t>5c2288e4-0eb1-4243-8767-2f9d417bbaff.tmp</t>
  </si>
  <si>
    <t>\\acsfs\profiles$\kellzylenneasr\Downloads\5c2288e4-0eb1-4243-8767-2f9d417bbaff.tmp</t>
  </si>
  <si>
    <t>56504a46-fb16-428b-8b2f-254d2ff7bf83.tmp</t>
  </si>
  <si>
    <t>\\acsfs\profiles$\kellzylenneasr\Downloads\56504a46-fb16-428b-8b2f-254d2ff7bf83.tmp</t>
  </si>
  <si>
    <t>84049148-ca0b-44b5-8d9e-b99d703ed53e.tmp</t>
  </si>
  <si>
    <t>\\acsfs\profiles$\alessandraan\Downloads\84049148-ca0b-44b5-8d9e-b99d703ed53e.tmp</t>
  </si>
  <si>
    <t>\\acsfs\DEPTOS\Operacao\PCP\5 - Comum\PLANEJAMENTO BV\14 - ACOMPANHAMENTO\1 - REPORT ACOMPANHAMENTO\2020\1 - JANEIRO\FINANCEIRA\Login Logout Financeira\</t>
  </si>
  <si>
    <t>48845a59-5cc8-401a-aa83-aaf7783445f2.tmp</t>
  </si>
  <si>
    <t>\\acsfs\profiles$\ayalabfi\Downloads\48845a59-5cc8-401a-aa83-aaf7783445f2.tmp</t>
  </si>
  <si>
    <t>050aca47-a9e0-4b2b-bd41-e7cb8a9f7812.tmp</t>
  </si>
  <si>
    <t>\\acsfs\profiles$\ayalabfi\Downloads\050aca47-a9e0-4b2b-bd41-e7cb8a9f7812.tmp</t>
  </si>
  <si>
    <t>lu141881g2wsx.tmp</t>
  </si>
  <si>
    <t>\\acsfs\profiles$\ALEXANDREMM\lu141881g2wsx.tmp</t>
  </si>
  <si>
    <t>\\acsfs\profiles$\ALEXANDREMM\lu141881g2wsx.tmp\</t>
  </si>
  <si>
    <t>\\acsfs\profiles$\ALEXANDREMM\lu141881g2wsx.tmp\META-INF\</t>
  </si>
  <si>
    <t>\\acsfs\profiles$\ALEXANDREMM\lu141881g2wsx.tmp\Thumbnails\</t>
  </si>
  <si>
    <t>lu96169hkc.tmp</t>
  </si>
  <si>
    <t>\\acsfs\profiles$\VIVIANALDS\My Documents\lu96169hkc.tmp</t>
  </si>
  <si>
    <t>\\acsfs\profiles$\VIVIANALDS\My Documents\lu96169hkc.tmp\</t>
  </si>
  <si>
    <t>\\acsfs\profiles$\VIVIANALDS\My Documents\lu96169hkc.tmp\META-INF\</t>
  </si>
  <si>
    <t>\\acsfs\profiles$\VIVIANALDS\My Documents\lu96169hkc.tmp\Thumbnails\</t>
  </si>
  <si>
    <t>lu96169hkg.tmp</t>
  </si>
  <si>
    <t>\\acsfs\profiles$\VIVIANALDS\My Documents\lu96169hkg.tmp</t>
  </si>
  <si>
    <t>\\acsfs\profiles$\VIVIANALDS\My Documents\lu96169hkg.tmp\</t>
  </si>
  <si>
    <t>\\acsfs\profiles$\VIVIANALDS\My Documents\lu96169hkg.tmp\META-INF\</t>
  </si>
  <si>
    <t>\\acsfs\profiles$\VIVIANALDS\My Documents\lu96169hkg.tmp\Thumbnails\</t>
  </si>
  <si>
    <t>lu96169hkk.tmp</t>
  </si>
  <si>
    <t>\\acsfs\profiles$\VIVIANALDS\My Documents\lu96169hkk.tmp</t>
  </si>
  <si>
    <t>\\acsfs\profiles$\VIVIANALDS\My Documents\lu96169hkk.tmp\</t>
  </si>
  <si>
    <t>\\acsfs\profiles$\VIVIANALDS\My Documents\lu96169hkk.tmp\META-INF\</t>
  </si>
  <si>
    <t>\\acsfs\profiles$\VIVIANALDS\My Documents\lu96169hkk.tmp\Thumbnails\</t>
  </si>
  <si>
    <t>\\udpavonfs01\avon\00 - ACOMPANHAMENTO AVON\07 - FILAS BKO\</t>
  </si>
  <si>
    <t>Filas Backoffice DEZEMBRO.xlsx</t>
  </si>
  <si>
    <t>\\udpavonfs01\avon\00 - ACOMPANHAMENTO AVON\07 - FILAS BKO\Filas Backoffice DEZEMBRO.xlsx</t>
  </si>
  <si>
    <t>\\acsfs\profiles$\gabrielsma\Downloads\</t>
  </si>
  <si>
    <t>b68d7b36-86be-4242-bb13-38828f26aa9d.tmp</t>
  </si>
  <si>
    <t>\\acsfs\profiles$\gabrielsma\Downloads\b68d7b36-86be-4242-bb13-38828f26aa9d.tmp</t>
  </si>
  <si>
    <t>\\acsfs\ACS\Gabriel da Silva\Contemporânea\Comissão e Incentivo\</t>
  </si>
  <si>
    <t>Q29udHJvbGxlci5BQ09NLVNvdUJWXzE-.ica.crdownload</t>
  </si>
  <si>
    <t>\\acsfs\ACS\Gabriel da Silva\Contemporânea\Comissão e Incentivo\Q29udHJvbGxlci5BQ09NLVNvdUJWXzE-.ica.crdownload</t>
  </si>
  <si>
    <t>6220368a-05b4-46c2-8ce7-f78296802241.tmp</t>
  </si>
  <si>
    <t>\\acsfs\profiles$\luanaagl\Downloads\6220368a-05b4-46c2-8ce7-f78296802241.tmp</t>
  </si>
  <si>
    <t>33df2593-4a1c-49cd-a958-69ec602b5d0e.tmp</t>
  </si>
  <si>
    <t>\\acsfs\profiles$\deborahsi\Downloads\33df2593-4a1c-49cd-a958-69ec602b5d0e.tmp</t>
  </si>
  <si>
    <t>lu1144jm3r.tmp</t>
  </si>
  <si>
    <t>\\acsfs\profiles$\LUCASBS\Planilhas\lu1144jm3r.tmp</t>
  </si>
  <si>
    <t>lu1144jm3x.tmp</t>
  </si>
  <si>
    <t>\\acsfs\profiles$\LUCASBS\Planilhas\lu1144jm3x.tmp</t>
  </si>
  <si>
    <t>\\acsfs\profiles$\alessandraan\My Documents\link.txt</t>
  </si>
  <si>
    <t>10.200.35.165</t>
  </si>
  <si>
    <t>ances,ancest,ancestorhasaugmentedpermissions,containsunsubscribedchildren,displayn,displaynam,displayname,domain,emailaddress,exp,explicitlytrashed,file(kind,fileid,filesize,hasthumbnail,hasvisitorpermissions,hu9ad7zm===,id,id),items(deleted,items(kind,ken,kind,lastmodifyinguse,lastmodifyinguser(kind,lastviewedbymedate,mimetype,modifiedbymedate,modifieddate,ontainsunsubscribedchildren,owners(kind,permi,permission,permissionid,pict,pictu,picture,picture�,quotabytesused,rpermissions,shareable�,shared,sharedwithmedate,thumbnailversion,title,userpermission(role),workspaceids</t>
  </si>
  <si>
    <t>0;algartechcpcbv@algartech.com;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0,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_/upload?authuser=0&amp;dcp=asu-n&amp;upload_id=AEnB2UpAAm2H07B0fb-nx9yv3V4ksr9ik5UeTYZSTBMfXK7zB6pgjYUp_5zQsulFz4CZrejf0WA_0XZ4DXrAFWwcjVE8iq4gh_iPXNoVjLVWMYycHUpMG1s&amp;upload_protocol=resumable</t>
  </si>
  <si>
    <t>C:\Users\lucianapdre\Documents\</t>
  </si>
  <si>
    <t>Planilha-Orçamento.xlsx</t>
  </si>
  <si>
    <t>' and title contains 'xlsx' and trashed = false and '0aclrmkdkmlkeuk9pva' in parents&amp;fields=kind,ancestorhasaugmentedpermissions,containsunsubscr,containsunsubscribedchildren,displa,displaynam,displayname,domain,emailaddress,explicitlytrashed�,file(kind,fileid,filesize,hasthumbnail,hasvisitorpermissions,id,id),items(deleted,items(kind,ken,kind,lastmodifyinguser(kind,lastviewedbymedate,mod,modifiedbymedate,modifieddate,nextpagetoken,ontainsunsubscribedchildren,owners(kind,permissionid,pict,picture,rpermissions,shared,sharedwithmedate,thumbnailversion,title,userpermission(role),�amento' and title contains 'xlsx' and trashed = false and '0aclrmkdkmlkeuk9pva' in parents&amp;fields=kind</t>
  </si>
  <si>
    <t>7c40caee-e3b9-44d3-a0a4-da0ba03bc624.tmp</t>
  </si>
  <si>
    <t>\\acsfs\profiles$\lorraynevam\Downloads\7c40caee-e3b9-44d3-a0a4-da0ba03bc624.tmp</t>
  </si>
  <si>
    <t>24c23a22-50e0-41ac-9d02-d5ab3ad85f7d.tmp</t>
  </si>
  <si>
    <t>\\acsfs\profiles$\luanarda\Downloads\24c23a22-50e0-41ac-9d02-d5ab3ad85f7d.tmp</t>
  </si>
  <si>
    <t>d936ff07-6fcf-444a-b07b-ba667fbeaea0.tmp</t>
  </si>
  <si>
    <t>\\acsfs\profiles$\luanarda\Downloads\d936ff07-6fcf-444a-b07b-ba667fbeaea0.tmp</t>
  </si>
  <si>
    <t>kesiadof@algartech.com;mirianppb@algartech.com;thiagordu@algartech.com;</t>
  </si>
  <si>
    <t>kesiadof@algartech.com,mirianppb@algartech.com,thiagordu@algartech.com</t>
  </si>
  <si>
    <t>backofficebv@dxc.com;jean.loiola@bv.com.br;kesiadof@algartech.com;larissa.alcantara@bv.com.br;marianeps@algartech.com;mirianppb@algartech.com;talmaiardo@algartech.com;thiagordu@algartech.com;</t>
  </si>
  <si>
    <t>backofficebv@dxc.com,jean.loiola@bv.com.br,kesiadof@algartech.com,larissa.alcantara@bv.com.br,marianeps@algartech.com,mirianppb@algartech.com,talmaiardo@algartech.com,thiagordu@algartech.com</t>
  </si>
  <si>
    <t>e499fb72-0655-4c0c-98f2-e3a3b348a75d.tmp</t>
  </si>
  <si>
    <t>\\acsfs\profiles$\rafaelahpn\Downloads\e499fb72-0655-4c0c-98f2-e3a3b348a75d.tmp</t>
  </si>
  <si>
    <t>e67e20bd-3239-4b0b-ab2e-21df3b52b6b9.tmp</t>
  </si>
  <si>
    <t>\\acsfs\profiles$\ALYNYA\Downloads\e67e20bd-3239-4b0b-ab2e-21df3b52b6b9.tmp</t>
  </si>
  <si>
    <t>\\acsfs\profiles$\cinthiacsda\My Documents\xworkcenter\lex\</t>
  </si>
  <si>
    <t>\\acsfs\profiles$\cinthiacsda\My Documents\xworkcenter\lex\temp.tlx</t>
  </si>
  <si>
    <t>3e99c8ad-e1b6-4b90-bd02-59fa2f7eeccb.tmp</t>
  </si>
  <si>
    <t>\\acsfs\profiles$\gabrielsma\Downloads\3e99c8ad-e1b6-4b90-bd02-59fa2f7eeccb.tmp</t>
  </si>
  <si>
    <t>\\acsfs\ACS\Gabriel da Silva\Contemporânea\Acessos\</t>
  </si>
  <si>
    <t>Não confirmado 262497.crdownload</t>
  </si>
  <si>
    <t>\\acsfs\ACS\Gabriel da Silva\Contemporânea\Acessos\Não confirmado 262497.crdownload</t>
  </si>
  <si>
    <t>Usuários bloqueados-Algar v2.xlsx:Zone.Identifier</t>
  </si>
  <si>
    <t>\\acsfs\ACS\Gabriel da Silva\Contemporânea\Acessos\Usuários bloqueados-Algar v2.xlsx:Zone.Identifier</t>
  </si>
  <si>
    <t>e577e849-36c2-4a65-a4b7-8d44755e61e8.tmp</t>
  </si>
  <si>
    <t>\\acsfs\profiles$\milenaas\Downloads\e577e849-36c2-4a65-a4b7-8d44755e61e8.tmp</t>
  </si>
  <si>
    <t>.~lock.Planilha Controle Filas.xlsx#</t>
  </si>
  <si>
    <t>\\acsfs\DEPTOS\Operacao\Banco_Votorantim\Supervisao\SUPERS BV CARTÕES\ANA VITORIA\APOIO\.~lock.Planilha Controle Filas.xlsx#</t>
  </si>
  <si>
    <t>\\acsfs\deptos\secretarias diretoria\assessoras\rateio coffee shop\</t>
  </si>
  <si>
    <t>rateio 2020.xlsx</t>
  </si>
  <si>
    <t>3d0f1d58-8981-410b-ac74-06b524b8cfdc.tmp</t>
  </si>
  <si>
    <t>\\acsfs\profiles$\mariajra\Downloads\3d0f1d58-8981-410b-ac74-06b524b8cfdc.tmp</t>
  </si>
  <si>
    <t>D8-9C-67-6F-2A-F5</t>
  </si>
  <si>
    <t>suciellerr</t>
  </si>
  <si>
    <t>mail.google.com/_/upload?authuser=0&amp;dcp=asu-n&amp;upload_id=AEnB2UrSRdX6ZyyzWD8n5vGLr5HyXCE03whBTOwnaUsf8rhsQzBHr2TAjkd3Ow2HIGbwaeRPA6YPU2gt5HrnvNB-lCtowkZfvw&amp;upload_protocol=resumable</t>
  </si>
  <si>
    <t>\\acsfs\Deptos\EDUCACAO EMPRESARIAL\2 - Operações\2 - Amex\2.1.2 -Treinadores\1 - Treinadores\Equipe Lyliane\BIANCA QUEIROZ\3 - TUDO PARA TREINAMENTO\</t>
  </si>
  <si>
    <t>ROTEIRO PARA TREINAMENTOS - BIANCA.xlsx</t>
  </si>
  <si>
    <t>RELATORIO DE LOGIN - FINANCEIRA - 02-01.xlsm</t>
  </si>
  <si>
    <t>\\acsfs\DEPTOS\Operacao\PCP\5 - Comum\PLANEJAMENTO BV\14 - ACOMPANHAMENTO\1 - REPORT ACOMPANHAMENTO\2020\1 - JANEIRO\FINANCEIRA\Login Logout Financeira\RELATORIO DE LOGIN - FINANCEIRA - 02-01.xlsm</t>
  </si>
  <si>
    <t>cb198838-30cb-42a8-84fc-06833c2241d1.tmp</t>
  </si>
  <si>
    <t>\\acsfs\profiles$\fabianobmf\Downloads\cb198838-30cb-42a8-84fc-06833c2241d1.tmp</t>
  </si>
  <si>
    <t>TALITA SANTOS SILVA CASTRO (1717).contact</t>
  </si>
  <si>
    <t>\\acsfs\profiles$\talitassc\Contacts\TALITA SANTOS SILVA CASTRO (1717).contact</t>
  </si>
  <si>
    <t>833219fc-23bb-41ca-b3bc-9b29074fce19.tmp</t>
  </si>
  <si>
    <t>\\acsfs\profiles$\mariajra\Downloads\833219fc-23bb-41ca-b3bc-9b29074fce19.tmp</t>
  </si>
  <si>
    <t>mail.google.com/_/upload?authuser=0&amp;dcp=asu-n&amp;upload_id=AEnB2Uoxyb-89Xyt0YWq1nZRwABZK9sApXQzlEk9ztdDgxr4FSC8KP1pDJVR7kofblIox2l4DeFTAIZapFhtYHQvQorook3YFg&amp;upload_protocol=resumable</t>
  </si>
  <si>
    <t>ivancj@algartech.com;viniciusgt@algartech.com;</t>
  </si>
  <si>
    <t>ESFORÇO_VALIDAR - GREVY DEZEMBRO 2019.xlsm</t>
  </si>
  <si>
    <t>ivancj@algartech.com,viniciusgt@algartech.com</t>
  </si>
  <si>
    <t>b3b7cb3d-71d0-444f-b3a6-c4d3bc91fede.tmp</t>
  </si>
  <si>
    <t>\\acsfs\profiles$\gabrielafs\Downloads\b3b7cb3d-71d0-444f-b3a6-c4d3bc91fede.tmp</t>
  </si>
  <si>
    <t>e1345a03-6612-47e2-a0a5-9f0542184fa4.tmp</t>
  </si>
  <si>
    <t>\\acsfs\profiles$\gabrielafs\Downloads\e1345a03-6612-47e2-a0a5-9f0542184fa4.tmp</t>
  </si>
  <si>
    <t>09f8a373-4022-4ced-ba3c-186dbc1f9a4c.tmp</t>
  </si>
  <si>
    <t>\\acsfs\profiles$\gabrielafs\Downloads\09f8a373-4022-4ced-ba3c-186dbc1f9a4c.tmp</t>
  </si>
  <si>
    <t>709226ee-51bb-4e88-9781-58b9efa85993.tmp</t>
  </si>
  <si>
    <t>\\acsfs\profiles$\gabrielafs\Downloads\709226ee-51bb-4e88-9781-58b9efa85993.tmp</t>
  </si>
  <si>
    <t>23bb2ebb-2e21-4bc7-913c-f5d67e9dc5c5.tmp</t>
  </si>
  <si>
    <t>\\acsfs\profiles$\gabrielafs\Downloads\23bb2ebb-2e21-4bc7-913c-f5d67e9dc5c5.tmp</t>
  </si>
  <si>
    <t>7ba35edf-586a-4b25-8703-8950ba51dcd6.tmp</t>
  </si>
  <si>
    <t>\\acsfs\profiles$\gabrielafs\Downloads\7ba35edf-586a-4b25-8703-8950ba51dcd6.tmp</t>
  </si>
  <si>
    <t>df0dbc18-0918-41d2-8b88-aecf557d73ed.tmp</t>
  </si>
  <si>
    <t>\\acsfs\profiles$\gabrielafs\Downloads\df0dbc18-0918-41d2-8b88-aecf557d73ed.tmp</t>
  </si>
  <si>
    <t>e6434f05-bf18-488c-8b1c-ff44feeccabd.tmp</t>
  </si>
  <si>
    <t>\\acsfs\profiles$\gabrielafs\Downloads\e6434f05-bf18-488c-8b1c-ff44feeccabd.tmp</t>
  </si>
  <si>
    <t>b7535f91-2ecc-4c4c-a64c-aea6de98da82.tmp</t>
  </si>
  <si>
    <t>\\acsfs\profiles$\gabrielafs\Downloads\b7535f91-2ecc-4c4c-a64c-aea6de98da82.tmp</t>
  </si>
  <si>
    <t>5f157456-ae69-473b-b7d8-6de3b7cf6936.tmp</t>
  </si>
  <si>
    <t>\\acsfs\profiles$\gabrielafs\Downloads\5f157456-ae69-473b-b7d8-6de3b7cf6936.tmp</t>
  </si>
  <si>
    <t>dd831b82-9f28-4aba-9d21-66c60f9c0c34.tmp</t>
  </si>
  <si>
    <t>\\acsfs\profiles$\gabrielafs\Downloads\dd831b82-9f28-4aba-9d21-66c60f9c0c34.tmp</t>
  </si>
  <si>
    <t>f241744d-20fb-4292-bf50-f46db15a42e3.tmp</t>
  </si>
  <si>
    <t>\\acsfs\profiles$\gabrielafs\Downloads\f241744d-20fb-4292-bf50-f46db15a42e3.tmp</t>
  </si>
  <si>
    <t>bd23a5df-576f-432a-ab9e-c76e4545ab10.tmp</t>
  </si>
  <si>
    <t>\\acsfs\profiles$\gabrielafs\Downloads\bd23a5df-576f-432a-ab9e-c76e4545ab10.tmp</t>
  </si>
  <si>
    <t>4d81871f-43e2-44b6-afdd-3ae679f7cbaf.tmp</t>
  </si>
  <si>
    <t>\\acsfs\profiles$\gabrielafs\Downloads\4d81871f-43e2-44b6-afdd-3ae679f7cbaf.tmp</t>
  </si>
  <si>
    <t>amandacdr@algartech.com;anderson.oliva@icloud.com;filemon@algartech.com;filipepdr@algartech.com;</t>
  </si>
  <si>
    <t>amandacdr@algartech.com,anderson.oliva@icloud.com,filemon@algartech.com,filipepdr@algartech.com</t>
  </si>
  <si>
    <t>mail.google.com/_/upload?authuser=0&amp;dcp=asu-n&amp;upload_id=AEnB2UpubHcxIsjloTlB5b84yrg0Svi0TbTIIQyUOXCdWN2vl83eBvrT2qwR5VHPcteXffeaxryiUK9yxfhX3eAvoHLKc-rX4Mr7QC5BoYoa4WbircIrVKQ&amp;upload_protocol=resumable</t>
  </si>
  <si>
    <t>13c4ea76-fe31-4ed9-8af5-3d38d028b7ee.tmp</t>
  </si>
  <si>
    <t>\\acsfs\profiles$\kamilamrc\Downloads\13c4ea76-fe31-4ed9-8af5-3d38d028b7ee.tmp</t>
  </si>
  <si>
    <t>20d9089a-c9ea-43b2-bc68-c16372416297.tmp</t>
  </si>
  <si>
    <t>\\acsfs\profiles$\gabrielsma\Downloads\20d9089a-c9ea-43b2-bc68-c16372416297.tmp</t>
  </si>
  <si>
    <t>\\acsfs\ACS\Gabriel da Silva\Contemporânea\</t>
  </si>
  <si>
    <t>rptEquipesQlikView.csv.crdownload</t>
  </si>
  <si>
    <t>\\acsfs\ACS\Gabriel da Silva\Contemporânea\rptEquipesQlikView.csv.crdownload</t>
  </si>
  <si>
    <t>\\acsfs\profiles$\gabrielsma\Downloads\804c2ac5-663d-42ae-9373-23f49e61712f.tmp\</t>
  </si>
  <si>
    <t>\\acsfs\profiles$\gabrielsma\Downloads\804c2ac5-663d-42ae-9373-23f49e61712f.tmp</t>
  </si>
  <si>
    <t>804c2ac5-663d-42ae-9373-23f49e61712f.tmp</t>
  </si>
  <si>
    <t>\\acsfs\ACS\Gabriel da Silva\Contemporânea\BDBV\Não confirmado 271290.crdownload\</t>
  </si>
  <si>
    <t>\\acsfs\ACS\Gabriel da Silva\Contemporânea\BDBV\Não confirmado 271290.crdownload</t>
  </si>
  <si>
    <t>\\acsfs\ACS\Gabriel da Silva\Contemporânea\BDBV\</t>
  </si>
  <si>
    <t>Não confirmado 271290.crdownload</t>
  </si>
  <si>
    <t>Banco de Dados BV 12-2019.xlsx:Zone.Identifier</t>
  </si>
  <si>
    <t>\\acsfs\ACS\Gabriel da Silva\Contemporânea\BDBV\Banco de Dados BV 12-2019.xlsx:Zone.Identifier</t>
  </si>
  <si>
    <t>77b59acf-80b0-45ae-8ef4-c86a14299636.tmp</t>
  </si>
  <si>
    <t>\\acsfs\profiles$\isabellegtds\Downloads\77b59acf-80b0-45ae-8ef4-c86a14299636.tmp</t>
  </si>
  <si>
    <t>cb82c9e0-68d8-4d22-8d18-02094eb37775.tmp</t>
  </si>
  <si>
    <t>\\acsfs\profiles$\isabellegtds\Downloads\cb82c9e0-68d8-4d22-8d18-02094eb37775.tmp</t>
  </si>
  <si>
    <t>e64b299f-ed7e-4d63-83f7-da19e3fb2e79.tmp</t>
  </si>
  <si>
    <t>\\acsfs\profiles$\sarahbal\Downloads\e64b299f-ed7e-4d63-83f7-da19e3fb2e79.tmp</t>
  </si>
  <si>
    <t>381375f4-acb9-4096-b4c3-fd7b3abb24b3.tmp</t>
  </si>
  <si>
    <t>\\acsfs\profiles$\matheushds\Downloads\381375f4-acb9-4096-b4c3-fd7b3abb24b3.tmp</t>
  </si>
  <si>
    <t>122019_Relatorio_DespesaV2.xlsb</t>
  </si>
  <si>
    <t>mail.google.com/_/upload?authuser=0&amp;dcp=asu-n&amp;upload_id=AEnB2UrQ27W2CSj_YMKpajRiucr5rpH1UYFxXwicb-MxsbcJodVQ_7eGYELngf12zFF7PCJ87uW4V5RkJTuvA1aVrXuCB-Rx2v0OuhRWORVEypENhJOnUIM&amp;upload_protocol=resumable</t>
  </si>
  <si>
    <t>122019_Relatorio_IndiretosV2.xlsb</t>
  </si>
  <si>
    <t>ba89c361-b65e-408e-9857-7140d6f4645d.tmp</t>
  </si>
  <si>
    <t>\\acsfs\profiles$\larissaad\Downloads\ba89c361-b65e-408e-9857-7140d6f4645d.tmp</t>
  </si>
  <si>
    <t>aea06fb5-e63e-43e0-b943-a1f3187fe2fe.tmp</t>
  </si>
  <si>
    <t>\\acsfs\profiles$\ayalabfi\Downloads\aea06fb5-e63e-43e0-b943-a1f3187fe2fe.tmp</t>
  </si>
  <si>
    <t>43630762-03d4-4a05-b4be-cab320d836fe.tmp</t>
  </si>
  <si>
    <t>\\acsfs\profiles$\gabrielafs\Downloads\43630762-03d4-4a05-b4be-cab320d836fe.tmp</t>
  </si>
  <si>
    <t>f12f6f8a-0bdc-40e3-9464-a84ee1dff1c5.tmp</t>
  </si>
  <si>
    <t>\\acsfs\profiles$\gabrielafs\Downloads\f12f6f8a-0bdc-40e3-9464-a84ee1dff1c5.tmp</t>
  </si>
  <si>
    <t>980259a0-058b-4c0c-8a4c-2da1200d429f.tmp</t>
  </si>
  <si>
    <t>\\acsfs\profiles$\gabrielafs\Downloads\980259a0-058b-4c0c-8a4c-2da1200d429f.tmp</t>
  </si>
  <si>
    <t>marcotal</t>
  </si>
  <si>
    <t>C:\Windows\Downloaded Program Files\</t>
  </si>
  <si>
    <t>C:\Windows\Offline Web Pages\</t>
  </si>
  <si>
    <t>C:\Windows\System32\drivers\etc\</t>
  </si>
  <si>
    <t>hosts</t>
  </si>
  <si>
    <t>db7e9453-87db-4aad-8198-2e3c90391fdc.tmp</t>
  </si>
  <si>
    <t>\\acsfs\profiles$\kamilamrc\Downloads\db7e9453-87db-4aad-8198-2e3c90391fdc.tmp</t>
  </si>
  <si>
    <t>e12556be-3ed9-47a3-94f3-ae60a4b49b8c.tmp</t>
  </si>
  <si>
    <t>\\acsfs\profiles$\kamilamrc\Downloads\e12556be-3ed9-47a3-94f3-ae60a4b49b8c.tmp</t>
  </si>
  <si>
    <t>64d52e53-fb53-4438-8f11-10b286db24a0.tmp</t>
  </si>
  <si>
    <t>\\acsfs\profiles$\kamilamrc\Downloads\64d52e53-fb53-4438-8f11-10b286db24a0.tmp</t>
  </si>
  <si>
    <t>cacfd8ac-17f5-4ade-a034-079468e9f07e.tmp</t>
  </si>
  <si>
    <t>\\acsfs\profiles$\kamilamrc\Downloads\cacfd8ac-17f5-4ade-a034-079468e9f07e.tmp</t>
  </si>
  <si>
    <t>ee8f0196-0ab0-484f-82d0-4611546555c6.tmp</t>
  </si>
  <si>
    <t>\\acsfs\profiles$\kamilamrc\Downloads\ee8f0196-0ab0-484f-82d0-4611546555c6.tmp</t>
  </si>
  <si>
    <t>\\acsfs\DEPTOS\Operacao\Banco_Votorantim\Qualidade\Eliane\Monitoria JANEIRO 2020\</t>
  </si>
  <si>
    <t>Janeiro.txt</t>
  </si>
  <si>
    <t>\\acsfs\DEPTOS\Operacao\Banco_Votorantim\Qualidade\Eliane\Monitoria JANEIRO 2020\Janeiro.txt</t>
  </si>
  <si>
    <t>1° Ciclo Janeiro.txt</t>
  </si>
  <si>
    <t>\\acsfs\DEPTOS\Operacao\Banco_Votorantim\Qualidade\Eliane\Monitoria JANEIRO 2020\1° Ciclo Janeiro.txt</t>
  </si>
  <si>
    <t>67096d7b-458e-443b-a8f0-c0a8f7d951a3.tmp</t>
  </si>
  <si>
    <t>\\acsfs\profiles$\anafsb\Downloads\67096d7b-458e-443b-a8f0-c0a8f7d951a3.tmp</t>
  </si>
  <si>
    <t>8eaf9495-aa4e-4f88-a707-1d14a19e2e00.tmp</t>
  </si>
  <si>
    <t>\\acsfs\profiles$\mariliafplb\Downloads\8eaf9495-aa4e-4f88-a707-1d14a19e2e00.tmp</t>
  </si>
  <si>
    <t>4ceb7011-5f00-4ad4-b6cb-4f7fede9b1fe.tmp</t>
  </si>
  <si>
    <t>\\acsfs\profiles$\mariliafplb\Downloads\4ceb7011-5f00-4ad4-b6cb-4f7fede9b1fe.tmp</t>
  </si>
  <si>
    <t>769f8b3d-73fc-425c-9e90-4e0126f3d740.tmp</t>
  </si>
  <si>
    <t>\\acsfs\profiles$\mariajra\Downloads\769f8b3d-73fc-425c-9e90-4e0126f3d740.tmp</t>
  </si>
  <si>
    <t>1830f5d6-e74b-4d15-b2ea-5f73e5cfc40a.tmp</t>
  </si>
  <si>
    <t>\\acsfs\profiles$\matheushds\Downloads\1830f5d6-e74b-4d15-b2ea-5f73e5cfc40a.tmp</t>
  </si>
  <si>
    <t>C:\Users\karlosgc\Dropbox\NB-AlgarTech\AWS\</t>
  </si>
  <si>
    <t>credentials_2.csv:com.dropbox.attrs</t>
  </si>
  <si>
    <t>credentials_1.csv:com.dropbox.attrs</t>
  </si>
  <si>
    <t>895c5d0e-bf57-44ea-9480-14959cb3c45d.tmp</t>
  </si>
  <si>
    <t>\\acsfs\profiles$\inarajst\Downloads\895c5d0e-bf57-44ea-9480-14959cb3c45d.tmp</t>
  </si>
  <si>
    <t>\\acsfs\DEPTOS\Operacao\Banco_Votorantim\Supervisao\SUPERS BV CARTÕES\ANA VITORIA\APOIO\.~lock.Filas-ALGAR - JONATAN.xlsx#</t>
  </si>
  <si>
    <t>2° Ciclo Janeiro.txt</t>
  </si>
  <si>
    <t>\\acsfs\DEPTOS\Operacao\Banco_Votorantim\Qualidade\Eliane\Monitoria JANEIRO 2020\2° Ciclo Janeiro.txt</t>
  </si>
  <si>
    <t>3° Ciclo Janeiro.txt</t>
  </si>
  <si>
    <t>\\acsfs\DEPTOS\Operacao\Banco_Votorantim\Qualidade\Eliane\Monitoria JANEIRO 2020\3° Ciclo Janeiro.txt</t>
  </si>
  <si>
    <t>4° Ciclo Janeiro.txt</t>
  </si>
  <si>
    <t>\\acsfs\DEPTOS\Operacao\Banco_Votorantim\Qualidade\Eliane\Monitoria JANEIRO 2020\4° Ciclo Janeiro.txt</t>
  </si>
  <si>
    <t>6c182dd9-e33d-4859-8bb4-540d7dfaf2f9.tmp</t>
  </si>
  <si>
    <t>\\acsfs\profiles$\isabellegtds\Downloads\6c182dd9-e33d-4859-8bb4-540d7dfaf2f9.tmp</t>
  </si>
  <si>
    <t>Mis Pesquisa de Satisfação - URA - FECHAMENTO DE DEZEMBRO</t>
  </si>
  <si>
    <t>\\acsfs\dsti\COA - Coordenação de Operações de Aplicativos\old_bkp\02 - Comum\2.12 - Lindolfo\Repasse\Fat\</t>
  </si>
  <si>
    <t>17 - Transferencias_Nov_Dezembro_19.xlsx</t>
  </si>
  <si>
    <t>c:\users\brunocs\desktop\caixa\treinamento caixa\</t>
  </si>
  <si>
    <t>\\acsfs\deptos\seguranca do trabalho\7 - treinamentos nrs - geral\7.4 - escalas - agendamentos nr17, integração staff e cipa\treinamentos 2020\lista de presença\</t>
  </si>
  <si>
    <t>lista nr - 17- amex (03-01-2020).xlsx</t>
  </si>
  <si>
    <t>c2a5f77e-6632-45ee-b19f-65fbc1ada373.tmp</t>
  </si>
  <si>
    <t>\\acsfs\profiles$\matheushds\Downloads\c2a5f77e-6632-45ee-b19f-65fbc1ada373.tmp</t>
  </si>
  <si>
    <t>C:\Users\karlosgc\Dropbox\NB-AlgarTech\ISD\analytics\bases\</t>
  </si>
  <si>
    <t>RAW_Chamados_AlgarTech_v2.csv:com.dropbox.attrs</t>
  </si>
  <si>
    <t>RAW_Chamados_AlgarTech_corrigida.csv:com.dropbox.attrs</t>
  </si>
  <si>
    <t>RAW_Chamados_AlgarTech_sem_corrigir.csv:com.dropbox.attrs</t>
  </si>
  <si>
    <t>TOPICOS_Chamados_AlgarTech.csv:com.dropbox.attrs</t>
  </si>
  <si>
    <t>base_classified.csv:com.dropbox.attrs</t>
  </si>
  <si>
    <t>credentials_aws_isd_dev.csv:com.dropbox.attrs</t>
  </si>
  <si>
    <t>credentials_isd_node.csv:com.dropbox.attrs</t>
  </si>
  <si>
    <t>topic_labels.csv:com.dropbox.attrs</t>
  </si>
  <si>
    <t>C:\Users\karlosgc\Dropbox\NB-AlgarTech\ISD\json_interacao\</t>
  </si>
  <si>
    <t>respostas_estella_v2.csv:com.dropbox.attrs</t>
  </si>
  <si>
    <t>respostas_estella_v1.csv:com.dropbox.attrs</t>
  </si>
  <si>
    <t>Frase Estella.csv:com.dropbox.attrs</t>
  </si>
  <si>
    <t>9361a645-516d-41fe-a9af-1e7a8b06e7d3.tmp</t>
  </si>
  <si>
    <t>\\acsfs\profiles$\cintiadcf\Downloads\9361a645-516d-41fe-a9af-1e7a8b06e7d3.tmp</t>
  </si>
  <si>
    <t>Relatorio de Vendas - Auditoria BV Cartoes (Janeiro).xlsx</t>
  </si>
  <si>
    <t>\\acsfs\DEPTOS\Operacao\Banco_Votorantim\Qualidade\Anderson\Jose\Atualizado\Relatorio de Vendas - Auditoria BV Cartoes (Janeiro).xlsx</t>
  </si>
  <si>
    <t>18b2a8a8-dfb4-4033-9e2a-f2a84c27c4d4.tmp</t>
  </si>
  <si>
    <t>\\acsfs\profiles$\rafaelahpn\Downloads\18b2a8a8-dfb4-4033-9e2a-f2a84c27c4d4.tmp</t>
  </si>
  <si>
    <t>mail.google.com/sync/u/0/i/s?hl=pt-BR&amp;c=488</t>
  </si>
  <si>
    <t>https://0,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9be6cb4e-0f87-4eb4-852e-138449be5608.tmp</t>
  </si>
  <si>
    <t>\\acsfs\profiles$\luanaagl\Downloads\9be6cb4e-0f87-4eb4-852e-138449be5608.tmp</t>
  </si>
  <si>
    <t>michelecdc@algartech.com;michelecdc@algartech.com.br;robsonyg@algartech.com.br;</t>
  </si>
  <si>
    <t>michelecdc@algartech.com,michelecdc@algartech.com.br,robsonyg@algartech.com.br</t>
  </si>
  <si>
    <t>https://udpmailboxap01/h/search?si=0&amp;so=0&amp;sc=60501&amp;sfi=2&amp;st=message&amp;action=compose</t>
  </si>
  <si>
    <t>bba3ca48-eb64-499b-9a66-8e1b5f5bc03c.tmp</t>
  </si>
  <si>
    <t>\\acsfs\profiles$\matheushds\Downloads\bba3ca48-eb64-499b-9a66-8e1b5f5bc03c.tmp</t>
  </si>
  <si>
    <t>C:\Users\karlosgc\Dropbox\NB-AlgarTech\PPE\capex_equipe\</t>
  </si>
  <si>
    <t>departamental Algar TI.csv:com.dropbox.attrs</t>
  </si>
  <si>
    <t>C:\Users\karlosgc\Dropbox\NB-AlgarTech\PPE\vagas_ppe\provas\dados\</t>
  </si>
  <si>
    <t>airbnb_listings_brussels.csv:com.dropbox.attrs</t>
  </si>
  <si>
    <t>bb3400cf-6c2f-4d0c-88be-fc976fd3f63e.tmp</t>
  </si>
  <si>
    <t>\\acsfs\profiles$\nathaliarmr\Downloads\bb3400cf-6c2f-4d0c-88be-fc976fd3f63e.tmp</t>
  </si>
  <si>
    <t>768ebf3e-033d-49d2-9ed5-f0aebd98cb3f.tmp</t>
  </si>
  <si>
    <t>\\acsfs\profiles$\nathaliarmr\Downloads\768ebf3e-033d-49d2-9ed5-f0aebd98cb3f.tmp</t>
  </si>
  <si>
    <t>lu73196bfyt2z.tmp</t>
  </si>
  <si>
    <t>\\acsfs\DEPTOS\Operacao\Banco_Votorantim\Supervisao\SUPERS BV CARTÕES\ANA VITORIA\APOIO\lu73196bfyt2z.tmp</t>
  </si>
  <si>
    <t>\\acsfs\DEPTOS\Operacao\Banco_Votorantim\Supervisao\SUPERS BV CARTÕES\ANA VITORIA\APOIO\lu73196bfyt2z.tmp\</t>
  </si>
  <si>
    <t>\\acsfs\DEPTOS\Operacao\Banco_Votorantim\Supervisao\SUPERS BV CARTÕES\ANA VITORIA\APOIO\lu73196bfyt2z.tmp\META-INF\</t>
  </si>
  <si>
    <t>\\acsfs\DEPTOS\Operacao\Banco_Votorantim\Supervisao\SUPERS BV CARTÕES\ANA VITORIA\APOIO\lu73196bfyt2z.tmp\Thumbnails\</t>
  </si>
  <si>
    <t>6056b87a-ee26-4616-a3ad-4fa1c6e24708.tmp</t>
  </si>
  <si>
    <t>\\acsfs\profiles$\vivianealda\Downloads\6056b87a-ee26-4616-a3ad-4fa1c6e24708.tmp</t>
  </si>
  <si>
    <t>3a1e74e2-4e67-4b1e-879c-3e7b260660ee.tmp</t>
  </si>
  <si>
    <t>\\acsfs\profiles$\matheushds\Downloads\3a1e74e2-4e67-4b1e-879c-3e7b260660ee.tmp</t>
  </si>
  <si>
    <t>8c54c485-39e0-4e21-8ee8-9f665a73b530.tmp</t>
  </si>
  <si>
    <t>\\acsfs\profiles$\matheushds\Downloads\8c54c485-39e0-4e21-8ee8-9f665a73b530.tmp</t>
  </si>
  <si>
    <t>9360ef96-a3e1-4ad5-ab2d-05fe1ce1ea76.tmp</t>
  </si>
  <si>
    <t>\\acsfs\profiles$\lucasqdss\Downloads\9360ef96-a3e1-4ad5-ab2d-05fe1ce1ea76.tmp</t>
  </si>
  <si>
    <t>675c91d2-eff3-439d-89d9-0bf60f5a7946.tmp</t>
  </si>
  <si>
    <t>\\acsfs\profiles$\wenderbnm\Downloads\675c91d2-eff3-439d-89d9-0bf60f5a7946.tmp</t>
  </si>
  <si>
    <t>681c886d-f188-47bc-9e0e-7bd85eb36c0f.tmp</t>
  </si>
  <si>
    <t>\\acsfs\profiles$\anafsb\Downloads\681c886d-f188-47bc-9e0e-7bd85eb36c0f.tmp</t>
  </si>
  <si>
    <t>6fe4cd53-2bbd-47c4-9a16-e862b2e8b0bd.tmp</t>
  </si>
  <si>
    <t>\\acsfs\profiles$\ANAPDSB\Downloads\6fe4cd53-2bbd-47c4-9a16-e862b2e8b0bd.tmp</t>
  </si>
  <si>
    <t>74-86-7A-FD-D8-75</t>
  </si>
  <si>
    <t>VOTORANT-VB013</t>
  </si>
  <si>
    <t>29d651ea-91bf-495e-a23e-16b6b54be9ba.tmp</t>
  </si>
  <si>
    <t>\\acsfs\profiles$\francislayneads\Downloads\29d651ea-91bf-495e-a23e-16b6b54be9ba.tmp</t>
  </si>
  <si>
    <t>130daffa-ad90-4a4d-bd0e-ae8bd0e231cf.tmp</t>
  </si>
  <si>
    <t>\\acsfs\profiles$\francislayneads\Downloads\130daffa-ad90-4a4d-bd0e-ae8bd0e231cf.tmp</t>
  </si>
  <si>
    <t>b3a74219-f26c-4a5f-900f-ffca0a49c89d.tmp</t>
  </si>
  <si>
    <t>\\acsfs\profiles$\francislayneads\Downloads\b3a74219-f26c-4a5f-900f-ffca0a49c89d.tmp</t>
  </si>
  <si>
    <t>bf14b619-f2c4-42a7-a0d9-7db75ad20f68.tmp</t>
  </si>
  <si>
    <t>\\acsfs\profiles$\francislayneads\Downloads\bf14b619-f2c4-42a7-a0d9-7db75ad20f68.tmp</t>
  </si>
  <si>
    <t>85885863-b481-48ff-8abf-0f0f871ae2c7.tmp</t>
  </si>
  <si>
    <t>\\acsfs\profiles$\YASMINSC\Downloads\85885863-b481-48ff-8abf-0f0f871ae2c7.tmp</t>
  </si>
  <si>
    <t>5df10b33-cc5b-4972-b559-febd31a5f0a0.tmp</t>
  </si>
  <si>
    <t>\\acsfs\profiles$\nathaliarmr\Downloads\5df10b33-cc5b-4972-b559-febd31a5f0a0.tmp</t>
  </si>
  <si>
    <t>09dc39ec-434f-4158-a165-e4524df54be0.tmp</t>
  </si>
  <si>
    <t>\\acsfs\profiles$\nathaliarmr\Downloads\09dc39ec-434f-4158-a165-e4524df54be0.tmp</t>
  </si>
  <si>
    <t>221acb9d-2acf-463e-b4cf-4c82bb24c661.tmp</t>
  </si>
  <si>
    <t>\\acsfs\profiles$\nathaliarmr\Downloads\221acb9d-2acf-463e-b4cf-4c82bb24c661.tmp</t>
  </si>
  <si>
    <t>3da577e0-d72a-470e-8cb0-38409ff04d56.tmp</t>
  </si>
  <si>
    <t>\\acsfs\profiles$\ANAPDSB\Downloads\3da577e0-d72a-470e-8cb0-38409ff04d56.tmp</t>
  </si>
  <si>
    <t>07d7600f-fc5a-4d5a-8e12-0c2e75d63bd6.tmp</t>
  </si>
  <si>
    <t>\\acsfs\profiles$\mariellecs\Downloads\07d7600f-fc5a-4d5a-8e12-0c2e75d63bd6.tmp</t>
  </si>
  <si>
    <t>b4679a5a-2f10-43ff-b8d8-a6ee1856f8d0.tmp</t>
  </si>
  <si>
    <t>\\acsfs\profiles$\matheushds\Downloads\b4679a5a-2f10-43ff-b8d8-a6ee1856f8d0.tmp</t>
  </si>
  <si>
    <t>17d5c0ab-c92f-4ce2-a927-e17a57425af0.tmp</t>
  </si>
  <si>
    <t>\\acsfs\profiles$\matheushds\Downloads\17d5c0ab-c92f-4ce2-a927-e17a57425af0.tmp</t>
  </si>
  <si>
    <t>7bb3fff7-ab2f-4bdf-94d0-1cf5ed170e57.tmp</t>
  </si>
  <si>
    <t>\\acsfs\profiles$\matheushds\Downloads\7bb3fff7-ab2f-4bdf-94d0-1cf5ed170e57.tmp</t>
  </si>
  <si>
    <t>95ffa3c5-aae1-4120-b921-471ee6567498.tmp</t>
  </si>
  <si>
    <t>\\acsfs\profiles$\jhonatadss\Downloads\95ffa3c5-aae1-4120-b921-471ee6567498.tmp</t>
  </si>
  <si>
    <t>247b91f3-8ba1-426d-a09e-2e1dfcbe1679.tmp</t>
  </si>
  <si>
    <t>\\acsfs\profiles$\jhonatadss\Downloads\247b91f3-8ba1-426d-a09e-2e1dfcbe1679.tmp</t>
  </si>
  <si>
    <t>4f89860a-68fa-49bf-8f1f-28359b49fb32.tmp</t>
  </si>
  <si>
    <t>\\acsfs\profiles$\francislayneads\Downloads\4f89860a-68fa-49bf-8f1f-28359b49fb32.tmp</t>
  </si>
  <si>
    <t>mail.google.com/_/upload?authuser=0&amp;dcp=asu-n&amp;upload_id=AEnB2UoUFjKBnyxOY_IyKCe3uzdoGbuVYc1dGX2QwS-IUy0QroubTfClL5YnAhkErFP0tmnWo9snrllC76xNEMTtcooZgQi1bg&amp;upload_protocol=resumable</t>
  </si>
  <si>
    <t>Adevilson Gabriel Lindeberg Evagelista_1_6775197445076893231_1_32.wav</t>
  </si>
  <si>
    <t>lu77912bfudpl.tmp</t>
  </si>
  <si>
    <t>\\acsfs\profiles$\BRUNAAR\Numero\lu77912bfudpl.tmp</t>
  </si>
  <si>
    <t>e60558be-4db0-482b-8a88-528efdf8671b.tmp</t>
  </si>
  <si>
    <t>\\acsfs\profiles$\jhonatadss\Downloads\e60558be-4db0-482b-8a88-528efdf8671b.tmp</t>
  </si>
  <si>
    <t>mail.google.com/_/upload?authuser=0&amp;dcp=asu-n&amp;upload_id=AEnB2Uq6T4uBgjfB2Kfv6c-75Bhjg56_TQF70O68JgKnT9-2ph2tna2b987EItip2CC2aCnD_1RmQV2BUrN36HqFSm9eG9sgDwg6kSm1J8ublXApnvs4_YU&amp;upload_protocol=resumable</t>
  </si>
  <si>
    <t>Base BI TOP 31.12.xls</t>
  </si>
  <si>
    <t>mail.google.com/_/upload?authuser=0&amp;dcp=asu-n&amp;upload_id=AEnB2UqIuMskp6NXW3l6UYUAU-Rdvrc4HP-uunSQp7P7RLKizyL9SFf2LgDNHISoGAaUiG0XnqtxgJT57FeI7EzFhur_NwEpAA&amp;upload_protocol=resumable</t>
  </si>
  <si>
    <t>fabriciovs@algartech.com;leandrosos@algartech.com;rafaelbdt@algartech.com;</t>
  </si>
  <si>
    <t>CAS - cab-servbrasif (3) (1).xlsx</t>
  </si>
  <si>
    <t>fabriciovs@algartech.com,leandrosos@algartech.com,rafaelbdt@algartech.com</t>
  </si>
  <si>
    <t>0d7df399-72d9-429c-8134-1c397dc2dd19.tmp</t>
  </si>
  <si>
    <t>\\acsfs\profiles$\MATEUSJM\Downloads\0d7df399-72d9-429c-8134-1c397dc2dd19.tmp</t>
  </si>
  <si>
    <t>Q29udHJvbGxlci5QYXl3YXJlXzEtMg--.ica</t>
  </si>
  <si>
    <t>\\acsfs\profiles$\MATEUSJM\Downloads\Q29udHJvbGxlci5QYXl3YXJlXzEtMg--.ica</t>
  </si>
  <si>
    <t>7b236598-8a02-48cf-8cb7-2db8c146c002.tmp</t>
  </si>
  <si>
    <t>\\acsfs\profiles$\MATEUSJM\Downloads\7b236598-8a02-48cf-8cb7-2db8c146c002.tmp</t>
  </si>
  <si>
    <t>172d1ec7-c64c-4e74-b7b1-94af1da9b9c5.tmp</t>
  </si>
  <si>
    <t>\\acsfs\profiles$\anafsb\Downloads\172d1ec7-c64c-4e74-b7b1-94af1da9b9c5.tmp</t>
  </si>
  <si>
    <t>evertonpdsr@algartech.com.br;</t>
  </si>
  <si>
    <t>ENC: #### Aderência - Cerrado PJ - Janeiro/2020 ###</t>
  </si>
  <si>
    <t>01 - ADERENCIA JANEIRO - Consolidado.xlsx</t>
  </si>
  <si>
    <t>evertonpdsr@algartech.com.br</t>
  </si>
  <si>
    <t>adaf08c4-a0d0-476f-8532-0a8b3a1e533c.tmp</t>
  </si>
  <si>
    <t>\\acsfs\profiles$\luanaagl\Downloads\adaf08c4-a0d0-476f-8532-0a8b3a1e533c.tmp</t>
  </si>
  <si>
    <t>lu77912bfudpo.tmp</t>
  </si>
  <si>
    <t>\\acsfs\profiles$\BRUNAAR\Numero\lu77912bfudpo.tmp</t>
  </si>
  <si>
    <t>RELATORIO DE LOGIN - BV CARTÕES 01-01 - Cópia.xlsm</t>
  </si>
  <si>
    <t>\\acsfs\DEPTOS\Operacao\PCP\5 - Comum\PLANEJAMENTO BV\14 - ACOMPANHAMENTO\1 - REPORT ACOMPANHAMENTO\2020\1 - JANEIRO\CARTÕES\Login Logout Cartões\RELATORIO DE LOGIN - BV CARTÕES 01-01 - Cópia.xlsm</t>
  </si>
  <si>
    <t>\\acsfs\ACS\Gabriel da Silva\Contemporânea\BDBV\886185A8.tmp\</t>
  </si>
  <si>
    <t>\\acsfs\ACS\Gabriel da Silva\Contemporânea\BDBV\886185A8.tmp\:Zone.Identifier:$DATA</t>
  </si>
  <si>
    <t>\\acsfs\ACS\Gabriel da Silva\Contemporânea\BDBV\886185A8.tmp</t>
  </si>
  <si>
    <t>886185A8.tmp</t>
  </si>
  <si>
    <t>f876df92-ba66-4baf-a512-2c664b4a1257.tmp</t>
  </si>
  <si>
    <t>\\acsfs\profiles$\anafsb\Downloads\f876df92-ba66-4baf-a512-2c664b4a1257.tmp</t>
  </si>
  <si>
    <t>\\acsfs\dsti\CITIM - Coordenação de Infra TI Implantação\FLUXO TRANSACIONAL\CLIENTES CTBC\FATURAMENTO\Parceria Telecom - Rafael\Faturamento 2020\</t>
  </si>
  <si>
    <t>TRANSFERÊNCIAS ENTRE EMPRESAS INFRA.Dez.xlsx</t>
  </si>
  <si>
    <t>b5df3acd-f27f-4ee8-96a7-b0ab7ede0f13.tmp</t>
  </si>
  <si>
    <t>\\acsfs\profiles$\danielmlds\Downloads\b5df3acd-f27f-4ee8-96a7-b0ab7ede0f13.tmp</t>
  </si>
  <si>
    <t>Indicadores de Acidentes Dezembro 2019.xlsx</t>
  </si>
  <si>
    <t>97108320-123c-4928-a359-5d3e7f432d67.tmp</t>
  </si>
  <si>
    <t>\\acsfs\profiles$\matheushds\Downloads\97108320-123c-4928-a359-5d3e7f432d67.tmp</t>
  </si>
  <si>
    <t>869dd62c-481f-47ce-a717-72ee570650e6.tmp</t>
  </si>
  <si>
    <t>\\acsfs\profiles$\lucasqdss\Downloads\869dd62c-481f-47ce-a717-72ee570650e6.tmp</t>
  </si>
  <si>
    <t>db2c76f8-9a19-40c1-8229-eceb2bb1f6c0.tmp</t>
  </si>
  <si>
    <t>\\acsfs\profiles$\jhonatadss\Downloads\db2c76f8-9a19-40c1-8229-eceb2bb1f6c0.tmp</t>
  </si>
  <si>
    <t>d19adc62-faab-42ea-a486-daa5f6a0aadc.tmp</t>
  </si>
  <si>
    <t>\\acsfs\profiles$\jhonatadss\Downloads\d19adc62-faab-42ea-a486-daa5f6a0aadc.tmp</t>
  </si>
  <si>
    <t>efcfe9a8-008e-43f6-b169-8aaaec3a7ef9.tmp</t>
  </si>
  <si>
    <t>\\acsfs\profiles$\lorrainerdl\Downloads\efcfe9a8-008e-43f6-b169-8aaaec3a7ef9.tmp</t>
  </si>
  <si>
    <t>lu96169hko.tmp</t>
  </si>
  <si>
    <t>\\acsfs\profiles$\VIVIANALDS\My Documents\lu96169hko.tmp</t>
  </si>
  <si>
    <t>\\acsfs\profiles$\VIVIANALDS\My Documents\lu96169hko.tmp\</t>
  </si>
  <si>
    <t>\\acsfs\profiles$\VIVIANALDS\My Documents\lu96169hko.tmp\META-INF\</t>
  </si>
  <si>
    <t>\\acsfs\profiles$\VIVIANALDS\My Documents\lu96169hko.tmp\Thumbnails\</t>
  </si>
  <si>
    <t>C:\Users\ruidrt\OneDrive - Grupo Algar\Área de Trabalho\</t>
  </si>
  <si>
    <t>relatorio_atendimento_analitico_5e0f44cd2bb6b.csv</t>
  </si>
  <si>
    <t>lista nr17 - avon (03-01-2020).xls</t>
  </si>
  <si>
    <t>\\acsfs\deptos\Operacao\Banco_Votorantim\Comum\</t>
  </si>
  <si>
    <t>\\acsfs\deptos\Operacao\Banco_Votorantim\Comum\Thumbs.db</t>
  </si>
  <si>
    <t>andrelpsa@algartech.com;joaogvc@algartech.com;leonardoao@algartech.com;marianadjc@algartech.com;maristelavodq@bv.algartech.com;paulacn@algartech.com;qualidadealgarbv@algartech.com;rafaelggs@algartech.com;supervisaobancovotorantim@algartech.com;taysdss@algartech.com;thiagordu@algartech.com;viniciussg@algartech.com;</t>
  </si>
  <si>
    <t>andrelpsa@algartech.com,joaogvc@algartech.com,leonardoao@algartech.com,marianadjc@algartech.com,maristelavodq@bv.algartech.com,paulacn@algartech.com,qualidadealgarbv@algartech.com,rafaelggs@algartech.com,supervisaobancovotorantim@algartech.com,taysdss@algartech.com,thiagordu@algartech.com,viniciussg@algartech.com</t>
  </si>
  <si>
    <t>andrelpsa@algartech.com;bvcartes-supervisores@algarnet.onmicrosoft.com;joaogvc@algartech.com;leonardoao@algartech.com;maristelavodq@bv.algartech.com;mirianppb@algartech.com;paulacn@algartech.com;qualidadealgarbv@algartech.com;rafaelggs@algartech.com;supervisaobancovotorantim@algartech.com;taysdss@algartech.com;viniciussg@algartech.com;</t>
  </si>
  <si>
    <t>andrelpsa@algartech.com,bvcartes-supervisores@algarnet.onmicrosoft.com,joaogvc@algartech.com,leonardoao@algartech.com,maristelavodq@bv.algartech.com,mirianppb@algartech.com,paulacn@algartech.com,qualidadealgarbv@algartech.com,rafaelggs@algartech.com,supervisaobancovotorantim@algartech.com,taysdss@algartech.com,viniciussg@algartech.com</t>
  </si>
  <si>
    <t>8eca5478-7259-4963-96e3-1de52d011607.tmp</t>
  </si>
  <si>
    <t>\\acsfs\profiles$\cintiadcf\Downloads\8eca5478-7259-4963-96e3-1de52d011607.tmp</t>
  </si>
  <si>
    <t>310c8db2-1aff-4b3a-b1f4-c92c9445fc89.tmp</t>
  </si>
  <si>
    <t>\\acsfs\profiles$\nathaliarmr\Downloads\310c8db2-1aff-4b3a-b1f4-c92c9445fc89.tmp</t>
  </si>
  <si>
    <t>e61b186e-aa5a-4561-b908-2cc73ef75b60.tmp</t>
  </si>
  <si>
    <t>\\acsfs\profiles$\leticiala\Downloads\e61b186e-aa5a-4561-b908-2cc73ef75b60.tmp</t>
  </si>
  <si>
    <t>\\acsfs\ACS\Gabriel da Silva\Contemporânea\BDBV\3C351D7F.tmp\</t>
  </si>
  <si>
    <t>\\acsfs\ACS\Gabriel da Silva\Contemporânea\BDBV\3C351D7F.tmp\:Zone.Identifier:$DATA</t>
  </si>
  <si>
    <t>\\acsfs\ACS\Gabriel da Silva\Contemporânea\BDBV\3C351D7F.tmp</t>
  </si>
  <si>
    <t>3C351D7F.tmp</t>
  </si>
  <si>
    <t>\\acsfs\ACS\Gabriel da Silva\Contemporânea\Acessos\Thumbs.db</t>
  </si>
  <si>
    <t>~$Desligados ALGAR - 22_11 a 28_11.xlsx</t>
  </si>
  <si>
    <t>\\acsfs\ACS\Gabriel da Silva\Contemporânea\BDBV\~$Desligados ALGAR - 22_11 a 28_11.xlsx</t>
  </si>
  <si>
    <t>53EEE400.tmp</t>
  </si>
  <si>
    <t>\\acsfs\ACS\Gabriel da Silva\Contemporânea\BDBV\53EEE400.tmp</t>
  </si>
  <si>
    <t>~$Desligados ALGAR - 27_12_19 a 02_01_20.xlsx</t>
  </si>
  <si>
    <t>\\acsfs\ACS\Gabriel da Silva\Contemporânea\BDBV\~$Desligados ALGAR - 27_12_19 a 02_01_20.xlsx</t>
  </si>
  <si>
    <t>14c1e595-d023-40a4-aab3-dd45fde6bfef.tmp</t>
  </si>
  <si>
    <t>\\acsfs\profiles$\adelvinsonle\Downloads\14c1e595-d023-40a4-aab3-dd45fde6bfef.tmp</t>
  </si>
  <si>
    <t>40da6665-3de7-4ee6-b519-ed97162304ef.tmp</t>
  </si>
  <si>
    <t>\\acsfs\profiles$\JOAOVAL\Downloads\40da6665-3de7-4ee6-b519-ed97162304ef.tmp</t>
  </si>
  <si>
    <t>f9d5f1a0-457b-4cc4-a952-fba295eecc69.tmp</t>
  </si>
  <si>
    <t>\\acsfs\profiles$\JOAOVAL\Downloads\f9d5f1a0-457b-4cc4-a952-fba295eecc69.tmp</t>
  </si>
  <si>
    <t>cbefb304-5fda-4dd4-b3f8-cc71cf8dba0e.tmp</t>
  </si>
  <si>
    <t>\\acsfs\profiles$\JOAOVAL\Downloads\cbefb304-5fda-4dd4-b3f8-cc71cf8dba0e.tmp</t>
  </si>
  <si>
    <t>4030576e-602d-4dc4-996a-efd6d1a28ed6.tmp</t>
  </si>
  <si>
    <t>\\acsfs\profiles$\PEDROHAB\Downloads\4030576e-602d-4dc4-996a-efd6d1a28ed6.tmp</t>
  </si>
  <si>
    <t>763a1b8c-5292-4eb6-b7cc-6ffe79cb491c.tmp</t>
  </si>
  <si>
    <t>\\acsfs\profiles$\PEDROHAB\Downloads\763a1b8c-5292-4eb6-b7cc-6ffe79cb491c.tmp</t>
  </si>
  <si>
    <t>\\acsfs\deptos\Operacao\Banco_Votorantim\Comum\CAMPANHA BV\Thumbs.db</t>
  </si>
  <si>
    <t>\\acsfs\deptos\Operacao\Banco_Votorantim\Comum\COMUNICADOS\</t>
  </si>
  <si>
    <t>\\acsfs\deptos\Operacao\Banco_Votorantim\Comum\COMUNICADOS\Thumbs.db</t>
  </si>
  <si>
    <t>\\acsfs\deptos\Operacao\Banco_Votorantim\Comum\COMUNICADOS\Informativos\</t>
  </si>
  <si>
    <t>\\acsfs\deptos\Operacao\Banco_Votorantim\Comum\COMUNICADOS\Informativos\Thumbs.db</t>
  </si>
  <si>
    <t>RELATORIO DE LOGIN - BV CARTÕES 02-01.xlsm</t>
  </si>
  <si>
    <t>\\acsfs\DEPTOS\Operacao\PCP\5 - Comum\PLANEJAMENTO BV\14 - ACOMPANHAMENTO\1 - REPORT ACOMPANHAMENTO\2020\1 - JANEIRO\CARTÕES\Login Logout Cartões\RELATORIO DE LOGIN - BV CARTÕES 02-01.xlsm</t>
  </si>
  <si>
    <t>andrelpsa@algartech.com;bvcartes-supervisores@algarnet.onmicrosoft.com;joaogvc@algartech.com;leonardoao@algartech.com;marianacds@algartech.com;marianadjc@algartech.com;maristelavodq@bv.algartech.com;paulacn@algartech.com;qualidadealgarbv@algartech.com;rafaelggs@algartech.com;supervisaobancovotorantim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maristelavodq@bv.algartech.com,paulacn@algartech.com,qualidadealgarbv@algartech.com,rafaelggs@algartech.com,supervisaobancovotorantim@algartech.com,taysdss@algartech.com,thiagordu@algartech.com,viniciussg@algartech.com</t>
  </si>
  <si>
    <t>3b9fe9d6-e7b5-49ed-a112-4e9bbcb18d78.tmp</t>
  </si>
  <si>
    <t>\\acsfs\profiles$\cintiadcf\Downloads\3b9fe9d6-e7b5-49ed-a112-4e9bbcb18d78.tmp</t>
  </si>
  <si>
    <t>0ccf8fb1-d850-40a6-b8e3-803805b6d3e7.tmp</t>
  </si>
  <si>
    <t>\\acsfs\profiles$\cintiadcf\Downloads\0ccf8fb1-d850-40a6-b8e3-803805b6d3e7.tmp</t>
  </si>
  <si>
    <t>ef137bc5-107c-48e8-bc11-acab138f8135;</t>
  </si>
  <si>
    <t>outlook.office.com/owa/service.svc?action=CreateItem&amp;app=Mail&amp;n=100</t>
  </si>
  <si>
    <t>gabrielsma@bv.algartech.com;janaina.pereira@bv.com.br;</t>
  </si>
  <si>
    <t>gabrielsma@bv.algartech.com,janaina.pereira@bv.com.br</t>
  </si>
  <si>
    <t>outlook.office.com/owa/service.svc?action=UpdateItem&amp;app=Mail&amp;n=126</t>
  </si>
  <si>
    <t>outlook.office.com/owa/service.svc?action=UpdateItem&amp;app=Mail&amp;n=130</t>
  </si>
  <si>
    <t>outlook.office.com/owa/service.svc?action=UpdateItem&amp;app=Mail&amp;n=133</t>
  </si>
  <si>
    <t>outlook.office.com/owa/service.svc?action=UpdateItem&amp;app=Mail&amp;n=136</t>
  </si>
  <si>
    <t>~$Criar Payware_2709.xlsx</t>
  </si>
  <si>
    <t>\\acsfs\ACS\Gabriel da Silva\Contemporânea\Acessos\~$Criar Payware_2709.xlsx</t>
  </si>
  <si>
    <t>\\acsfs\ACS\Gabriel da Silva\Contemporânea\BDBV\2A002BF3.tmp\</t>
  </si>
  <si>
    <t>\\acsfs\ACS\Gabriel da Silva\Contemporânea\BDBV\2A002BF3.tmp\:Zone.Identifier:$DATA</t>
  </si>
  <si>
    <t>\\acsfs\ACS\Gabriel da Silva\Contemporânea\BDBV\2A002BF3.tmp</t>
  </si>
  <si>
    <t>2A002BF3.tmp</t>
  </si>
  <si>
    <t>~$Banco de Dados BV 12-2019.xlsx</t>
  </si>
  <si>
    <t>\\acsfs\ACS\Gabriel da Silva\Contemporânea\BDBV\~$Banco de Dados BV 12-2019.xlsx</t>
  </si>
  <si>
    <t>outlook.office.com/owa/service.svc?action=UpdateItem&amp;app=Mail&amp;n=144</t>
  </si>
  <si>
    <t>0367747c-8926-4618-bb16-f3db45b45c36.tmp</t>
  </si>
  <si>
    <t>\\acsfs\profiles$\felipetds\Downloads\0367747c-8926-4618-bb16-f3db45b45c36.tmp</t>
  </si>
  <si>
    <t>b12bb154-e224-4a20-a154-6649151a6756.tmp</t>
  </si>
  <si>
    <t>\\acsfs\profiles$\mariajra\Downloads\b12bb154-e224-4a20-a154-6649151a6756.tmp</t>
  </si>
  <si>
    <t>f52df1f0-beb1-4adc-9898-5aa1b46622a1.tmp</t>
  </si>
  <si>
    <t>\\acsfs\profiles$\mariajra\Downloads\f52df1f0-beb1-4adc-9898-5aa1b46622a1.tmp</t>
  </si>
  <si>
    <t>42fb4f6b-b5b0-4069-96f4-c064f83f78d7.tmp</t>
  </si>
  <si>
    <t>\\acsfs\profiles$\mariajra\Downloads\42fb4f6b-b5b0-4069-96f4-c064f83f78d7.tmp</t>
  </si>
  <si>
    <t>100014122394468;</t>
  </si>
  <si>
    <t>https://100014122394468</t>
  </si>
  <si>
    <t>D:\AlgarTech\Planejamento_Engenharia\BPO\AWS - Estudo BPO\VMs Geral\</t>
  </si>
  <si>
    <t>UDPVCENTERAP02-ESTUDO.xlsx</t>
  </si>
  <si>
    <t>mail.google.com/_/upload?authuser=0&amp;dcp=asu-n&amp;upload_id=AEnB2UrciGR6KEQPKj0Ju0Z6iaaCHn3XlGs-aSn0va9wKTVcgkFf6HfD0gsribx-Kc5UjmJa76FLj0K1hGHYmu7T_w_bj3SPncoABFhTZnnej3nDAJ7sswU&amp;upload_protocol=resumable</t>
  </si>
  <si>
    <t>andrelpsa@algartech.com;bvcartes-supervisores@algarnet.onmicrosoft.com;joaogvc@algartech.com;leonardoao@algartech.com;marianacds@algartech.com;marianadjc@algartech.com;maristelavodq@bv.algartech.com;mirianppb@algartech.com;paulacn@algartech.com;qualidadealgarbv@algartech.com;rafaelggs@algartech.com;supervisaobancovotorantim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maristelavodq@bv.algartech.com,mirianppb@algartech.com,paulacn@algartech.com,qualidadealgarbv@algartech.com,rafaelggs@algartech.com,supervisaobancovotorantim@algartech.com,taysdss@algartech.com,thiagordu@algartech.com,viniciussg@algartech.com</t>
  </si>
  <si>
    <t>10.200.58.80</t>
  </si>
  <si>
    <t>C:\Users\t-luciahf\Downloads\</t>
  </si>
  <si>
    <t>Planilha_de_Lancamentos_-_Proventos_e_Descontos_(2)_(2).xlsx</t>
  </si>
  <si>
    <t>a8bd2c05-e0ae-4294-8ccf-8dad0d9f724f.tmp</t>
  </si>
  <si>
    <t>\\acsfs\profiles$\ALYNYA\Downloads\a8bd2c05-e0ae-4294-8ccf-8dad0d9f724f.tmp</t>
  </si>
  <si>
    <t>794bfa3a-9ce8-48b3-8c4d-ceb626771f5b.tmp</t>
  </si>
  <si>
    <t>\\acsfs\profiles$\gabrielsma\Downloads\794bfa3a-9ce8-48b3-8c4d-ceb626771f5b.tmp</t>
  </si>
  <si>
    <t>\\acsfs\ACS\Gabriel da Silva\Contemporânea\BDBV\Q29udHJvbGxlci5JRS1Qb3J0YWw-.ica.crdownload</t>
  </si>
  <si>
    <t>\\acsfs\ACS\Gabriel da Silva\Contemporânea\VENDAS\</t>
  </si>
  <si>
    <t>icaIcaIcatu.csv.1bnnwgt.partial</t>
  </si>
  <si>
    <t>\\acsfs\ACS\Gabriel da Silva\Contemporânea\VENDAS\icaIcaIcatu.csv.1bnnwgt.partial</t>
  </si>
  <si>
    <t>b418fcb4-5c85-4771-9ec5-e1bed7fe58c5.tmp</t>
  </si>
  <si>
    <t>\\acsfs\profiles$\LUISPLS\Downloads\b418fcb4-5c85-4771-9ec5-e1bed7fe58c5.tmp</t>
  </si>
  <si>
    <t>a40c9ab8-7f05-4e36-b7ff-219dd0838a84.tmp</t>
  </si>
  <si>
    <t>\\acsfs\profiles$\mariajra\Downloads\a40c9ab8-7f05-4e36-b7ff-219dd0838a84.tmp</t>
  </si>
  <si>
    <t>d5348211-4dc5-43e9-8df4-0266a666c682.tmp</t>
  </si>
  <si>
    <t>\\acsfs\profiles$\lorrainerdl\Downloads\d5348211-4dc5-43e9-8df4-0266a666c682.tmp</t>
  </si>
  <si>
    <t>mail.google.com/_/upload?authuser=0&amp;dcp=asu-n&amp;upload_id=AEnB2Uo-mxIxx5a8McPho7QjBcfOZfxLIB6DIUKvaEH9ZJzC8bPdQQnDfkktnfXW2ifrgFKSc3E4yd3i-lwMK5N6o8VANgzd7Q&amp;upload_protocol=resumable</t>
  </si>
  <si>
    <t>eunice.pimenta@algartech.com;marianagso@algartech.com;rodrigombu@algartech.com;viniciusgt@algartech.com;viniciussg@algartech.com;</t>
  </si>
  <si>
    <t>Revisão SS Janeiro_2020.xlsx</t>
  </si>
  <si>
    <t>eunice.pimenta@algartech.com,marianagso@algartech.com,rodrigombu@algartech.com,viniciusgt@algartech.com,viniciussg@algartech.com</t>
  </si>
  <si>
    <t>e1fc4e4f-7a2c-4bf3-9c19-c97d583003e1.tmp</t>
  </si>
  <si>
    <t>\\acsfs\profiles$\LUISPLS\Downloads\e1fc4e4f-7a2c-4bf3-9c19-c97d583003e1.tmp</t>
  </si>
  <si>
    <t>b5bb5fd0-f090-412d-9457-666b90774996.tmp</t>
  </si>
  <si>
    <t>\\acsfs\profiles$\mariellecs\Downloads\b5bb5fd0-f090-412d-9457-666b90774996.tmp</t>
  </si>
  <si>
    <t>ee2a57fa-3c18-41b4-aa10-1c34450568ba.tmp</t>
  </si>
  <si>
    <t>\\acsfs\profiles$\cintiadcf\Downloads\ee2a57fa-3c18-41b4-aa10-1c34450568ba.tmp</t>
  </si>
  <si>
    <t>7d6c0cf0-67c9-43be-b9db-03b6020771ee.tmp</t>
  </si>
  <si>
    <t>\\acsfs\profiles$\lorrainerdl\Downloads\7d6c0cf0-67c9-43be-b9db-03b6020771ee.tmp</t>
  </si>
  <si>
    <t>42eff1d5-3871-4f12-98c4-e7c3c3b7c3b1.tmp</t>
  </si>
  <si>
    <t>\\acsfs\profiles$\inarajst\Downloads\42eff1d5-3871-4f12-98c4-e7c3c3b7c3b1.tmp</t>
  </si>
  <si>
    <t>bfae1bb6-6f95-45e6-bb02-ea8c3819b81a.tmp</t>
  </si>
  <si>
    <t>\\acsfs\profiles$\mariajra\Downloads\bfae1bb6-6f95-45e6-bb02-ea8c3819b81a.tmp</t>
  </si>
  <si>
    <t>10.200.60.220</t>
  </si>
  <si>
    <t>Departamental Dezembro.xlsx</t>
  </si>
  <si>
    <t>TV - 03-01.pptx</t>
  </si>
  <si>
    <t>\\acsfs\deptos\Operacao\Banco_Votorantim\Comum\TV - 03-01.pptx</t>
  </si>
  <si>
    <t>C:\Users\hewertontr\Desktop\Escopo B\</t>
  </si>
  <si>
    <t>C:\Users\ricardobal\OneDrive - Grupo Algar\Algar Tecnologia\01 - CLIENTES\ALGAR TELECOM\BPO\VAREJO\227396 MIGRAÇÃO VAREJO\</t>
  </si>
  <si>
    <t>BP Algar Telecom - TLV Migração.xlsb</t>
  </si>
  <si>
    <t>C:\Users\ricardobal\OneDrive - Grupo Algar\Algar Tecnologia\01 - CLIENTES\ALGAR TELECOM\BPO\VAREJO\227396 MIGRAÇÃO VAREJO\BP Algar Telecom - TLV Migração.xlsb\</t>
  </si>
  <si>
    <t>https://caey.fa.us2.oraclecloud.com/crmui/faces/fusewelcome?_adf.ctrl-state=qf6t5geo8_5</t>
  </si>
  <si>
    <t>outlook.office.com/owa/service.svc?action=CreateItem&amp;app=Mail&amp;n=177</t>
  </si>
  <si>
    <t>algartechcpcbv@algartech.com;andrelpsa@algartech.com;eliane.martins@bv.com.br;flora.lira@bv.com.br;jose.gomes@bv.com.br;leonardoao@algartech.com;robsonams@algartech.com;</t>
  </si>
  <si>
    <t>algartechcpcbv@algartech.com,andrelpsa@algartech.com,eliane.martins@bv.com.br,flora.lira@bv.com.br,jose.gomes@bv.com.br,leonardoao@algartech.com,robsonams@algartech.com</t>
  </si>
  <si>
    <t>outlook.office.com/owa/service.svc?action=UpdateItem&amp;app=Mail&amp;n=194</t>
  </si>
  <si>
    <t>outlook.office.com/owa/service.svc?action=UpdateItem&amp;app=Mail&amp;n=202</t>
  </si>
  <si>
    <t>Desligados ALGAR - 27_12_19 a 02_01_20.xlsx</t>
  </si>
  <si>
    <t>af89d3ee-7190-4b0c-a8c4-4031890aee88.tmp</t>
  </si>
  <si>
    <t>\\acsfs\profiles$\gabrielhca\Downloads\af89d3ee-7190-4b0c-a8c4-4031890aee88.tmp</t>
  </si>
  <si>
    <t>\\acsfs\ACS\Q29udHJvbGxlci5Hb29nbGUtQ2hyb21lXzE-.ica.crdownload</t>
  </si>
  <si>
    <t>\\acsfs\ACS\Q29udHJvbGxlci5Hb29nbGUtQ2hyb21lXzE-.ica:Zone.Identifier</t>
  </si>
  <si>
    <t>da481cca-9858-486d-b5a4-448dd34d7021.tmp</t>
  </si>
  <si>
    <t>\\acsfs\profiles$\quindaizaagds\Downloads\da481cca-9858-486d-b5a4-448dd34d7021.tmp</t>
  </si>
  <si>
    <t>10.200.60.100</t>
  </si>
  <si>
    <t>mail.google.com/_/upload?authuser=0&amp;dcp=asu-n&amp;upload_id=AEnB2Uom0u0ilzbg5VYuO3vnqBUUgX7ARQPEFIsZQoNShcjd6eH5i_UU7wEHi3SKl_y9B-uxWINWUgyQ1Wp270eWCJpU7v2v3Q&amp;upload_protocol=resumable</t>
  </si>
  <si>
    <t>C:\Users\marcotb\Desktop\Xperience\Apresentação Telecom - Dez.pptx\</t>
  </si>
  <si>
    <t>mail.google.com/_/upload?authuser=0&amp;dcp=asu-n&amp;upload_id=AEnB2UpnvGu7l9sZ9LqgrSrsXvdNypovfqWynRq-OIyBEXKm2UiGn5lV7MA0V83a5Y3dtWG-bhWOdoVxjjoQLVzkR6VT1mZ1JuqeFzY1BMMlFvnOiZe4Q04&amp;upload_protocol=resumable</t>
  </si>
  <si>
    <t>\\acsfs\deptos\CAS - Coordenação de Arquitetura de Soluções\Negócios\Evolução da Base\Projetos\Nespresso - Humberto\Orçamento\Final\</t>
  </si>
  <si>
    <t>C:\ONE DRIVE PESSOAL\OneDrive - Personal\empresas\uaismart\clientes\seagri\</t>
  </si>
  <si>
    <t>modelo finder pedro.xlsx</t>
  </si>
  <si>
    <t>kit_pre_deslig_pedido_demissao_ausente_98816_katiele sevilha de oliveira.pdf</t>
  </si>
  <si>
    <t>c3c981fe-863e-426c-8791-13f637bdc41a.tmp</t>
  </si>
  <si>
    <t>\\acsfs\profiles$\inarajst\Downloads\c3c981fe-863e-426c-8791-13f637bdc41a.tmp</t>
  </si>
  <si>
    <t>mail.google.com/_/upload?authuser=0&amp;dcp=asu-n&amp;upload_id=AEnB2Uof8dRtEouBM35DevBZnkOVeqiLYOXd0R17SbILp0hHkEQDExvbHxqloiQugwFnI1-f6I1MEN7Ev7DYEombbc-BZG7poLHJf_s3uzPbhg_85GzW3qQ&amp;upload_protocol=resumable</t>
  </si>
  <si>
    <t>annecsm@algartech.com;thallitaarg@algartech.com;</t>
  </si>
  <si>
    <t>\\acsfs\ACS\Consultoria de Qualidade\Uberlândia\1. Analistas\Fernando Rodrigues\4. Distribuição de Meta\2020\0. Caixa\1. Janeiro\</t>
  </si>
  <si>
    <t>annecsm@algartech.com,thallitaarg@algartech.com</t>
  </si>
  <si>
    <t>10.200.61.46</t>
  </si>
  <si>
    <t>74-86-7A-FB-18-F4</t>
  </si>
  <si>
    <t>VOTORANT-SB023</t>
  </si>
  <si>
    <t>\\acsfs\Deptos\Operacao\Banco_Votorantim\Comum\Thumbs.db</t>
  </si>
  <si>
    <t>\\acsfs\Deptos\Operacao\Banco_Votorantim\Comum\TV\</t>
  </si>
  <si>
    <t>\\acsfs\Deptos\Operacao\Banco_Votorantim\Comum\TV\Thumbs.db</t>
  </si>
  <si>
    <t>6bb0c37c-191f-4768-a1fa-ad06c885d646.tmp</t>
  </si>
  <si>
    <t>\\acsfs\profiles$\mariellecs\Downloads\6bb0c37c-191f-4768-a1fa-ad06c885d646.tmp</t>
  </si>
  <si>
    <t>d84845fe-5c9c-4a30-bad7-6ed0e5040e0c.tmp</t>
  </si>
  <si>
    <t>\\acsfs\profiles$\quindaizaagds\Downloads\d84845fe-5c9c-4a30-bad7-6ed0e5040e0c.tmp</t>
  </si>
  <si>
    <t>74a5dcf6-b2b5-40a2-b823-d68607fbb0ed.tmp</t>
  </si>
  <si>
    <t>\\acsfs\profiles$\quindaizaagds\Downloads\74a5dcf6-b2b5-40a2-b823-d68607fbb0ed.tmp</t>
  </si>
  <si>
    <t>9a95bc5f-d930-46db-b11a-5fd90669b19f.tmp</t>
  </si>
  <si>
    <t>\\acsfs\profiles$\quindaizaagds\Downloads\9a95bc5f-d930-46db-b11a-5fd90669b19f.tmp</t>
  </si>
  <si>
    <t>c0983e24-2598-46ad-ae79-f24f9ed4c594.tmp</t>
  </si>
  <si>
    <t>\\acsfs\profiles$\quindaizaagds\Downloads\c0983e24-2598-46ad-ae79-f24f9ed4c594.tmp</t>
  </si>
  <si>
    <t>689eba7b-88f0-4e30-80f7-e4e6e57ec1b4.tmp</t>
  </si>
  <si>
    <t>\\acsfs\profiles$\quindaizaagds\Downloads\689eba7b-88f0-4e30-80f7-e4e6e57ec1b4.tmp</t>
  </si>
  <si>
    <t>d0b4c2f7-9a6b-474c-82a5-216613a58d9a.tmp</t>
  </si>
  <si>
    <t>\\acsfs\profiles$\ayalabfi\Downloads\d0b4c2f7-9a6b-474c-82a5-216613a58d9a.tmp</t>
  </si>
  <si>
    <t>3729266c-d952-4fab-9fc9-0800e11c9831.tmp</t>
  </si>
  <si>
    <t>\\acsfs\profiles$\danielmlds\Downloads\3729266c-d952-4fab-9fc9-0800e11c9831.tmp</t>
  </si>
  <si>
    <t>c08546f2-9aec-4e74-a538-35f7cd02ca06.tmp</t>
  </si>
  <si>
    <t>\\acsfs\profiles$\andressagr\Downloads\c08546f2-9aec-4e74-a538-35f7cd02ca06.tmp</t>
  </si>
  <si>
    <t>b50aca05-0432-4e8a-b738-0c5b81b4f2a2.tmp</t>
  </si>
  <si>
    <t>\\acsfs\profiles$\inarajst\Downloads\b50aca05-0432-4e8a-b738-0c5b81b4f2a2.tmp</t>
  </si>
  <si>
    <t>6c281691-86b8-40c1-9e89-40cee1cd53f5.tmp</t>
  </si>
  <si>
    <t>\\acsfs\profiles$\luanaagl\Downloads\6c281691-86b8-40c1-9e89-40cee1cd53f5.tmp</t>
  </si>
  <si>
    <t>282687a5-2212-42b0-8891-6dd223cc3674.tmp</t>
  </si>
  <si>
    <t>\\acsfs\profiles$\luanaagl\Downloads\282687a5-2212-42b0-8891-6dd223cc3674.tmp</t>
  </si>
  <si>
    <t>5f1da1c6-032e-42cf-936f-bcc51b8d9d59.tmp</t>
  </si>
  <si>
    <t>\\acsfs\profiles$\eduardofss\Downloads\5f1da1c6-032e-42cf-936f-bcc51b8d9d59.tmp</t>
  </si>
  <si>
    <t>ca158cb5-337f-476b-aa45-04dbd2dd12c1.tmp</t>
  </si>
  <si>
    <t>\\acsfs\profiles$\eduardofss\Downloads\ca158cb5-337f-476b-aa45-04dbd2dd12c1.tmp</t>
  </si>
  <si>
    <t>146d7235-967f-4ac7-a23c-f738cce814ce.tmp</t>
  </si>
  <si>
    <t>\\acsfs\profiles$\lorraynevam\Downloads\146d7235-967f-4ac7-a23c-f738cce814ce.tmp</t>
  </si>
  <si>
    <t>1a9222fe-a219-4c7e-98dc-ac005f355f2e.tmp</t>
  </si>
  <si>
    <t>\\acsfs\profiles$\luanaagl\Downloads\1a9222fe-a219-4c7e-98dc-ac005f355f2e.tmp</t>
  </si>
  <si>
    <t>68ee99f4-39ff-4cce-84c3-46fe235bc03b.tmp</t>
  </si>
  <si>
    <t>\\acsfs\profiles$\rafaelahpn\Downloads\68ee99f4-39ff-4cce-84c3-46fe235bc03b.tmp</t>
  </si>
  <si>
    <t>11fd3a16-96db-4663-850a-8785050c5380.tmp</t>
  </si>
  <si>
    <t>\\acsfs\profiles$\geovanaasa\Downloads\11fd3a16-96db-4663-850a-8785050c5380.tmp</t>
  </si>
  <si>
    <t>e58f20f7-3d64-433c-94e6-d9f3953386f8.tmp</t>
  </si>
  <si>
    <t>\\acsfs\profiles$\laianear\Downloads\e58f20f7-3d64-433c-94e6-d9f3953386f8.tmp</t>
  </si>
  <si>
    <t>3abdb27c-e449-4918-b3f4-e012059cd357.tmp</t>
  </si>
  <si>
    <t>\\acsfs\profiles$\antoniosva\Downloads\3abdb27c-e449-4918-b3f4-e012059cd357.tmp</t>
  </si>
  <si>
    <t>baea6ec0-ff20-4241-a753-f097fed1c6e3.tmp</t>
  </si>
  <si>
    <t>\\acsfs\profiles$\LUISPLS\Downloads\baea6ec0-ff20-4241-a753-f097fed1c6e3.tmp</t>
  </si>
  <si>
    <t>\\acsfs\deptos\secretarias diretoria\assessoras\formularios - modelos\</t>
  </si>
  <si>
    <t>solicitação de envio correio.xlsx</t>
  </si>
  <si>
    <t>cf57bb16-4cc1-487b-907c-aac5b70285f3.tmp</t>
  </si>
  <si>
    <t>\\acsfs\profiles$\nathaliarmr\Downloads\cf57bb16-4cc1-487b-907c-aac5b70285f3.tmp</t>
  </si>
  <si>
    <t>125ebc07-2a33-4452-993b-c524e2d78e99.tmp</t>
  </si>
  <si>
    <t>\\acsfs\profiles$\laianear\Downloads\125ebc07-2a33-4452-993b-c524e2d78e99.tmp</t>
  </si>
  <si>
    <t>ef6c31e7-f503-41be-bec9-e5f9502d0ef1.tmp</t>
  </si>
  <si>
    <t>\\acsfs\profiles$\laianear\Downloads\ef6c31e7-f503-41be-bec9-e5f9502d0ef1.tmp</t>
  </si>
  <si>
    <t>0b985b28-0032-473f-815c-420505900856.tmp</t>
  </si>
  <si>
    <t>\\acsfs\profiles$\laianear\Downloads\0b985b28-0032-473f-815c-420505900856.tmp</t>
  </si>
  <si>
    <t>lu73196bfyt3m.tmp</t>
  </si>
  <si>
    <t>\\acsfs\DEPTOS\Operacao\Banco_Votorantim\Supervisao\SUPERS BV CARTÕES\ANA VITORIA\APOIO\lu73196bfyt3m.tmp</t>
  </si>
  <si>
    <t>adb47d13-a7ec-4f6f-8abd-36c4c51e3221.tmp</t>
  </si>
  <si>
    <t>\\acsfs\profiles$\LUISPLS\Downloads\adb47d13-a7ec-4f6f-8abd-36c4c51e3221.tmp</t>
  </si>
  <si>
    <t>0f466e32-9a47-4dbd-9039-3640db86eb0d.tmp</t>
  </si>
  <si>
    <t>\\acsfs\profiles$\LUISPLS\Downloads\0f466e32-9a47-4dbd-9039-3640db86eb0d.tmp</t>
  </si>
  <si>
    <t>leonardomcb@algartech.com;</t>
  </si>
  <si>
    <t>4.A.9 Relação de empregados - enviar Adalberto.xlsx</t>
  </si>
  <si>
    <t>leonardomcb@algartech.com</t>
  </si>
  <si>
    <t>\\acsfs\DEPTOS\Operacao\PCP\5 - Comum\PLANEJAMENTO BV\22 - BANCO DE DADOS BV\FINANCEIRA\~$Banco de Dados BV 12-2019.xlsx</t>
  </si>
  <si>
    <t>0673dadf-bdd3-4fa0-86e5-97744fc31f33.tmp</t>
  </si>
  <si>
    <t>\\acsfs\profiles$\PEDROHAB\Downloads\0673dadf-bdd3-4fa0-86e5-97744fc31f33.tmp</t>
  </si>
  <si>
    <t>837027d2-67e4-4565-b958-c448d204a505.tmp</t>
  </si>
  <si>
    <t>\\acsfs\profiles$\PEDROHAB\Downloads\837027d2-67e4-4565-b958-c448d204a505.tmp</t>
  </si>
  <si>
    <t>andrelpsa@algartech.com;bvs-gestorescentral@bv.com.br;eliane.martins@bv.com.br;joaogvc@algartech.com;jose.gomes@bv.com.br;leonardoao@algartech.com;maristelavodq@bv.algartech.com;paulacn@algartech.com;qualidadealgarbv@algartech.com;rafaelggs@algartech.com;supervisaobancovotorantim@algartech.com;taysdss@algartech.com;viniciussg@algartech.com;</t>
  </si>
  <si>
    <t>andrelpsa@algartech.com,bvs-gestorescentral@bv.com.br,eliane.martins@bv.com.br,joaogvc@algartech.com,jose.gomes@bv.com.br,leonardoao@algartech.com,maristelavodq@bv.algartech.com,paulacn@algartech.com,qualidadealgarbv@algartech.com,rafaelggs@algartech.com,supervisaobancovotorantim@algartech.com,taysdss@algartech.com,viniciussg@algartech.com</t>
  </si>
  <si>
    <t>andrelpsa@algartech.com;bvs-gestorescentral@bv.com.br;eliane.martins@bv.com.br;jose.gomes@bv.com.br;</t>
  </si>
  <si>
    <t>andrelpsa@algartech.com,bvs-gestorescentral@bv.com.br,eliane.martins@bv.com.br,jose.gomes@bv.com.br</t>
  </si>
  <si>
    <t>5dabdffc-4e45-4e1a-95a3-8340fafc6f45.tmp</t>
  </si>
  <si>
    <t>\\acsfs\profiles$\lorrainerdl\Downloads\5dabdffc-4e45-4e1a-95a3-8340fafc6f45.tmp</t>
  </si>
  <si>
    <t>lu141881g2wt8.tmp</t>
  </si>
  <si>
    <t>\\acsfs\profiles$\ALEXANDREMM\lu141881g2wt8.tmp</t>
  </si>
  <si>
    <t>\\acsfs\profiles$\ALEXANDREMM\lu141881g2wt8.tmp\</t>
  </si>
  <si>
    <t>\\acsfs\profiles$\ALEXANDREMM\lu141881g2wt8.tmp\META-INF\</t>
  </si>
  <si>
    <t>\\acsfs\profiles$\ALEXANDREMM\lu141881g2wt8.tmp\Thumbnails\</t>
  </si>
  <si>
    <t>64ddc3c8-1266-42bd-9053-4187001d9d5c.tmp</t>
  </si>
  <si>
    <t>\\acsfs\profiles$\nayarasds\Downloads\64ddc3c8-1266-42bd-9053-4187001d9d5c.tmp</t>
  </si>
  <si>
    <t>42ce13fb-c01c-46ac-954e-52667bee2f60.tmp</t>
  </si>
  <si>
    <t>\\acsfs\profiles$\lucasgpe\Downloads\42ce13fb-c01c-46ac-954e-52667bee2f60.tmp</t>
  </si>
  <si>
    <t>6182e648-5ac1-4c0c-9243-4a20a3eb7072.tmp</t>
  </si>
  <si>
    <t>\\acsfs\profiles$\lucasgpe\Downloads\6182e648-5ac1-4c0c-9243-4a20a3eb7072.tmp</t>
  </si>
  <si>
    <t>7c030f59-1302-4955-b1a6-ba815252d9c2.tmp</t>
  </si>
  <si>
    <t>\\acsfs\profiles$\LUISPLS\Downloads\7c030f59-1302-4955-b1a6-ba815252d9c2.tmp</t>
  </si>
  <si>
    <t>\\acsfs\DEPTOS\EDUCACAO EMPRESARIAL\2 - Operações\0.01 BV CARTÕES\Larisa\Larisa\Thumbs.db</t>
  </si>
  <si>
    <t>Lista de Presença Larisa NR17.xls</t>
  </si>
  <si>
    <t>\\acsfs\DEPTOS\EDUCACAO EMPRESARIAL\2 - Operações\0.01 BV CARTÕES\Larisa\Formação BV\Lista de Presença Larisa NR17.xls</t>
  </si>
  <si>
    <t>Palno de Aula 6 horas2.xls</t>
  </si>
  <si>
    <t>\\acsfs\DEPTOS\EDUCACAO EMPRESARIAL\2 - Operações\0.01 BV CARTÕES\Larisa\Formação BV\Palno de Aula 6 horas2.xls</t>
  </si>
  <si>
    <t>79979dd5-bb15-410c-ae54-cb0f98af2259.tmp</t>
  </si>
  <si>
    <t>\\acsfs\profiles$\LAISLG\Downloads\79979dd5-bb15-410c-ae54-cb0f98af2259.tmp</t>
  </si>
  <si>
    <t>andrelpsa@algartech.com;bvs-gestorescentral@bv.com.br;eliane.martins@bv.com.br;gilson.santos@neobpo.com.br;jose.gomes@bv.com.br;willian.alves@neobpo.com.br;</t>
  </si>
  <si>
    <t>andrelpsa@algartech.com,bvs-gestorescentral@bv.com.br,eliane.martins@bv.com.br,gilson.santos@neobpo.com.br,jose.gomes@bv.com.br,willian.alves@neobpo.com.br</t>
  </si>
  <si>
    <t>andrelpsa@algartech.com;bvs-gestorescentral@bv.com.br;eliane.martins@bv.com.br;gilson.santos@neobpo.com.br;joaogvc@algartech.com;jose.gomes@bv.com.br;leonardoao@algartech.com;maristelavodq@bv.algartech.com;paulacn@algartech.com;qualidadealgarbv@algartech.com;rafaelggs@algartech.com;supervisaobancovotorantim@algartech.com;taysdss@algartech.com;viniciussg@algartech.com;willian.alves@neobpo.com.br;</t>
  </si>
  <si>
    <t>andrelpsa@algartech.com,bvs-gestorescentral@bv.com.br,eliane.martins@bv.com.br,gilson.santos@neobpo.com.br,joaogvc@algartech.com,jose.gomes@bv.com.br,leonardoao@algartech.com,maristelavodq@bv.algartech.com,paulacn@algartech.com,qualidadealgarbv@algartech.com,rafaelggs@algartech.com,supervisaobancovotorantim@algartech.com,taysdss@algartech.com,viniciussg@algartech.com,willian.alves@neobpo.com.br</t>
  </si>
  <si>
    <t>86bb9ae4-0a7e-4607-a01c-7c59459afc03.tmp</t>
  </si>
  <si>
    <t>\\acsfs\profiles$\lorrainerdl\Downloads\86bb9ae4-0a7e-4607-a01c-7c59459afc03.tmp</t>
  </si>
  <si>
    <t>3eff8151-4af1-4d91-b9e4-bbb4d30c009e.tmp</t>
  </si>
  <si>
    <t>\\acsfs\profiles$\danielac\Downloads\3eff8151-4af1-4d91-b9e4-bbb4d30c009e.tmp</t>
  </si>
  <si>
    <t>74-86-7A-FE-0E-04</t>
  </si>
  <si>
    <t>2e06a602-f96d-4120-a390-d84b4a45c003.tmp</t>
  </si>
  <si>
    <t>\\acsfs\profiles$\fabianobmf\Downloads\2e06a602-f96d-4120-a390-d84b4a45c003.tmp</t>
  </si>
  <si>
    <t>3c72404b-14c1-4a6e-bdf3-d780e4a079c7.tmp</t>
  </si>
  <si>
    <t>\\acsfs\profiles$\adelvinsonle\Downloads\3c72404b-14c1-4a6e-bdf3-d780e4a079c7.tmp</t>
  </si>
  <si>
    <t>74-86-7A-FB-1B-19</t>
  </si>
  <si>
    <t>VOTORANT-OB009</t>
  </si>
  <si>
    <t>\\acsfs\profiles$\regisadsa\Contacts\</t>
  </si>
  <si>
    <t>REGIS AUGUSTO DA SILVA ABREU (31112).contact</t>
  </si>
  <si>
    <t>\\acsfs\profiles$\regisadsa\Contacts\REGIS AUGUSTO DA SILVA ABREU (31112).contact</t>
  </si>
  <si>
    <t>\\acsfs\profiles$\regisadsa\My Documents\My Videos\</t>
  </si>
  <si>
    <t>\\acsfs\profiles$\regisadsa\My Documents\My Videos\desktop.ini</t>
  </si>
  <si>
    <t>\\acsfs\profiles$\regisadsa\My Documents\My Pictures\</t>
  </si>
  <si>
    <t>\\acsfs\profiles$\regisadsa\My Documents\My Pictures\desktop.ini</t>
  </si>
  <si>
    <t>\\acsfs\profiles$\regisadsa\Contacts\desktop.ini</t>
  </si>
  <si>
    <t>\\acsfs\profiles$\regisadsa\Favorites\</t>
  </si>
  <si>
    <t>\\acsfs\profiles$\regisadsa\Favorites\desktop.ini</t>
  </si>
  <si>
    <t>\\acsfs\profiles$\regisadsa\My Documents\My Music\</t>
  </si>
  <si>
    <t>\\acsfs\profiles$\regisadsa\My Documents\My Music\desktop.ini</t>
  </si>
  <si>
    <t>\\acsfs\profiles$\regisadsa\Searches\</t>
  </si>
  <si>
    <t>\\acsfs\profiles$\regisadsa\Searches\desktop.ini</t>
  </si>
  <si>
    <t>\\acsfs\profiles$\regisadsa\Downloads\desktop.ini</t>
  </si>
  <si>
    <t>\\acsfs\profiles$\regisadsa\My Documents\desktop.ini</t>
  </si>
  <si>
    <t>\\acsfs\profiles$\regisadsa\Saved Games\</t>
  </si>
  <si>
    <t>\\acsfs\profiles$\regisadsa\Saved Games\desktop.ini</t>
  </si>
  <si>
    <t>\\acsfs\profiles$\regisadsa\Favorites\Links for Brasil\</t>
  </si>
  <si>
    <t>\\acsfs\profiles$\regisadsa\Favorites\Links for Brasil\desktop.ini</t>
  </si>
  <si>
    <t>\\acsfs\profiles$\regisadsa\Favorites\Links for Brasil\Microsoft Brasil.url</t>
  </si>
  <si>
    <t>\\acsfs\profiles$\regisadsa\Favorites\Links for Brasil\Windows Brasil.url</t>
  </si>
  <si>
    <t>\\acsfs\profiles$\regisadsa\Favorites\Links for Brasil\MSN Brasil.url</t>
  </si>
  <si>
    <t>439aacf4-a46b-4f91-ac14-82006de0d3cc.tmp</t>
  </si>
  <si>
    <t>\\acsfs\profiles$\regisadsa\Downloads\439aacf4-a46b-4f91-ac14-82006de0d3cc.tmp</t>
  </si>
  <si>
    <t>5ae29bb7-e1d6-4b2a-b248-cb2cdffa112f.tmp</t>
  </si>
  <si>
    <t>\\acsfs\profiles$\regisadsa\Downloads\5ae29bb7-e1d6-4b2a-b248-cb2cdffa112f.tmp</t>
  </si>
  <si>
    <t>a1632cd9-7ea0-483d-91ac-0574bc29c30c.tmp</t>
  </si>
  <si>
    <t>\\acsfs\profiles$\websondsa\Downloads\a1632cd9-7ea0-483d-91ac-0574bc29c30c.tmp</t>
  </si>
  <si>
    <t>973f0a5f-7398-4b33-89bd-570f50bfad96.tmp</t>
  </si>
  <si>
    <t>\\acsfs\profiles$\danielac\Downloads\973f0a5f-7398-4b33-89bd-570f50bfad96.tmp</t>
  </si>
  <si>
    <t>cf52cc40-c9de-4a06-a4da-64eacf86c580.tmp</t>
  </si>
  <si>
    <t>\\acsfs\profiles$\fabianobmf\Downloads\cf52cc40-c9de-4a06-a4da-64eacf86c580.tmp</t>
  </si>
  <si>
    <t>5fe5f21b-b198-4a15-9045-f2827b982a66.tmp</t>
  </si>
  <si>
    <t>\\acsfs\profiles$\regisadsa\Downloads\5fe5f21b-b198-4a15-9045-f2827b982a66.tmp</t>
  </si>
  <si>
    <t>936ccd1c-9a2f-41cd-a5b3-20b12d044449.tmp</t>
  </si>
  <si>
    <t>\\acsfs\profiles$\Flaviojmm\Downloads\936ccd1c-9a2f-41cd-a5b3-20b12d044449.tmp</t>
  </si>
  <si>
    <t>\\acsfs\DEPTOS\EDUCACAO EMPRESARIAL\2 - Operações\0.01 BV CARTÕES\Larisa\NOSSO JEITO DE SER.pptx\</t>
  </si>
  <si>
    <t>\\acsfs\DEPTOS\EDUCACAO EMPRESARIAL\2 - Operações\0.01 BV CARTÕES\Larisa\NOSSO JEITO DE SER.pptx</t>
  </si>
  <si>
    <t>lu54043tp62w.tmp</t>
  </si>
  <si>
    <t>\\acsfs\profiles$\CLAUDIAJCA\lu54043tp62w.tmp</t>
  </si>
  <si>
    <t>\\acsfs\profiles$\CLAUDIAJCA\lu54043tp62w.tmp\</t>
  </si>
  <si>
    <t>\\acsfs\profiles$\CLAUDIAJCA\lu54043tp62w.tmp\META-INF\</t>
  </si>
  <si>
    <t>\\acsfs\profiles$\CLAUDIAJCA\lu54043tp62w.tmp\Thumbnails\</t>
  </si>
  <si>
    <t>lu77912bfudps.tmp</t>
  </si>
  <si>
    <t>\\acsfs\profiles$\BRUNAAR\Numero\lu77912bfudps.tmp</t>
  </si>
  <si>
    <t>86d6e152-85c1-4f5e-95c4-d119ab34ccdb.tmp</t>
  </si>
  <si>
    <t>\\acsfs\profiles$\luanarda\Downloads\86d6e152-85c1-4f5e-95c4-d119ab34ccdb.tmp</t>
  </si>
  <si>
    <t>c0507c5a-afcb-45c4-85c5-b18f0617dc75.tmp</t>
  </si>
  <si>
    <t>\\acsfs\profiles$\rafaelahpn\Downloads\c0507c5a-afcb-45c4-85c5-b18f0617dc75.tmp</t>
  </si>
  <si>
    <t>100014239771614;joaogvc@algartech.com;leonardoao@algartech.com;marianadjc@algartech.com;paulacn@algartech.com;rafaelggs@algartech.com;taysdss@algartech.com;thiagordu@algartech.com;viniciussg@algartech.com;</t>
  </si>
  <si>
    <t>https://100014239771614,joaogvc@algartech.com,leonardoao@algartech.com,marianadjc@algartech.com,paulacn@algartech.com,rafaelggs@algartech.com,taysdss@algartech.com,thiagordu@algartech.com,viniciussg@algartech.com</t>
  </si>
  <si>
    <t>bcbf6809-c02b-4027-aa80-1ce51859f453.tmp</t>
  </si>
  <si>
    <t>\\acsfs\profiles$\maxmillianosv\Downloads\bcbf6809-c02b-4027-aa80-1ce51859f453.tmp</t>
  </si>
  <si>
    <t>b25ded25-b794-410d-8318-3d6ba6f10613.tmp</t>
  </si>
  <si>
    <t>\\acsfs\profiles$\wenderbnm\Downloads\b25ded25-b794-410d-8318-3d6ba6f10613.tmp</t>
  </si>
  <si>
    <t>andrelpsa@algartech.com;joaogvc@algartech.com;leonardoao@algartech.com;marianadjc@algartech.com;maristelavodq@bv.algartech.com;paulacn@algartech.com;rafaelggs@algartech.com;supervisaobancovotorantim@algartech.com;taysdss@algartech.com;viniciussg@algartech.com;</t>
  </si>
  <si>
    <t>andrelpsa@algartech.com,joaogvc@algartech.com,leonardoao@algartech.com,marianadjc@algartech.com,maristelavodq@bv.algartech.com,paulacn@algartech.com,rafaelggs@algartech.com,supervisaobancovotorantim@algartech.com,taysdss@algartech.com,viniciussg@algartech.com</t>
  </si>
  <si>
    <t>bd5534c8-92f4-45d9-bd45-dc0bdbfcc411.tmp</t>
  </si>
  <si>
    <t>\\acsfs\profiles$\inarajst\Downloads\bd5534c8-92f4-45d9-bd45-dc0bdbfcc411.tmp</t>
  </si>
  <si>
    <t>6f3c600a-151d-4c31-9e08-ac473325af8e.tmp</t>
  </si>
  <si>
    <t>\\acsfs\profiles$\fabianobmf\Downloads\6f3c600a-151d-4c31-9e08-ac473325af8e.tmp</t>
  </si>
  <si>
    <t>bfacf09d-f7f1-4f0d-b7f9-4b6dffa699d7.tmp</t>
  </si>
  <si>
    <t>\\acsfs\profiles$\inarajst\Downloads\bfacf09d-f7f1-4f0d-b7f9-4b6dffa699d7.tmp</t>
  </si>
  <si>
    <t>C:\Users\diegorg\Desktop\Vilarinho\</t>
  </si>
  <si>
    <t>Historico CAPEX 2020.xlsx</t>
  </si>
  <si>
    <t>lu77912bfudpv.tmp</t>
  </si>
  <si>
    <t>\\acsfs\profiles$\BRUNAAR\Numero\lu77912bfudpv.tmp</t>
  </si>
  <si>
    <t>c664ac09-12b9-45c0-89c9-1f5feeb48b78.tmp</t>
  </si>
  <si>
    <t>\\acsfs\profiles$\luanarda\Downloads\c664ac09-12b9-45c0-89c9-1f5feeb48b78.tmp</t>
  </si>
  <si>
    <t>lu96169hks.tmp</t>
  </si>
  <si>
    <t>\\acsfs\profiles$\VIVIANALDS\My Documents\lu96169hks.tmp</t>
  </si>
  <si>
    <t>\\acsfs\profiles$\VIVIANALDS\My Documents\lu96169hks.tmp\</t>
  </si>
  <si>
    <t>\\acsfs\profiles$\VIVIANALDS\My Documents\lu96169hks.tmp\META-INF\</t>
  </si>
  <si>
    <t>\\acsfs\profiles$\VIVIANALDS\My Documents\lu96169hks.tmp\Thumbnails\</t>
  </si>
  <si>
    <t>outlook.office.com/owa/service.svc?action=CreateItem&amp;app=Mail&amp;n=290</t>
  </si>
  <si>
    <t>algartechcpcbv@algartech.com;andrelpsa@algartech.com;eliane.martins@bv.com.br;flora.lira@bv.com.br;gabrielsma@bv.algartech.com;janaina.pereira@bv.com.br;jose.gomes@bv.com.br;leonardoao@algartech.com;robsonams@algartech.com;</t>
  </si>
  <si>
    <t>algartechcpcbv@algartech.com,andrelpsa@algartech.com,eliane.martins@bv.com.br,flora.lira@bv.com.br,gabrielsma@bv.algartech.com,janaina.pereira@bv.com.br,jose.gomes@bv.com.br,leonardoao@algartech.com,robsonams@algartech.com</t>
  </si>
  <si>
    <t>outlook.office.com/owa/service.svc?action=CreateItem&amp;app=Mail&amp;n=302</t>
  </si>
  <si>
    <t>cb82b085-2777-4774-b0b5-8faea3419042.tmp</t>
  </si>
  <si>
    <t>\\acsfs\profiles$\rafaelamsv\Downloads\cb82b085-2777-4774-b0b5-8faea3419042.tmp</t>
  </si>
  <si>
    <t>d6524444-6c37-4c62-a7a2-0c7248935acd.tmp</t>
  </si>
  <si>
    <t>\\acsfs\profiles$\lorrainerdl\Downloads\d6524444-6c37-4c62-a7a2-0c7248935acd.tmp</t>
  </si>
  <si>
    <t>100014239771614;joaogvc@algartech.com;marianadjc@algartech.com;rafaelggs@algartech.com;taysdss@algartech.com;viniciussg@algartech.com;</t>
  </si>
  <si>
    <t>https://100014239771614,joaogvc@algartech.com,marianadjc@algartech.com,rafaelggs@algartech.com,taysdss@algartech.com,viniciussg@algartech.com</t>
  </si>
  <si>
    <t>d2194cdf-de12-48f3-980e-9b0663bb9890.tmp</t>
  </si>
  <si>
    <t>\\acsfs\profiles$\claudiajca\Downloads\d2194cdf-de12-48f3-980e-9b0663bb9890.tmp</t>
  </si>
  <si>
    <t>GABRIELA RODRIGUES BARREIRO (24251).contact</t>
  </si>
  <si>
    <t>\\acsfs\profiles$\gabrielarb\Contacts\GABRIELA RODRIGUES BARREIRO (24251).contact</t>
  </si>
  <si>
    <t>\\acsfs\profiles$\gabrielarb\My Documents\My Videos\</t>
  </si>
  <si>
    <t>\\acsfs\profiles$\gabrielarb\My Documents\My Videos\desktop.ini</t>
  </si>
  <si>
    <t>\\acsfs\profiles$\gabrielarb\My Documents\My Pictures\</t>
  </si>
  <si>
    <t>\\acsfs\profiles$\gabrielarb\My Documents\My Pictures\desktop.ini</t>
  </si>
  <si>
    <t>\\acsfs\profiles$\gabrielarb\Contacts\desktop.ini</t>
  </si>
  <si>
    <t>\\acsfs\profiles$\gabrielarb\Favorites\</t>
  </si>
  <si>
    <t>\\acsfs\profiles$\gabrielarb\Favorites\desktop.ini</t>
  </si>
  <si>
    <t>\\acsfs\profiles$\gabrielarb\My Documents\My Music\</t>
  </si>
  <si>
    <t>\\acsfs\profiles$\gabrielarb\My Documents\My Music\desktop.ini</t>
  </si>
  <si>
    <t>\\acsfs\profiles$\gabrielarb\Searches\</t>
  </si>
  <si>
    <t>\\acsfs\profiles$\gabrielarb\Searches\desktop.ini</t>
  </si>
  <si>
    <t>\\acsfs\profiles$\gabrielarb\Downloads\desktop.ini</t>
  </si>
  <si>
    <t>\\acsfs\profiles$\gabrielarb\My Documents\</t>
  </si>
  <si>
    <t>\\acsfs\profiles$\gabrielarb\My Documents\desktop.ini</t>
  </si>
  <si>
    <t>\\acsfs\profiles$\gabrielarb\Saved Games\</t>
  </si>
  <si>
    <t>\\acsfs\profiles$\gabrielarb\Saved Games\desktop.ini</t>
  </si>
  <si>
    <t>\\acsfs\profiles$\gabrielarb\Favorites\Links for Brasil\</t>
  </si>
  <si>
    <t>\\acsfs\profiles$\gabrielarb\Favorites\Links for Brasil\desktop.ini</t>
  </si>
  <si>
    <t>\\acsfs\profiles$\gabrielarb\Favorites\Links for Brasil\Microsoft Brasil.url</t>
  </si>
  <si>
    <t>\\acsfs\profiles$\gabrielarb\Favorites\Links for Brasil\Windows Brasil.url</t>
  </si>
  <si>
    <t>\\acsfs\profiles$\gabrielarb\Favorites\Links for Brasil\MSN Brasil.url</t>
  </si>
  <si>
    <t>Cópia de Diario de Bordo - BV...xlsb</t>
  </si>
  <si>
    <t>\\acsfs\deptos\Operacao\Banco_Votorantim\Supervisao\DIÁRIO DE BORDO BV\Cópia de Diario de Bordo - BV...xlsb</t>
  </si>
  <si>
    <t>https://bvcartes-supervisores@algarnet.onmicrosoft.com,joaogvc@algartech.com,leonardoao@algartech.com,marianacds@algartech.com,marianadjc@algartech.com,paulacn@algartech.com,taysdss@algartech.com,thiagordu@algartech.com,viniciussg@algartech.com</t>
  </si>
  <si>
    <t>https://algartechcpcbv@algartech.com,andrelpsa@algartech.com,cpc-controldeskavon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\\acsfs\DEPTOS\Operacao\PCP\5 - Comum\João Gabriel\Demandas.xlsx</t>
  </si>
  <si>
    <t>mail.google.com/sync/u/0/i/s?hl=pt-BR&amp;c=733</t>
  </si>
  <si>
    <t>mail.google.com/sync/u/0/i/s?hl=pt-BR&amp;c=735</t>
  </si>
  <si>
    <t>Q29udHJvbGxlci5TQUNBLVNBQw-- (2).ica.crdownload</t>
  </si>
  <si>
    <t>\\acsfs\ACS\Q29udHJvbGxlci5TQUNBLVNBQw-- (2).ica.crdownload</t>
  </si>
  <si>
    <t>Q29udHJvbGxlci5TQUNBLVNBQw-- (2).ica:Zone.Identifier</t>
  </si>
  <si>
    <t>\\acsfs\ACS\Q29udHJvbGxlci5TQUNBLVNBQw-- (2).ica:Zone.Identifier</t>
  </si>
  <si>
    <t>C:\Users\carlosecm\Downloads\</t>
  </si>
  <si>
    <t>Dados para acesso fisico.xlsx</t>
  </si>
  <si>
    <t>848d0829-3da7-410e-b2a9-bcd8c3961d95.tmp</t>
  </si>
  <si>
    <t>\\acsfs\profiles$\lucasqdss\Downloads\848d0829-3da7-410e-b2a9-bcd8c3961d95.tmp</t>
  </si>
  <si>
    <t>7578c5ee-72e6-4191-9ff6-67ee40f7bf37.tmp</t>
  </si>
  <si>
    <t>\\acsfs\profiles$\laylaams\Downloads\7578c5ee-72e6-4191-9ff6-67ee40f7bf37.tmp</t>
  </si>
  <si>
    <t>ac36efdf-7e99-47a7-be66-51b30de8836c.tmp</t>
  </si>
  <si>
    <t>\\acsfs\profiles$\laylaams\Downloads\ac36efdf-7e99-47a7-be66-51b30de8836c.tmp</t>
  </si>
  <si>
    <t>Comunicado de Dispensa.zip</t>
  </si>
  <si>
    <t>C:\Users\raicdf\Downloads\Comunicado de Dispensa.zip\</t>
  </si>
  <si>
    <t>Comunicado de Dispensa.pdf</t>
  </si>
  <si>
    <t>c7e4d145-2269-4b4d-bd5e-4e00ff448638.tmp</t>
  </si>
  <si>
    <t>\\acsfs\profiles$\paulovadc\Downloads\c7e4d145-2269-4b4d-bd5e-4e00ff448638.tmp</t>
  </si>
  <si>
    <t>XLOG_kamilamrc_03012020_105957.log</t>
  </si>
  <si>
    <t>\\acsfs\profiles$\kamilamrc\My Documents\xworkcenter\logs\XLOG_kamilamrc_03012020_105957.log</t>
  </si>
  <si>
    <t>80fb8e72-044b-41c2-a764-5df263c3da58.tmp</t>
  </si>
  <si>
    <t>\\acsfs\profiles$\kamilamrc\Downloads\80fb8e72-044b-41c2-a764-5df263c3da58.tmp</t>
  </si>
  <si>
    <t>mail.google.com/sync/u/0/i/s?hl=pt-BR&amp;c=739</t>
  </si>
  <si>
    <t>mail.google.com/sync/u/0/i/s?hl=pt-BR&amp;c=741</t>
  </si>
  <si>
    <t>mail.google.com/sync/u/0/i/s?hl=pt-BR&amp;c=743</t>
  </si>
  <si>
    <t>marianadjc@algartech.com;</t>
  </si>
  <si>
    <t>marianadjc@algartech.com</t>
  </si>
  <si>
    <t>mail.google.com/sync/u/0/i/s?hl=pt-BR&amp;c=763</t>
  </si>
  <si>
    <t>mail.google.com/sync/u/0/i/s?hl=pt-BR&amp;c=765</t>
  </si>
  <si>
    <t>mail.google.com/sync/u/0/i/s?hl=pt-BR&amp;c=769</t>
  </si>
  <si>
    <t>https://17c8edca.akstat.io/</t>
  </si>
  <si>
    <t>328ce24e-960c-4754-a617-d8c139c4ba8e.tmp</t>
  </si>
  <si>
    <t>\\acsfs\profiles$\regisedsj\Downloads\328ce24e-960c-4754-a617-d8c139c4ba8e.tmp</t>
  </si>
  <si>
    <t>ac869ff7-ac62-4b1f-afce-e3b20e59c0b9.tmp</t>
  </si>
  <si>
    <t>\\acsfs\profiles$\regisedsj\Downloads\ac869ff7-ac62-4b1f-afce-e3b20e59c0b9.tmp</t>
  </si>
  <si>
    <t>mail.google.com/_/upload?authuser=0&amp;dcp=asu-n&amp;upload_id=AEnB2Uq0iZQTLZ0BXHEHtf0Ap6VnB_tL2WDRhqFN38kLHZ_nn-oUgiwCNl76eeNmL8TNd0S_m69MxLOxEMVFIv3kURZNcXBa0EKxqwCdZ4d6A3tOrm-CeQE&amp;upload_protocol=resumable</t>
  </si>
  <si>
    <t>Ranking_Jan.20.xlsx</t>
  </si>
  <si>
    <t>d53ec520-9934-4572-bbc9-26e87cafefe8.tmp</t>
  </si>
  <si>
    <t>\\acsfs\profiles$\nathaliarmr\Downloads\d53ec520-9934-4572-bbc9-26e87cafefe8.tmp</t>
  </si>
  <si>
    <t>GABRIELA RODRIGUES BARREIRO (31306).contact</t>
  </si>
  <si>
    <t>\\acsfs\profiles$\gabrielarb\Contacts\GABRIELA RODRIGUES BARREIRO (31306).contact</t>
  </si>
  <si>
    <t>3f09add4-5ee4-4496-82d3-fd07a6de48d7.tmp</t>
  </si>
  <si>
    <t>\\acsfs\profiles$\gabrielarb\Downloads\3f09add4-5ee4-4496-82d3-fd07a6de48d7.tmp</t>
  </si>
  <si>
    <t>2325184d-c07b-423f-bfb3-bd9be9555b31.tmp</t>
  </si>
  <si>
    <t>\\acsfs\profiles$\gabrielarb\Downloads\2325184d-c07b-423f-bfb3-bd9be9555b31.tmp</t>
  </si>
  <si>
    <t>cdd1ce58-d806-4c59-88e8-1984fcca2e93.tmp</t>
  </si>
  <si>
    <t>\\acsfs\profiles$\gabrielarb\Downloads\cdd1ce58-d806-4c59-88e8-1984fcca2e93.tmp</t>
  </si>
  <si>
    <t>4bcf8954-50ea-4449-9235-d42a7d7f26f4.tmp</t>
  </si>
  <si>
    <t>\\acsfs\profiles$\gabrielarb\Downloads\4bcf8954-50ea-4449-9235-d42a7d7f26f4.tmp</t>
  </si>
  <si>
    <t>relatorio Nov.xls</t>
  </si>
  <si>
    <t>2e193f62-cd50-4f80-8438-7aa7479d6e2e.tmp</t>
  </si>
  <si>
    <t>\\acsfs\profiles$\mariajra\Downloads\2e193f62-cd50-4f80-8438-7aa7479d6e2e.tmp</t>
  </si>
  <si>
    <t>bccadecb-a43d-4af7-b797-89d91047bc07.tmp</t>
  </si>
  <si>
    <t>\\acsfs\profiles$\danielmlds\Downloads\bccadecb-a43d-4af7-b797-89d91047bc07.tmp</t>
  </si>
  <si>
    <t>34c3d299-d5ee-4ac3-a3d4-ec23fa05f906.tmp</t>
  </si>
  <si>
    <t>\\acsfs\profiles$\mariagsg\Downloads\34c3d299-d5ee-4ac3-a3d4-ec23fa05f906.tmp</t>
  </si>
  <si>
    <t>e45d0dae-a6d6-46c1-b8bb-36915b4722c7.tmp</t>
  </si>
  <si>
    <t>\\acsfs\profiles$\mariagsg\Downloads\e45d0dae-a6d6-46c1-b8bb-36915b4722c7.tmp</t>
  </si>
  <si>
    <t>Q29udHJvbGxlci5QYXl3YXJlXzEtMg-- (7).ica</t>
  </si>
  <si>
    <t>\\acsfs\profiles$\mariagsg\Downloads\Q29udHJvbGxlci5QYXl3YXJlXzEtMg-- (7).ica</t>
  </si>
  <si>
    <t>mail.google.com/_/upload?authuser=0&amp;dcp=asu-n&amp;upload_id=AEnB2UqEqNDfQ200rwZgrk2Pu3DODDXRmu-Ve6BiL6GLO--BO7U6ujZXxU31h5XRGAqHuWMEn5JIEvXsg6xPrK_bfDSQo2aZ9MeubirbxvB6eCTCMkGQDcY&amp;upload_protocol=resumable</t>
  </si>
  <si>
    <t>\\udpavonfs01\AVON\06. PCP\JOSÉ AFONSO DA SILVA NETO\RANKING\Ranking_Jan.20.rar\</t>
  </si>
  <si>
    <t>1ccb48da-e191-40a5-816d-27c4facbfb2d.tmp</t>
  </si>
  <si>
    <t>\\acsfs\profiles$\claudiajca\Downloads\1ccb48da-e191-40a5-816d-27c4facbfb2d.tmp</t>
  </si>
  <si>
    <t>ef5a7781-ca9c-4fcc-8cb6-16f19fbc99eb.tmp</t>
  </si>
  <si>
    <t>\\acsfs\profiles$\gabrielarb\Downloads\ef5a7781-ca9c-4fcc-8cb6-16f19fbc99eb.tmp</t>
  </si>
  <si>
    <t>bf63b12f-f6a4-410e-ba44-954fc2210ba5.tmp</t>
  </si>
  <si>
    <t>\\acsfs\profiles$\gabrielarb\Downloads\bf63b12f-f6a4-410e-ba44-954fc2210ba5.tmp</t>
  </si>
  <si>
    <t>cfcb0fa5-2ba4-42ec-8445-6d7f614f6b1d.tmp</t>
  </si>
  <si>
    <t>\\acsfs\profiles$\gabrielarb\Downloads\cfcb0fa5-2ba4-42ec-8445-6d7f614f6b1d.tmp</t>
  </si>
  <si>
    <t>6d87d06e-d1f9-4117-8054-e0668a426e74.tmp</t>
  </si>
  <si>
    <t>\\acsfs\profiles$\mariagsg\Downloads\6d87d06e-d1f9-4117-8054-e0668a426e74.tmp</t>
  </si>
  <si>
    <t>f18a3bab-8e45-491a-bfa6-10e0a5cafa67.tmp</t>
  </si>
  <si>
    <t>\\acsfs\profiles$\mariagsg\Downloads\f18a3bab-8e45-491a-bfa6-10e0a5cafa67.tmp</t>
  </si>
  <si>
    <t>5aa7c360-a4dd-41c4-8f37-0b30552125db.tmp</t>
  </si>
  <si>
    <t>\\acsfs\profiles$\mariagsg\Downloads\5aa7c360-a4dd-41c4-8f37-0b30552125db.tmp</t>
  </si>
  <si>
    <t>69eabc9e-c173-4204-9a80-b57ab4a3ea20.tmp</t>
  </si>
  <si>
    <t>\\acsfs\profiles$\mariagsg\Downloads\69eabc9e-c173-4204-9a80-b57ab4a3ea20.tmp</t>
  </si>
  <si>
    <t>a5eed411-c413-4fcf-bd48-2d58c3512c5a.tmp</t>
  </si>
  <si>
    <t>\\acsfs\profiles$\mariagsg\Downloads\a5eed411-c413-4fcf-bd48-2d58c3512c5a.tmp</t>
  </si>
  <si>
    <t>925f3695-deab-4549-be71-9f33ebd2c6fa.tmp</t>
  </si>
  <si>
    <t>\\acsfs\profiles$\mariagsg\Downloads\925f3695-deab-4549-be71-9f33ebd2c6fa.tmp</t>
  </si>
  <si>
    <t>dd849a9e-7feb-4386-b4b0-1ee88bfb657d.tmp</t>
  </si>
  <si>
    <t>\\acsfs\profiles$\mariagsg\Downloads\dd849a9e-7feb-4386-b4b0-1ee88bfb657d.tmp</t>
  </si>
  <si>
    <t>mail.google.com/sync/u/0/i/s?hl=pt-BR&amp;c=698</t>
  </si>
  <si>
    <t>andrelpsa@algartech.com;joaogvc@algartech.com;leonardoao@algartech.com;marianadjc@algartech.com;maristelavodq@bv.algartech.com;paulacn@algartech.com;planejamentodeoperacoesetrafego@bv.com.br;rafaelggs@algartech.com;supervisaobancovotorantim@algartech.com;taysdss@algartech.com;viniciussg@algartech.com;</t>
  </si>
  <si>
    <t>andrelpsa@algartech.com,joaogvc@algartech.com,leonardoao@algartech.com,marianadjc@algartech.com,maristelavodq@bv.algartech.com,paulacn@algartech.com,planejamentodeoperacoesetrafego@bv.com.br,rafaelggs@algartech.com,supervisaobancovotorantim@algartech.com,taysdss@algartech.com,viniciussg@algartech.com</t>
  </si>
  <si>
    <t>5622a836-5ed4-483e-9d07-9930b8a5d866.tmp</t>
  </si>
  <si>
    <t>\\acsfs\profiles$\regisedsj\Downloads\5622a836-5ed4-483e-9d07-9930b8a5d866.tmp</t>
  </si>
  <si>
    <t>ea882d1c-70a5-411b-bf41-8711ac8da82b.tmp</t>
  </si>
  <si>
    <t>\\acsfs\profiles$\mariagsg\Downloads\ea882d1c-70a5-411b-bf41-8711ac8da82b.tmp</t>
  </si>
  <si>
    <t>8bfa7fb9-c5e1-4b91-9746-5518c1dc4662.tmp</t>
  </si>
  <si>
    <t>\\acsfs\profiles$\mariagsg\Downloads\8bfa7fb9-c5e1-4b91-9746-5518c1dc4662.tmp</t>
  </si>
  <si>
    <t>516557b7-1869-4ee8-b212-559b7449a286.tmp</t>
  </si>
  <si>
    <t>\\acsfs\profiles$\mariagsg\Downloads\516557b7-1869-4ee8-b212-559b7449a286.tmp</t>
  </si>
  <si>
    <t>b9dd37d6-7c21-4b5a-9009-9c8c00b1f810.tmp</t>
  </si>
  <si>
    <t>\\acsfs\profiles$\mariagsg\Downloads\b9dd37d6-7c21-4b5a-9009-9c8c00b1f810.tmp</t>
  </si>
  <si>
    <t>79c8e620-ae21-4a30-8233-2449f2078657.tmp</t>
  </si>
  <si>
    <t>\\acsfs\profiles$\PEDROHAB\Downloads\79c8e620-ae21-4a30-8233-2449f2078657.tmp</t>
  </si>
  <si>
    <t>dc8a54c0-37e6-409a-b8dc-417e71aae585.tmp</t>
  </si>
  <si>
    <t>\\acsfs\profiles$\cintiadcf\Downloads\dc8a54c0-37e6-409a-b8dc-417e71aae585.tmp</t>
  </si>
  <si>
    <t>https://joaogvc@algartech.com,marianadjc@algartech.com,planejamentodeoperacoesetrafego@bv.com.br,rafaelggs@algartech.com,taysdss@algartech.com,viniciussg@algartech.com</t>
  </si>
  <si>
    <t>245371ab-9b0b-424a-b120-fbb82153b95a.tmp</t>
  </si>
  <si>
    <t>\\acsfs\profiles$\fabianobmf\Downloads\245371ab-9b0b-424a-b120-fbb82153b95a.tmp</t>
  </si>
  <si>
    <t>a4cb4af0-7cda-4ba2-815e-33e3267c2bd5.tmp</t>
  </si>
  <si>
    <t>\\acsfs\profiles$\fabianobmf\Downloads\a4cb4af0-7cda-4ba2-815e-33e3267c2bd5.tmp</t>
  </si>
  <si>
    <t>d0d985da-f7f9-4de1-a50b-4b1ffc8ead8d.tmp</t>
  </si>
  <si>
    <t>\\acsfs\profiles$\JOAOVAL\Downloads\d0d985da-f7f9-4de1-a50b-4b1ffc8ead8d.tmp</t>
  </si>
  <si>
    <t>0fac1dfb-5dd3-4f8a-919e-68231062c0e5.tmp</t>
  </si>
  <si>
    <t>\\acsfs\profiles$\mariliafplb\Downloads\0fac1dfb-5dd3-4f8a-919e-68231062c0e5.tmp</t>
  </si>
  <si>
    <t>ebe0d6fc-7355-45e0-984c-5aeb4167232c.tmp</t>
  </si>
  <si>
    <t>\\acsfs\profiles$\mariagsg\Downloads\ebe0d6fc-7355-45e0-984c-5aeb4167232c.tmp</t>
  </si>
  <si>
    <t>f9c180ea-a9d7-420d-8b99-c67f6cd44b98.tmp</t>
  </si>
  <si>
    <t>\\acsfs\profiles$\mariagsg\Downloads\f9c180ea-a9d7-420d-8b99-c67f6cd44b98.tmp</t>
  </si>
  <si>
    <t>c4011e13-f526-4d78-a56a-a5b110275439.tmp</t>
  </si>
  <si>
    <t>\\acsfs\profiles$\cintiadcf\Downloads\c4011e13-f526-4d78-a56a-a5b110275439.tmp</t>
  </si>
  <si>
    <t>https://algar.folhasinergyrh.com.br/rescisao/upload?id=0&amp;idsolicitacao=17719&amp;idprerescisao=0</t>
  </si>
  <si>
    <t>03/01/2020;</t>
  </si>
  <si>
    <t>https://03/01/2020</t>
  </si>
  <si>
    <t>\\acsfs\ACS\Gabriel da Silva\Contemporânea\BDBV\9F8ED3D.tmp\</t>
  </si>
  <si>
    <t>\\acsfs\ACS\Gabriel da Silva\Contemporânea\BDBV\9F8ED3D.tmp\:Zone.Identifier:$DATA</t>
  </si>
  <si>
    <t>\\acsfs\ACS\Gabriel da Silva\Contemporânea\BDBV\Banco de Dados BV 12-2019.xlsx\</t>
  </si>
  <si>
    <t>\\acsfs\ACS\Gabriel da Silva\Contemporânea\BDBV\Banco de Dados BV 12-2019.xlsx</t>
  </si>
  <si>
    <t>1d9805ba-2c45-4931-9c96-34567e10ce79.tmp</t>
  </si>
  <si>
    <t>\\acsfs\profiles$\vivianealda\Downloads\1d9805ba-2c45-4931-9c96-34567e10ce79.tmp</t>
  </si>
  <si>
    <t>mail.google.com/_/upload?authuser=2&amp;dcp=asu-n&amp;upload_id=AEnB2UrcxqAkOASS3v-UOsI8-XwKSoKcWvf5AYoAl13TwTTE29APqZjWR8QL3KklajQ7S4zmFqHaEAGQ396WZZshXbEILBC8Eg&amp;upload_protocol=resumable</t>
  </si>
  <si>
    <t>Plan Precificacao C019 B019_1.xlsb</t>
  </si>
  <si>
    <t>C:\Users\fabianowo.ACS\Desktop\Plan Precificacao C019 B019_1.xlsb\</t>
  </si>
  <si>
    <t>c2082dab-687d-4c10-8857-a9e546c788b9.tmp</t>
  </si>
  <si>
    <t>\\acsfs\profiles$\mariagsg\Downloads\c2082dab-687d-4c10-8857-a9e546c788b9.tmp</t>
  </si>
  <si>
    <t>03f4e90c-187a-4d03-9ce7-39187d9d409f.tmp</t>
  </si>
  <si>
    <t>\\acsfs\profiles$\mariagsg\Downloads\03f4e90c-187a-4d03-9ce7-39187d9d409f.tmp</t>
  </si>
  <si>
    <t>d9164278-40e8-4f21-8090-8ad8bca5db71.tmp</t>
  </si>
  <si>
    <t>\\acsfs\profiles$\lucasqdss\Downloads\d9164278-40e8-4f21-8090-8ad8bca5db71.tmp</t>
  </si>
  <si>
    <t>lu141881g2wtb.tmp</t>
  </si>
  <si>
    <t>\\acsfs\profiles$\ALEXANDREMM\lu141881g2wtb.tmp</t>
  </si>
  <si>
    <t>\\acsfs\profiles$\ALEXANDREMM\lu141881g2wtb.tmp\</t>
  </si>
  <si>
    <t>\\acsfs\profiles$\ALEXANDREMM\lu141881g2wtb.tmp\META-INF\</t>
  </si>
  <si>
    <t>\\acsfs\profiles$\ALEXANDREMM\lu141881g2wtb.tmp\Thumbnails\</t>
  </si>
  <si>
    <t>1b113e11-9fb4-4342-8ac2-3a739a6a57da.tmp</t>
  </si>
  <si>
    <t>\\acsfs\profiles$\lucasgpe\Downloads\1b113e11-9fb4-4342-8ac2-3a739a6a57da.tmp</t>
  </si>
  <si>
    <t>a9c6467a-9521-4519-bd56-a622d1181865.tmp</t>
  </si>
  <si>
    <t>\\acsfs\profiles$\isabellegtds\Downloads\a9c6467a-9521-4519-bd56-a622d1181865.tmp</t>
  </si>
  <si>
    <t>276a286a-2f82-4e6d-a043-a4dc7202166a.tmp</t>
  </si>
  <si>
    <t>\\acsfs\profiles$\sarahbal\Downloads\276a286a-2f82-4e6d-a043-a4dc7202166a.tmp</t>
  </si>
  <si>
    <t>4531f258-409b-412c-b929-652281140a20.tmp</t>
  </si>
  <si>
    <t>\\acsfs\profiles$\bernardopcm\Downloads\4531f258-409b-412c-b929-652281140a20.tmp</t>
  </si>
  <si>
    <t>0126d4bd-2f48-4219-90d0-5d5bb13ba1f7.tmp</t>
  </si>
  <si>
    <t>\\acsfs\profiles$\bernardopcm\Downloads\0126d4bd-2f48-4219-90d0-5d5bb13ba1f7.tmp</t>
  </si>
  <si>
    <t>c120111a-c9b8-455a-8c0c-55a7dd1f1ad8.tmp</t>
  </si>
  <si>
    <t>\\acsfs\profiles$\bernardopcm\Downloads\c120111a-c9b8-455a-8c0c-55a7dd1f1ad8.tmp</t>
  </si>
  <si>
    <t>df55bba2-88e4-413a-8d9c-fb72c7cb972b.tmp</t>
  </si>
  <si>
    <t>\\acsfs\profiles$\bernardopcm\Downloads\df55bba2-88e4-413a-8d9c-fb72c7cb972b.tmp</t>
  </si>
  <si>
    <t>a387ab68-4bfa-4c4d-9ad2-bab9ea51dc3d.tmp</t>
  </si>
  <si>
    <t>\\acsfs\profiles$\bernardopcm\Downloads\a387ab68-4bfa-4c4d-9ad2-bab9ea51dc3d.tmp</t>
  </si>
  <si>
    <t>1be4194d-10b8-4a5b-8633-0eedb4535dde.tmp</t>
  </si>
  <si>
    <t>\\acsfs\profiles$\bernardopcm\Downloads\1be4194d-10b8-4a5b-8633-0eedb4535dde.tmp</t>
  </si>
  <si>
    <t>lu1144jm4s.tmp</t>
  </si>
  <si>
    <t>\\acsfs\profiles$\LUCASBS\Planilhas\lu1144jm4s.tmp</t>
  </si>
  <si>
    <t>be0697ae-4a69-4351-a80d-eb0f1fedc989.tmp</t>
  </si>
  <si>
    <t>\\acsfs\profiles$\mariagsg\Downloads\be0697ae-4a69-4351-a80d-eb0f1fedc989.tmp</t>
  </si>
  <si>
    <t>lu54043tp635.tmp</t>
  </si>
  <si>
    <t>\\acsfs\profiles$\CLAUDIAJCA\lu54043tp635.tmp</t>
  </si>
  <si>
    <t>\\acsfs\profiles$\CLAUDIAJCA\lu54043tp635.tmp\</t>
  </si>
  <si>
    <t>\\acsfs\profiles$\CLAUDIAJCA\lu54043tp635.tmp\META-INF\</t>
  </si>
  <si>
    <t>\\acsfs\profiles$\CLAUDIAJCA\lu54043tp635.tmp\Thumbnails\</t>
  </si>
  <si>
    <t>c3f2dd9c-8ac6-46a0-bc8c-199614c44f7f.tmp</t>
  </si>
  <si>
    <t>\\acsfs\profiles$\sarahbal\Downloads\c3f2dd9c-8ac6-46a0-bc8c-199614c44f7f.tmp</t>
  </si>
  <si>
    <t>1cd0821e-9b2c-4179-8b62-d76a17587290.tmp</t>
  </si>
  <si>
    <t>\\acsfs\profiles$\mariajra\Downloads\1cd0821e-9b2c-4179-8b62-d76a17587290.tmp</t>
  </si>
  <si>
    <t>5116b1f1-1fc5-4a22-b6bc-032b1a807043.tmp</t>
  </si>
  <si>
    <t>\\acsfs\profiles$\mariagsg\Downloads\5116b1f1-1fc5-4a22-b6bc-032b1a807043.tmp</t>
  </si>
  <si>
    <t>2ebe0fe6-b3c9-4335-9384-c940cb082c81.tmp</t>
  </si>
  <si>
    <t>\\acsfs\profiles$\mariagsg\Downloads\2ebe0fe6-b3c9-4335-9384-c940cb082c81.tmp</t>
  </si>
  <si>
    <t>evertonpdsr@algartech.com.br;leonardoamf@algartech.com.br;selmaasr@algartech.com.br;</t>
  </si>
  <si>
    <t>evertonpdsr@algartech.com.br,leonardoamf@algartech.com.br,selmaasr@algartech.com.br</t>
  </si>
  <si>
    <t>2019e759-a672-4a12-b063-56c4d95ce5f3.tmp</t>
  </si>
  <si>
    <t>\\acsfs\profiles$\kamilamrc\Downloads\2019e759-a672-4a12-b063-56c4d95ce5f3.tmp</t>
  </si>
  <si>
    <t>\\acsfs\ACS\Gabriel da Silva\Contemporânea\Gen\</t>
  </si>
  <si>
    <t>Não confirmado 670543.crdownload</t>
  </si>
  <si>
    <t>\\acsfs\ACS\Gabriel da Silva\Contemporânea\Gen\Não confirmado 670543.crdownload</t>
  </si>
  <si>
    <t>e2190016-a103-47c1-b962-840ecf6f5016.tmp</t>
  </si>
  <si>
    <t>\\acsfs\profiles$\mariajra\Downloads\e2190016-a103-47c1-b962-840ecf6f5016.tmp</t>
  </si>
  <si>
    <t>84b2fec6-1716-4965-bc51-0c79c2f0c555.tmp</t>
  </si>
  <si>
    <t>\\acsfs\profiles$\karinarm\Downloads\84b2fec6-1716-4965-bc51-0c79c2f0c555.tmp</t>
  </si>
  <si>
    <t>lu77912bfudpy.tmp</t>
  </si>
  <si>
    <t>\\acsfs\profiles$\BRUNAAR\Numero\lu77912bfudpy.tmp</t>
  </si>
  <si>
    <t>2aae2dff-a923-4977-ace8-5c557b02eac8.tmp</t>
  </si>
  <si>
    <t>\\acsfs\profiles$\rafaelahpn\Downloads\2aae2dff-a923-4977-ace8-5c557b02eac8.tmp</t>
  </si>
  <si>
    <t>a89c72a5-733d-42b2-9b48-883e2c1bcd91.tmp</t>
  </si>
  <si>
    <t>\\acsfs\profiles$\gabriellalpr\Downloads\a89c72a5-733d-42b2-9b48-883e2c1bcd91.tmp</t>
  </si>
  <si>
    <t>\\acsfs\ACS\Gabriel da Silva\Contemporânea\Acessos\518037D9.tmp\</t>
  </si>
  <si>
    <t>\\acsfs\ACS\Gabriel da Silva\Contemporânea\Acessos\518037D9.tmp\:Zone.Identifier:$DATA</t>
  </si>
  <si>
    <t>Usuários bloqueados-Algar v2.xlsx</t>
  </si>
  <si>
    <t>\\acsfs\ACS\Gabriel da Silva\Contemporânea\Acessos\Usuários bloqueados-Algar v2.xlsx</t>
  </si>
  <si>
    <t>ae23e59a-66fe-4dc6-9fc3-92a31c259341.tmp</t>
  </si>
  <si>
    <t>\\acsfs\profiles$\mariliafplb\Downloads\ae23e59a-66fe-4dc6-9fc3-92a31c259341.tmp</t>
  </si>
  <si>
    <t>727428e9-8161-4ac0-b12a-9819edaaedca.tmp</t>
  </si>
  <si>
    <t>\\acsfs\profiles$\mariagsg\Downloads\727428e9-8161-4ac0-b12a-9819edaaedca.tmp</t>
  </si>
  <si>
    <t>5349cacb-b42b-4c1b-b991-23610bc7af72.tmp</t>
  </si>
  <si>
    <t>\\acsfs\profiles$\gabriellalpr\Downloads\5349cacb-b42b-4c1b-b991-23610bc7af72.tmp</t>
  </si>
  <si>
    <t>e81b6951-1403-4a2e-b1aa-9e16487c8276.tmp</t>
  </si>
  <si>
    <t>\\acsfs\profiles$\gabriellalpr\Downloads\e81b6951-1403-4a2e-b1aa-9e16487c8276.tmp</t>
  </si>
  <si>
    <t>C:\Users\brunodaf\Desktop\</t>
  </si>
  <si>
    <t>Dashboard - TELECOM.xlsx</t>
  </si>
  <si>
    <t>\\acsfs\ACS\Gabriel da Silva\Contemporânea\BDBV\CD01BE04.tmp\</t>
  </si>
  <si>
    <t>\\acsfs\ACS\Gabriel da Silva\Contemporânea\BDBV\CD01BE04.tmp\:Zone.Identifier:$DATA</t>
  </si>
  <si>
    <t>Acompanhamento de solicitações.xlsm</t>
  </si>
  <si>
    <t>\\acsfs\ACS\Gabriel da Silva\Contemporânea\Acessos\Acompanhamento de solicitações.xlsm</t>
  </si>
  <si>
    <t>c20e8c67-d7a0-4766-be17-fd6f6307f0f9.tmp</t>
  </si>
  <si>
    <t>\\acsfs\profiles$\leticiala\Downloads\c20e8c67-d7a0-4766-be17-fd6f6307f0f9.tmp</t>
  </si>
  <si>
    <t>b640227b-d963-4a3b-a1a2-59613bf3bb02.tmp</t>
  </si>
  <si>
    <t>\\acsfs\profiles$\leticiala\Downloads\b640227b-d963-4a3b-a1a2-59613bf3bb02.tmp</t>
  </si>
  <si>
    <t>2998f081-cf98-4f13-9d3c-2304fe22aec0.tmp</t>
  </si>
  <si>
    <t>\\acsfs\profiles$\LAISLG\Downloads\2998f081-cf98-4f13-9d3c-2304fe22aec0.tmp</t>
  </si>
  <si>
    <t>eed78c4d-4db6-4857-9be9-f55cd35de49c.tmp</t>
  </si>
  <si>
    <t>\\acsfs\profiles$\LAISLG\Downloads\eed78c4d-4db6-4857-9be9-f55cd35de49c.tmp</t>
  </si>
  <si>
    <t>78eb9ed1-b56a-461f-9611-c5482649c554.tmp</t>
  </si>
  <si>
    <t>\\acsfs\profiles$\mariagsg\Downloads\78eb9ed1-b56a-461f-9611-c5482649c554.tmp</t>
  </si>
  <si>
    <t>45a0a939-80c2-46b6-affa-82c5fa269330.tmp</t>
  </si>
  <si>
    <t>\\acsfs\profiles$\rafaelahpn\Downloads\45a0a939-80c2-46b6-affa-82c5fa269330.tmp</t>
  </si>
  <si>
    <t>af209738-2e9c-48eb-a4b0-1214ba794fa2.tmp</t>
  </si>
  <si>
    <t>\\acsfs\profiles$\nathaliarmr\Downloads\af209738-2e9c-48eb-a4b0-1214ba794fa2.tmp</t>
  </si>
  <si>
    <t>628d2004-ea69-4aed-92a3-11922c69ee26.tmp</t>
  </si>
  <si>
    <t>\\acsfs\profiles$\wenderbnm\Downloads\628d2004-ea69-4aed-92a3-11922c69ee26.tmp</t>
  </si>
  <si>
    <t>28d60ed3-d66f-43fa-9b91-94d727c4ddef.tmp</t>
  </si>
  <si>
    <t>\\acsfs\profiles$\LAISLG\Downloads\28d60ed3-d66f-43fa-9b91-94d727c4ddef.tmp</t>
  </si>
  <si>
    <t>\\acsfs\DEPTOS\PMO Governança\03 - ACOMPANHAMENTO DE PROJETOS\STAFF DIGITAL\12 - PMO - STAFF DIGITAL 03_01.pptx\</t>
  </si>
  <si>
    <t>4eabc356-e7ec-415f-9c3c-0ef7b36c1ae3.tmp</t>
  </si>
  <si>
    <t>\\acsfs\profiles$\lucasqdss\Downloads\4eabc356-e7ec-415f-9c3c-0ef7b36c1ae3.tmp</t>
  </si>
  <si>
    <t>544c20ee-f860-49f7-aa6d-33026f5ee3d4.tmp</t>
  </si>
  <si>
    <t>\\acsfs\profiles$\ayalabfi\Downloads\544c20ee-f860-49f7-aa6d-33026f5ee3d4.tmp</t>
  </si>
  <si>
    <t>3ad14413-ff7b-411d-9d81-861e27b31640.tmp</t>
  </si>
  <si>
    <t>\\acsfs\profiles$\antoniosva\Downloads\3ad14413-ff7b-411d-9d81-861e27b31640.tmp</t>
  </si>
  <si>
    <t>Agent State Details 02.01.2020.xlsx</t>
  </si>
  <si>
    <t>\\acsfs\DEPTOS\Operacao\PCP\5 - Comum\PLANEJAMENTO BV\23 - EXTRAÇÕES\Agent State Details\2020\JANEIRO\Agent State Details 02.01.2020.xlsx</t>
  </si>
  <si>
    <t>94c215ed-8ee7-4d0c-b4e3-14bcfc6cceca.tmp</t>
  </si>
  <si>
    <t>\\acsfs\profiles$\andrezacapf\Downloads\94c215ed-8ee7-4d0c-b4e3-14bcfc6cceca.tmp</t>
  </si>
  <si>
    <t>9b187d07-eb4c-4475-b9cf-ab4c2aec407f.tmp</t>
  </si>
  <si>
    <t>\\acsfs\profiles$\andrezacapf\Downloads\9b187d07-eb4c-4475-b9cf-ab4c2aec407f.tmp</t>
  </si>
  <si>
    <t>ddda2a46-28ae-4b46-bfee-1b83e1f26dad.tmp</t>
  </si>
  <si>
    <t>\\acsfs\profiles$\andrezacapf\Downloads\ddda2a46-28ae-4b46-bfee-1b83e1f26dad.tmp</t>
  </si>
  <si>
    <t>a87d7908-a26d-4ff5-92cd-1f5a09c782f6.tmp</t>
  </si>
  <si>
    <t>\\acsfs\profiles$\andrezacapf\Downloads\a87d7908-a26d-4ff5-92cd-1f5a09c782f6.tmp</t>
  </si>
  <si>
    <t>54ab6592-27ce-4292-b285-5bfea7aa4893.tmp</t>
  </si>
  <si>
    <t>\\acsfs\profiles$\andrezacapf\Downloads\54ab6592-27ce-4292-b285-5bfea7aa4893.tmp</t>
  </si>
  <si>
    <t>ba736820-cba9-4748-b80e-bf7a4c2609c0.tmp</t>
  </si>
  <si>
    <t>\\acsfs\profiles$\andrezacapf\Downloads\ba736820-cba9-4748-b80e-bf7a4c2609c0.tmp</t>
  </si>
  <si>
    <t>f5658932-e616-4941-8de9-674718e73e7e.tmp</t>
  </si>
  <si>
    <t>\\acsfs\profiles$\KARENJSS\Downloads\f5658932-e616-4941-8de9-674718e73e7e.tmp</t>
  </si>
  <si>
    <t>9dbcd30b-836a-4250-a84c-ae9d86feb360.tmp</t>
  </si>
  <si>
    <t>\\acsfs\profiles$\henriquehmdo\Downloads\9dbcd30b-836a-4250-a84c-ae9d86feb360.tmp</t>
  </si>
  <si>
    <t>ba025fe9-3034-462d-9540-53903b1db32c.tmp</t>
  </si>
  <si>
    <t>\\acsfs\profiles$\mariajra\Downloads\ba025fe9-3034-462d-9540-53903b1db32c.tmp</t>
  </si>
  <si>
    <t>aeb8dc2b-83b8-49ff-8a69-ba354f6289c9.tmp</t>
  </si>
  <si>
    <t>\\acsfs\profiles$\quindaizaagds\Downloads\aeb8dc2b-83b8-49ff-8a69-ba354f6289c9.tmp</t>
  </si>
  <si>
    <t>590127e8-3289-491e-b552-1b4ec7c6f7e6.tmp</t>
  </si>
  <si>
    <t>\\acsfs\profiles$\brendadsl\Downloads\590127e8-3289-491e-b552-1b4ec7c6f7e6.tmp</t>
  </si>
  <si>
    <t>3fb56bd0-f012-47ac-82f6-b24a9c63b2d4.tmp</t>
  </si>
  <si>
    <t>\\acsfs\profiles$\brendadsl\Downloads\3fb56bd0-f012-47ac-82f6-b24a9c63b2d4.tmp</t>
  </si>
  <si>
    <t>afd17e6d-9973-4e84-934e-3500bd177a44.tmp</t>
  </si>
  <si>
    <t>\\acsfs\profiles$\brendadsl\Downloads\afd17e6d-9973-4e84-934e-3500bd177a44.tmp</t>
  </si>
  <si>
    <t>77b0b59f-a777-4f87-ad8d-aaac83141b68.tmp</t>
  </si>
  <si>
    <t>\\acsfs\profiles$\brendadsl\Downloads\77b0b59f-a777-4f87-ad8d-aaac83141b68.tmp</t>
  </si>
  <si>
    <t>1c2a9467-51d4-4c20-8c13-dbd1e2b9ffff.tmp</t>
  </si>
  <si>
    <t>\\acsfs\profiles$\brendadsl\Downloads\1c2a9467-51d4-4c20-8c13-dbd1e2b9ffff.tmp</t>
  </si>
  <si>
    <t>932273c0-dd27-41b9-88ef-2195e9b73b7e.tmp</t>
  </si>
  <si>
    <t>\\acsfs\profiles$\PEDROHAB\Downloads\932273c0-dd27-41b9-88ef-2195e9b73b7e.tmp</t>
  </si>
  <si>
    <t>41ad9233-a65f-4095-a678-675e60adb868.tmp</t>
  </si>
  <si>
    <t>\\acsfs\profiles$\luanarda\Downloads\41ad9233-a65f-4095-a678-675e60adb868.tmp</t>
  </si>
  <si>
    <t>\\acsfs\DEPTOS\Operacao\PCP\5 - Comum\PLANEJAMENTO BV\23 - EXTRAÇÕES\Agente Login Logout details report\2020\JANEIRO\</t>
  </si>
  <si>
    <t>AGENT LOGIN LOGOUT DETAILS REPORT 02.01.2020.xlsx</t>
  </si>
  <si>
    <t>\\acsfs\DEPTOS\Operacao\PCP\5 - Comum\PLANEJAMENTO BV\23 - EXTRAÇÕES\Agente Login Logout details report\2020\JANEIRO\AGENT LOGIN LOGOUT DETAILS REPORT 02.01.2020.xlsx</t>
  </si>
  <si>
    <t>5d721c9d-ad2f-4e1e-bc32-5382897fdc9b.tmp</t>
  </si>
  <si>
    <t>\\acsfs\profiles$\georgendsq\Downloads\5d721c9d-ad2f-4e1e-bc32-5382897fdc9b.tmp</t>
  </si>
  <si>
    <t>a7226bb5-096b-49b2-9f09-8e6f4151ccd7.tmp</t>
  </si>
  <si>
    <t>\\acsfs\profiles$\georgendsq\Downloads\a7226bb5-096b-49b2-9f09-8e6f4151ccd7.tmp</t>
  </si>
  <si>
    <t>dfb71fb7-fb4e-4b18-ba3f-1bf95ccf4597.tmp</t>
  </si>
  <si>
    <t>\\acsfs\profiles$\georgendsq\Downloads\dfb71fb7-fb4e-4b18-ba3f-1bf95ccf4597.tmp</t>
  </si>
  <si>
    <t>8cde6553-8148-4380-b5fa-6c4042f51b20.tmp</t>
  </si>
  <si>
    <t>\\acsfs\profiles$\georgendsq\Downloads\8cde6553-8148-4380-b5fa-6c4042f51b20.tmp</t>
  </si>
  <si>
    <t>f5486082-923c-4a2e-a1bf-ebc941c7d9e3.tmp</t>
  </si>
  <si>
    <t>\\acsfs\profiles$\georgendsq\Downloads\f5486082-923c-4a2e-a1bf-ebc941c7d9e3.tmp</t>
  </si>
  <si>
    <t>daa47d96-6677-4a16-b1a1-4325eef458bb.tmp</t>
  </si>
  <si>
    <t>\\acsfs\profiles$\georgendsq\Downloads\daa47d96-6677-4a16-b1a1-4325eef458bb.tmp</t>
  </si>
  <si>
    <t>f7698dd2-f163-448f-bcf5-e950698c157c.tmp</t>
  </si>
  <si>
    <t>\\acsfs\profiles$\andrezacapf\Downloads\f7698dd2-f163-448f-bcf5-e950698c157c.tmp</t>
  </si>
  <si>
    <t>b8b2698a-b0be-4ddd-acb3-653264d0ba43.tmp</t>
  </si>
  <si>
    <t>\\acsfs\profiles$\andrezacapf\Downloads\b8b2698a-b0be-4ddd-acb3-653264d0ba43.tmp</t>
  </si>
  <si>
    <t>cca58efb-14d8-44f7-9a48-9189198e8394.tmp</t>
  </si>
  <si>
    <t>\\acsfs\profiles$\andrezacapf\Downloads\cca58efb-14d8-44f7-9a48-9189198e8394.tmp</t>
  </si>
  <si>
    <t>ae1cfb2e-297f-42fa-9e51-3eaa61243b6e.tmp</t>
  </si>
  <si>
    <t>\\acsfs\profiles$\KARENJSS\Downloads\ae1cfb2e-297f-42fa-9e51-3eaa61243b6e.tmp</t>
  </si>
  <si>
    <t>451ec952-9852-4b1d-85e8-a384e5f3c0f2.tmp</t>
  </si>
  <si>
    <t>\\acsfs\profiles$\KARENJSS\Downloads\451ec952-9852-4b1d-85e8-a384e5f3c0f2.tmp</t>
  </si>
  <si>
    <t>1ca18259-3488-4822-8729-96abe847f52d.tmp</t>
  </si>
  <si>
    <t>\\acsfs\profiles$\lorenabmc\Downloads\1ca18259-3488-4822-8729-96abe847f52d.tmp</t>
  </si>
  <si>
    <t>310e2a5a-8d38-4dd7-87c7-97e57397acf2.tmp</t>
  </si>
  <si>
    <t>\\acsfs\profiles$\lorenabmc\Downloads\310e2a5a-8d38-4dd7-87c7-97e57397acf2.tmp</t>
  </si>
  <si>
    <t>4fd5a090-78be-4ff3-b6c5-6eddc51e2b38.tmp</t>
  </si>
  <si>
    <t>\\acsfs\profiles$\cintiadcf\Downloads\4fd5a090-78be-4ff3-b6c5-6eddc51e2b38.tmp</t>
  </si>
  <si>
    <t>ENC: Emissão cartão corporativo - Intercompany 0031 CRM:008840000079</t>
  </si>
  <si>
    <t>2.FORM_SOLICITAÇÃO CARTÃO CORPORATE_ CIA0031_Intercompany.xls</t>
  </si>
  <si>
    <t>dd108fe1-5986-4e81-9116-fdcba60f0cc7.tmp</t>
  </si>
  <si>
    <t>\\acsfs\profiles$\gabrielarb\Downloads\dd108fe1-5986-4e81-9116-fdcba60f0cc7.tmp</t>
  </si>
  <si>
    <t>\\acsfs\ACS\Gabriel da Silva\Contemporânea\Acessos\B5C91D25.tmp\</t>
  </si>
  <si>
    <t>\\acsfs\ACS\Gabriel da Silva\Contemporânea\Acessos\B5C91D25.tmp\:Zone.Identifier:$DATA</t>
  </si>
  <si>
    <t>mail.google.com/sync/u/0/i/s?hl=pt-BR&amp;c=842</t>
  </si>
  <si>
    <t>mail.google.com/sync/u/0/i/s?hl=pt-BR&amp;c=844</t>
  </si>
  <si>
    <t>mail.google.com/sync/u/0/i/s?hl=pt-BR&amp;c=846</t>
  </si>
  <si>
    <t>b438fcfd-9e0d-4ce7-a4c1-de76d5810850.tmp</t>
  </si>
  <si>
    <t>\\acsfs\profiles$\georgendsq\Downloads\b438fcfd-9e0d-4ce7-a4c1-de76d5810850.tmp</t>
  </si>
  <si>
    <t>596a4c26-8761-40c0-b952-00a361c9797e.tmp</t>
  </si>
  <si>
    <t>\\acsfs\profiles$\KARENJSS\Downloads\596a4c26-8761-40c0-b952-00a361c9797e.tmp</t>
  </si>
  <si>
    <t>c5794c89-4cb4-4939-bd25-a982e820945a.tmp</t>
  </si>
  <si>
    <t>\\acsfs\profiles$\marcosvnds\Downloads\c5794c89-4cb4-4939-bd25-a982e820945a.tmp</t>
  </si>
  <si>
    <t>39a3a027-ee40-4ca7-a2d4-c56d4fc36379.tmp</t>
  </si>
  <si>
    <t>\\acsfs\profiles$\marcosvnds\Downloads\39a3a027-ee40-4ca7-a2d4-c56d4fc36379.tmp</t>
  </si>
  <si>
    <t>2bf8a9bb-b30e-46f5-a03d-2b2690febd2a.tmp</t>
  </si>
  <si>
    <t>\\acsfs\profiles$\marcosvnds\Downloads\2bf8a9bb-b30e-46f5-a03d-2b2690febd2a.tmp</t>
  </si>
  <si>
    <t>22bf3b8b-874d-43dd-980f-5e035c297169.tmp</t>
  </si>
  <si>
    <t>\\acsfs\profiles$\marcosvnds\Downloads\22bf3b8b-874d-43dd-980f-5e035c297169.tmp</t>
  </si>
  <si>
    <t>lu444485bghrl.tmp</t>
  </si>
  <si>
    <t>\\acsfs\profiles$\isabeldst\My Documents\lu444485bghrl.tmp</t>
  </si>
  <si>
    <t>\\acsfs\profiles$\isabeldst\My Documents\lu444485bghrl.tmp\</t>
  </si>
  <si>
    <t>\\acsfs\profiles$\isabeldst\My Documents\lu444485bghrl.tmp\META-INF\</t>
  </si>
  <si>
    <t>\\acsfs\profiles$\isabeldst\My Documents\lu444485bghrl.tmp\Thumbnails\</t>
  </si>
  <si>
    <t>cab672f1-6c44-4d82-bd7d-17afa8521800.tmp</t>
  </si>
  <si>
    <t>\\acsfs\profiles$\lorenabmc\Downloads\cab672f1-6c44-4d82-bd7d-17afa8521800.tmp</t>
  </si>
  <si>
    <t>5286c76d-2f11-4d71-a421-23bec17eb676.tmp</t>
  </si>
  <si>
    <t>\\acsfs\profiles$\lorenabmc\Downloads\5286c76d-2f11-4d71-a421-23bec17eb676.tmp</t>
  </si>
  <si>
    <t>2c861bad-44aa-4cef-976a-bfb1e750c8a5.tmp</t>
  </si>
  <si>
    <t>\\acsfs\profiles$\vivianibfs\Downloads\2c861bad-44aa-4cef-976a-bfb1e750c8a5.tmp</t>
  </si>
  <si>
    <t>lu3136u81y.tmp</t>
  </si>
  <si>
    <t>\\acsfs\profiles$\jonathanwap\lu3136u81y.tmp</t>
  </si>
  <si>
    <t>\\acsfs\profiles$\jonathanwap\lu3136u81y.tmp\</t>
  </si>
  <si>
    <t>\\acsfs\profiles$\jonathanwap\lu3136u81y.tmp\META-INF\</t>
  </si>
  <si>
    <t>\\acsfs\profiles$\jonathanwap\lu3136u81y.tmp\Thumbnails\</t>
  </si>
  <si>
    <t>mail.google.com/sync/u/0/i/s?hl=pt-BR&amp;c=876</t>
  </si>
  <si>
    <t>adriana.oliveira@avon.com;alessandragdsb@algartech.com;alexmarques.silva@avon.com;algartechcpcbv@algartech.com;anderson.negrisoli@avon.com;andrelpsa@algartech.com;edelvan.reginaldo@avon.com;joseasn@algartech.com;josiascdsj@algartech.com;juan.lopes@avon.com;leonardoao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lgartechcpcbv@algartech.com,anderson.negrisoli@avon.com,andrelpsa@algartech.com,edelvan.reginaldo@avon.com,joseasn@algartech.com,josiascdsj@algartech.com,juan.lopes@avon.com,leonardoao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adriana.oliveira@avon.com;alessandragdsb@algartech.com;alexmarques.silva@avon.com;anderson.negrisoli@avon.com;andrelpsa@algartech.com;catianalv@algartech.com;cpc-controldeskavon@algartech.com;edelvan.reginaldo@avon.com;joseasn@algartech.com;josiascdsj@algartech.com;juan.lopes@avon.com;leonardoao@algartech.com;lucianarsantos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nderson.negrisoli@avon.com,andrelpsa@algartech.com,catianalv@algartech.com,cpc-controldeskavon@algartech.com,edelvan.reginaldo@avon.com,joseasn@algartech.com,josiascdsj@algartech.com,juan.lopes@avon.com,leonardoao@algartech.com,lucianarsantos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mail.google.com/sync/u/0/i/s?hl=pt-BR&amp;c=920</t>
  </si>
  <si>
    <t>adriana.oliveira@avon.com;alessandragdsb@algartech.com;alexmarques.silva@avon.com;algartechcpcbv@algartech.com;anderson.negrisoli@avon.com;andrelpsa@algartech.com;cpc-controldeskavon@algartech.com;edelvan.reginaldo@avon.com;joseasn@algartech.com;josiascdsj@algartech.com;juan.lopes@avon.com;leonardoao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lgartechcpcbv@algartech.com,anderson.negrisoli@avon.com,andrelpsa@algartech.com,cpc-controldeskavon@algartech.com,edelvan.reginaldo@avon.com,joseasn@algartech.com,josiascdsj@algartech.com,juan.lopes@avon.com,leonardoao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\\acsfs\deptos\Operacao\PCP\5 - Comum\CONTROL DESK\2 - DAC2\Control Desk AVON\Relatorios\Status de login\2020\</t>
  </si>
  <si>
    <t>02-01 RELATORIO DE LOGIN AVON.xlsm</t>
  </si>
  <si>
    <t>\\acsfs\deptos\Operacao\PCP\5 - Comum\CONTROL DESK\2 - DAC2\Control Desk AVON\Relatorios\Status de login\2020\02-01 RELATORIO DE LOGIN AVON.xlsm</t>
  </si>
  <si>
    <t>04d5f17e-ab95-4cf2-b0f5-1a22d8e838d5.tmp</t>
  </si>
  <si>
    <t>\\acsfs\profiles$\marcosvnds\Downloads\04d5f17e-ab95-4cf2-b0f5-1a22d8e838d5.tmp</t>
  </si>
  <si>
    <t>51833fd0-455a-4f9f-9d2d-41c3023d1298.tmp</t>
  </si>
  <si>
    <t>\\acsfs\profiles$\marcosvnds\Downloads\51833fd0-455a-4f9f-9d2d-41c3023d1298.tmp</t>
  </si>
  <si>
    <t>a97bf8fc-94ec-4ca4-b3d9-b062feb25403.tmp</t>
  </si>
  <si>
    <t>\\acsfs\profiles$\mariliafplb\Downloads\a97bf8fc-94ec-4ca4-b3d9-b062feb25403.tmp</t>
  </si>
  <si>
    <t>473bbe0d-93ca-4b65-9c77-d2543c00abec.tmp</t>
  </si>
  <si>
    <t>\\acsfs\profiles$\websondsa\Downloads\473bbe0d-93ca-4b65-9c77-d2543c00abec.tmp</t>
  </si>
  <si>
    <t>0ee3dfa0-cc1b-45db-934b-742a875c5928.tmp</t>
  </si>
  <si>
    <t>\\acsfs\profiles$\larissaad\Downloads\0ee3dfa0-cc1b-45db-934b-742a875c5928.tmp</t>
  </si>
  <si>
    <t>c1a41f7c-3351-435a-8284-f0b5666f72d4.tmp</t>
  </si>
  <si>
    <t>\\acsfs\profiles$\gabrielamdp\Downloads\c1a41f7c-3351-435a-8284-f0b5666f72d4.tmp</t>
  </si>
  <si>
    <t>48fd42a2-6cb5-48b5-9e39-ec92458ceec6.tmp</t>
  </si>
  <si>
    <t>\\acsfs\profiles$\gabrielamdp\Downloads\48fd42a2-6cb5-48b5-9e39-ec92458ceec6.tmp</t>
  </si>
  <si>
    <t>100f4aa3-0e18-47b7-8fc0-2b9a75639697.tmp</t>
  </si>
  <si>
    <t>\\acsfs\profiles$\nathaliarmr\Downloads\100f4aa3-0e18-47b7-8fc0-2b9a75639697.tmp</t>
  </si>
  <si>
    <t>f85f756b-d6ea-4e34-a215-877ccb0806e2.tmp</t>
  </si>
  <si>
    <t>\\acsfs\profiles$\gabriellalpr\Downloads\f85f756b-d6ea-4e34-a215-877ccb0806e2.tmp</t>
  </si>
  <si>
    <t>03/01/2020;andrelpsa@algartech.com;</t>
  </si>
  <si>
    <t>03/01/2020,andrelpsa@algartech.com</t>
  </si>
  <si>
    <t>7dbab010-7d87-4069-ba50-29b65fd6442e.tmp</t>
  </si>
  <si>
    <t>\\acsfs\profiles$\brendadsl\Downloads\7dbab010-7d87-4069-ba50-29b65fd6442e.tmp</t>
  </si>
  <si>
    <t>4366d597-e1e5-46b2-85b0-7d34499bd687.tmp</t>
  </si>
  <si>
    <t>\\acsfs\profiles$\brendadsl\Downloads\4366d597-e1e5-46b2-85b0-7d34499bd687.tmp</t>
  </si>
  <si>
    <t>501a86b7-a141-4582-9f47-be656e755afd.tmp</t>
  </si>
  <si>
    <t>\\acsfs\profiles$\brendadsl\Downloads\501a86b7-a141-4582-9f47-be656e755afd.tmp</t>
  </si>
  <si>
    <t>f7948953-d7e4-4e73-ac77-a929fe7365d1.tmp</t>
  </si>
  <si>
    <t>\\acsfs\profiles$\brendadsl\Downloads\f7948953-d7e4-4e73-ac77-a929fe7365d1.tmp</t>
  </si>
  <si>
    <t>c878d085-ab78-4678-847d-7760ff1604fc.tmp</t>
  </si>
  <si>
    <t>\\acsfs\profiles$\brendadsl\Downloads\c878d085-ab78-4678-847d-7760ff1604fc.tmp</t>
  </si>
  <si>
    <t>b98a201d-0e7f-46fa-a547-f4346f96cd68.tmp</t>
  </si>
  <si>
    <t>\\acsfs\profiles$\henriquehmdo\Downloads\b98a201d-0e7f-46fa-a547-f4346f96cd68.tmp</t>
  </si>
  <si>
    <t>40f1414b-bab2-4a29-84ec-76e31b9044d8.tmp</t>
  </si>
  <si>
    <t>\\acsfs\profiles$\larissaad\Downloads\40f1414b-bab2-4a29-84ec-76e31b9044d8.tmp</t>
  </si>
  <si>
    <t>2fbe1c1a-9f64-41c5-9846-9798a515176d.tmp</t>
  </si>
  <si>
    <t>\\acsfs\profiles$\lorenabmc\Downloads\2fbe1c1a-9f64-41c5-9846-9798a515176d.tmp</t>
  </si>
  <si>
    <t>c98ca43b-64d3-4c3f-9480-01363ee13324.tmp</t>
  </si>
  <si>
    <t>\\acsfs\profiles$\lorenabmc\Downloads\c98ca43b-64d3-4c3f-9480-01363ee13324.tmp</t>
  </si>
  <si>
    <t>mail.google.com/_/upload?authuser=1&amp;dcp=asu-n&amp;upload_id=AEnB2UqfZRDucX1fO6x3Jd_kLIfBg0dnL4J8Fd_2Gm3T7t_8fYTTecU6u_OLrjUaApMnR9WCFxyoCnSSVq4cw-se2M7T6IXECL_KXn9cS9Jq1g2WtYIJMTU&amp;upload_protocol=resumable</t>
  </si>
  <si>
    <t>12 - Template Recuperações de Custos.xlsx</t>
  </si>
  <si>
    <t>1.125,1.125],4539.779999991879,===== content-type,["https://apis.google.com/_/scs/abc-static/_/js/k=gapi.gapi.en.7kwsr24wxfc.o/m=client,a213722d41353361241_u x-goog-authuser: 1 --=====5ps0gmdypbfe===== content-type: application/http content-transfer-encoding: binary get /drive/v2internal/files/1-9tbiyxhackxbkl1btq8-0iwjykfkz7j?opendrive=false&amp;reason=102&amp;synctype=0&amp;errorrecovery=false&amp;fields=kind,actionitems,additionalroles,ances,ancest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ss,customerid)),displayname,domain,emailaddress,explicitlytrashed,fileextension,filesize,flaggedforabuse,foldercolor,folderfeatures,hasaugmentedpermissions,haschildfolders,hasthumbnail,hasvisitor</t>
  </si>
  <si>
    <t>12 - Departamental Toyota.xlsx</t>
  </si>
  <si>
    <t>mail.google.com/_/upload?authuser=1&amp;dcp=asu-n&amp;upload_id=AEnB2UrPQGu-7WghPmDMKw7YPxHju8dAiuVug7WENbBZbtraolWHRBlzEG_jgXv4WC2UdMUY7W3nnDIms9Iwnxk_NgO22BKbzCZlXsWugfiQ35R1ANcBw9M&amp;upload_protocol=resumable</t>
  </si>
  <si>
    <t>Template Recuperações de Custos Luciana DEZEMBRO 2019.xlsx</t>
  </si>
  <si>
    <t>c9268b3d-d492-48ad-a2c4-10a498132b9e.tmp</t>
  </si>
  <si>
    <t>\\acsfs\profiles$\joycemmdl\Downloads\c9268b3d-d492-48ad-a2c4-10a498132b9e.tmp</t>
  </si>
  <si>
    <t>0b45a907-1f74-4c10-bdd8-8828383372d0.tmp</t>
  </si>
  <si>
    <t>\\acsfs\profiles$\joycemmdl\Downloads\0b45a907-1f74-4c10-bdd8-8828383372d0.tmp</t>
  </si>
  <si>
    <t>14d1f3eb-294a-4aa4-9cee-806452b48e9e.tmp</t>
  </si>
  <si>
    <t>\\acsfs\profiles$\wedersonbadr\My Documents\My Music\14d1f3eb-294a-4aa4-9cee-806452b48e9e.tmp</t>
  </si>
  <si>
    <t>d6241afe-a55b-4bb3-88af-78b2d8779df0.tmp</t>
  </si>
  <si>
    <t>\\acsfs\profiles$\wedersonbadr\My Documents\My Music\d6241afe-a55b-4bb3-88af-78b2d8779df0.tmp</t>
  </si>
  <si>
    <t>0b36e7a9-f7a3-4000-a471-a0e25ccbb459.tmp</t>
  </si>
  <si>
    <t>\\acsfs\profiles$\THYAGOSP\Downloads\0b36e7a9-f7a3-4000-a471-a0e25ccbb459.tmp</t>
  </si>
  <si>
    <t>8c82e2fd-2516-4509-8fab-1fee7cba61ea.tmp</t>
  </si>
  <si>
    <t>\\acsfs\profiles$\alinepp\Downloads\8c82e2fd-2516-4509-8fab-1fee7cba61ea.tmp</t>
  </si>
  <si>
    <t>7b97f5e6-b418-4535-b441-3d845f16efec.tmp</t>
  </si>
  <si>
    <t>\\acsfs\profiles$\gabrielarb\Downloads\7b97f5e6-b418-4535-b441-3d845f16efec.tmp</t>
  </si>
  <si>
    <t>1327287e-37df-4b6f-a53a-e5798dfd8728.tmp</t>
  </si>
  <si>
    <t>\\acsfs\profiles$\gabrielarb\Downloads\1327287e-37df-4b6f-a53a-e5798dfd8728.tmp</t>
  </si>
  <si>
    <t>mail.google.com/_/upload?authuser=0&amp;dcp=asu-n&amp;upload_id=AEnB2UrSwy6R3hKalOCAH-n62_Ie47kKcm1dNWUcAVuxk_b7TgisIKI861mlIAmCX1W-GvFW5MNVqVp3wvq4TX9dIFsgrhAzjVPznQEdosfFVDfw1QBpYL8&amp;upload_protocol=resumable</t>
  </si>
  <si>
    <t>patriciaars@algartech.com;sandyyd@algartech.com;</t>
  </si>
  <si>
    <t>C:\Users\yuriifd\Desktop\Squad Competividade - Atendimento\Processos - Apoio\Youse\</t>
  </si>
  <si>
    <t>Auditoria Youse - Novo Paper revEva_v1.3.xlsx</t>
  </si>
  <si>
    <t>patriciaars@algartech.com,sandyyd@algartech.com</t>
  </si>
  <si>
    <t>2b62cea6-b489-4c8f-bf33-5c1f42e7ae9c.tmp</t>
  </si>
  <si>
    <t>\\acsfs\profiles$\marcosvnds\Downloads\2b62cea6-b489-4c8f-bf33-5c1f42e7ae9c.tmp</t>
  </si>
  <si>
    <t>10.200.67.65</t>
  </si>
  <si>
    <t>f4dad208-204d-453c-a13b-d6e23cbf73b0.tmp</t>
  </si>
  <si>
    <t>\\acsfs\profiles$\fabianafv\Downloads\f4dad208-204d-453c-a13b-d6e23cbf73b0.tmp</t>
  </si>
  <si>
    <t>65cf3bec-0d09-48c5-8a37-17b83a8fe141.tmp</t>
  </si>
  <si>
    <t>\\acsfs\profiles$\larissaad\Downloads\65cf3bec-0d09-48c5-8a37-17b83a8fe141.tmp</t>
  </si>
  <si>
    <t>844eae96-e571-4cb0-9b2c-c9576b65f0e6.tmp</t>
  </si>
  <si>
    <t>\\acsfs\profiles$\alinepp\Downloads\844eae96-e571-4cb0-9b2c-c9576b65f0e6.tmp</t>
  </si>
  <si>
    <t>27cf55dd-4ec3-4672-aa34-387c981cf4a6.tmp</t>
  </si>
  <si>
    <t>\\acsfs\profiles$\alinepp\Downloads\27cf55dd-4ec3-4672-aa34-387c981cf4a6.tmp</t>
  </si>
  <si>
    <t>3ef9eaf6-9d9c-4c84-be91-259b022970ca.tmp</t>
  </si>
  <si>
    <t>\\acsfs\profiles$\alinepp\Downloads\3ef9eaf6-9d9c-4c84-be91-259b022970ca.tmp</t>
  </si>
  <si>
    <t>lu370365acp39.tmp</t>
  </si>
  <si>
    <t>\\acsfs\profiles$\marcellewdl\My Documents\lu370365acp39.tmp</t>
  </si>
  <si>
    <t>\\acsfs\profiles$\marcellewdl\My Documents\lu370365acp39.tmp\</t>
  </si>
  <si>
    <t>\\acsfs\profiles$\marcellewdl\My Documents\lu370365acp39.tmp\META-INF\</t>
  </si>
  <si>
    <t>\\acsfs\profiles$\marcellewdl\My Documents\lu370365acp39.tmp\Thumbnails\</t>
  </si>
  <si>
    <t>ff280c1f-d6f2-4f58-8971-286e75bbf6c8.tmp</t>
  </si>
  <si>
    <t>\\acsfs\profiles$\victorgl\Downloads\ff280c1f-d6f2-4f58-8971-286e75bbf6c8.tmp</t>
  </si>
  <si>
    <t>6867c110-8046-440e-bea9-299057bb433e.tmp</t>
  </si>
  <si>
    <t>\\acsfs\profiles$\victorgl\Downloads\6867c110-8046-440e-bea9-299057bb433e.tmp</t>
  </si>
  <si>
    <t>fef147e6-60a9-4ac2-a00a-bc07374d7fd8.tmp</t>
  </si>
  <si>
    <t>\\acsfs\profiles$\fabianafv\Downloads\fef147e6-60a9-4ac2-a00a-bc07374d7fd8.tmp</t>
  </si>
  <si>
    <t>a24943e9-7cb5-430b-b8f8-6754b0b96a3c.tmp</t>
  </si>
  <si>
    <t>\\acsfs\profiles$\regisedsj\Downloads\a24943e9-7cb5-430b-b8f8-6754b0b96a3c.tmp</t>
  </si>
  <si>
    <t>e86cfd4f-d160-41ef-bcad-43ea6c27a0e8.tmp</t>
  </si>
  <si>
    <t>\\acsfs\profiles$\gabrielarb\Downloads\e86cfd4f-d160-41ef-bcad-43ea6c27a0e8.tmp</t>
  </si>
  <si>
    <t>002ce0cb-a94a-4f0c-a1dc-eb10f6183e12.tmp</t>
  </si>
  <si>
    <t>\\acsfs\profiles$\fabianafv\Downloads\002ce0cb-a94a-4f0c-a1dc-eb10f6183e12.tmp</t>
  </si>
  <si>
    <t>12/27/2019 16:19:47</t>
  </si>
  <si>
    <t>\\acsfs\DEPTOS\Operacao\PCP\5 - Comum\FABRÍCIA DE CONTO\</t>
  </si>
  <si>
    <t>LEMBRETES BV.docx</t>
  </si>
  <si>
    <t>\\acsfs\DEPTOS\Operacao\PCP\5 - Comum\FABRÍCIA DE CONTO\LEMBRETES BV.docx</t>
  </si>
  <si>
    <t>875a0fc3-0b09-44a9-9a89-f5a34bb8ec90.tmp</t>
  </si>
  <si>
    <t>\\acsfs\profiles$\alinepp\Downloads\875a0fc3-0b09-44a9-9a89-f5a34bb8ec90.tmp</t>
  </si>
  <si>
    <t>31fd6b5b-f5b5-4bdd-b6d0-573705797470.tmp</t>
  </si>
  <si>
    <t>\\acsfs\profiles$\vivianibfs\Downloads\31fd6b5b-f5b5-4bdd-b6d0-573705797470.tmp</t>
  </si>
  <si>
    <t>bd979243-38d7-451a-ba5d-c76a95a37b08.tmp</t>
  </si>
  <si>
    <t>\\acsfs\profiles$\vivianibfs\Downloads\bd979243-38d7-451a-ba5d-c76a95a37b08.tmp</t>
  </si>
  <si>
    <t>1a477a87-67c7-4c71-87c6-73cb477a1f7b.tmp</t>
  </si>
  <si>
    <t>\\acsfs\profiles$\victorgl\Downloads\1a477a87-67c7-4c71-87c6-73cb477a1f7b.tmp</t>
  </si>
  <si>
    <t>7826ecb7-948a-4074-8b87-250ee9533a90.tmp</t>
  </si>
  <si>
    <t>\\acsfs\profiles$\matheusmax\Downloads\7826ecb7-948a-4074-8b87-250ee9533a90.tmp</t>
  </si>
  <si>
    <t>Unconfirmed 883371.crdownload</t>
  </si>
  <si>
    <t>\\acsfs\profiles$\matheusmax\Downloads\Unconfirmed 883371.crdownload</t>
  </si>
  <si>
    <t>51b48938-3af7-4473-877b-784cad9e7f09.tmp</t>
  </si>
  <si>
    <t>\\acsfs\profiles$\matheusmax\Downloads\51b48938-3af7-4473-877b-784cad9e7f09.tmp</t>
  </si>
  <si>
    <t>3350b96e-3cc6-48ce-bdb4-0df5a71154e4.tmp</t>
  </si>
  <si>
    <t>\\acsfs\profiles$\matheusmax\Downloads\3350b96e-3cc6-48ce-bdb4-0df5a71154e4.tmp</t>
  </si>
  <si>
    <t>1d56a0a3-bcaf-43a3-af7d-76d0be1cdd12.tmp</t>
  </si>
  <si>
    <t>\\acsfs\profiles$\LUCASBS\Downloads\1d56a0a3-bcaf-43a3-af7d-76d0be1cdd12.tmp</t>
  </si>
  <si>
    <t>81b80139-e5fa-4e6a-bd0b-2b9ed845ed5b.tmp</t>
  </si>
  <si>
    <t>\\acsfs\profiles$\philipegsf\Downloads\81b80139-e5fa-4e6a-bd0b-2b9ed845ed5b.tmp</t>
  </si>
  <si>
    <t>\\acsfs\profiles$\MARILIAFPLB\</t>
  </si>
  <si>
    <t>.~lock.ATIVO ATT.ods#</t>
  </si>
  <si>
    <t>\\acsfs\profiles$\MARILIAFPLB\.~lock.ATIVO ATT.ods#</t>
  </si>
  <si>
    <t>lu171244cminy.tmp</t>
  </si>
  <si>
    <t>\\acsfs\profiles$\MARILIAFPLB\lu171244cminy.tmp</t>
  </si>
  <si>
    <t>\\acsfs\profiles$\MARILIAFPLB\lu171244cminy.tmp\</t>
  </si>
  <si>
    <t>\\acsfs\profiles$\MARILIAFPLB\lu171244cminy.tmp\META-INF\</t>
  </si>
  <si>
    <t>\\acsfs\profiles$\MARILIAFPLB\lu171244cminy.tmp\Thumbnails\</t>
  </si>
  <si>
    <t>93bd013b-0679-4230-8e33-0ef3f9b3e333.tmp</t>
  </si>
  <si>
    <t>\\acsfs\profiles$\gabrielamdp\Downloads\93bd013b-0679-4230-8e33-0ef3f9b3e333.tmp</t>
  </si>
  <si>
    <t>6a4269d4-6f6e-4fc2-ae08-23bc4af53f52.tmp</t>
  </si>
  <si>
    <t>\\acsfs\profiles$\gabrielamdp\Downloads\6a4269d4-6f6e-4fc2-ae08-23bc4af53f52.tmp</t>
  </si>
  <si>
    <t>276beee2-0b85-419b-bb99-86f2bda754c4.tmp</t>
  </si>
  <si>
    <t>\\acsfs\profiles$\gabrielamdp\Downloads\276beee2-0b85-419b-bb99-86f2bda754c4.tmp</t>
  </si>
  <si>
    <t>a4be9314-d41f-4027-a73e-66681b7aa6cb.tmp</t>
  </si>
  <si>
    <t>\\acsfs\profiles$\nataliacsl\Downloads\a4be9314-d41f-4027-a73e-66681b7aa6cb.tmp</t>
  </si>
  <si>
    <t>\\acsfs\deptos\Operacao\Banco_Votorantim\Supervisao\ROBSON ÁLVARES MEDEIROS\ROBSON\Testeira\</t>
  </si>
  <si>
    <t>\\acsfs\deptos\Operacao\Banco_Votorantim\Supervisao\ROBSON ÁLVARES MEDEIROS\ROBSON\Testeira\Thumbs.db</t>
  </si>
  <si>
    <t>159be225-f2b5-4b79-a49d-6cb7df6cf6ac.tmp</t>
  </si>
  <si>
    <t>\\acsfs\profiles$\pamelamcmdsg\Downloads\159be225-f2b5-4b79-a49d-6cb7df6cf6ac.tmp</t>
  </si>
  <si>
    <t>Unconfirmed 157651.crdownload</t>
  </si>
  <si>
    <t>\\acsfs\profiles$\pamelamcmdsg\Downloads\Unconfirmed 157651.crdownload</t>
  </si>
  <si>
    <t>e9113b2a-bdfb-4205-938b-6c83bd990c79.tmp</t>
  </si>
  <si>
    <t>\\acsfs\profiles$\pamelamcmdsg\Downloads\e9113b2a-bdfb-4205-938b-6c83bd990c79.tmp</t>
  </si>
  <si>
    <t>Unconfirmed 613350.crdownload</t>
  </si>
  <si>
    <t>\\acsfs\profiles$\pamelamcmdsg\Downloads\Unconfirmed 613350.crdownload</t>
  </si>
  <si>
    <t>4e5fa933-4023-494a-8110-5acc16810997.tmp</t>
  </si>
  <si>
    <t>\\acsfs\profiles$\marcelacdss\Downloads\4e5fa933-4023-494a-8110-5acc16810997.tmp</t>
  </si>
  <si>
    <t>b8cc0425-dce3-4b43-b32b-53e02848414f.tmp</t>
  </si>
  <si>
    <t>\\acsfs\profiles$\philipegsf\Downloads\b8cc0425-dce3-4b43-b32b-53e02848414f.tmp</t>
  </si>
  <si>
    <t>a17d0448-b925-4918-b757-0d189cafd6d0.tmp</t>
  </si>
  <si>
    <t>\\acsfs\profiles$\gabrielamdp\Downloads\a17d0448-b925-4918-b757-0d189cafd6d0.tmp</t>
  </si>
  <si>
    <t>8a55bd11-6412-46af-bf6f-8daaf9042190.tmp</t>
  </si>
  <si>
    <t>\\acsfs\profiles$\gabrielamdp\Downloads\8a55bd11-6412-46af-bf6f-8daaf9042190.tmp</t>
  </si>
  <si>
    <t>8c107aaa-cf8e-4cb0-8a8e-e21ff63ded4c.tmp</t>
  </si>
  <si>
    <t>\\acsfs\profiles$\gabrielamdp\Downloads\8c107aaa-cf8e-4cb0-8a8e-e21ff63ded4c.tmp</t>
  </si>
  <si>
    <t>03eb8b1b-8fc9-4f58-bfa5-a5b1e94a9586.tmp</t>
  </si>
  <si>
    <t>\\acsfs\profiles$\mariagsg\Downloads\03eb8b1b-8fc9-4f58-bfa5-a5b1e94a9586.tmp</t>
  </si>
  <si>
    <t>144c2e0e-13c6-4969-995d-1028e9a9a9c0.tmp</t>
  </si>
  <si>
    <t>\\acsfs\profiles$\Flaviojmm\Downloads\144c2e0e-13c6-4969-995d-1028e9a9a9c0.tmp</t>
  </si>
  <si>
    <t>\\acsfs\deptos\operacao\banco_votorantim\supervisao\robson Álvares medeiros\robson\gerais\</t>
  </si>
  <si>
    <t>etiquetas para pa's.xlsb</t>
  </si>
  <si>
    <t>c8bb0bf4-dfda-4efa-97c0-4c0a9bd26a3e.tmp</t>
  </si>
  <si>
    <t>\\acsfs\profiles$\nayarasds\Downloads\c8bb0bf4-dfda-4efa-97c0-4c0a9bd26a3e.tmp</t>
  </si>
  <si>
    <t>b7c02047-a518-41c6-b49e-7364b60d54c1.tmp</t>
  </si>
  <si>
    <t>\\acsfs\profiles$\vivianibfs\Downloads\b7c02047-a518-41c6-b49e-7364b60d54c1.tmp</t>
  </si>
  <si>
    <t>8ce17d99-ca04-4428-9453-59a5d381d3d1.tmp</t>
  </si>
  <si>
    <t>\\acsfs\profiles$\dhiulliananads\Downloads\8ce17d99-ca04-4428-9453-59a5d381d3d1.tmp</t>
  </si>
  <si>
    <t>399ccaa1-90bd-4f00-94ae-09f93f71a6e1.tmp</t>
  </si>
  <si>
    <t>\\acsfs\profiles$\lucasgpe\Downloads\399ccaa1-90bd-4f00-94ae-09f93f71a6e1.tmp</t>
  </si>
  <si>
    <t>d7d5824f-b325-4937-b462-106fc3a21f72.tmp</t>
  </si>
  <si>
    <t>\\acsfs\profiles$\dhiulliananads\Downloads\d7d5824f-b325-4937-b462-106fc3a21f72.tmp</t>
  </si>
  <si>
    <t>equipe técnica.xlsx</t>
  </si>
  <si>
    <t>e80d613d-f057-4aff-bbc1-d97629125eb7.tmp</t>
  </si>
  <si>
    <t>\\acsfs\profiles$\KARENJSS\Downloads\e80d613d-f057-4aff-bbc1-d97629125eb7.tmp</t>
  </si>
  <si>
    <t>mail.google.com/_/upload?authuser=1&amp;dcp=asu-n&amp;upload_id=AEnB2UqVu0lRBQw6gaLs9e6Un5qVaQKdaXu59OWdCywJHkeF3jOaKiP1mSdlHBpYHsY4JrHRYTXzNxT0ttAsHr07ljkB-SjhRXstqMWsWjSm-Yb_6XgR8aI&amp;upload_protocol=resumable</t>
  </si>
  <si>
    <t>C:\Users\alinerg\Documents\Projetos\Projeto Jú\Conteúdo\Criação de conteúdo\</t>
  </si>
  <si>
    <t>Criação_Alteração Conteúdo v1.7.xlsx</t>
  </si>
  <si>
    <t>f76d9cc9-7ee4-4c9d-aa81-72e5f06250e4.tmp</t>
  </si>
  <si>
    <t>\\acsfs\profiles$\francislayneads\Downloads\f76d9cc9-7ee4-4c9d-aa81-72e5f06250e4.tmp</t>
  </si>
  <si>
    <t>517d0397-ea9e-42f8-b09a-12b8d95d895c.tmp</t>
  </si>
  <si>
    <t>\\acsfs\profiles$\francislayneads\Downloads\517d0397-ea9e-42f8-b09a-12b8d95d895c.tmp</t>
  </si>
  <si>
    <t>95c9d5d4-6c70-4ec3-a236-5a0024cb1e79.tmp</t>
  </si>
  <si>
    <t>\\acsfs\profiles$\alinepp\Downloads\95c9d5d4-6c70-4ec3-a236-5a0024cb1e79.tmp</t>
  </si>
  <si>
    <t>afa200fa-0682-45ad-8e0d-cb50ec69e0f7.tmp</t>
  </si>
  <si>
    <t>\\acsfs\profiles$\anafsb\Downloads\afa200fa-0682-45ad-8e0d-cb50ec69e0f7.tmp</t>
  </si>
  <si>
    <t>0c04abde-b1cc-40a2-b943-194317bafa85.tmp</t>
  </si>
  <si>
    <t>\\acsfs\profiles$\anafsb\Downloads\0c04abde-b1cc-40a2-b943-194317bafa85.tmp</t>
  </si>
  <si>
    <t>0c1f16f4-1cee-4bef-a033-7536a8151e6c.tmp</t>
  </si>
  <si>
    <t>\\acsfs\profiles$\sarahbal\Downloads\0c1f16f4-1cee-4bef-a033-7536a8151e6c.tmp</t>
  </si>
  <si>
    <t>19f97e14-2289-49f2-9106-2348c660d05f.tmp</t>
  </si>
  <si>
    <t>\\acsfs\profiles$\welidicdj\Downloads\19f97e14-2289-49f2-9106-2348c660d05f.tmp</t>
  </si>
  <si>
    <t>726a810c-ec3d-4faf-808b-bbec9c775f65.tmp</t>
  </si>
  <si>
    <t>\\acsfs\profiles$\welidicdj\Downloads\726a810c-ec3d-4faf-808b-bbec9c775f65.tmp</t>
  </si>
  <si>
    <t>celso.goncalves@bradesco.com.br;lucieneili@algartech.com;patricia.brito@bradesco.com.br;thainaradsg@algartech.com;</t>
  </si>
  <si>
    <t>celso.goncalves@bradesco.com.br,lucieneili@algartech.com,patricia.brito@bradesco.com.br,thainaradsg@algartech.com</t>
  </si>
  <si>
    <t>0fff71e7-2d57-49d9-83ff-842311ec43b6.tmp</t>
  </si>
  <si>
    <t>\\acsfs\profiles$\francislayneads\Downloads\0fff71e7-2d57-49d9-83ff-842311ec43b6.tmp</t>
  </si>
  <si>
    <t>627b4453-5818-45a3-9f50-3f21941f425b.tmp</t>
  </si>
  <si>
    <t>\\acsfs\profiles$\regisedsj\Downloads\627b4453-5818-45a3-9f50-3f21941f425b.tmp</t>
  </si>
  <si>
    <t>ed9620a9-16f3-43af-bf43-a55435e43249.tmp</t>
  </si>
  <si>
    <t>\\acsfs\profiles$\lucasgpe\Downloads\ed9620a9-16f3-43af-bf43-a55435e43249.tmp</t>
  </si>
  <si>
    <t>aad641c1-0d57-428a-bead-994e16b97f39.tmp</t>
  </si>
  <si>
    <t>\\acsfs\profiles$\inarajst\Downloads\aad641c1-0d57-428a-bead-994e16b97f39.tmp</t>
  </si>
  <si>
    <t>98a3343c-efe5-4470-9289-04b55caf2e96.tmp</t>
  </si>
  <si>
    <t>\\acsfs\profiles$\inarajst\Downloads\98a3343c-efe5-4470-9289-04b55caf2e96.tmp</t>
  </si>
  <si>
    <t>139f0c71-aade-4dac-ab59-b876c81cb6c6.tmp</t>
  </si>
  <si>
    <t>\\acsfs\profiles$\gabriellalpr\Downloads\139f0c71-aade-4dac-ab59-b876c81cb6c6.tmp</t>
  </si>
  <si>
    <t>1d400c15-1fc5-4dbe-a770-6aa733cde4ce.tmp</t>
  </si>
  <si>
    <t>\\acsfs\profiles$\brunalas\Downloads\1d400c15-1fc5-4dbe-a770-6aa733cde4ce.tmp</t>
  </si>
  <si>
    <t>4ae487e4-56e6-42ec-ba0d-9e26e6165df3.tmp</t>
  </si>
  <si>
    <t>\\acsfs\profiles$\brunalas\Downloads\4ae487e4-56e6-42ec-ba0d-9e26e6165df3.tmp</t>
  </si>
  <si>
    <t>d122153f-d7e4-4832-8b50-d2af857648ec.tmp</t>
  </si>
  <si>
    <t>\\acsfs\profiles$\edicarlosdl\Downloads\d122153f-d7e4-4832-8b50-d2af857648ec.tmp</t>
  </si>
  <si>
    <t>e84dd90b-cbaf-4a1e-9aab-3325e5fc0241.tmp</t>
  </si>
  <si>
    <t>\\acsfs\profiles$\edicarlosdl\Downloads\e84dd90b-cbaf-4a1e-9aab-3325e5fc0241.tmp</t>
  </si>
  <si>
    <t>mail.google.com/sync/u/0/i/s?hl=pt-BR&amp;c=978</t>
  </si>
  <si>
    <t>mail.google.com/sync/u/0/i/s?hl=pt-BR&amp;c=1006</t>
  </si>
  <si>
    <t>11e033d9-6eab-47e8-9d75-0a177587685b.tmp</t>
  </si>
  <si>
    <t>\\acsfs\profiles$\anafsb\Downloads\11e033d9-6eab-47e8-9d75-0a177587685b.tmp</t>
  </si>
  <si>
    <t>XLOG_marcosvnds_03012020_144307.log</t>
  </si>
  <si>
    <t>\\acsfs\profiles$\marcosvnds\My Documents\xworkcenter\logs\XLOG_marcosvnds_03012020_144307.log</t>
  </si>
  <si>
    <t>09c8ed78-485a-4a83-946c-5ec418c821e5.tmp</t>
  </si>
  <si>
    <t>\\acsfs\profiles$\brendadsl\Downloads\09c8ed78-485a-4a83-946c-5ec418c821e5.tmp</t>
  </si>
  <si>
    <t>e0b826b7-1fd0-4211-a77a-f567446ff7a1.tmp</t>
  </si>
  <si>
    <t>\\acsfs\profiles$\brendadsl\Downloads\e0b826b7-1fd0-4211-a77a-f567446ff7a1.tmp</t>
  </si>
  <si>
    <t>3629cf93-1081-4e90-bee0-771be172e2c9.tmp</t>
  </si>
  <si>
    <t>\\acsfs\profiles$\brendadsl\Downloads\3629cf93-1081-4e90-bee0-771be172e2c9.tmp</t>
  </si>
  <si>
    <t>842a4d04-e48a-4cbf-b5c3-08ca20fcd219.tmp</t>
  </si>
  <si>
    <t>\\acsfs\profiles$\lorrainerdl\Downloads\842a4d04-e48a-4cbf-b5c3-08ca20fcd219.tmp</t>
  </si>
  <si>
    <t>mail.google.com/sync/u/0/i/s?hl=pt-BR&amp;c=1014</t>
  </si>
  <si>
    <t>mail.google.com/sync/u/0/i/s?hl=pt-BR&amp;c=1016</t>
  </si>
  <si>
    <t>mail.google.com/sync/u/0/i/s?hl=pt-BR&amp;c=1020</t>
  </si>
  <si>
    <t>mail.google.com/sync/u/0/i/s?hl=pt-BR&amp;c=1022</t>
  </si>
  <si>
    <t>4962e600-e2bb-43f6-a1e7-19ac06a377bc.tmp</t>
  </si>
  <si>
    <t>\\acsfs\profiles$\marcosvnds\Downloads\4962e600-e2bb-43f6-a1e7-19ac06a377bc.tmp</t>
  </si>
  <si>
    <t>541fc22b-bc2d-4b95-8bb7-8a07ad70df0b.tmp</t>
  </si>
  <si>
    <t>\\acsfs\profiles$\marcosvnds\Downloads\541fc22b-bc2d-4b95-8bb7-8a07ad70df0b.tmp</t>
  </si>
  <si>
    <t>7815fefd-d0d7-4b35-9d81-ab89a0e4adcc.tmp</t>
  </si>
  <si>
    <t>\\acsfs\profiles$\marcosvnds\Downloads\7815fefd-d0d7-4b35-9d81-ab89a0e4adcc.tmp</t>
  </si>
  <si>
    <t>df2baf39-ddac-4edb-a3fc-a3267b4e64b8.tmp</t>
  </si>
  <si>
    <t>\\acsfs\profiles$\rosileiam\Downloads\df2baf39-ddac-4edb-a3fc-a3267b4e64b8.tmp</t>
  </si>
  <si>
    <t>d9640208-49fb-4fca-ae31-14ecfc07342a.tmp</t>
  </si>
  <si>
    <t>\\acsfs\profiles$\rosileiam\Downloads\d9640208-49fb-4fca-ae31-14ecfc07342a.tmp</t>
  </si>
  <si>
    <t>d140f059-016a-406f-bbfb-87f71338b276.tmp</t>
  </si>
  <si>
    <t>\\acsfs\profiles$\brendadsl\Downloads\d140f059-016a-406f-bbfb-87f71338b276.tmp</t>
  </si>
  <si>
    <t>c31e3ebb-b415-4056-b552-b77d10158d9c.tmp</t>
  </si>
  <si>
    <t>\\acsfs\profiles$\brendadsl\Downloads\c31e3ebb-b415-4056-b552-b77d10158d9c.tmp</t>
  </si>
  <si>
    <t>122019_Relatorio_Despesa V3.xlsb</t>
  </si>
  <si>
    <t>mail.google.com/_/upload?authuser=0&amp;dcp=asu-n&amp;upload_id=AEnB2UqIyJ-hzusIGZ0XnjyJWuu1jJH3eUmaG2dfPF_V5SIrsVn84A6mjK6xN3PO_GcrWrWDbJYDhK7LUit6gPzbdkZgh4jaiQ&amp;upload_protocol=resumable</t>
  </si>
  <si>
    <t>122019_Relatorio_Indiretos V3.xlsb</t>
  </si>
  <si>
    <t>mail.google.com/_/upload?authuser=0&amp;dcp=asu-n&amp;upload_id=AEnB2Uqby_1uwNj8nCHPs6jsIPOaTKTiWONu3k9Bet1ei1E6iDF0lBxVeTROzhw9AyBJD2kCH0pF6-3yc8FYSsGEQ6XnBoKH9DmcFiFwbdJdOr1Xu80jrcQ&amp;upload_protocol=resumable</t>
  </si>
  <si>
    <t>celmars@algartech.com;cristianecsa@algartech.com;ericacdosc@algartech.com;</t>
  </si>
  <si>
    <t>Informações_banco_200102 (5)_Conf.xlsx</t>
  </si>
  <si>
    <t>celmars@algartech.com,cristianecsa@algartech.com,ericacdosc@algartech.com</t>
  </si>
  <si>
    <t>mail.google.com/_/upload?authuser=0&amp;dcp=asu-n&amp;upload_id=AEnB2UpqA7EG82HLmpCK9lgt5_V4n8g3vqoS-kDZQj0lIOxbnng0v2jA9nsSiitwwuVAJdrWXDvir8UFJOT0E-dS5PBAbUeCP7AIri8rRjsEarHy-n_sXaY&amp;upload_protocol=resumable</t>
  </si>
  <si>
    <t>Notas 0.xls</t>
  </si>
  <si>
    <t>mail.google.com/sync/u/0/i/s?hl=pt-BR&amp;c=1031</t>
  </si>
  <si>
    <t>mail.google.com/sync/u/0/i/s?hl=pt-BR&amp;c=1033</t>
  </si>
  <si>
    <t>mail.google.com/sync/u/0/i/s?hl=pt-BR&amp;c=1044</t>
  </si>
  <si>
    <t>mail.google.com/sync/u/0/i/s?hl=pt-BR&amp;c=1055</t>
  </si>
  <si>
    <t>mail.google.com/sync/u/0/i/s?hl=pt-BR&amp;c=1059</t>
  </si>
  <si>
    <t>mail.google.com/sync/u/0/i/s?hl=pt-BR&amp;c=1063</t>
  </si>
  <si>
    <t>.~lock.Contatos 16122019.xlsx#</t>
  </si>
  <si>
    <t>\\acsfs\profiles$\victoriaksr\My Documents\.~lock.Contatos 16122019.xlsx#</t>
  </si>
  <si>
    <t>ec21a7fe-f267-43f5-acb8-fa9da6d2f3af.tmp</t>
  </si>
  <si>
    <t>\\acsfs\profiles$\cintiadjl\Downloads\ec21a7fe-f267-43f5-acb8-fa9da6d2f3af.tmp</t>
  </si>
  <si>
    <t>fbce6d61-760f-40f2-9246-2eb700563554.tmp</t>
  </si>
  <si>
    <t>\\acsfs\profiles$\cintiadjl\Downloads\fbce6d61-760f-40f2-9246-2eb700563554.tmp</t>
  </si>
  <si>
    <t>03d56990-e9f5-4ce4-89f8-bb9a59c80b8f.tmp</t>
  </si>
  <si>
    <t>\\acsfs\profiles$\inarajst\Downloads\03d56990-e9f5-4ce4-89f8-bb9a59c80b8f.tmp</t>
  </si>
  <si>
    <t>lu73196bfyt4w.tmp</t>
  </si>
  <si>
    <t>\\acsfs\DEPTOS\Operacao\Banco_Votorantim\Supervisao\SUPERS BV CARTÕES\ANA VITORIA\APOIO\lu73196bfyt4w.tmp</t>
  </si>
  <si>
    <t>\\acsfs\DEPTOS\Operacao\Banco_Votorantim\Supervisao\SUPERS BV CARTÕES\ANA VITORIA\APOIO\lu73196bfyt4w.tmp\</t>
  </si>
  <si>
    <t>\\acsfs\DEPTOS\Operacao\Banco_Votorantim\Supervisao\SUPERS BV CARTÕES\ANA VITORIA\APOIO\lu73196bfyt4w.tmp\META-INF\</t>
  </si>
  <si>
    <t>\\acsfs\DEPTOS\Operacao\Banco_Votorantim\Supervisao\SUPERS BV CARTÕES\ANA VITORIA\APOIO\lu73196bfyt4w.tmp\Thumbnails\</t>
  </si>
  <si>
    <t>.~lock.Retratação.xlsx#</t>
  </si>
  <si>
    <t>\\acsfs\DEPTOS\Operacao\Banco_Votorantim\Supervisao\SUPERS BV CARTÕES\ANA VITORIA\APOIO\.~lock.Retratação.xlsx#</t>
  </si>
  <si>
    <t>lu73196bfyt52.tmp</t>
  </si>
  <si>
    <t>\\acsfs\DEPTOS\Operacao\Banco_Votorantim\Supervisao\SUPERS BV CARTÕES\ANA VITORIA\APOIO\lu73196bfyt52.tmp</t>
  </si>
  <si>
    <t>mail.google.com/_/upload?authuser=1&amp;dcp=asu-n&amp;upload_id=AEnB2Up6Q0LPWoxvQirqDRdhW9ZRwFqvWW670_60eqfAkyRgwKcEE63jcvXxe3IkdA-bIkSgW-vKjCdqwqCgTU2meIsYw3Z4E53Xa2nn3b6wQh7-i7Ci9Pc&amp;upload_protocol=resumable</t>
  </si>
  <si>
    <t>SKILLS D2C.xlsx</t>
  </si>
  <si>
    <t>a0c507b2-a69a-4cc4-9c50-30f8c838c39d.tmp</t>
  </si>
  <si>
    <t>\\acsfs\profiles$\talitassc\Downloads\a0c507b2-a69a-4cc4-9c50-30f8c838c39d.tmp</t>
  </si>
  <si>
    <t>f3bcf34c-d229-468b-a4be-237b65e27735.tmp</t>
  </si>
  <si>
    <t>\\acsfs\profiles$\marcosvnds\Downloads\f3bcf34c-d229-468b-a4be-237b65e27735.tmp</t>
  </si>
  <si>
    <t>f47096e1-a300-459d-b6bc-ecbd002b9a6f.tmp</t>
  </si>
  <si>
    <t>\\acsfs\profiles$\marcosvnds\Downloads\f47096e1-a300-459d-b6bc-ecbd002b9a6f.tmp</t>
  </si>
  <si>
    <t>0401aeda-5e39-443b-9158-e35bc50aa7f7.tmp</t>
  </si>
  <si>
    <t>\\acsfs\profiles$\marcosvnds\Downloads\0401aeda-5e39-443b-9158-e35bc50aa7f7.tmp</t>
  </si>
  <si>
    <t>3122d27f-ea0f-493b-915f-1a17e7caf326.tmp</t>
  </si>
  <si>
    <t>\\acsfs\profiles$\marcosvnds\Downloads\3122d27f-ea0f-493b-915f-1a17e7caf326.tmp</t>
  </si>
  <si>
    <t>\\acsfs\ACS\001 - Qualidade Lilian\PAULO\FAROL DE QUALIDADE\</t>
  </si>
  <si>
    <t>Não confirmado 652640.crdownload</t>
  </si>
  <si>
    <t>\\acsfs\ACS\001 - Qualidade Lilian\PAULO\FAROL DE QUALIDADE\Não confirmado 652640.crdownload</t>
  </si>
  <si>
    <t>Dimensionamento_Janeiro Financeira 1º ciclo.xlsx:Zone.Identifier</t>
  </si>
  <si>
    <t>\\acsfs\ACS\001 - Qualidade Lilian\PAULO\FAROL DE QUALIDADE\Dimensionamento_Janeiro Financeira 1º ciclo.xlsx:Zone.Identifier</t>
  </si>
  <si>
    <t>Departamental torre dez.xlsx</t>
  </si>
  <si>
    <t>a0719c28-c17a-4456-83d5-ee9f450ce257.tmp</t>
  </si>
  <si>
    <t>\\acsfs\profiles$\henriqueco\Downloads\a0719c28-c17a-4456-83d5-ee9f450ce257.tmp</t>
  </si>
  <si>
    <t>287fcb2a-9020-419e-977d-8f8842a37c95.tmp</t>
  </si>
  <si>
    <t>\\acsfs\profiles$\inarajst\Downloads\287fcb2a-9020-419e-977d-8f8842a37c95.tmp</t>
  </si>
  <si>
    <t>1fb677d5-42bb-491f-a9d9-f18a83bbefe9.tmp</t>
  </si>
  <si>
    <t>\\acsfs\profiles$\gabrielafs\Downloads\1fb677d5-42bb-491f-a9d9-f18a83bbefe9.tmp</t>
  </si>
  <si>
    <t>4481d486-64c0-40d5-aff7-8c334cc39abd.tmp</t>
  </si>
  <si>
    <t>\\acsfs\profiles$\leticiala\Downloads\4481d486-64c0-40d5-aff7-8c334cc39abd.tmp</t>
  </si>
  <si>
    <t>mail.google.com/sync/u/0/i/s?hl=pt-BR&amp;c=1083</t>
  </si>
  <si>
    <t>mail.google.com/sync/u/0/i/s?hl=pt-BR&amp;c=1085</t>
  </si>
  <si>
    <t>mail.google.com/sync/u/0/i/s?hl=pt-BR&amp;c=1090</t>
  </si>
  <si>
    <t>mail.google.com/sync/u/0/i/s?hl=pt-BR&amp;c=1092</t>
  </si>
  <si>
    <t>21f47996-55eb-4d07-837a-a197d6175de7.tmp</t>
  </si>
  <si>
    <t>\\acsfs\profiles$\marcosvnds\Downloads\21f47996-55eb-4d07-837a-a197d6175de7.tmp</t>
  </si>
  <si>
    <t>d8c5779a-d197-405e-ba90-ea9761de4233.tmp</t>
  </si>
  <si>
    <t>\\acsfs\profiles$\marcosvnds\Downloads\d8c5779a-d197-405e-ba90-ea9761de4233.tmp</t>
  </si>
  <si>
    <t>Disco Local (C) - Atalho (4).lnk</t>
  </si>
  <si>
    <t>\\acsfs\ACS\Disco Local (C) - Atalho (4).lnk</t>
  </si>
  <si>
    <t>ggtg.txt</t>
  </si>
  <si>
    <t>\\acsfs\profiles$\geovannasm\My Documents\ggtg.txt</t>
  </si>
  <si>
    <t>bbccda43-31a7-4259-8217-c8152d422e90.tmp</t>
  </si>
  <si>
    <t>\\acsfs\profiles$\wedersonbadr\My Documents\My Music\bbccda43-31a7-4259-8217-c8152d422e90.tmp</t>
  </si>
  <si>
    <t>18181a76-3036-469e-89bf-67fb9883bebd.tmp</t>
  </si>
  <si>
    <t>\\acsfs\profiles$\wedersonbadr\My Documents\My Music\18181a76-3036-469e-89bf-67fb9883bebd.tmp</t>
  </si>
  <si>
    <t>c2bced04-c2ff-43f2-bdf3-ac070a0135e3.tmp</t>
  </si>
  <si>
    <t>\\acsfs\profiles$\henriqueco\Downloads\c2bced04-c2ff-43f2-bdf3-ac070a0135e3.tmp</t>
  </si>
  <si>
    <t>756a6be5-ca2d-49b3-b6e1-1e677eeb41ff.tmp</t>
  </si>
  <si>
    <t>\\acsfs\profiles$\inarajst\Downloads\756a6be5-ca2d-49b3-b6e1-1e677eeb41ff.tmp</t>
  </si>
  <si>
    <t>23397a7f-c8c0-494a-bf04-66ce70bd24cb.tmp</t>
  </si>
  <si>
    <t>\\acsfs\profiles$\inarajst\Downloads\23397a7f-c8c0-494a-bf04-66ce70bd24cb.tmp</t>
  </si>
  <si>
    <t>73a0e751-4544-4535-b08e-2cdf03d4be99.tmp</t>
  </si>
  <si>
    <t>\\acsfs\profiles$\inarajst\Downloads\73a0e751-4544-4535-b08e-2cdf03d4be99.tmp</t>
  </si>
  <si>
    <t>d2290775-d245-4d0d-925e-c4cb6537e3cc.tmp</t>
  </si>
  <si>
    <t>\\acsfs\profiles$\inarajst\Downloads\d2290775-d245-4d0d-925e-c4cb6537e3cc.tmp</t>
  </si>
  <si>
    <t>10.200.60.82</t>
  </si>
  <si>
    <t>mail.google.com/sync/u/0/i/s?hl=pt-BR&amp;c=1095</t>
  </si>
  <si>
    <t>mail.google.com/sync/u/0/i/s?hl=pt-BR&amp;c=1097</t>
  </si>
  <si>
    <t>mail.google.com/sync/u/0/i/s?hl=pt-BR&amp;c=1099</t>
  </si>
  <si>
    <t>.~lock.Acompanhamento Backoffice Cornerstone DEZ.19.xlsx#</t>
  </si>
  <si>
    <t>\\udpavonfs01\avon\00 - ACOMPANHAMENTO AVON\04 - BACKOFFICE CORNERSTONE\2020\01.2020\MÁSCARA\.~lock.Acompanhamento Backoffice Cornerstone DEZ.19.xlsx#</t>
  </si>
  <si>
    <t>\\udpavonfs01\avon\00 - ACOMPANHAMENTO AVON\04 - BACKOFFICE CORNERSTONE\2020\01.2020\MÁSCARA\Acompanhamento Backoffice Cornerstone DEZ.19.xlsx</t>
  </si>
  <si>
    <t>\\acsfs\ACS\001 - Qualidade Lilian\PAULO\FAROL DE QUALIDADE\Janeiro\</t>
  </si>
  <si>
    <t>Planilha nice 1° ciclo.xls</t>
  </si>
  <si>
    <t>\\acsfs\ACS\001 - Qualidade Lilian\PAULO\FAROL DE QUALIDADE\Janeiro\Planilha nice 1° ciclo.xls</t>
  </si>
  <si>
    <t>a45f417d-b657-4945-bb44-34f72fe9dcd6.tmp</t>
  </si>
  <si>
    <t>\\acsfs\profiles$\cintiadjl\Downloads\a45f417d-b657-4945-bb44-34f72fe9dcd6.tmp</t>
  </si>
  <si>
    <t>06976ced-a673-44ec-a86c-6be03cd6bd77.tmp</t>
  </si>
  <si>
    <t>\\acsfs\profiles$\laylaams\Downloads\06976ced-a673-44ec-a86c-6be03cd6bd77.tmp</t>
  </si>
  <si>
    <t>0fa39993-bbb6-45b5-a7c3-9024563767ad.tmp</t>
  </si>
  <si>
    <t>\\acsfs\profiles$\laylaams\Downloads\0fa39993-bbb6-45b5-a7c3-9024563767ad.tmp</t>
  </si>
  <si>
    <t>6149b53f-a3d0-41d4-be68-93e89feef63b.tmp</t>
  </si>
  <si>
    <t>\\acsfs\profiles$\LUISPLS\Downloads\6149b53f-a3d0-41d4-be68-93e89feef63b.tmp</t>
  </si>
  <si>
    <t>d68e5abc-777e-43c5-b9b2-7927ba910998.tmp</t>
  </si>
  <si>
    <t>\\acsfs\profiles$\talitassc\Downloads\d68e5abc-777e-43c5-b9b2-7927ba910998.tmp</t>
  </si>
  <si>
    <t>Horas Extras GRC _ Dez.2019.xls</t>
  </si>
  <si>
    <t>MATHEUS HENRIQUE DOS SANTOS (8713).contact</t>
  </si>
  <si>
    <t>\\acsfs\profiles$\matheushds\Contacts\MATHEUS HENRIQUE DOS SANTOS (8713).contact</t>
  </si>
  <si>
    <t>\\acsfs\DEPTOS\Controladoria\3. CSC\CONTROLES CSC\Drivers de custo - 2019\11.2019\Cost Driver Algar Tech (11_19)\</t>
  </si>
  <si>
    <t>007 - Jurídico.xlsx</t>
  </si>
  <si>
    <t>a6194f41-0cc1-40e5-87fd-35317245a8a7.tmp</t>
  </si>
  <si>
    <t>\\acsfs\profiles$\geovannasm\Downloads\a6194f41-0cc1-40e5-87fd-35317245a8a7.tmp</t>
  </si>
  <si>
    <t>6269aa56-b843-4288-9955-ea1e1aa4806f.tmp</t>
  </si>
  <si>
    <t>\\acsfs\profiles$\lorenabmc\Downloads\6269aa56-b843-4288-9955-ea1e1aa4806f.tmp</t>
  </si>
  <si>
    <t>lu225441ube95.tmp</t>
  </si>
  <si>
    <t>\\acsfs\profiles$\lucasgpe\Desktop\lu225441ube95.tmp</t>
  </si>
  <si>
    <t>\\acsfs\profiles$\lucasgpe\Desktop\lu225441ube95.tmp\</t>
  </si>
  <si>
    <t>\\acsfs\profiles$\lucasgpe\Desktop\lu225441ube95.tmp\META-INF\</t>
  </si>
  <si>
    <t>\\acsfs\profiles$\lucasgpe\Desktop\lu225441ube95.tmp\Thumbnails\</t>
  </si>
  <si>
    <t>\\udpavonfs01\avon\00 - ACOMPANHAMENTO AVON\04 - BACKOFFICE CORNERSTONE\2020\01.2020\MÁSCARA\</t>
  </si>
  <si>
    <t>Acompanhamento Backoffice Cornerstone JAN.20.xlsx</t>
  </si>
  <si>
    <t>\\udpavonfs01\avon\00 - ACOMPANHAMENTO AVON\04 - BACKOFFICE CORNERSTONE\2020\01.2020\MÁSCARA\Acompanhamento Backoffice Cornerstone JAN.20.xlsx</t>
  </si>
  <si>
    <t>fe9e8682-c55e-42e0-a92a-795d7c28c19f.tmp</t>
  </si>
  <si>
    <t>\\acsfs\profiles$\inarajst\Downloads\fe9e8682-c55e-42e0-a92a-795d7c28c19f.tmp</t>
  </si>
  <si>
    <t>e7c31541-c187-4f53-9eca-556e3094addd.tmp</t>
  </si>
  <si>
    <t>\\acsfs\profiles$\inarajst\Downloads\e7c31541-c187-4f53-9eca-556e3094addd.tmp</t>
  </si>
  <si>
    <t>fa824a4b-863b-45da-908f-2a4b16588cc6.tmp</t>
  </si>
  <si>
    <t>\\acsfs\profiles$\inarajst\Downloads\fa824a4b-863b-45da-908f-2a4b16588cc6.tmp</t>
  </si>
  <si>
    <t>096da520-e1e3-46e7-9773-f917e3fb5262.tmp</t>
  </si>
  <si>
    <t>\\acsfs\profiles$\inarajst\Downloads\096da520-e1e3-46e7-9773-f917e3fb5262.tmp</t>
  </si>
  <si>
    <t>7554a0dd-952f-4673-a6b3-561d91ffb6af.tmp</t>
  </si>
  <si>
    <t>\\acsfs\profiles$\inarajst\Downloads\7554a0dd-952f-4673-a6b3-561d91ffb6af.tmp</t>
  </si>
  <si>
    <t>820ec39e-a656-41f1-b97d-aa719d4a7a47.tmp</t>
  </si>
  <si>
    <t>\\acsfs\profiles$\inarajst\Downloads\820ec39e-a656-41f1-b97d-aa719d4a7a47.tmp</t>
  </si>
  <si>
    <t>lu2916143rnh.tmp</t>
  </si>
  <si>
    <t>\\acsfs\profiles$\KELLZYLENNEASR\My Documents\lu2916143rnh.tmp</t>
  </si>
  <si>
    <t>\\acsfs\profiles$\KELLZYLENNEASR\My Documents\lu2916143rnh.tmp\</t>
  </si>
  <si>
    <t>\\acsfs\profiles$\KELLZYLENNEASR\My Documents\lu2916143rnh.tmp\META-INF\</t>
  </si>
  <si>
    <t>\\acsfs\profiles$\KELLZYLENNEASR\My Documents\lu2916143rnh.tmp\Thumbnails\</t>
  </si>
  <si>
    <t>182c6a9c-3ee3-4eab-ae6d-4e35cc1adab2.tmp</t>
  </si>
  <si>
    <t>\\acsfs\profiles$\larissaad\Downloads\182c6a9c-3ee3-4eab-ae6d-4e35cc1adab2.tmp</t>
  </si>
  <si>
    <t>18af6919-965e-40b6-a848-5c598c3485dc.tmp</t>
  </si>
  <si>
    <t>\\acsfs\profiles$\henriqueco\Downloads\18af6919-965e-40b6-a848-5c598c3485dc.tmp</t>
  </si>
  <si>
    <t>XLOG_vivianibfs_03012020_152937.log</t>
  </si>
  <si>
    <t>\\acsfs\profiles$\vivianibfs\My Documents\xworkcenter\logs\XLOG_vivianibfs_03012020_152937.log</t>
  </si>
  <si>
    <t>e7275b5d-1b1e-4288-889d-6bd01c9f3ec2.tmp</t>
  </si>
  <si>
    <t>\\acsfs\profiles$\nathaliarmr\Downloads\e7275b5d-1b1e-4288-889d-6bd01c9f3ec2.tmp</t>
  </si>
  <si>
    <t>\\acsfs\profiles$\leticiaat\Contacts\</t>
  </si>
  <si>
    <t>LETICIA ALVES TEIXEIRA (26736).contact</t>
  </si>
  <si>
    <t>\\acsfs\profiles$\leticiaat\Contacts\LETICIA ALVES TEIXEIRA (26736).contact</t>
  </si>
  <si>
    <t>\\acsfs\profiles$\leticiaat\My Documents\My Videos\</t>
  </si>
  <si>
    <t>\\acsfs\profiles$\leticiaat\My Documents\My Videos\desktop.ini</t>
  </si>
  <si>
    <t>\\acsfs\profiles$\leticiaat\My Documents\My Pictures\</t>
  </si>
  <si>
    <t>\\acsfs\profiles$\leticiaat\My Documents\My Pictures\desktop.ini</t>
  </si>
  <si>
    <t>\\acsfs\profiles$\leticiaat\Contacts\desktop.ini</t>
  </si>
  <si>
    <t>\\acsfs\profiles$\leticiaat\Favorites\</t>
  </si>
  <si>
    <t>\\acsfs\profiles$\leticiaat\Favorites\desktop.ini</t>
  </si>
  <si>
    <t>\\acsfs\profiles$\leticiaat\My Documents\My Music\</t>
  </si>
  <si>
    <t>\\acsfs\profiles$\leticiaat\My Documents\My Music\desktop.ini</t>
  </si>
  <si>
    <t>\\acsfs\profiles$\leticiaat\Searches\</t>
  </si>
  <si>
    <t>\\acsfs\profiles$\leticiaat\Searches\desktop.ini</t>
  </si>
  <si>
    <t>\\acsfs\profiles$\leticiaat\Downloads\desktop.ini</t>
  </si>
  <si>
    <t>\\acsfs\profiles$\leticiaat\My Documents\desktop.ini</t>
  </si>
  <si>
    <t>\\acsfs\profiles$\leticiaat\Saved Games\</t>
  </si>
  <si>
    <t>\\acsfs\profiles$\leticiaat\Saved Games\desktop.ini</t>
  </si>
  <si>
    <t>\\acsfs\profiles$\leticiaat\Favorites\Links for Brasil\</t>
  </si>
  <si>
    <t>\\acsfs\profiles$\leticiaat\Favorites\Links for Brasil\desktop.ini</t>
  </si>
  <si>
    <t>\\acsfs\profiles$\leticiaat\Favorites\Links for Brasil\Microsoft Brasil.url</t>
  </si>
  <si>
    <t>\\acsfs\profiles$\leticiaat\Favorites\Links for Brasil\Windows Brasil.url</t>
  </si>
  <si>
    <t>\\acsfs\profiles$\leticiaat\Favorites\Links for Brasil\MSN Brasil.url</t>
  </si>
  <si>
    <t>lu73196bfyt5c.tmp</t>
  </si>
  <si>
    <t>\\acsfs\DEPTOS\Operacao\Banco_Votorantim\Supervisao\SUPERS BV CARTÕES\ANA VITORIA\APOIO\lu73196bfyt5c.tmp</t>
  </si>
  <si>
    <t>\\acsfs\DEPTOS\Operacao\Banco_Votorantim\Supervisao\SUPERS BV CARTÕES\ANA VITORIA\APOIO\lu73196bfyt5c.tmp\</t>
  </si>
  <si>
    <t>\\acsfs\DEPTOS\Operacao\Banco_Votorantim\Supervisao\SUPERS BV CARTÕES\ANA VITORIA\APOIO\lu73196bfyt5c.tmp\META-INF\</t>
  </si>
  <si>
    <t>\\acsfs\DEPTOS\Operacao\Banco_Votorantim\Supervisao\SUPERS BV CARTÕES\ANA VITORIA\APOIO\lu73196bfyt5c.tmp\Thumbnails\</t>
  </si>
  <si>
    <t>mail.google.com/sync/u/0/i/s?hl=pt-BR&amp;c=1112</t>
  </si>
  <si>
    <t>mail.google.com/sync/u/0/i/s?hl=pt-BR&amp;c=1114</t>
  </si>
  <si>
    <t>mail.google.com/sync/u/0/i/s?hl=pt-BR&amp;c=1119</t>
  </si>
  <si>
    <t>cpc-controldeskavon@algartech.com;joseasn@algartech.com;josiascdsj@algartech.com;marianadjc@algartech.com;paulacn@algartech.com;rafaelggs@algartech.com;viniciussg@algartech.com;</t>
  </si>
  <si>
    <t>cpc-controldeskavon@algartech.com,joseasn@algartech.com,josiascdsj@algartech.com,marianadjc@algartech.com,paulacn@algartech.com,rafaelggs@algartech.com,viniciussg@algartech.com</t>
  </si>
  <si>
    <t>mail.google.com/sync/u/0/i/s?hl=pt-BR&amp;c=1124</t>
  </si>
  <si>
    <t>mail.google.com/sync/u/0/i/s?hl=pt-BR&amp;c=1126</t>
  </si>
  <si>
    <t>mail.google.com/sync/u/0/i/s?hl=pt-BR&amp;c=1128</t>
  </si>
  <si>
    <t>mail.google.com/sync/u/0/i/s?hl=pt-BR&amp;c=1132</t>
  </si>
  <si>
    <t>mail.google.com/sync/u/0/i/s?hl=pt-BR&amp;c=1134</t>
  </si>
  <si>
    <t>mail.google.com/sync/u/0/i/s?hl=pt-BR&amp;c=1136</t>
  </si>
  <si>
    <t>mail.google.com/sync/u/0/i/s?hl=pt-BR&amp;c=1138</t>
  </si>
  <si>
    <t>78e38917-df0f-4a28-b4d8-bba466f4af73.tmp</t>
  </si>
  <si>
    <t>\\acsfs\profiles$\deborahsi\Downloads\78e38917-df0f-4a28-b4d8-bba466f4af73.tmp</t>
  </si>
  <si>
    <t>1fb351c2-d255-44c3-895b-5e852ade102b.tmp</t>
  </si>
  <si>
    <t>\\acsfs\profiles$\inarajst\Downloads\1fb351c2-d255-44c3-895b-5e852ade102b.tmp</t>
  </si>
  <si>
    <t>26afebcb-5ae8-4777-b17c-7c471d5e4393.tmp</t>
  </si>
  <si>
    <t>\\acsfs\profiles$\alessandraan\Downloads\26afebcb-5ae8-4777-b17c-7c471d5e4393.tmp</t>
  </si>
  <si>
    <t>\\acsfs\profiles$\MARILIAFPLB\ATIVO\</t>
  </si>
  <si>
    <t>\\acsfs\profiles$\MARILIAFPLB\ATIVO\.~lock.ATIVO ATT.ods#</t>
  </si>
  <si>
    <t>1ae299d5-ec44-499e-bfb7-69cfc6f8fcbd.tmp</t>
  </si>
  <si>
    <t>\\acsfs\profiles$\geovannasm\Downloads\1ae299d5-ec44-499e-bfb7-69cfc6f8fcbd.tmp</t>
  </si>
  <si>
    <t>2c657fed-1414-4fcb-a483-2cfe856df948.tmp</t>
  </si>
  <si>
    <t>\\acsfs\profiles$\lorraynevam\Downloads\2c657fed-1414-4fcb-a483-2cfe856df948.tmp</t>
  </si>
  <si>
    <t>4fc4de03-ad9b-43c7-a47b-4265561630b7.tmp</t>
  </si>
  <si>
    <t>\\acsfs\profiles$\henriqueco\Downloads\4fc4de03-ad9b-43c7-a47b-4265561630b7.tmp</t>
  </si>
  <si>
    <t>3f80e137-d314-4563-9655-0d5afc9f57a1.tmp</t>
  </si>
  <si>
    <t>\\acsfs\profiles$\jalilebds\Downloads\3f80e137-d314-4563-9655-0d5afc9f57a1.tmp</t>
  </si>
  <si>
    <t>9d3bc2e5-f181-4414-a34c-19053c134ef1.tmp</t>
  </si>
  <si>
    <t>\\acsfs\profiles$\geovannasm\Downloads\9d3bc2e5-f181-4414-a34c-19053c134ef1.tmp</t>
  </si>
  <si>
    <t>b8b9daae-f5da-43af-81da-937279dcb7ee.tmp</t>
  </si>
  <si>
    <t>\\acsfs\profiles$\geovannasm\Downloads\b8b9daae-f5da-43af-81da-937279dcb7ee.tmp</t>
  </si>
  <si>
    <t>27671f28-ac6a-4bd8-84ed-d42e57985f7a.tmp</t>
  </si>
  <si>
    <t>\\acsfs\profiles$\alinepp\Downloads\27671f28-ac6a-4bd8-84ed-d42e57985f7a.tmp</t>
  </si>
  <si>
    <t>10ebbbff-b9b1-4005-98cb-53a93c79c0d3.tmp</t>
  </si>
  <si>
    <t>\\acsfs\profiles$\alinepp\Downloads\10ebbbff-b9b1-4005-98cb-53a93c79c0d3.tmp</t>
  </si>
  <si>
    <t>ba92c81b-a750-4e80-be24-25117face5c6.tmp</t>
  </si>
  <si>
    <t>\\acsfs\profiles$\gabriellalpr\Downloads\ba92c81b-a750-4e80-be24-25117face5c6.tmp</t>
  </si>
  <si>
    <t>BDBV.xlsm</t>
  </si>
  <si>
    <t>\\acsfs\ACS\Gabriel da Silva\Contemporânea\BDBV.xlsm</t>
  </si>
  <si>
    <t>lu73196bfyt5l.tmp</t>
  </si>
  <si>
    <t>\\acsfs\DEPTOS\Operacao\Banco_Votorantim\Supervisao\SUPERS BV CARTÕES\ANA VITORIA\APOIO\lu73196bfyt5l.tmp</t>
  </si>
  <si>
    <t>\\acsfs\DEPTOS\Operacao\Banco_Votorantim\Supervisao\SUPERS BV CARTÕES\ANA VITORIA\APOIO\lu73196bfyt5l.tmp\</t>
  </si>
  <si>
    <t>\\acsfs\DEPTOS\Operacao\Banco_Votorantim\Supervisao\SUPERS BV CARTÕES\ANA VITORIA\APOIO\lu73196bfyt5l.tmp\META-INF\</t>
  </si>
  <si>
    <t>\\acsfs\DEPTOS\Operacao\Banco_Votorantim\Supervisao\SUPERS BV CARTÕES\ANA VITORIA\APOIO\lu73196bfyt5l.tmp\Thumbnails\</t>
  </si>
  <si>
    <t>\\acsfs\DEPTOS\Operacao\Banco_Votorantim\Supervisao\SUPERS BV CARTÕES\ANA VITORIA\APOIO\Thumbs.db</t>
  </si>
  <si>
    <t>\\acsfs\DEPTOS\Operacao\Banco_Votorantim\Supervisao\SUPERS BV CARTÕES\ANA VITORIA\APOIO\.~lock.Status Filas.xlsx#</t>
  </si>
  <si>
    <t>mail.google.com/sync/u/0/i/s?hl=pt-BR&amp;c=1153</t>
  </si>
  <si>
    <t>mail.google.com/sync/u/0/i/s?hl=pt-BR&amp;c=1155</t>
  </si>
  <si>
    <t>mail.google.com/sync/u/0/i/s?hl=pt-BR&amp;c=1157</t>
  </si>
  <si>
    <t>mail.google.com/sync/u/0/i/s?hl=pt-BR&amp;c=1159</t>
  </si>
  <si>
    <t>mail.google.com/sync/u/0/i/s?hl=pt-BR&amp;c=1161</t>
  </si>
  <si>
    <t>mail.google.com/sync/u/0/i/s?hl=pt-BR&amp;c=1163</t>
  </si>
  <si>
    <t>mail.google.com/sync/u/0/i/s?hl=pt-BR&amp;c=1167</t>
  </si>
  <si>
    <t>mail.google.com/sync/u/0/i/s?hl=pt-BR&amp;c=1169</t>
  </si>
  <si>
    <t>mail.google.com/sync/u/0/i/s?hl=pt-BR&amp;c=1175</t>
  </si>
  <si>
    <t>mail.google.com/sync/u/0/i/s?hl=pt-BR&amp;c=1177</t>
  </si>
  <si>
    <t>mail.google.com/sync/u/0/i/s?hl=pt-BR&amp;c=1179</t>
  </si>
  <si>
    <t>mail.google.com/sync/u/0/i/s?hl=pt-BR&amp;c=1186</t>
  </si>
  <si>
    <t>383ba521-8288-4686-92ab-845153fca714.tmp</t>
  </si>
  <si>
    <t>\\acsfs\profiles$\mariajra\Downloads\383ba521-8288-4686-92ab-845153fca714.tmp</t>
  </si>
  <si>
    <t>7ec05520-2223-4a27-bfc5-acc43c126893.tmp</t>
  </si>
  <si>
    <t>\\acsfs\profiles$\inarajst\Downloads\7ec05520-2223-4a27-bfc5-acc43c126893.tmp</t>
  </si>
  <si>
    <t>818759c5-299b-437a-86ed-f3f0c3543e48.tmp</t>
  </si>
  <si>
    <t>\\acsfs\profiles$\andreapdsg\Downloads\818759c5-299b-437a-86ed-f3f0c3543e48.tmp</t>
  </si>
  <si>
    <t>Q29udHJvbGxlci5JRS1JbmZvQlY- (22).ica</t>
  </si>
  <si>
    <t>\\acsfs\profiles$\andreapdsg\Downloads\Q29udHJvbGxlci5JRS1JbmZvQlY- (22).ica</t>
  </si>
  <si>
    <t>1b59f413-fa4a-4840-83f8-4939436288f8.tmp</t>
  </si>
  <si>
    <t>\\acsfs\profiles$\andreapdsg\Downloads\1b59f413-fa4a-4840-83f8-4939436288f8.tmp</t>
  </si>
  <si>
    <t>724622cb-46eb-4ef1-b093-4c25ad7246cc.tmp</t>
  </si>
  <si>
    <t>\\acsfs\profiles$\andreapdsg\Downloads\724622cb-46eb-4ef1-b093-4c25ad7246cc.tmp</t>
  </si>
  <si>
    <t>a7478b2a-4a36-41ce-a065-7e6314b7edc8.tmp</t>
  </si>
  <si>
    <t>\\acsfs\profiles$\andreapdsg\Downloads\a7478b2a-4a36-41ce-a065-7e6314b7edc8.tmp</t>
  </si>
  <si>
    <t>1e220ff2-5dd6-4712-a8fe-4cea46dbe99a.tmp</t>
  </si>
  <si>
    <t>\\acsfs\profiles$\andreapdsg\Downloads\1e220ff2-5dd6-4712-a8fe-4cea46dbe99a.tmp</t>
  </si>
  <si>
    <t>cde4a75e-ec09-4cd9-a3ff-3801e9077cbe.tmp</t>
  </si>
  <si>
    <t>\\acsfs\profiles$\wedersonbadr\My Documents\My Music\cde4a75e-ec09-4cd9-a3ff-3801e9077cbe.tmp</t>
  </si>
  <si>
    <t>10.200.57.247</t>
  </si>
  <si>
    <t>mail.google.com/_/upload?authuser=0&amp;dcp=asu-n&amp;upload_id=AEnB2UoQ1PekdyRmfbhAjI12cREAXyNWXJCcAMPe6sfrha76gwoW1Ed--aBBv6WttkbGJWCMQUcz0L0F1DTdmbFHY2J_t_8r__FWoh_8j-76rVscKhs_EH8&amp;upload_protocol=resumable</t>
  </si>
  <si>
    <t>C:\Users\edilsonrb\Documents\02.Trabalho\86.ANO.2020\02.NIMBUS\01.JANEIRO\01.CUSTO.FOLHA\</t>
  </si>
  <si>
    <t>ABRIL.2019.xlsx</t>
  </si>
  <si>
    <t>a9244ec5-411c-413a-b3df-701e4db41fbf.tmp</t>
  </si>
  <si>
    <t>\\acsfs\profiles$\myllenardl\Downloads\a9244ec5-411c-413a-b3df-701e4db41fbf.tmp</t>
  </si>
  <si>
    <t>b035ca89-992b-4ab5-894f-8ad4de9bcf82.tmp</t>
  </si>
  <si>
    <t>\\acsfs\profiles$\gabrielarb\Downloads\b035ca89-992b-4ab5-894f-8ad4de9bcf82.tmp</t>
  </si>
  <si>
    <t>48e46020-164a-4752-8936-b6bb183309b3.tmp</t>
  </si>
  <si>
    <t>\\acsfs\profiles$\gabrielarb\Downloads\48e46020-164a-4752-8936-b6bb183309b3.tmp</t>
  </si>
  <si>
    <t>15959e6c-954a-4144-b1de-370392df7927.tmp</t>
  </si>
  <si>
    <t>\\acsfs\profiles$\gabrielarb\Downloads\15959e6c-954a-4144-b1de-370392df7927.tmp</t>
  </si>
  <si>
    <t>8fa4b520-11e5-4414-85be-afa450363895.tmp</t>
  </si>
  <si>
    <t>\\acsfs\profiles$\gabrielarb\Downloads\8fa4b520-11e5-4414-85be-afa450363895.tmp</t>
  </si>
  <si>
    <t>1856abd9-b0fe-4504-9d37-7e92b9418828.tmp</t>
  </si>
  <si>
    <t>\\acsfs\profiles$\gabrielsma\Downloads\1856abd9-b0fe-4504-9d37-7e92b9418828.tmp</t>
  </si>
  <si>
    <t>\\acsfs\profiles$\gabrielsma\Downloads\1856abd9-b0fe-4504-9d37-7e92b9418828.tmp\</t>
  </si>
  <si>
    <t>attachment</t>
  </si>
  <si>
    <t>attachment-01</t>
  </si>
  <si>
    <t>attachment-02</t>
  </si>
  <si>
    <t>attachment-03</t>
  </si>
  <si>
    <t>attachment-04</t>
  </si>
  <si>
    <t>attachment-05</t>
  </si>
  <si>
    <t>attachment-06</t>
  </si>
  <si>
    <t>attachment-07</t>
  </si>
  <si>
    <t>attachment-08</t>
  </si>
  <si>
    <t>attachment-09</t>
  </si>
  <si>
    <t>attachment-10</t>
  </si>
  <si>
    <t>attachment-11</t>
  </si>
  <si>
    <t>attachment-12</t>
  </si>
  <si>
    <t>attachment-13</t>
  </si>
  <si>
    <t>attachment-14</t>
  </si>
  <si>
    <t>attachment-15</t>
  </si>
  <si>
    <t>attachment-16</t>
  </si>
  <si>
    <t>attachment-17</t>
  </si>
  <si>
    <t>attachment-18</t>
  </si>
  <si>
    <t>attachment-19</t>
  </si>
  <si>
    <t>attachment-20</t>
  </si>
  <si>
    <t>attachment-21</t>
  </si>
  <si>
    <t>attachment-22</t>
  </si>
  <si>
    <t>attachment-23</t>
  </si>
  <si>
    <t>attachment-24</t>
  </si>
  <si>
    <t>attachment-25</t>
  </si>
  <si>
    <t>attachment-26</t>
  </si>
  <si>
    <t>attachment-27</t>
  </si>
  <si>
    <t>attachment-28</t>
  </si>
  <si>
    <t>attachment-29</t>
  </si>
  <si>
    <t>attachment-30</t>
  </si>
  <si>
    <t>attachment-31</t>
  </si>
  <si>
    <t>attachment-32</t>
  </si>
  <si>
    <t>attachment-33</t>
  </si>
  <si>
    <t>898da91c-452d-4aea-b78d-1c4f9ed7b17f.tmp</t>
  </si>
  <si>
    <t>\\acsfs\profiles$\gabrielsma\Downloads\898da91c-452d-4aea-b78d-1c4f9ed7b17f.tmp</t>
  </si>
  <si>
    <t>\\acsfs\profiles$\gabrielsma\Downloads\898da91c-452d-4aea-b78d-1c4f9ed7b17f.tmp\</t>
  </si>
  <si>
    <t>\\acsfs\deptos\Operacao\PCP\5 - Comum\CONTROL DESK\2 - DAC2\Control Desk AVON\Relatorios\WHATSAPP\2020\</t>
  </si>
  <si>
    <t>Report PA Digital_TOPS_Janeiro.xlsm</t>
  </si>
  <si>
    <t>\\acsfs\deptos\Operacao\PCP\5 - Comum\CONTROL DESK\2 - DAC2\Control Desk AVON\Relatorios\WHATSAPP\2020\Report PA Digital_TOPS_Janeiro.xlsm</t>
  </si>
  <si>
    <t>\\acsfs\DEPTOS\Operacao\PCP\5 - Comum\PLANEJAMENTO BV\23 - EXTRAÇÕES\Agent utilization\2020\</t>
  </si>
  <si>
    <t>Agent utilization 01.01.2020 a 02.01.2020.xlsx</t>
  </si>
  <si>
    <t>\\acsfs\DEPTOS\Operacao\PCP\5 - Comum\PLANEJAMENTO BV\23 - EXTRAÇÕES\Agent utilization\2020\Agent utilization 01.01.2020 a 02.01.2020.xlsx</t>
  </si>
  <si>
    <t>Q29udHJvbGxlci5QYXl3YXJl (24).ica</t>
  </si>
  <si>
    <t>\\acsfs\profiles$\andreapdsg\Downloads\Q29udHJvbGxlci5QYXl3YXJl (24).ica</t>
  </si>
  <si>
    <t>54b5aa3c-236c-4aff-9597-572db070272d.tmp</t>
  </si>
  <si>
    <t>\\acsfs\profiles$\larissaad\Downloads\54b5aa3c-236c-4aff-9597-572db070272d.tmp</t>
  </si>
  <si>
    <t>XLOG_vanessacgs_03012020_090722.log</t>
  </si>
  <si>
    <t>\\acsfs\profiles$\vanessacgs\My Documents\xworkcenter\logs\XLOG_vanessacgs_03012020_090722.log</t>
  </si>
  <si>
    <t>21777c3c-c2de-4c89-ab37-6760e593fe6b.tmp</t>
  </si>
  <si>
    <t>\\acsfs\profiles$\rafaelahpn\Downloads\21777c3c-c2de-4c89-ab37-6760e593fe6b.tmp</t>
  </si>
  <si>
    <t>fb09bc4a-423f-41d4-8577-63ddeabf23b8.tmp</t>
  </si>
  <si>
    <t>\\acsfs\profiles$\myllenardl\Downloads\fb09bc4a-423f-41d4-8577-63ddeabf23b8.tmp</t>
  </si>
  <si>
    <t>a48fa127-a5a5-4eb6-8df4-3e830d9bd789.tmp</t>
  </si>
  <si>
    <t>\\acsfs\profiles$\myllenardl\Downloads\a48fa127-a5a5-4eb6-8df4-3e830d9bd789.tmp</t>
  </si>
  <si>
    <t>mail.google.com/_/upload?authuser=0&amp;dcp=asu-n&amp;upload_id=AEnB2UrqSLBe12isSq715f60kN6ORZEYhG6MG1A3qyA5YWn2ZAH4MWyBOC3ci2zb_iL5YrqgiRfmyl85uRRASqVAA-AewEDIk0kAPM26yskbxwOyOAT8IZE&amp;upload_protocol=resumable</t>
  </si>
  <si>
    <t>95613ee8-caad-4b37-a693-212383936a38.tmp</t>
  </si>
  <si>
    <t>\\acsfs\profiles$\gabrielarb\Downloads\95613ee8-caad-4b37-a693-212383936a38.tmp</t>
  </si>
  <si>
    <t>af1789fe-d5a6-4b56-b12e-dad9875c735b.tmp</t>
  </si>
  <si>
    <t>\\acsfs\profiles$\anafsb\Downloads\af1789fe-d5a6-4b56-b12e-dad9875c735b.tmp</t>
  </si>
  <si>
    <t>mail.google.com/sync/u/0/i/s?hl=pt-BR&amp;c=1197</t>
  </si>
  <si>
    <t>0;algartechcpcbv@algartech.com;andrelpsa@algartech.com;catianalv@algartech.com;cpc-controldeskavon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0,algartechcpcbv@algartech.com,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209</t>
  </si>
  <si>
    <t>catianalv@algartech.com;cpc-controldeskavon@algartech.com;joseasn@algartech.com;josiascdsj@algartech.com;lucianarsantos@algartech.com;luiz.henriquesantos@avon.com;marianadjc@algartech.com;paulacn@algartech.com;rafaelggs@algartech.com;senildapdo@algartecnologia.com.br;viniciussg@algartech.com;</t>
  </si>
  <si>
    <t>catianalv@algartech.com,cpc-controldeskavon@algartech.com,joseasn@algartech.com,josiascdsj@algartech.com,lucianarsantos@algartech.com,luiz.henriquesantos@avon.com,marianadjc@algartech.com,paulacn@algartech.com,rafaelggs@algartech.com,senildapdo@algartecnologia.com.br,viniciussg@algartech.com</t>
  </si>
  <si>
    <t>catianalv@algartech.com;cpc-controldeskavon@algartech.com;joseasn@algartech.com;josiascdsj@algartech.com;lucianarsantos@algartech.com;marianadjc@algartech.com;paulacn@algartech.com;rafaelggs@algartech.com;senildapdo@algartecnologia.com.br;viniciussg@algartech.com;</t>
  </si>
  <si>
    <t>catianalv@algartech.com,cpc-controldeskavon@algartech.com,joseasn@algartech.com,josiascdsj@algartech.com,lucianarsantos@algartech.com,marianadjc@algartech.com,paulacn@algartech.com,rafaelggs@algartech.com,senildapdo@algartecnologia.com.br,viniciussg@algartech.com</t>
  </si>
  <si>
    <t>mail.google.com/sync/u/0/i/s?hl=pt-BR&amp;c=1217</t>
  </si>
  <si>
    <t>47fe9f9e-d09d-40ef-b938-8c16bafe53b2.tmp</t>
  </si>
  <si>
    <t>\\acsfs\profiles$\andreapdsg\Downloads\47fe9f9e-d09d-40ef-b938-8c16bafe53b2.tmp</t>
  </si>
  <si>
    <t>d182e87e-9bd4-4210-a7c1-a81f59ceb860.tmp</t>
  </si>
  <si>
    <t>\\acsfs\profiles$\andreapdsg\Downloads\d182e87e-9bd4-4210-a7c1-a81f59ceb860.tmp</t>
  </si>
  <si>
    <t>1eb3bbb1-988a-409f-9eae-ea7f3162c7f5.tmp</t>
  </si>
  <si>
    <t>\\acsfs\profiles$\ayalabfi\Downloads\1eb3bbb1-988a-409f-9eae-ea7f3162c7f5.tmp</t>
  </si>
  <si>
    <t>363e9e51-95d0-40a4-bf9c-fcd1b35f1c7c.tmp</t>
  </si>
  <si>
    <t>\\acsfs\profiles$\gabrielarb\Downloads\363e9e51-95d0-40a4-bf9c-fcd1b35f1c7c.tmp</t>
  </si>
  <si>
    <t>3094fccc-9fb3-440a-8541-809c912957da.tmp</t>
  </si>
  <si>
    <t>\\acsfs\profiles$\gabrielarb\Downloads\3094fccc-9fb3-440a-8541-809c912957da.tmp</t>
  </si>
  <si>
    <t>49b713a9-c2ae-48c1-8f2c-9b0d268355df.tmp</t>
  </si>
  <si>
    <t>\\acsfs\profiles$\gabrielarb\Downloads\49b713a9-c2ae-48c1-8f2c-9b0d268355df.tmp</t>
  </si>
  <si>
    <t>6fd5146a-1199-49f5-aa1c-b3f42c95352c.tmp</t>
  </si>
  <si>
    <t>\\acsfs\profiles$\gabrielarb\Downloads\6fd5146a-1199-49f5-aa1c-b3f42c95352c.tmp</t>
  </si>
  <si>
    <t>2fe754fb-cd31-4042-96bb-86874df40fbb.tmp</t>
  </si>
  <si>
    <t>\\acsfs\profiles$\gabrielsma\Downloads\2fe754fb-cd31-4042-96bb-86874df40fbb.tmp</t>
  </si>
  <si>
    <t>\\acsfs\profiles$\gabrielsma\Downloads\2fe754fb-cd31-4042-96bb-86874df40fbb.tmp\</t>
  </si>
  <si>
    <t>lu89032bw1z1x.tmp</t>
  </si>
  <si>
    <t>\\acsfs\DEPTOS\Operacao\Banco_Votorantim\Supervisao\SUPERS BV CARTÕES\ANA VITORIA\APOIO\lu89032bw1z1x.tmp</t>
  </si>
  <si>
    <t>mail.google.com/sync/u/0/i/s?hl=pt-BR&amp;c=1219</t>
  </si>
  <si>
    <t>mail.google.com/sync/u/0/i/s?hl=pt-BR&amp;c=1224</t>
  </si>
  <si>
    <t>da972378-5652-49ab-baba-329bcab4776c.tmp</t>
  </si>
  <si>
    <t>\\acsfs\profiles$\geovannasm\Downloads\da972378-5652-49ab-baba-329bcab4776c.tmp</t>
  </si>
  <si>
    <t>c:\users\harunams\downloads\</t>
  </si>
  <si>
    <t>kit_pre_deslig_ant_term_contrato_empregado_124299_wesley andrade santos.pdf</t>
  </si>
  <si>
    <t>2e693b65-cbe2-4f37-a8d5-2efc3a1a8fef.tmp</t>
  </si>
  <si>
    <t>\\acsfs\profiles$\nayarasds\Downloads\2e693b65-cbe2-4f37-a8d5-2efc3a1a8fef.tmp</t>
  </si>
  <si>
    <t>97763869-69c9-4751-975a-fc695aba4e60.tmp</t>
  </si>
  <si>
    <t>\\acsfs\profiles$\nayarasds\Downloads\97763869-69c9-4751-975a-fc695aba4e60.tmp</t>
  </si>
  <si>
    <t>77f54601-14f7-48d4-b4aa-52b42bc3c124.tmp</t>
  </si>
  <si>
    <t>\\acsfs\profiles$\geovannasm\Downloads\77f54601-14f7-48d4-b4aa-52b42bc3c124.tmp</t>
  </si>
  <si>
    <t>8142fd0f-7ea5-4459-a557-2b520398eabb.tmp</t>
  </si>
  <si>
    <t>\\acsfs\profiles$\lorrainerdl\Downloads\8142fd0f-7ea5-4459-a557-2b520398eabb.tmp</t>
  </si>
  <si>
    <t>mail.google.com/_/upload?authuser=0&amp;dcp=asu-n&amp;upload_id=AEnB2UqQmQ1wtbSsR8y_vxJrb1L8SChWPfWWDqbWE8f_S9RE7t_ijF1bsPHFnke4XnLAkKAGL_8n9hoP5IVLxgF-Gntd75QhmQ&amp;upload_protocol=resumable</t>
  </si>
  <si>
    <t>C:\Users\leandrojbe\Desktop\</t>
  </si>
  <si>
    <t>EMAIL_BRIGADA_2020.xlsx</t>
  </si>
  <si>
    <t>abb7394a-05f6-46fe-b8db-5440b69c1ead.tmp</t>
  </si>
  <si>
    <t>\\acsfs\profiles$\gabrielarb\Downloads\abb7394a-05f6-46fe-b8db-5440b69c1ead.tmp</t>
  </si>
  <si>
    <t>fb894048-d4f1-43bc-a529-bc4c43b251f8.tmp</t>
  </si>
  <si>
    <t>\\acsfs\profiles$\gabrielarb\Downloads\fb894048-d4f1-43bc-a529-bc4c43b251f8.tmp</t>
  </si>
  <si>
    <t>0760ac39-749c-40c4-b374-dd3ea1660c81.tmp</t>
  </si>
  <si>
    <t>\\acsfs\profiles$\gabrielarb\Downloads\0760ac39-749c-40c4-b374-dd3ea1660c81.tmp</t>
  </si>
  <si>
    <t>10.200.59.247</t>
  </si>
  <si>
    <t>renatofol@algartech.com</t>
  </si>
  <si>
    <t>C:\Users\renatofol\Downloads\</t>
  </si>
  <si>
    <t>Fatura Smart.xlsx</t>
  </si>
  <si>
    <t>XLOG_tiagosno_03012020_083001.log</t>
  </si>
  <si>
    <t>\\acsfs\profiles$\tiagosno\My Documents\xworkcenter\logs\XLOG_tiagosno_03012020_083001.log</t>
  </si>
  <si>
    <t>10.200.60.142</t>
  </si>
  <si>
    <t>mail.google.com/_/upload?authuser=1&amp;dcp=asu-n&amp;upload_id=AEnB2UpV8kOEhLomUa8VM_nRENaCp_30MbPrSC1oVQbCA7-4YtUnluakq85jlfzz-JWgDVrW1aJAXO_E5XIZWQc6Mn71wEHqjHv19xziNOehzRcVs98cl2c&amp;upload_protocol=resumable</t>
  </si>
  <si>
    <t>XLOG_ellencds_03012020_081637.log</t>
  </si>
  <si>
    <t>\\acsfs\profiles$\ellencds\My Documents\xworkcenter\logs\XLOG_ellencds_03012020_081637.log</t>
  </si>
  <si>
    <t>84928b49-e391-4549-9071-052b7a8636b3.tmp</t>
  </si>
  <si>
    <t>\\acsfs\profiles$\lucasgpe\Downloads\84928b49-e391-4549-9071-052b7a8636b3.tmp</t>
  </si>
  <si>
    <t>mail.google.com/_/upload?authuser=1&amp;dcp=asu-n&amp;upload_id=AEnB2Ur7WSXQXG65jC7_b2iI29yI6eGXQvZXTG21_nCUbMOsIA3JOjcHFSCceeYKN0ntza7y7WR4AkNYyoo2iQh3d7LIvzDt4qRf0ZSKXGW1QMrg4RxFUSQ&amp;upload_protocol=resumable</t>
  </si>
  <si>
    <t>Estudo Conversão - Árvore Antiga.xlsx</t>
  </si>
  <si>
    <t>71e8bef1-f492-473b-b631-b65e6a3d121c.tmp</t>
  </si>
  <si>
    <t>\\acsfs\profiles$\brendadsl\Downloads\71e8bef1-f492-473b-b631-b65e6a3d121c.tmp</t>
  </si>
  <si>
    <t>10.200.67.194</t>
  </si>
  <si>
    <t>78-2B-CB-C1-04-48</t>
  </si>
  <si>
    <t>VOTORANT-MB003</t>
  </si>
  <si>
    <t>LEYDIANE APARECIDA MOREIRA DUARTE (33).contact</t>
  </si>
  <si>
    <t>\\acsfs\profiles$\leydianeamd\Contacts\LEYDIANE APARECIDA MOREIRA DUARTE (33).contact</t>
  </si>
  <si>
    <t>C:\Users\ricardobal\OneDrive - Grupo Algar\Algar Tecnologia\DOCUMENTOS\</t>
  </si>
  <si>
    <t>Formulário Solicitações de Férias Irregulares JAN 2019.xls</t>
  </si>
  <si>
    <t>100021477525818;</t>
  </si>
  <si>
    <t>https://100021477525818</t>
  </si>
  <si>
    <t>03 Jan. Vol Filas de Retorno.xlsx</t>
  </si>
  <si>
    <t>4f81039f-5d31-4e07-a85a-a285466bc19a.tmp</t>
  </si>
  <si>
    <t>\\acsfs\profiles$\gabrielsma\Downloads\4f81039f-5d31-4e07-a85a-a285466bc19a.tmp</t>
  </si>
  <si>
    <t>Q29udHJvbGxlci5JbnRyYW5ldC1DaHJvbWU-.ica.crdownload</t>
  </si>
  <si>
    <t>\\acsfs\ACS\Gabriel da Silva\Contemporânea\BDBV\Q29udHJvbGxlci5JbnRyYW5ldC1DaHJvbWU-.ica.crdownload</t>
  </si>
  <si>
    <t>Q29udHJvbGxlci5JbnRyYW5ldC1DaHJvbWU-.ica:Zone.Identifier</t>
  </si>
  <si>
    <t>\\acsfs\ACS\Gabriel da Silva\Contemporânea\BDBV\Q29udHJvbGxlci5JbnRyYW5ldC1DaHJvbWU-.ica:Zone.Identifier</t>
  </si>
  <si>
    <t>f533113b-9231-4093-812a-fa6c31421b5e.tmp</t>
  </si>
  <si>
    <t>\\acsfs\profiles$\mariagsg\Downloads\f533113b-9231-4093-812a-fa6c31421b5e.tmp</t>
  </si>
  <si>
    <t>XLOG_leydianeamd_30122019_130214.log</t>
  </si>
  <si>
    <t>\\acsfs\profiles$\leydianeamd\My Documents\xworkcenter\logs\XLOG_leydianeamd_30122019_130214.log</t>
  </si>
  <si>
    <t>2cf04b83-eae3-4c4b-bb36-4d60a2162a1b.tmp</t>
  </si>
  <si>
    <t>\\acsfs\profiles$\geovannasm\Downloads\2cf04b83-eae3-4c4b-bb36-4d60a2162a1b.tmp</t>
  </si>
  <si>
    <t>21088dff-549e-4caf-b84e-3b94215830c4.tmp</t>
  </si>
  <si>
    <t>\\acsfs\profiles$\wedersonbadr\My Documents\My Music\21088dff-549e-4caf-b84e-3b94215830c4.tmp</t>
  </si>
  <si>
    <t>mail.google.com/_/upload?authuser=1&amp;dcp=asu-n&amp;upload_id=AEnB2Urbvix148Ljd3pTcOm2FEmEWM4ygWGQ3YviajlcbbPw0xhlNKOmSjoeI0S6qj4fdhCfD0uWyp2aDK8H3Y3p1OQXx2f9f47MvZqpe1voKYTTNqLWjfg&amp;upload_protocol=resumable</t>
  </si>
  <si>
    <t>outlook.office.com/owa/service.svc?action=CreateItem&amp;app=Mail&amp;n=420</t>
  </si>
  <si>
    <t>outlook.office.com/owa/service.svc?action=UpdateItem&amp;app=Mail&amp;n=422</t>
  </si>
  <si>
    <t>outlook.office.com/owa/service.svc?action=UpdateItem&amp;app=Mail&amp;n=423</t>
  </si>
  <si>
    <t>outlook.office.com/owa/service.svc?action=UpdateItem&amp;app=Mail&amp;n=424</t>
  </si>
  <si>
    <t>outlook.office.com/owa/service.svc?action=UpdateItem&amp;app=Mail&amp;n=435</t>
  </si>
  <si>
    <t>926654fb-ed9b-4979-8956-d41fc7c76b6b.tmp</t>
  </si>
  <si>
    <t>\\acsfs\profiles$\gabrielamdp\Downloads\926654fb-ed9b-4979-8956-d41fc7c76b6b.tmp</t>
  </si>
  <si>
    <t>77c2c207-e702-4528-82bb-a251753fa832.tmp</t>
  </si>
  <si>
    <t>\\acsfs\profiles$\gabrielamdp\Downloads\77c2c207-e702-4528-82bb-a251753fa832.tmp</t>
  </si>
  <si>
    <t>6f5bc599-a116-4681-a9c2-ea9dcd1b8161.tmp</t>
  </si>
  <si>
    <t>\\acsfs\profiles$\gabrielamdp\Downloads\6f5bc599-a116-4681-a9c2-ea9dcd1b8161.tmp</t>
  </si>
  <si>
    <t>43b6cba8-de16-4cfc-a130-fc5108331f5d.tmp</t>
  </si>
  <si>
    <t>\\acsfs\profiles$\gabrielamdp\Downloads\43b6cba8-de16-4cfc-a130-fc5108331f5d.tmp</t>
  </si>
  <si>
    <t>c207af58-4bed-4c61-a03d-c8051810ae7b.tmp</t>
  </si>
  <si>
    <t>\\acsfs\profiles$\ingridsm\Downloads\c207af58-4bed-4c61-a03d-c8051810ae7b.tmp</t>
  </si>
  <si>
    <t>eedcb2d1-1a71-43fa-a9b5-0172efd6e983.tmp</t>
  </si>
  <si>
    <t>\\acsfs\profiles$\joycemmdl\Downloads\eedcb2d1-1a71-43fa-a9b5-0172efd6e983.tmp</t>
  </si>
  <si>
    <t>c44174fc-c4bd-4b2a-9121-b52f83cae59f.tmp</t>
  </si>
  <si>
    <t>\\acsfs\profiles$\laylaams\Downloads\c44174fc-c4bd-4b2a-9121-b52f83cae59f.tmp</t>
  </si>
  <si>
    <t>outlook.office.com/owa/service.svc?action=UpdateItem&amp;app=Mail&amp;n=436</t>
  </si>
  <si>
    <t>outlook.office.com/owa/service.svc?action=UpdateItem&amp;app=Mail&amp;n=438</t>
  </si>
  <si>
    <t>8a899268-4c0b-4261-a8b2-17368f1e1304.tmp</t>
  </si>
  <si>
    <t>\\acsfs\profiles$\ingridsm\Downloads\8a899268-4c0b-4261-a8b2-17368f1e1304.tmp</t>
  </si>
  <si>
    <t>bea9e132-68be-4bc8-a0f0-9d677048dc4b.tmp</t>
  </si>
  <si>
    <t>\\acsfs\profiles$\ingridsm\Downloads\bea9e132-68be-4bc8-a0f0-9d677048dc4b.tmp</t>
  </si>
  <si>
    <t>lu244523tm7ws.tmp</t>
  </si>
  <si>
    <t>\\acsfs\profiles$\victoriaksr\Downloads\lu244523tm7ws.tmp</t>
  </si>
  <si>
    <t>mail.google.com/_/upload?authuser=1&amp;dcp=asu-n&amp;upload_id=AEnB2UrCuUi21-OMZtsJUPDIKJAhdE65LmUel3cSAjpbdxUcFkHxMosC27cX97y01BwwEWWBGrOB9ovF90rnZK7w1jD3h3vpl4g8U46LXqesSS8gDzNqxUo&amp;upload_protocol=resumable</t>
  </si>
  <si>
    <t>C:\Users\marcotvo\Desktop\PMO - STAFF DIGITAL - FINAL.pptx\</t>
  </si>
  <si>
    <t>lu289844qt9pp.tmp</t>
  </si>
  <si>
    <t>\\acsfs\profiles$\jalilebds\Downloads\lu289844qt9pp.tmp</t>
  </si>
  <si>
    <t>2de92570-1f33-4c6b-8f3d-e9b5d9da78f7.tmp</t>
  </si>
  <si>
    <t>\\acsfs\profiles$\gabrielsma\Downloads\2de92570-1f33-4c6b-8f3d-e9b5d9da78f7.tmp</t>
  </si>
  <si>
    <t>PLANILHA DE ACESSO - espirito santo.xls</t>
  </si>
  <si>
    <t>\\udpavonfs01\avon\00 - ACOMPANHAMENTO AVON\05 - OCUPAÇÃO BKO\2019\12 - Dezembro\ABONO\</t>
  </si>
  <si>
    <t>CATIANA.xlsx</t>
  </si>
  <si>
    <t>\\udpavonfs01\avon\00 - ACOMPANHAMENTO AVON\05 - OCUPAÇÃO BKO\2020\1 - JANEIRO\ABONO\CATIANA.xlsx</t>
  </si>
  <si>
    <t>LUCIANA.xlsx</t>
  </si>
  <si>
    <t>\\udpavonfs01\avon\00 - ACOMPANHAMENTO AVON\05 - OCUPAÇÃO BKO\2020\1 - JANEIRO\ABONO\LUCIANA.xlsx</t>
  </si>
  <si>
    <t>TAYSE.xlsx</t>
  </si>
  <si>
    <t>\\udpavonfs01\avon\00 - ACOMPANHAMENTO AVON\05 - OCUPAÇÃO BKO\2020\1 - JANEIRO\ABONO\TAYSE.xlsx</t>
  </si>
  <si>
    <t>\\udpavonfs01\avon\00 - ACOMPANHAMENTO AVON\05 - OCUPAÇÃO BKO\2019\12 - Dezembro\MÁSCARA\</t>
  </si>
  <si>
    <t>Análise Backoffice_Dezembro_2019.xlsx</t>
  </si>
  <si>
    <t>\\udpavonfs01\avon\00 - ACOMPANHAMENTO AVON\05 - OCUPAÇÃO BKO\2020\1 - JANEIRO\MÁSCARA\Análise Backoffice_Dezembro_2019.xlsx</t>
  </si>
  <si>
    <t>\\udpavonfs01\avon\00 - ACOMPANHAMENTO AVON\05 - OCUPAÇÃO BKO\2019\12 - Dezembro\RELATÓRIO\02.12.2019\</t>
  </si>
  <si>
    <t>\\udpavonfs01\avon\00 - ACOMPANHAMENTO AVON\05 - OCUPAÇÃO BKO\2020\1 - JANEIRO\RELATÓRIO\02.12.2019\Análise Backoffice_Dezembro_2019.xlsx</t>
  </si>
  <si>
    <t>\\udpavonfs01\avon\00 - ACOMPANHAMENTO AVON\05 - OCUPAÇÃO BKO\2019\12 - Dezembro\RELATÓRIO\05.12.2019\</t>
  </si>
  <si>
    <t>\\udpavonfs01\avon\00 - ACOMPANHAMENTO AVON\05 - OCUPAÇÃO BKO\2020\1 - JANEIRO\RELATÓRIO\05.12.2019\Análise Backoffice_Dezembro_2019.xlsx</t>
  </si>
  <si>
    <t>\\udpavonfs01\avon\00 - ACOMPANHAMENTO AVON\05 - OCUPAÇÃO BKO\2019\12 - Dezembro\RELATÓRIO\09.12.2019\</t>
  </si>
  <si>
    <t>\\udpavonfs01\avon\00 - ACOMPANHAMENTO AVON\05 - OCUPAÇÃO BKO\2020\1 - JANEIRO\RELATÓRIO\09.12.2019\Análise Backoffice_Dezembro_2019.xlsx</t>
  </si>
  <si>
    <t>\\udpavonfs01\avon\00 - ACOMPANHAMENTO AVON\05 - OCUPAÇÃO BKO\2019\12 - Dezembro\RELATÓRIO\12.12.2019\</t>
  </si>
  <si>
    <t>\\udpavonfs01\avon\00 - ACOMPANHAMENTO AVON\05 - OCUPAÇÃO BKO\2020\1 - JANEIRO\RELATÓRIO\12.12.2019\Análise Backoffice_Dezembro_2019.xlsx</t>
  </si>
  <si>
    <t>\\udpavonfs01\avon\00 - ACOMPANHAMENTO AVON\05 - OCUPAÇÃO BKO\2019\12 - Dezembro\RELATÓRIO\17.12.2019\</t>
  </si>
  <si>
    <t>\\udpavonfs01\avon\00 - ACOMPANHAMENTO AVON\05 - OCUPAÇÃO BKO\2020\1 - JANEIRO\RELATÓRIO\17.12.2019\Análise Backoffice_Dezembro_2019.xlsx</t>
  </si>
  <si>
    <t>\\udpavonfs01\avon\00 - ACOMPANHAMENTO AVON\05 - OCUPAÇÃO BKO\2019\12 - Dezembro\RELATÓRIO\19.12.2019\</t>
  </si>
  <si>
    <t>\\udpavonfs01\avon\00 - ACOMPANHAMENTO AVON\05 - OCUPAÇÃO BKO\2020\1 - JANEIRO\RELATÓRIO\19.12.2019\Análise Backoffice_Dezembro_2019.xlsx</t>
  </si>
  <si>
    <t>\\udpavonfs01\avon\00 - ACOMPANHAMENTO AVON\05 - OCUPAÇÃO BKO\2019\12 - Dezembro\RELATÓRIO\23.12.2019\</t>
  </si>
  <si>
    <t>\\udpavonfs01\avon\00 - ACOMPANHAMENTO AVON\05 - OCUPAÇÃO BKO\2020\1 - JANEIRO\RELATÓRIO\23.12.2019\Análise Backoffice_Dezembro_2019.xlsx</t>
  </si>
  <si>
    <t>0151c033-142f-45ee-b5d5-0001105b21c0.tmp</t>
  </si>
  <si>
    <t>\\acsfs\profiles$\ingridsm\Downloads\0151c033-142f-45ee-b5d5-0001105b21c0.tmp</t>
  </si>
  <si>
    <t>lu244523tm7x1.tmp</t>
  </si>
  <si>
    <t>\\acsfs\profiles$\victoriaksr\Downloads\lu244523tm7x1.tmp</t>
  </si>
  <si>
    <t>lu244523tm7x7.tmp</t>
  </si>
  <si>
    <t>\\acsfs\profiles$\victoriaksr\Downloads\lu244523tm7x7.tmp</t>
  </si>
  <si>
    <t>e8613d6d-f3f1-48d4-96bb-db96ef0cc186.tmp</t>
  </si>
  <si>
    <t>\\acsfs\profiles$\anafaes\Downloads\e8613d6d-f3f1-48d4-96bb-db96ef0cc186.tmp</t>
  </si>
  <si>
    <t>add3ca93-3b82-4375-9606-dd2f75ed6f96.tmp</t>
  </si>
  <si>
    <t>\\acsfs\profiles$\anafaes\Downloads\add3ca93-3b82-4375-9606-dd2f75ed6f96.tmp</t>
  </si>
  <si>
    <t>d81f48b6-47d8-44b5-a177-fa70d9623271.tmp</t>
  </si>
  <si>
    <t>\\acsfs\profiles$\anafaes\Downloads\d81f48b6-47d8-44b5-a177-fa70d9623271.tmp</t>
  </si>
  <si>
    <t>2b97f3d3-450a-4ee9-8515-a5f729381d21.tmp</t>
  </si>
  <si>
    <t>\\acsfs\profiles$\anafaes\Downloads\2b97f3d3-450a-4ee9-8515-a5f729381d21.tmp</t>
  </si>
  <si>
    <t>e9e59a21-156f-4059-a913-7396e9bea153.tmp</t>
  </si>
  <si>
    <t>\\acsfs\profiles$\lorenabmc\Downloads\e9e59a21-156f-4059-a913-7396e9bea153.tmp</t>
  </si>
  <si>
    <t>c4755a70-a753-4624-8e4b-86a049953a5b.tmp</t>
  </si>
  <si>
    <t>\\acsfs\profiles$\ingridsm\Downloads\c4755a70-a753-4624-8e4b-86a049953a5b.tmp</t>
  </si>
  <si>
    <t>XLOG_anacdos_03012020_082023.log</t>
  </si>
  <si>
    <t>\\acsfs\profiles$\anacdos\My Documents\xworkcenter\logs\XLOG_anacdos_03012020_082023.log</t>
  </si>
  <si>
    <t>WEDERSON BRUNO ALVES DOS REIS (7238).contact</t>
  </si>
  <si>
    <t>\\acsfs\profiles$\wedersonbadr\Contacts\WEDERSON BRUNO ALVES DOS REIS (7238).contact</t>
  </si>
  <si>
    <t>fefcc651-7129-4312-b347-2c2d1a911dc4.tmp</t>
  </si>
  <si>
    <t>\\acsfs\profiles$\matheushds\Downloads\fefcc651-7129-4312-b347-2c2d1a911dc4.tmp</t>
  </si>
  <si>
    <t>FECHAMENTO 03-01-2020.png</t>
  </si>
  <si>
    <t>\\acsfs\DEPTOS\Operacao\Banco_Votorantim\Qualidade\Anderson\Jose\Atualizado\FECHAMENTO 03-01-2020.png</t>
  </si>
  <si>
    <t>hugooc@algartech.com;lindolfoj@algartech.com;</t>
  </si>
  <si>
    <t>acessos.xlsx</t>
  </si>
  <si>
    <t>hugooc@algartech.com,lindolfoj@algartech.com</t>
  </si>
  <si>
    <t>5df96de3-a088-4f71-a6c3-4f8ce5e95cda.tmp</t>
  </si>
  <si>
    <t>\\acsfs\profiles$\gabriellalpr\Downloads\5df96de3-a088-4f71-a6c3-4f8ce5e95cda.tmp</t>
  </si>
  <si>
    <t>lu7484nh7k.tmp</t>
  </si>
  <si>
    <t>\\acsfs\profiles$\dhiulliananads\My Documents\lu7484nh7k.tmp</t>
  </si>
  <si>
    <t>\\acsfs\profiles$\dhiulliananads\My Documents\lu7484nh7k.tmp\</t>
  </si>
  <si>
    <t>\\acsfs\profiles$\dhiulliananads\My Documents\lu7484nh7k.tmp\META-INF\</t>
  </si>
  <si>
    <t>\\acsfs\profiles$\dhiulliananads\My Documents\lu7484nh7k.tmp\Thumbnails\</t>
  </si>
  <si>
    <t>\\acsfs\ACS\Gabriel da Silva\Contemporânea\BDBV\E4E537EB.tmp\</t>
  </si>
  <si>
    <t>\\acsfs\ACS\Gabriel da Silva\Contemporânea\BDBV\E4E537EB.tmp\:Zone.Identifier:$DATA</t>
  </si>
  <si>
    <t>\\acsfs\ACS\Gabriel da Silva\Contemporânea\BDBV\DBED7C7E.tmp\</t>
  </si>
  <si>
    <t>\\acsfs\ACS\Gabriel da Silva\Contemporânea\BDBV\DBED7C7E.tmp\:Zone.Identifier:$DATA</t>
  </si>
  <si>
    <t>\\acsfs\ACS\Gabriel da Silva\Contemporânea\BDBV\156240D.tmp\</t>
  </si>
  <si>
    <t>\\acsfs\ACS\Gabriel da Silva\Contemporânea\BDBV\156240D.tmp\:Zone.Identifier:$DATA</t>
  </si>
  <si>
    <t>ead748d0-f15c-41d4-aa6f-d1c93b46a464.tmp</t>
  </si>
  <si>
    <t>\\acsfs\profiles$\georgendsq\Downloads\ead748d0-f15c-41d4-aa6f-d1c93b46a464.tmp</t>
  </si>
  <si>
    <t>97584b21-dc32-4129-829e-3346ec098599.tmp</t>
  </si>
  <si>
    <t>\\acsfs\profiles$\ingridsm\Downloads\97584b21-dc32-4129-829e-3346ec098599.tmp</t>
  </si>
  <si>
    <t>4d22dc0b-f117-42c6-b10b-c6fd2461ec64.tmp</t>
  </si>
  <si>
    <t>\\acsfs\profiles$\ingridsm\Downloads\4d22dc0b-f117-42c6-b10b-c6fd2461ec64.tmp</t>
  </si>
  <si>
    <t>7051977d-f87d-4ebc-8f6c-c8c166ca7f5c.tmp</t>
  </si>
  <si>
    <t>\\acsfs\profiles$\ingridsm\Downloads\7051977d-f87d-4ebc-8f6c-c8c166ca7f5c.tmp</t>
  </si>
  <si>
    <t>Empresas DF.xlsx</t>
  </si>
  <si>
    <t>a8f56fd9-56ad-45fd-8455-f69b1eaab29b.tmp</t>
  </si>
  <si>
    <t>\\acsfs\profiles$\anafaes\Downloads\a8f56fd9-56ad-45fd-8455-f69b1eaab29b.tmp</t>
  </si>
  <si>
    <t>ccbd742c-e427-4b3b-9f9e-aca6d6c07e28.tmp</t>
  </si>
  <si>
    <t>\\acsfs\profiles$\anafaes\Downloads\ccbd742c-e427-4b3b-9f9e-aca6d6c07e28.tmp</t>
  </si>
  <si>
    <t>67917e5e-e8d8-40d3-89a0-d49147fb9cc3.tmp</t>
  </si>
  <si>
    <t>\\acsfs\profiles$\larissaad\Downloads\67917e5e-e8d8-40d3-89a0-d49147fb9cc3.tmp</t>
  </si>
  <si>
    <t>9c69fa8d-dba7-4584-b505-4e93577ea1c7.tmp</t>
  </si>
  <si>
    <t>\\acsfs\profiles$\matheushds\Downloads\9c69fa8d-dba7-4584-b505-4e93577ea1c7.tmp</t>
  </si>
  <si>
    <t>ad0ce5c0-a6e1-4510-92c6-f76d4f4bfd2f.tmp</t>
  </si>
  <si>
    <t>\\acsfs\profiles$\matheushds\Downloads\ad0ce5c0-a6e1-4510-92c6-f76d4f4bfd2f.tmp</t>
  </si>
  <si>
    <t>92075925-7698-4bae-891c-bc7a65bad0cc.tmp</t>
  </si>
  <si>
    <t>\\acsfs\profiles$\matheushds\Downloads\92075925-7698-4bae-891c-bc7a65bad0cc.tmp</t>
  </si>
  <si>
    <t>lu255284csfx0.tmp</t>
  </si>
  <si>
    <t>\\acsfs\profiles$\LORRAYNEVAM\lu255284csfx0.tmp</t>
  </si>
  <si>
    <t>\\acsfs\profiles$\LORRAYNEVAM\lu255284csfx0.tmp\</t>
  </si>
  <si>
    <t>\\acsfs\profiles$\LORRAYNEVAM\lu255284csfx0.tmp\META-INF\</t>
  </si>
  <si>
    <t>\\acsfs\profiles$\LORRAYNEVAM\lu255284csfx0.tmp\Thumbnails\</t>
  </si>
  <si>
    <t>527a2935-3ffa-44d4-b28a-83b2b23b08cd.tmp</t>
  </si>
  <si>
    <t>\\acsfs\profiles$\gabriellalpr\Downloads\527a2935-3ffa-44d4-b28a-83b2b23b08cd.tmp</t>
  </si>
  <si>
    <t>\\acsfs\ACS\Gabriel da Silva\Contemporânea\Acessos\66924048.tmp\</t>
  </si>
  <si>
    <t>\\acsfs\ACS\Gabriel da Silva\Contemporânea\Acessos\66924048.tmp\:Zone.Identifier:$DATA</t>
  </si>
  <si>
    <t>16a73204-bc67-4cdb-9a70-13ffac5c62d9.tmp</t>
  </si>
  <si>
    <t>\\acsfs\profiles$\gabrielsma\Downloads\16a73204-bc67-4cdb-9a70-13ffac5c62d9.tmp</t>
  </si>
  <si>
    <t>Metlife_V.csv.crdownload</t>
  </si>
  <si>
    <t>\\acsfs\ACS\Gabriel da Silva\Contemporânea\VENDAS\Metlife_V.csv.crdownload</t>
  </si>
  <si>
    <t>Metlife_V.csv:Zone.Identifier</t>
  </si>
  <si>
    <t>\\acsfs\ACS\Gabriel da Silva\Contemporânea\VENDAS\Metlife_V.csv:Zone.Identifier</t>
  </si>
  <si>
    <t>d53a229d-b253-4dc5-a090-8253ff416c2c.tmp</t>
  </si>
  <si>
    <t>\\acsfs\profiles$\ingridsm\Downloads\d53a229d-b253-4dc5-a090-8253ff416c2c.tmp</t>
  </si>
  <si>
    <t>53a3f612-437e-4ef4-b35a-f8567bb0930d.tmp</t>
  </si>
  <si>
    <t>\\acsfs\profiles$\matheushds\Downloads\53a3f612-437e-4ef4-b35a-f8567bb0930d.tmp</t>
  </si>
  <si>
    <t>100014251170101;fabriciadc@algartech.com.br;joaogvc@algartech.com;josiascdsj@algartech.com;marianadjc@algartech.com;rafaelggs@algartech.com;taysdss@algartech.com;viniciussg@algartech.com;</t>
  </si>
  <si>
    <t>100014251170101,fabriciadc@algartech.com.br,joaogvc@algartech.com,josiascdsj@algartech.com,marianadjc@algartech.com,rafaelggs@algartech.com,taysdss@algartech.com,viniciussg@algartech.com</t>
  </si>
  <si>
    <t>6475d722-8ff7-43ac-a1ff-38c4c2798111.tmp</t>
  </si>
  <si>
    <t>\\acsfs\profiles$\brendadsl\Downloads\6475d722-8ff7-43ac-a1ff-38c4c2798111.tmp</t>
  </si>
  <si>
    <t>a1e44de8-aa81-4e5d-8878-962c9e7bcad0.tmp</t>
  </si>
  <si>
    <t>\\acsfs\profiles$\brendadsl\Downloads\a1e44de8-aa81-4e5d-8878-962c9e7bcad0.tmp</t>
  </si>
  <si>
    <t>c2c64873-b0dc-4805-9938-50ab488456e3.tmp</t>
  </si>
  <si>
    <t>\\acsfs\profiles$\marcosvnds\Downloads\c2c64873-b0dc-4805-9938-50ab488456e3.tmp</t>
  </si>
  <si>
    <t>45563684-a6a2-4185-b0c9-ed67decc0008.tmp</t>
  </si>
  <si>
    <t>\\acsfs\profiles$\marcosvnds\Downloads\45563684-a6a2-4185-b0c9-ed67decc0008.tmp</t>
  </si>
  <si>
    <t>3cab8ff6-1c43-470e-ae08-94f5bceb42a6.tmp</t>
  </si>
  <si>
    <t>\\acsfs\profiles$\anafaes\Downloads\3cab8ff6-1c43-470e-ae08-94f5bceb42a6.tmp</t>
  </si>
  <si>
    <t>116de51f-bcf8-40c1-b164-92bbcdfc088e.tmp</t>
  </si>
  <si>
    <t>\\acsfs\profiles$\nathaliarmr\Downloads\116de51f-bcf8-40c1-b164-92bbcdfc088e.tmp</t>
  </si>
  <si>
    <t>\\acsfs\DEPTOS\Operacao\Banco_Votorantim\Comum\Thumbs.db</t>
  </si>
  <si>
    <t>9f6d2372-c083-43b6-b51c-e26513cbedc0.tmp</t>
  </si>
  <si>
    <t>\\acsfs\profiles$\nathaliarmr\Downloads\9f6d2372-c083-43b6-b51c-e26513cbedc0.tmp</t>
  </si>
  <si>
    <t>foto taynara.jpg</t>
  </si>
  <si>
    <t>https://algartechcpcbv@algartech.com,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273</t>
  </si>
  <si>
    <t>mail.google.com/sync/u/0/i/s?hl=pt-BR&amp;c=1275</t>
  </si>
  <si>
    <t>mail.google.com/sync/u/0/i/s?hl=pt-BR&amp;c=1278</t>
  </si>
  <si>
    <t>mail.google.com/sync/u/0/i/s?hl=pt-BR&amp;c=1280</t>
  </si>
  <si>
    <t>mail.google.com/sync/u/0/i/s?hl=pt-BR&amp;c=1289</t>
  </si>
  <si>
    <t>mail.google.com/_/upload?authuser=0&amp;dcp=asu-n&amp;upload_id=AEnB2Uog-axDbeFb1poAiH9qgcDzTcY_BIkzehstZfjCId2HJ_LFEzk2qXOYXjXkiPE-8E77gZxmSbVsxgj62cvfRZ2F08CwbA&amp;upload_protocol=resumable</t>
  </si>
  <si>
    <t>amandacdr@algartech.com;andersonoa@algartech.com;filemoncmj@algartech.com;luiz.m.carvalho@algartech.com;robertaasp@algartech.com;</t>
  </si>
  <si>
    <t>DEZEMBRO.2019.xlsx</t>
  </si>
  <si>
    <t>amandacdr@algartech.com,andersonoa@algartech.com,filemoncmj@algartech.com,luiz.m.carvalho@algartech.com,robertaasp@algartech.com</t>
  </si>
  <si>
    <t>Relatorio de Vendas - Auditoria BV Cartoes (Dezembro) SUPERVISAO.xlsx</t>
  </si>
  <si>
    <t>\\acsfs\DEPTOS\Operacao\Banco_Votorantim\Qualidade\Anderson\Jose\Atualizado\Relatorio de Vendas - Auditoria BV Cartoes (Dezembro) SUPERVISAO.xlsx</t>
  </si>
  <si>
    <t>WEDERSON BRUNO ALVES DOS REIS (6539).contact</t>
  </si>
  <si>
    <t>\\acsfs\profiles$\wedersonbadr\Contacts\WEDERSON BRUNO ALVES DOS REIS (6539).contact</t>
  </si>
  <si>
    <t>Template_folha_retificadora 1.xlsx</t>
  </si>
  <si>
    <t>59df2c08-a623-45bf-a7d1-3e93f9c33ee8.tmp</t>
  </si>
  <si>
    <t>\\acsfs\profiles$\gabrielarb\Downloads\59df2c08-a623-45bf-a7d1-3e93f9c33ee8.tmp</t>
  </si>
  <si>
    <t>e03cb374-70ba-4480-8cd9-01d280ad3659.tmp</t>
  </si>
  <si>
    <t>\\acsfs\profiles$\regisedsj\Downloads\e03cb374-70ba-4480-8cd9-01d280ad3659.tmp</t>
  </si>
  <si>
    <t>DETALHADO OUTUBRO NEXT.xlsx</t>
  </si>
  <si>
    <t>1572498279&amp;gjid=1573134908&amp;_gid=447469688.1577975665&amp;_u=aacaamaaaaaaac~&amp;z=1344760736 http</t>
  </si>
  <si>
    <t>1613;</t>
  </si>
  <si>
    <t>https://1613</t>
  </si>
  <si>
    <t>100014251170101;joaogvc@algartech.com;leonardoao@algartech.com;marianadjc@algartech.com;rafaelggs@algartech.com;taysdss@algartech.com;thiagordu@algartech.com;viniciussg@algartech.com;</t>
  </si>
  <si>
    <t>100014251170101,joaogvc@algartech.com,leonardoao@algartech.com,marianadjc@algartech.com,rafaelggs@algartech.com,taysdss@algartech.com,thiagordu@algartech.com,viniciussg@algartech.com</t>
  </si>
  <si>
    <t>https://100014251170101,fabriciadc@algartech.com.br,joaogvc@algartech.com,josiascdsj@algartech.com,marianadjc@algartech.com,rafaelggs@algartech.com,taysdss@algartech.com,viniciussg@algartech.com</t>
  </si>
  <si>
    <t>Controle de Erros operacionais - Dezembro -ATUALIZADA (1) (1).xlsb</t>
  </si>
  <si>
    <t>mail.google.com/_/upload?authuser=0&amp;dcp=asu-n&amp;upload_id=AEnB2Uoj0Ck14ZOmj9SSUMbVPq8LVGkINOw_IFFwnEs3ISxxT4fOaQjbUOLmbgUGUh-TMHWcl4k6uWHkhR4gqqXV7iZIkr7KA2_Z0I7ncfffYiyc9MtCSo4&amp;upload_protocol=resumable</t>
  </si>
  <si>
    <t>\\acsfs\engeset\ASA_ULA\NUCLEO_ATIVOS\RELATÓRIOS DE ATIVOS\2019\12-Dez\</t>
  </si>
  <si>
    <t>ItensTAF.xlsx</t>
  </si>
  <si>
    <t>lu289844qt9q0.tmp</t>
  </si>
  <si>
    <t>\\acsfs\profiles$\jalilebds\Downloads\lu289844qt9q0.tmp</t>
  </si>
  <si>
    <t>Checklist Projeto Nimbus_Consolidado_Abertura Data Room V4.xlsx</t>
  </si>
  <si>
    <t>ances,ancest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,permiss,permission,permissionid,pict,pictu,picture,rpermissions,shared,sharedwithmedate,thumbnailversion,title,userpermission(role),workspaceids</t>
  </si>
  <si>
    <t>Nathalia Oliveira Souza (12).contact</t>
  </si>
  <si>
    <t>\\acsfs\profiles$\nathaliaos\Contacts\Nathalia Oliveira Souza (12).contact</t>
  </si>
  <si>
    <t>\\acsfs\profiles$\nathaliaos\Saved Games\</t>
  </si>
  <si>
    <t>\\acsfs\profiles$\NATHALIAOS\Favorites\Links for Brasil\</t>
  </si>
  <si>
    <t>\\acsfs\profiles$\NATHALIAOS\Favorites\Links for Brasil\desktop.ini</t>
  </si>
  <si>
    <t>\\acsfs\profiles$\NATHALIAOS\Favorites\Links for Brasil\Microsoft Brasil.url</t>
  </si>
  <si>
    <t>\\acsfs\profiles$\NATHALIAOS\Favorites\Links for Brasil\Windows Brasil.url</t>
  </si>
  <si>
    <t>\\acsfs\profiles$\NATHALIAOS\Favorites\Links for Brasil\MSN Brasil.url</t>
  </si>
  <si>
    <t>1e810663-ce53-48e0-935c-00787b70fb44.tmp</t>
  </si>
  <si>
    <t>\\acsfs\profiles$\nathaliaos\Downloads\1e810663-ce53-48e0-935c-00787b70fb44.tmp</t>
  </si>
  <si>
    <t>cb02e6b1-92f7-492e-b37d-50fb8d4aadd4.tmp</t>
  </si>
  <si>
    <t>\\acsfs\profiles$\nathaliaos\Downloads\cb02e6b1-92f7-492e-b37d-50fb8d4aadd4.tmp</t>
  </si>
  <si>
    <t>4909b8db-c544-49f1-a238-6d6489664f91.tmp</t>
  </si>
  <si>
    <t>\\acsfs\profiles$\cintiadjl\Downloads\4909b8db-c544-49f1-a238-6d6489664f91.tmp</t>
  </si>
  <si>
    <t>andrelpsa@algartech.com;bvcartes-supervisores@algarnet.onmicrosoft.com;josiascdsj@algartech.com;karolynecj@algartech.com;leonardoao@algartech.com;marianadjc@algartech.com;supervisaobancovotorantim@algartech.com;thiagordu@algartech.com;</t>
  </si>
  <si>
    <t>andrelpsa@algartech.com,bvcartes-supervisores@algarnet.onmicrosoft.com,josiascdsj@algartech.com,karolynecj@algartech.com,leonardoao@algartech.com,marianadjc@algartech.com,supervisaobancovotorantim@algartech.com,thiagordu@algartech.com</t>
  </si>
  <si>
    <t>andrelpsa@algartech.com;bvcartes-supervisores@algarnet.onmicrosoft.com;fabriciadc@algartech.com.br;joaogvc@algartech.com;josiascdsj@algartech.com;karolynecj@algartech.com;leonardoao@algartech.com;marianadjc@algartech.com;rafaelggs@algartech.com;supervisaobancovotorantim@algartech.com;taysdss@algartech.com;thiagordu@algartech.com;viniciussg@algartech.com;</t>
  </si>
  <si>
    <t>andrelpsa@algartech.com,bvcartes-supervisores@algarnet.onmicrosoft.com,fabriciadc@algartech.com.br,joaogvc@algartech.com,josiascdsj@algartech.com,karolynecj@algartech.com,leonardoao@algartech.com,marianadjc@algartech.com,rafaelggs@algartech.com,supervisaobancovotorantim@algartech.com,taysdss@algartech.com,thiagordu@algartech.com,viniciussg@algartech.com</t>
  </si>
  <si>
    <t>9b6ec5ef-bbac-4a7a-b98d-2a7eec9d0e41.tmp</t>
  </si>
  <si>
    <t>\\acsfs\profiles$\vivianibfs\Downloads\9b6ec5ef-bbac-4a7a-b98d-2a7eec9d0e41.tmp</t>
  </si>
  <si>
    <t>ef24003e-0e91-4da4-929b-e3c369544498.tmp</t>
  </si>
  <si>
    <t>\\acsfs\profiles$\vivianibfs\Downloads\ef24003e-0e91-4da4-929b-e3c369544498.tmp</t>
  </si>
  <si>
    <t>1e111ecc-03de-482c-b343-729580dad959.tmp</t>
  </si>
  <si>
    <t>\\acsfs\profiles$\vivianibfs\Downloads\1e111ecc-03de-482c-b343-729580dad959.tmp</t>
  </si>
  <si>
    <t>harunams@algartech.com</t>
  </si>
  <si>
    <t>c5fe3015-2920-4171-ad8e-cfacf0a6c58f.tmp</t>
  </si>
  <si>
    <t>\\acsfs\profiles$\mariajaf\Downloads\c5fe3015-2920-4171-ad8e-cfacf0a6c58f.tmp</t>
  </si>
  <si>
    <t>297bb820-9dd1-46e7-84d2-8be72743fcec.tmp</t>
  </si>
  <si>
    <t>\\acsfs\profiles$\mariajaf\Downloads\297bb820-9dd1-46e7-84d2-8be72743fcec.tmp</t>
  </si>
  <si>
    <t>e706f2e8-8d86-4368-b8e9-792e495044f7.tmp</t>
  </si>
  <si>
    <t>\\acsfs\profiles$\gabrieleods\Downloads\e706f2e8-8d86-4368-b8e9-792e495044f7.tmp</t>
  </si>
  <si>
    <t>100014251170101;andrelpsa@algartech.com;josiascdsj@algartech.com;karolynecj@algartech.com;leonardoao@algartech.com;marianadjc@algartech.com;supervisaobancovotorantim@algartech.com;</t>
  </si>
  <si>
    <t>100014251170101,andrelpsa@algartech.com,josiascdsj@algartech.com,karolynecj@algartech.com,leonardoao@algartech.com,marianadjc@algartech.com,supervisaobancovotorantim@algartech.com</t>
  </si>
  <si>
    <t>andrelpsa@algartech.com;josiascdsj@algartech.com;karolynecj@algartech.com;leonardoao@algartech.com;marianadjc@algartech.com;matheuscm@;supervisaobancovotorantim@algartech.com;</t>
  </si>
  <si>
    <t>andrelpsa@algartech.com,josiascdsj@algartech.com,karolynecj@algartech.com,leonardoao@algartech.com,marianadjc@algartech.com,matheuscm@,supervisaobancovotorantim@algartech.com</t>
  </si>
  <si>
    <t>100014251170101;andrelpsa@algartech.com;josiascdsj@algartech.com;karolynecj@algartech.com;leonardoao@algartech.com;marianadjc@algartech.com;matheuscm@algartech.com.br;supervisaobancovotorantim@algartech.com;</t>
  </si>
  <si>
    <t>100014251170101,andrelpsa@algartech.com,josiascdsj@algartech.com,karolynecj@algartech.com,leonardoao@algartech.com,marianadjc@algartech.com,matheuscm@algartech.com.br,supervisaobancovotorantim@algartech.com</t>
  </si>
  <si>
    <t>andrelpsa@algartech.com;bvcartes-supervisores@algarnet.onmicrosoft.com;josiascdsj@algartech.com;karolynecj@algartech.com;leonardoao@algartech.com;marianadjc@algartech.com;matheuscm@algartech.com.br;supervisaobancovotorantim@algartech.com;thiagordu@algartech.com;</t>
  </si>
  <si>
    <t>andrelpsa@algartech.com,bvcartes-supervisores@algarnet.onmicrosoft.com,josiascdsj@algartech.com,karolynecj@algartech.com,leonardoao@algartech.com,marianadjc@algartech.com,matheuscm@algartech.com.br,supervisaobancovotorantim@algartech.com,thiagordu@algartech.com</t>
  </si>
  <si>
    <t>andrelpsa@algartech.com;bvcartes-supervisores@algarnet.onmicrosoft.com;fabriciadc@algartech.com.br;joaogvc@algartech.com;josiascdsj@algartech.com;karolynecj@algartech.com;leonardoao@algartech.com;marianadjc@algartech.com;matheuscm@algartech.com.br;rafaelggs@algartech.com;supervisaobancovotorantim@algartech.com;taysdss@algartech.com;thiagordu@algartech.com;viniciussg@algartech.com;</t>
  </si>
  <si>
    <t>andrelpsa@algartech.com,bvcartes-supervisores@algarnet.onmicrosoft.com,fabriciadc@algartech.com.br,joaogvc@algartech.com,josiascdsj@algartech.com,karolynecj@algartech.com,leonardoao@algartech.com,marianadjc@algartech.com,matheuscm@algartech.com.br,rafaelggs@algartech.com,supervisaobancovotorantim@algartech.com,taysdss@algartech.com,thiagordu@algartech.com,viniciussg@algartech.com</t>
  </si>
  <si>
    <t>andrelpsa@algartech.com;josiascdsj@algartech.com;karolynecj@algartech.com;leonardoao@algartech.com;marianadjc@algartech.com;matheuscm@;matheuscm@algartech.com.br;supervisaobancovotorantim@algartech.com;</t>
  </si>
  <si>
    <t>andrelpsa@algartech.com,josiascdsj@algartech.com,karolynecj@algartech.com,leonardoao@algartech.com,marianadjc@algartech.com,matheuscm@,matheuscm@algartech.com.br,supervisaobancovotorantim@algartech.com</t>
  </si>
  <si>
    <t>andrelpsa@algartech.com;fabriciadc@algartech.com.br;joaogvc@algartech.com;josiascdsj@algartech.com;karolynecj@algartech.com;leonardoao@algartech.com;marianadjc@algartech.com;matheuscm@algartech.com.br;rafaelggs@algartech.com;supervisaobancovotorantim@algartech.com;taysdss@algartech.com;viniciussg@algartech.com;</t>
  </si>
  <si>
    <t>andrelpsa@algartech.com,fabriciadc@algartech.com.br,joaogvc@algartech.com,josiascdsj@algartech.com,karolynecj@algartech.com,leonardoao@algartech.com,marianadjc@algartech.com,matheuscm@algartech.com.br,rafaelggs@algartech.com,supervisaobancovotorantim@algartech.com,taysdss@algartech.com,viniciussg@algartech.com</t>
  </si>
  <si>
    <t>e2b7ebe0-5da2-42b3-a22a-7c62fbf53871.tmp</t>
  </si>
  <si>
    <t>\\acsfs\profiles$\regisedsj\Downloads\e2b7ebe0-5da2-42b3-a22a-7c62fbf53871.tmp</t>
  </si>
  <si>
    <t>cf5a6b70-594e-4243-b4a8-bf912d81fb76.tmp</t>
  </si>
  <si>
    <t>\\acsfs\profiles$\taylaedoa\Downloads\cf5a6b70-594e-4243-b4a8-bf912d81fb76.tmp</t>
  </si>
  <si>
    <t>f1b8127f-caa7-49a9-9358-881cd970c337.tmp</t>
  </si>
  <si>
    <t>\\acsfs\profiles$\taylaedoa\Downloads\f1b8127f-caa7-49a9-9358-881cd970c337.tmp</t>
  </si>
  <si>
    <t>d3d22427-836d-483c-befd-9a69acbe90a6.tmp</t>
  </si>
  <si>
    <t>\\acsfs\profiles$\leonardocb\Downloads\d3d22427-836d-483c-befd-9a69acbe90a6.tmp</t>
  </si>
  <si>
    <t>bf95de36-977d-4c0b-ada6-5ca1c01fa1ef.tmp</t>
  </si>
  <si>
    <t>\\acsfs\profiles$\leonardocb\Downloads\bf95de36-977d-4c0b-ada6-5ca1c01fa1ef.tmp</t>
  </si>
  <si>
    <t>\\acsfs\profiles$\Adrieledgc\My Documents\My Pictures\</t>
  </si>
  <si>
    <t>\\acsfs\profiles$\Adrieledgc\My Documents\My Videos\desktop.ini</t>
  </si>
  <si>
    <t>\\acsfs\profiles$\Adrieledgc\My Documents\My Videos\</t>
  </si>
  <si>
    <t>\\acsfs\profiles$\Adrieledgc\My Documents\My Music\</t>
  </si>
  <si>
    <t>\\acsfs\profiles$\Adrieledgc\My Documents\My Pictures\desktop.ini</t>
  </si>
  <si>
    <t>\\acsfs\profiles$\Adrieledgc\Contacts\</t>
  </si>
  <si>
    <t>\\acsfs\profiles$\Adrieledgc\Contacts\desktop.ini</t>
  </si>
  <si>
    <t>\\acsfs\profiles$\Adrieledgc\My Documents\</t>
  </si>
  <si>
    <t>\\acsfs\profiles$\Adrieledgc\Favorites\desktop.ini</t>
  </si>
  <si>
    <t>\\acsfs\profiles$\Adrieledgc\My Documents\My Music\desktop.ini</t>
  </si>
  <si>
    <t>\\acsfs\profiles$\Adrieledgc\Searches\</t>
  </si>
  <si>
    <t>\\acsfs\profiles$\Adrieledgc\Searches\desktop.ini</t>
  </si>
  <si>
    <t>d6dd967d-543e-4f2d-a9ae-3c793160e262.tmp</t>
  </si>
  <si>
    <t>\\acsfs\profiles$\leandromsa\Downloads\d6dd967d-543e-4f2d-a9ae-3c793160e262.tmp</t>
  </si>
  <si>
    <t>$IV1ON27.txt</t>
  </si>
  <si>
    <t>\\acsfs\profiles$\alessandraan\My Documents\$RECYCLE.BIN\$IV1ON27.txt</t>
  </si>
  <si>
    <t>100014251170101;andrelpsa@algartech.com;bvcartes-supervisores@algarnet.onmicrosoft.com;josiascdsj@algartech.com;karolynecj@algartech.com;leonardoao@algartech.com;marianadjc@algartech.com;matheuscm@algartech.com.br;supervisaobancovotorantim@algartech.com;thiagordu@algartech.com;</t>
  </si>
  <si>
    <t>100014251170101,andrelpsa@algartech.com,bvcartes-supervisores@algarnet.onmicrosoft.com,josiascdsj@algartech.com,karolynecj@algartech.com,leonardoao@algartech.com,marianadjc@algartech.com,matheuscm@algartech.com.br,supervisaobancovotorantim@algartech.com,thiagordu@algartech.com</t>
  </si>
  <si>
    <t>lu2592yr8bj.tmp</t>
  </si>
  <si>
    <t>\\acsfs\profiles$\edicarlosdl\My Documents\lu2592yr8bj.tmp</t>
  </si>
  <si>
    <t>\\acsfs\profiles$\edicarlosdl\My Documents\lu2592yr8bj.tmp\</t>
  </si>
  <si>
    <t>\\acsfs\profiles$\edicarlosdl\My Documents\lu2592yr8bj.tmp\META-INF\</t>
  </si>
  <si>
    <t>\\acsfs\profiles$\edicarlosdl\My Documents\lu2592yr8bj.tmp\Thumbnails\</t>
  </si>
  <si>
    <t>\\acsfs\profiles$\Adrieledgc\Downloads\desktop.ini</t>
  </si>
  <si>
    <t>\\acsfs\profiles$\Adrieledgc\Favorites\</t>
  </si>
  <si>
    <t>\\acsfs\profiles$\Adrieledgc\My Documents\desktop.ini</t>
  </si>
  <si>
    <t>\\acsfs\profiles$\Adrieledgc\Saved Games\desktop.ini</t>
  </si>
  <si>
    <t>39b43acf-9548-4e35-bc9b-4ddc87ae2059.tmp</t>
  </si>
  <si>
    <t>\\acsfs\profiles$\Adrieledgc\Downloads\39b43acf-9548-4e35-bc9b-4ddc87ae2059.tmp</t>
  </si>
  <si>
    <t>321b9d56-028b-4dcb-9f92-b3442c493382.tmp</t>
  </si>
  <si>
    <t>\\acsfs\profiles$\fabianafv\Downloads\321b9d56-028b-4dcb-9f92-b3442c493382.tmp</t>
  </si>
  <si>
    <t>https://100014251170101,andrelpsa@algartech.com,josiascdsj@algartech.com,karolynecj@algartech.com,leonardoao@algartech.com,marianadjc@algartech.com,matheuscm@algartech.com.br,supervisaobancovotorantim@algartech.com</t>
  </si>
  <si>
    <t>\\acsfs\DEPTOS\EDUCACAO EMPRESARIAL\2 - Operações\0 - BV\1 - TREINADORES\Haruna\</t>
  </si>
  <si>
    <t>\\acsfs\DEPTOS\EDUCACAO EMPRESARIAL\2 - Operações\0 - BV\1 - TREINADORES\Haruna\Thumbs.db</t>
  </si>
  <si>
    <t>\\acsfs\DEPTOS\EDUCACAO EMPRESARIAL\2 - Operações\0 - BV\1 - TREINADORES\Haruna\BV NA ESSENCIA\</t>
  </si>
  <si>
    <t>\\acsfs\DEPTOS\EDUCACAO EMPRESARIAL\2 - Operações\0 - BV\1 - TREINADORES\Haruna\BV NA ESSENCIA\Thumbs.db</t>
  </si>
  <si>
    <t>image2020-01-03-173553.zip</t>
  </si>
  <si>
    <t>C:\Users\harunams\Documents\image2020-01-03-173553.zip\</t>
  </si>
  <si>
    <t>image2020-01-03-173553.pdf</t>
  </si>
  <si>
    <t>https://algar.folhasinergyrh.com.br/rescisao/upload?id=0&amp;idsolicitacao=17979&amp;idprerescisao=0</t>
  </si>
  <si>
    <t>mail.google.com/_/upload?authuser=0&amp;dcp=asu-n&amp;upload_id=AEnB2Uq5_k4hPU1Hw8dAcdxmklbWMS-hlKAOzKZ7SyW7HysAMPCISThXlOpCRDV_YLiTZszhr6yHQ_uKyENSeH2c5SOPG6IO8L_9bLorWSZifEVQF4B_qpU&amp;upload_protocol=resumable</t>
  </si>
  <si>
    <t>Mobilizações_Orçamentos executados 01-12 à 15-12 - Algar ATUALIZADO 03-01-2020.xlsx</t>
  </si>
  <si>
    <t>Orçamentos executados PENDENTES INFORMAÇÃO- 02-01-2020.xlsx</t>
  </si>
  <si>
    <t>47da0c2d-7d27-40e3-bff1-eccc4d9354e4.tmp</t>
  </si>
  <si>
    <t>\\acsfs\profiles$\Adrieledgc\Downloads\47da0c2d-7d27-40e3-bff1-eccc4d9354e4.tmp</t>
  </si>
  <si>
    <t>\\acsfs\profiles$\flaviacdst\Favorites\Welcome - 1.url:favicon</t>
  </si>
  <si>
    <t>53bf07c7-d590-4b8c-8c77-804d246250a3.tmp</t>
  </si>
  <si>
    <t>\\acsfs\profiles$\cintiadjl\Downloads\53bf07c7-d590-4b8c-8c77-804d246250a3.tmp</t>
  </si>
  <si>
    <t>Holerite_122019_2138841.pdf.b54rgwp.partial</t>
  </si>
  <si>
    <t>\\acsfs\profiles$\cassianogc\Downloads\Holerite_122019_2138841.pdf.b54rgwp.partial</t>
  </si>
  <si>
    <t>\\acsfs\Deptos\Operacao\Banco_Votorantim\Supervisao\Karine\</t>
  </si>
  <si>
    <t>\\acsfs\Deptos\Operacao\Banco_Votorantim\Supervisao\Thumbs.db</t>
  </si>
  <si>
    <t>3073dcd1-2553-4793-9015-9a561d3b8efc.tmp</t>
  </si>
  <si>
    <t>\\acsfs\profiles$\leandromsa\Downloads\3073dcd1-2553-4793-9015-9a561d3b8efc.tmp</t>
  </si>
  <si>
    <t>b64eac2a-9f00-453d-85c3-f4fbcba31722.tmp</t>
  </si>
  <si>
    <t>\\acsfs\profiles$\lorenabmc\Downloads\b64eac2a-9f00-453d-85c3-f4fbcba31722.tmp</t>
  </si>
  <si>
    <t>10d7d69f-0afd-462c-b198-3207cb67ca91.tmp</t>
  </si>
  <si>
    <t>\\acsfs\profiles$\lorenabmc\Downloads\10d7d69f-0afd-462c-b198-3207cb67ca91.tmp</t>
  </si>
  <si>
    <t>.~lock.Close The Loop.ods#</t>
  </si>
  <si>
    <t>\\acsfs\profiles$\wedersonbadr\Downloads\.~lock.Close The Loop.ods#</t>
  </si>
  <si>
    <t>.~lock.close the loop.ods#</t>
  </si>
  <si>
    <t>\\acsfs\profiles$\wedersonbadr\Downloads\.~lock.close the loop.ods#</t>
  </si>
  <si>
    <t>close the loop.ods</t>
  </si>
  <si>
    <t>\\acsfs\profiles$\wedersonbadr\Downloads\close the loop.ods</t>
  </si>
  <si>
    <t>\\acsfs\profiles$\wedersonbadr\Downloads\close the loop.ods\</t>
  </si>
  <si>
    <t>\\acsfs\profiles$\wedersonbadr\Downloads\close the loop.ods\META-INF\</t>
  </si>
  <si>
    <t>\\acsfs\profiles$\wedersonbadr\Downloads\close the loop.ods\Thumbnails\</t>
  </si>
  <si>
    <t>XLOG_kamilamrc_03012020_101215.log</t>
  </si>
  <si>
    <t>\\acsfs\profiles$\kamilamrc\My Documents\xworkcenter\logs\XLOG_kamilamrc_03012020_101215.log</t>
  </si>
  <si>
    <t>lu7484nh7u.tmp</t>
  </si>
  <si>
    <t>\\acsfs\profiles$\dhiulliananads\My Documents\lu7484nh7u.tmp</t>
  </si>
  <si>
    <t>\\acsfs\profiles$\dhiulliananads\My Documents\lu7484nh7u.tmp\</t>
  </si>
  <si>
    <t>\\acsfs\profiles$\dhiulliananads\My Documents\lu7484nh7u.tmp\META-INF\</t>
  </si>
  <si>
    <t>\\acsfs\profiles$\dhiulliananads\My Documents\lu7484nh7u.tmp\Thumbnails\</t>
  </si>
  <si>
    <t>b1b3c202-5c48-453f-a8fb-e42a0a2d01a1.tmp</t>
  </si>
  <si>
    <t>\\acsfs\profiles$\leandromsa\Downloads\b1b3c202-5c48-453f-a8fb-e42a0a2d01a1.tmp</t>
  </si>
  <si>
    <t>\\acsfs\DEPTOS\Operacao\PCP\5 - Comum\Mariana De Jesus\Passo a Passo relatórios.xlsx</t>
  </si>
  <si>
    <t>03-01 RELATORIO DE LOGIN AVON.xlsm</t>
  </si>
  <si>
    <t>\\acsfs\deptos\Operacao\PCP\5 - Comum\CONTROL DESK\2 - DAC2\Control Desk AVON\Relatorios\Status de login\2020\03-01 RELATORIO DE LOGIN AVON.xlsm</t>
  </si>
  <si>
    <t>acrbarbosa@timbrasil.com.br;allopes@timbrasil.com.br;cofernandes@timbrasil.com.br;lcifali@timbrasil.com.br;raquelcc@algartech.com;rfalves@timbrasil.com.br;</t>
  </si>
  <si>
    <t>acrbarbosa@timbrasil.com.br,allopes@timbrasil.com.br,cofernandes@timbrasil.com.br,lcifali@timbrasil.com.br,raquelcc@algartech.com,rfalves@timbrasil.com.br</t>
  </si>
  <si>
    <t>mail.google.com/_/upload?authuser=0&amp;dcp=asu-n&amp;upload_id=AEnB2UoKMUHfRrcq9Vc0z3BQzdZpb0bIuJkDd6_8HyvWESlWynGEa9VYiJ9QViNZPFqw2_VXOex_uQ6BxYoV6i4e_y8aXJfLpE0B_c5wtDPamn6ilH25H00&amp;upload_protocol=resumable</t>
  </si>
  <si>
    <t>lu2601d0btr.tmp</t>
  </si>
  <si>
    <t>\\acsfs\profiles$\fabianafv\My Documents\lu2601d0btr.tmp</t>
  </si>
  <si>
    <t>\\acsfs\profiles$\fabianafv\My Documents\lu2601d0btr.tmp\</t>
  </si>
  <si>
    <t>\\acsfs\profiles$\fabianafv\My Documents\lu2601d0btr.tmp\META-INF\</t>
  </si>
  <si>
    <t>\\acsfs\profiles$\fabianafv\My Documents\lu2601d0btr.tmp\Thumbnails\</t>
  </si>
  <si>
    <t>lu2601d0btx.tmp</t>
  </si>
  <si>
    <t>\\acsfs\profiles$\fabianafv\My Documents\lu2601d0btx.tmp</t>
  </si>
  <si>
    <t>\\acsfs\profiles$\fabianafv\My Documents\lu2601d0btx.tmp\</t>
  </si>
  <si>
    <t>\\acsfs\profiles$\fabianafv\My Documents\lu2601d0btx.tmp\META-INF\</t>
  </si>
  <si>
    <t>\\acsfs\profiles$\fabianafv\My Documents\lu2601d0btx.tmp\Thumbnails\</t>
  </si>
  <si>
    <t>https://andrelpsa@algartech.com,fabriciadc@algartech.com.br,joaogvc@algartech.com,josiascdsj@algartech.com,karolynecj@algartech.com,leonardoao@algartech.com,marianadjc@algartech.com,matheuscm@algartech.com.br,rafaelggs@algartech.com,supervisaobancovotorantim@algartech.com,taysdss@algartech.com,viniciussg@algartech.com</t>
  </si>
  <si>
    <t>https://algar.folhasinergyrh.com.br/dependente/upload?id=0&amp;idsolicitacao=17987&amp;nomedependente=izabela maria ferreira diniz</t>
  </si>
  <si>
    <t>image2020-01-03-175417.zip</t>
  </si>
  <si>
    <t>C:\Users\harunams\Downloads\image2020-01-03-175417.zip\</t>
  </si>
  <si>
    <t>image2020-01-03-175417.pdf</t>
  </si>
  <si>
    <t>fabriciadc@algartech.com.br;joaogvc@algartech.com;josiascdsj@algartech.com;marianadjc@algartech.com;matheuscm@algartech.com.br;rafaelggs@algartech.com;taysdss@algartech.com;viniciussg@algartech.com;</t>
  </si>
  <si>
    <t>fabriciadc@algartech.com.br,joaogvc@algartech.com,josiascdsj@algartech.com,marianadjc@algartech.com,matheuscm@algartech.com.br,rafaelggs@algartech.com,taysdss@algartech.com,viniciussg@algartech.com</t>
  </si>
  <si>
    <t>https://andrelpsa@algartech.com,bvcartes-supervisores@algarnet.onmicrosoft.com,josiascdsj@algartech.com,karolynecj@algartech.com,leonardoao@algartech.com,marianadjc@algartech.com,supervisaobancovotorantim@algartech.com,thiagordu@algartech.com</t>
  </si>
  <si>
    <t>1a4f3e62-6ae1-4bcf-88fb-792d59e70d5c.tmp</t>
  </si>
  <si>
    <t>\\acsfs\profiles$\leonardocb\Downloads\1a4f3e62-6ae1-4bcf-88fb-792d59e70d5c.tmp</t>
  </si>
  <si>
    <t>lu289844qt9qf.tmp</t>
  </si>
  <si>
    <t>\\acsfs\profiles$\jalilebds\Downloads\lu289844qt9qf.tmp</t>
  </si>
  <si>
    <t>4b8d698d-1c94-458c-8053-69b1c58dde0d.tmp</t>
  </si>
  <si>
    <t>\\acsfs\profiles$\victorgl\Downloads\4b8d698d-1c94-458c-8053-69b1c58dde0d.tmp</t>
  </si>
  <si>
    <t>5debd3b0-c37f-43d2-a5e6-e7eb70700ba6.tmp</t>
  </si>
  <si>
    <t>\\acsfs\profiles$\taylaedoa\Downloads\5debd3b0-c37f-43d2-a5e6-e7eb70700ba6.tmp</t>
  </si>
  <si>
    <t>6fc40427-7fa8-48b5-9782-74776b5c98e9.tmp</t>
  </si>
  <si>
    <t>\\acsfs\profiles$\nathaliaos\Downloads\6fc40427-7fa8-48b5-9782-74776b5c98e9.tmp</t>
  </si>
  <si>
    <t>e1726ea7-d211-4058-ab3f-f063b5b9452f.tmp</t>
  </si>
  <si>
    <t>\\acsfs\profiles$\nathaliaos\Downloads\e1726ea7-d211-4058-ab3f-f063b5b9452f.tmp</t>
  </si>
  <si>
    <t>https://vimeo.com</t>
  </si>
  <si>
    <t>57df0a14-0e41-436e-bde6-317c5f60a1db.tmp</t>
  </si>
  <si>
    <t>\\acsfs\profiles$\henriqueco\Downloads\57df0a14-0e41-436e-bde6-317c5f60a1db.tmp</t>
  </si>
  <si>
    <t>01e83279-993c-4af9-a61c-54763710a860.tmp</t>
  </si>
  <si>
    <t>\\acsfs\profiles$\nathaliaos\Downloads\01e83279-993c-4af9-a61c-54763710a860.tmp</t>
  </si>
  <si>
    <t>Template_folha_retificadora mês de dezembro.xlsx</t>
  </si>
  <si>
    <t>caduarte@timbrasil.com.br;cmenezes@timbrasil.com.br;cofernandes@timbrasil.com.br;dioniziorn@algartech.com;efgarcia@timbrasil.com.br;lcifali@timbrasil.com.br;marcos.pereira@algartech.com;mgodinho@timbrasil.com.br;raquelcc@algartech.com;sufsilva@timbrasil.com.br;vcoelho_act@timbrasil.com.br;</t>
  </si>
  <si>
    <t>caduarte@timbrasil.com.br,cmenezes@timbrasil.com.br,cofernandes@timbrasil.com.br,dioniziorn@algartech.com,efgarcia@timbrasil.com.br,lcifali@timbrasil.com.br,marcos.pereira@algartech.com,mgodinho@timbrasil.com.br,raquelcc@algartech.com,sufsilva@timbrasil.com.br,vcoelho_act@timbrasil.com.br</t>
  </si>
  <si>
    <t>mail.google.com/_/upload?authuser=0&amp;dcp=asu-n&amp;upload_id=AEnB2UqkJViriIBe--4SF3bLXWf7mcguGlNmWq1ybN55h_qKiX-5No10Xl4Z3JlILIOCghMiAbp5Hk798ee6hMiNTFiDU1qVY5B7M2KkLhvCcukXdVoDZw4&amp;upload_protocol=resumable</t>
  </si>
  <si>
    <t>81e7eadf-88f3-4d4c-ae73-16992653851b.tmp</t>
  </si>
  <si>
    <t>\\acsfs\profiles$\gabrielamdp\Downloads\81e7eadf-88f3-4d4c-ae73-16992653851b.tmp</t>
  </si>
  <si>
    <t>acd4e1be-7356-42a0-8ba2-f31bd57f4609.tmp</t>
  </si>
  <si>
    <t>\\acsfs\profiles$\brendadsl\Downloads\acd4e1be-7356-42a0-8ba2-f31bd57f4609.tmp</t>
  </si>
  <si>
    <t>100014251170101;algartechcpcbv@algartech.com;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251170101,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14251170101;algartechcpcbv@algartech.com;andrelpsa@algartech.com;bvcartes-supervisores@algarnet.onmicrosoft.com;fabriciadc@algartech.com.br;josiascdsj@algartech.com;karolynecj@algartech.com;leonardoao@algartech.com;marianadjc@algartech.com;maristelavodq@bv.algartech.com;matheuscm@algartech.com.br;paulacn@algartech.com;qualidadealgarbv@algartech.com;rafaelggs@algartech.com;supervisaobancovotorantim@algartech.com;taysdss@algartech.com;thiagolrc@bv.algartech.com;thiagordu@algartech.com;viniciussg@algartech.com;</t>
  </si>
  <si>
    <t>100014251170101,algartechcpcbv@algartech.com,andrelpsa@algartech.com,bvcartes-supervisores@algarnet.onmicrosoft.com,fabriciadc@algartech.com.br,josiascdsj@algartech.com,karolynec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thiagordu@algartech.com,viniciussg@algartech.com</t>
  </si>
  <si>
    <t>4817871d-ab47-431d-8d39-d41f65f09ea2.tmp</t>
  </si>
  <si>
    <t>\\acsfs\profiles$\gabrielarb\Downloads\4817871d-ab47-431d-8d39-d41f65f09ea2.tmp</t>
  </si>
  <si>
    <t>fbccdb30-7db4-462d-9328-419d46c45486.tmp</t>
  </si>
  <si>
    <t>\\acsfs\profiles$\gabriellalpr\Downloads\fbccdb30-7db4-462d-9328-419d46c45486.tmp</t>
  </si>
  <si>
    <t>mail.google.com/sync/u/0/i/s?hl=pt-BR&amp;c=1374</t>
  </si>
  <si>
    <t>mail.google.com/sync/u/0/i/s?hl=pt-BR&amp;c=1376</t>
  </si>
  <si>
    <t>mail.google.com/sync/u/0/i/s?hl=pt-BR&amp;c=1378</t>
  </si>
  <si>
    <t>mail.google.com/sync/u/0/i/s?hl=pt-BR&amp;c=1380</t>
  </si>
  <si>
    <t>mail.google.com/sync/u/0/i/s?hl=pt-BR&amp;c=1384</t>
  </si>
  <si>
    <t>mail.google.com/sync/u/0/i/s?hl=pt-BR&amp;c=1386</t>
  </si>
  <si>
    <t>mail.google.com/sync/u/0/i/s?hl=pt-BR&amp;c=1389</t>
  </si>
  <si>
    <t>mail.google.com/sync/u/0/i/s?hl=pt-BR&amp;c=1391</t>
  </si>
  <si>
    <t>mail.google.com/sync/u/0/i/s?hl=pt-BR&amp;c=1394</t>
  </si>
  <si>
    <t>mail.google.com/sync/u/0/i/s?hl=pt-BR&amp;c=1399</t>
  </si>
  <si>
    <t>mail.google.com/sync/u/0/i/s?hl=pt-BR&amp;c=1405</t>
  </si>
  <si>
    <t>mail.google.com/sync/u/0/i/s?hl=pt-BR&amp;c=1410</t>
  </si>
  <si>
    <t>mail.google.com/sync/u/0/i/s?hl=pt-BR&amp;c=1415</t>
  </si>
  <si>
    <t>mail.google.com/sync/u/0/i/s?hl=pt-BR&amp;c=1420</t>
  </si>
  <si>
    <t>mail.google.com/sync/u/0/i/s?hl=pt-BR&amp;c=1425</t>
  </si>
  <si>
    <t>mail.google.com/sync/u/0/i/s?hl=pt-BR&amp;c=1430</t>
  </si>
  <si>
    <t>algartechcpcbv@algartech.com;andrelpsa@algartech.com;cpc-controldeskavon@algartech.com;joseasn@algartech.com;josiascdsj@algartech.com;leonardoao@algartech.com;marianadjc@algartech.com;maristelavodq@bv.algartech.com;paulacn@algartech.com;pdf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marianadjc@algartech.com,maristelavodq@bv.algartech.com,paulacn@algartech.com,pdf,qualidadealgarbv@algartech.com,rafaelggs@algartech.com,supervisaobancovotorantim@algartech.com,taysdss@algartech.com,thiagolrc@bv.algartech.com,viniciussg@algartech.com</t>
  </si>
  <si>
    <t>mail.google.com/sync/u/0/i/s?hl=pt-BR&amp;c=1435</t>
  </si>
  <si>
    <t>mail.google.com/sync/u/0/i/s?hl=pt-BR&amp;c=1440</t>
  </si>
  <si>
    <t>https://100014251170101,andrelpsa@algartech.com,bvcartes-supervisores@algarnet.onmicrosoft.com,josiascdsj@algartech.com,karolynecj@algartech.com,leonardoao@algartech.com,marianadjc@algartech.com,matheuscm@algartech.com.br,supervisaobancovotorantim@algartech.com,thiagordu@algartech.com</t>
  </si>
  <si>
    <t>04627af8-8d69-4c71-86db-cf5311fb4d9c.tmp</t>
  </si>
  <si>
    <t>\\acsfs\profiles$\gabriellalpr\Downloads\04627af8-8d69-4c71-86db-cf5311fb4d9c.tmp</t>
  </si>
  <si>
    <t>mail.google.com/sync/u/0/i/s?hl=pt-BR&amp;c=1465</t>
  </si>
  <si>
    <t>algartechcpcbv@algartech.com;andrelpsa@algartech.com;catianalv@algartech.com;cpc-controldeskavon@algartech.com;fabianacscg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lgartechcpcbv@algartech.com,andrelpsa@algartech.com,catianalv@algartech.com,cpc-controldeskavon@algartech.com,fabianacscg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467</t>
  </si>
  <si>
    <t>mail.google.com/sync/u/0/i/s?hl=pt-BR&amp;c=1469</t>
  </si>
  <si>
    <t>algartechcpcbv@algartech.com;andrelpsa@algartech.com;cpc-controldeskavon@algartech.com;fabianacscg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fabianacscg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1471</t>
  </si>
  <si>
    <t>algartechcpcbv@algartech.com;andrelpsa@algartech.com;cpc-controldeskavon@algartech.com;fabianacscg@algartech.com;joseasn@algartech.com;josiascdsj@algartech.com;leonardoao@algartech.com;marianadjc@algartech.com;maristelavodq@bv.algartech.com;paulacn@algartech.com;pdf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fabianacscg@algartech.com,joseasn@algartech.com,josiascdsj@algartech.com,leonardoao@algartech.com,marianadjc@algartech.com,maristelavodq@bv.algartech.com,paulacn@algartech.com,pdf,qualidadealgarbv@algartech.com,rafaelggs@algartech.com,supervisaobancovotorantim@algartech.com,taysdss@algartech.com,thiagolrc@bv.algartech.com,viniciussg@algartech.com</t>
  </si>
  <si>
    <t>mail.google.com/sync/u/0/i/s?hl=pt-BR&amp;c=1473</t>
  </si>
  <si>
    <t>mail.google.com/sync/u/0/i/s?hl=pt-BR&amp;c=1476</t>
  </si>
  <si>
    <t>mail.google.com/sync/u/0/i/s?hl=pt-BR&amp;c=1478</t>
  </si>
  <si>
    <t>mail.google.com/sync/u/0/i/s?hl=pt-BR&amp;c=1480</t>
  </si>
  <si>
    <t>mail.google.com/sync/u/0/i/s?hl=pt-BR&amp;c=1482</t>
  </si>
  <si>
    <t>mail.google.com/sync/u/0/i/s?hl=pt-BR&amp;c=1484</t>
  </si>
  <si>
    <t>adriana.oliveira@avon.com;alessandragdsb@algartech.com;alexmarques.silva@avon.com;anderson.negrisoli@avon.com;andrelpsa@algartech.com;catianalv@algartech.com;cpc-controldeskavon@algartech.com;edelvan.reginaldo@avon.com;fabianacscg@algartech.com;joseasn@algartech.com;josiascdsj@algartech.com;juan.lopes@avon.com;leonardoao@algartech.com;lucianarsantos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nderson.negrisoli@avon.com,andrelpsa@algartech.com,catianalv@algartech.com,cpc-controldeskavon@algartech.com,edelvan.reginaldo@avon.com,fabianacscg@algartech.com,joseasn@algartech.com,josiascdsj@algartech.com,juan.lopes@avon.com,leonardoao@algartech.com,lucianarsantos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mail.google.com/sync/u/0/i/s?hl=pt-BR&amp;c=1487</t>
  </si>
  <si>
    <t>mail.google.com/sync/u/0/i/s?hl=pt-BR&amp;c=1490</t>
  </si>
  <si>
    <t>mail.google.com/sync/u/0/i/s?hl=pt-BR&amp;c=1492</t>
  </si>
  <si>
    <t>mail.google.com/sync/u/0/i/s?hl=pt-BR&amp;c=1494</t>
  </si>
  <si>
    <t>mail.google.com/sync/u/0/i/s?hl=pt-BR&amp;c=1496</t>
  </si>
  <si>
    <t>algartechcpcbv@algartech.com;andrelpsa@algartech.com;fabianacscg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fabianacscg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ba241f49-7177-4d77-b641-65ec97105648.tmp</t>
  </si>
  <si>
    <t>\\acsfs\profiles$\henriqueco\Downloads\ba241f49-7177-4d77-b641-65ec97105648.tmp</t>
  </si>
  <si>
    <t>db6f0987-8ee9-435c-9284-61e9e43dc763.tmp</t>
  </si>
  <si>
    <t>\\acsfs\profiles$\vivianibfs\Downloads\db6f0987-8ee9-435c-9284-61e9e43dc763.tmp</t>
  </si>
  <si>
    <t>bba91ce2-9e6b-4c3e-9cfe-488c9308a43e.tmp</t>
  </si>
  <si>
    <t>\\acsfs\profiles$\leonardobb\Downloads\bba91ce2-9e6b-4c3e-9cfe-488c9308a43e.tmp</t>
  </si>
  <si>
    <t>123d1f7b-3fab-459f-8beb-bd53a2ad9331.tmp</t>
  </si>
  <si>
    <t>\\acsfs\profiles$\leonardobb\Downloads\123d1f7b-3fab-459f-8beb-bd53a2ad9331.tmp</t>
  </si>
  <si>
    <t>a1a39392-d5a7-4a20-aadb-c7f70f6c76c4.tmp</t>
  </si>
  <si>
    <t>\\acsfs\profiles$\leonardobb\Downloads\a1a39392-d5a7-4a20-aadb-c7f70f6c76c4.tmp</t>
  </si>
  <si>
    <t>472de6f4-f6a2-4a89-b2bc-cd330670598e.tmp</t>
  </si>
  <si>
    <t>\\acsfs\profiles$\leonardobb\Downloads\472de6f4-f6a2-4a89-b2bc-cd330670598e.tmp</t>
  </si>
  <si>
    <t>11e779b1-3a82-4ec4-8467-26415e34e1aa.tmp</t>
  </si>
  <si>
    <t>\\acsfs\profiles$\leonardobb\Downloads\11e779b1-3a82-4ec4-8467-26415e34e1aa.tmp</t>
  </si>
  <si>
    <t>andrelpsa@algartech.com;joaopsan@algartech.com;maristelavodq@bv.algartech.com;raicdf@algartech.com;supervisaobancovotorantim@algartech.com;thiagolrc@bv.algartech.com;</t>
  </si>
  <si>
    <t>andrelpsa@algartech.com,joaopsan@algartech.com,maristelavodq@bv.algartech.com,raicdf@algartech.com,supervisaobancovotorantim@algartech.com,thiagolrc@bv.algartech.com</t>
  </si>
  <si>
    <t>3614df6b-43b4-4120-b15b-48f5e6d73c2d.tmp</t>
  </si>
  <si>
    <t>\\acsfs\profiles$\ingridsm\Downloads\3614df6b-43b4-4120-b15b-48f5e6d73c2d.tmp</t>
  </si>
  <si>
    <t>mail.google.com/_/upload?authuser=2&amp;dcp=asu-n&amp;upload_id=AEnB2Uo711TJS3V_ZH6mv6-kgtvjSEcK9zVYxuhSOFg3FIknKURXfwzxfL1K3BuLjIerNUfIQgFRKfryMLzkR5LUo310GspT-2JT-uvUHMY_ghTb6spLEdE&amp;upload_protocol=resumable</t>
  </si>
  <si>
    <t>3 - Ficha Cadastral.xls</t>
  </si>
  <si>
    <t>https://fabriciadc@algartech.com.br,joaogvc@algartech.com,josiascdsj@algartech.com,marianadjc@algartech.com,matheuscm@algartech.com.br,rafaelggs@algartech.com,taysdss@algartech.com,viniciussg@algartech.com</t>
  </si>
  <si>
    <t>7f45b068-76f1-4540-a7ae-6041decb67f3.tmp</t>
  </si>
  <si>
    <t>\\acsfs\profiles$\leonardobb\Downloads\7f45b068-76f1-4540-a7ae-6041decb67f3.tmp</t>
  </si>
  <si>
    <t>edilsonrb@algartech.com;henriqueac@algartech.com;leonardomcb@algartech.com;lucianapdre@algartech.com;saramfg@algartech.com;victorhsr@algartech.com;</t>
  </si>
  <si>
    <t>\\ACSFS\Engeset\FINANCEIRO_ULA\CONTROLA\SG\01 - Infra TI\Financeiro_2019\</t>
  </si>
  <si>
    <t>Executivo Receita Infra TI 2017, 2018 e 2019.xlsx</t>
  </si>
  <si>
    <t>edilsonrb@algartech.com,henriqueac@algartech.com,leonardomcb@algartech.com,lucianapdre@algartech.com,saramfg@algartech.com,victorhsr@algartech.com</t>
  </si>
  <si>
    <t>Agent utilization Consignado Dez.2019.xlsx</t>
  </si>
  <si>
    <t>\\acsfs\DEPTOS\Operacao\PCP\5 - Comum\PLANEJAMENTO BV\23 - EXTRAÇÕES\Agent utilization Consignado Dez.2019.xlsx</t>
  </si>
  <si>
    <t>Detalhado transferencia dez.2019.xlsx</t>
  </si>
  <si>
    <t>\\acsfs\DEPTOS\Operacao\PCP\5 - Comum\PLANEJAMENTO BV\23 - EXTRAÇÕES\Detalhado transferencia dez.2019.xlsx</t>
  </si>
  <si>
    <t>4b163dfe-f121-4f0c-b424-a399aa890c20.tmp</t>
  </si>
  <si>
    <t>\\acsfs\profiles$\philipegsf\Downloads\4b163dfe-f121-4f0c-b424-a399aa890c20.tmp</t>
  </si>
  <si>
    <t>e6d6630a-de7b-4377-bc37-203a3cd94957.tmp</t>
  </si>
  <si>
    <t>\\acsfs\profiles$\brendadsl\Downloads\e6d6630a-de7b-4377-bc37-203a3cd94957.tmp</t>
  </si>
  <si>
    <t>a2497c6b-bce1-4579-8d7e-ba27b25fb208.tmp</t>
  </si>
  <si>
    <t>\\acsfs\profiles$\joycemmdl\Downloads\a2497c6b-bce1-4579-8d7e-ba27b25fb208.tmp</t>
  </si>
  <si>
    <t>fe633bd5-0a7c-4be5-a146-88016fc37f58.tmp</t>
  </si>
  <si>
    <t>\\acsfs\profiles$\leonardobb\Downloads\fe633bd5-0a7c-4be5-a146-88016fc37f58.tmp</t>
  </si>
  <si>
    <t>078fa82d-a4eb-416c-a25c-be7c509fc8eb.tmp</t>
  </si>
  <si>
    <t>\\acsfs\profiles$\ingridsm\Downloads\078fa82d-a4eb-416c-a25c-be7c509fc8eb.tmp</t>
  </si>
  <si>
    <t>mail.google.com/sync/u/0/i/s?hl=pt-BR&amp;c=1507</t>
  </si>
  <si>
    <t>mail.google.com/sync/u/0/i/s?hl=pt-BR&amp;c=1510</t>
  </si>
  <si>
    <t>mail.google.com/sync/u/0/i/s?hl=pt-BR&amp;c=1513</t>
  </si>
  <si>
    <t>mail.google.com/sync/u/0/i/s?hl=pt-BR&amp;c=1515</t>
  </si>
  <si>
    <t>mail.google.com/sync/u/0/i/s?hl=pt-BR&amp;c=1517</t>
  </si>
  <si>
    <t>mail.google.com/sync/u/0/i/s?hl=pt-BR&amp;c=1519</t>
  </si>
  <si>
    <t>mail.google.com/sync/u/0/i/s?hl=pt-BR&amp;c=1522</t>
  </si>
  <si>
    <t>mail.google.com/sync/u/0/i/s?hl=pt-BR&amp;c=1524</t>
  </si>
  <si>
    <t>mail.google.com/sync/u/0/i/s?hl=pt-BR&amp;c=1526</t>
  </si>
  <si>
    <t>mail.google.com/sync/u/0/i/s?hl=pt-BR&amp;c=1528</t>
  </si>
  <si>
    <t>bc0ed524-fac3-4a6d-a766-f0adb3095e57.tmp</t>
  </si>
  <si>
    <t>\\acsfs\profiles$\nathaliaos\Downloads\bc0ed524-fac3-4a6d-a766-f0adb3095e57.tmp</t>
  </si>
  <si>
    <t>17789afd-df80-4e0a-b0b2-cafd04b99ab6.tmp</t>
  </si>
  <si>
    <t>\\acsfs\profiles$\nathaliaos\Downloads\17789afd-df80-4e0a-b0b2-cafd04b99ab6.tmp</t>
  </si>
  <si>
    <t>3881aefc-f0e5-42cf-919e-767c09ee0299.tmp</t>
  </si>
  <si>
    <t>\\acsfs\profiles$\leonardobb\Downloads\3881aefc-f0e5-42cf-919e-767c09ee0299.tmp</t>
  </si>
  <si>
    <t>851c9836-ceec-4139-b859-59842d9d875c.tmp</t>
  </si>
  <si>
    <t>\\acsfs\profiles$\leonardobb\Downloads\851c9836-ceec-4139-b859-59842d9d875c.tmp</t>
  </si>
  <si>
    <t>fb01b8ad-2b17-4cd1-9b97-038e7206caae.tmp</t>
  </si>
  <si>
    <t>\\acsfs\profiles$\leonardobb\Downloads\fb01b8ad-2b17-4cd1-9b97-038e7206caae.tmp</t>
  </si>
  <si>
    <t>2235afef-fc14-40ff-9614-c4daddfeffd6.tmp</t>
  </si>
  <si>
    <t>\\acsfs\profiles$\ingridsm\Downloads\2235afef-fc14-40ff-9614-c4daddfeffd6.tmp</t>
  </si>
  <si>
    <t>c7939757-b00e-43b7-ac59-08d091ef2ddc.tmp</t>
  </si>
  <si>
    <t>\\acsfs\profiles$\cintiadjl\Downloads\c7939757-b00e-43b7-ac59-08d091ef2ddc.tmp</t>
  </si>
  <si>
    <t>494b15e6-6e99-49a2-80cd-0684ac7b3cba.tmp</t>
  </si>
  <si>
    <t>\\acsfs\profiles$\gabrielarb\Downloads\494b15e6-6e99-49a2-80cd-0684ac7b3cba.tmp</t>
  </si>
  <si>
    <t>\\acsfs\profiles$\lorenabmc\Contacts\</t>
  </si>
  <si>
    <t>LORENA BIANCA MARTINS COSTA (21660).contact</t>
  </si>
  <si>
    <t>\\acsfs\profiles$\lorenabmc\Contacts\LORENA BIANCA MARTINS COSTA (21660).contact</t>
  </si>
  <si>
    <t>\\acsfs\profiles$\lorenabmc\My Documents\My Videos\</t>
  </si>
  <si>
    <t>\\acsfs\profiles$\lorenabmc\My Documents\My Videos\desktop.ini</t>
  </si>
  <si>
    <t>https://100014251170101,algartechcpcbv@algartech.com,andrelpsa@algartech.com,bvcartes-supervisores@algarnet.onmicrosoft.com,fabriciadc@algartech.com.br,josiascdsj@algartech.com,karolynec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thiagordu@algartech.com,viniciussg@algartech.com</t>
  </si>
  <si>
    <t>\\acsfs\profiles$\lorenabmc\My Documents\My Pictures\</t>
  </si>
  <si>
    <t>\\acsfs\profiles$\lorenabmc\My Documents\My Pictures\desktop.ini</t>
  </si>
  <si>
    <t>\\acsfs\profiles$\lorenabmc\Contacts\desktop.ini</t>
  </si>
  <si>
    <t>\\acsfs\profiles$\lorenabmc\Favorites\</t>
  </si>
  <si>
    <t>\\acsfs\profiles$\lorenabmc\Favorites\desktop.ini</t>
  </si>
  <si>
    <t>\\acsfs\profiles$\lorenabmc\My Documents\My Music\</t>
  </si>
  <si>
    <t>\\acsfs\profiles$\lorenabmc\My Documents\My Music\desktop.ini</t>
  </si>
  <si>
    <t>\\acsfs\profiles$\lorenabmc\Searches\</t>
  </si>
  <si>
    <t>\\acsfs\profiles$\lorenabmc\Searches\desktop.ini</t>
  </si>
  <si>
    <t>\\acsfs\profiles$\lorenabmc\Downloads\desktop.ini</t>
  </si>
  <si>
    <t>\\acsfs\profiles$\lorenabmc\My Documents\</t>
  </si>
  <si>
    <t>\\acsfs\profiles$\lorenabmc\My Documents\desktop.ini</t>
  </si>
  <si>
    <t>\\acsfs\profiles$\lorenabmc\Saved Games\</t>
  </si>
  <si>
    <t>\\acsfs\profiles$\lorenabmc\Saved Games\desktop.ini</t>
  </si>
  <si>
    <t>\\acsfs\profiles$\lorenabmc\Favorites\Links for Brasil\</t>
  </si>
  <si>
    <t>\\acsfs\profiles$\lorenabmc\Favorites\Links for Brasil\desktop.ini</t>
  </si>
  <si>
    <t>\\acsfs\profiles$\lorenabmc\Favorites\Links for Brasil\Microsoft Brasil.url</t>
  </si>
  <si>
    <t>\\acsfs\profiles$\lorenabmc\Favorites\Links for Brasil\Windows Brasil.url</t>
  </si>
  <si>
    <t>\\acsfs\profiles$\lorenabmc\Favorites\Links for Brasil\MSN Brasil.url</t>
  </si>
  <si>
    <t>cb78605e-66c0-4ea8-b7cf-68a7154c4bf6.tmp</t>
  </si>
  <si>
    <t>\\acsfs\profiles$\alinepp\Downloads\cb78605e-66c0-4ea8-b7cf-68a7154c4bf6.tmp</t>
  </si>
  <si>
    <t>09da0c55-60c1-45ad-9a14-76462f81ce1e.tmp</t>
  </si>
  <si>
    <t>\\acsfs\profiles$\ingridsm\Downloads\09da0c55-60c1-45ad-9a14-76462f81ce1e.tmp</t>
  </si>
  <si>
    <t>d5889b39-0f10-4611-b10d-3202f64642e2.tmp</t>
  </si>
  <si>
    <t>\\acsfs\profiles$\brunalas\Downloads\d5889b39-0f10-4611-b10d-3202f64642e2.tmp</t>
  </si>
  <si>
    <t>dc6c45b8-73a2-4536-aca4-634ba9e9f061.tmp</t>
  </si>
  <si>
    <t>\\acsfs\profiles$\brendadsl\Downloads\dc6c45b8-73a2-4536-aca4-634ba9e9f061.tmp</t>
  </si>
  <si>
    <t>6888998a-c583-42f1-a179-4da05f0d3c44.tmp</t>
  </si>
  <si>
    <t>\\acsfs\profiles$\anafaes\Downloads\6888998a-c583-42f1-a179-4da05f0d3c44.tmp</t>
  </si>
  <si>
    <t>09a80257-8070-4c6e-bf6f-11b8dffae690.tmp</t>
  </si>
  <si>
    <t>\\acsfs\profiles$\alinepp\Downloads\09a80257-8070-4c6e-bf6f-11b8dffae690.tmp</t>
  </si>
  <si>
    <t>d5af40ef-1d46-4c41-afa4-6a92d83e617e.tmp</t>
  </si>
  <si>
    <t>\\acsfs\profiles$\gabrielarb\Downloads\d5af40ef-1d46-4c41-afa4-6a92d83e617e.tmp</t>
  </si>
  <si>
    <t>f53df3c1-ba14-4f8c-8990-2bca2a9c1da4.tmp</t>
  </si>
  <si>
    <t>\\acsfs\profiles$\dhiulliananads\Downloads\f53df3c1-ba14-4f8c-8990-2bca2a9c1da4.tmp</t>
  </si>
  <si>
    <t>a6215b94-e295-4c5b-80a1-87d85c4e94be.tmp</t>
  </si>
  <si>
    <t>\\acsfs\profiles$\dhiulliananads\Downloads\a6215b94-e295-4c5b-80a1-87d85c4e94be.tmp</t>
  </si>
  <si>
    <t>28acdb12-21c3-49d5-a479-e04e37a69936.tmp</t>
  </si>
  <si>
    <t>\\acsfs\profiles$\andreapdsg\Downloads\28acdb12-21c3-49d5-a479-e04e37a69936.tmp</t>
  </si>
  <si>
    <t>8f39f74f-6d85-42c0-9184-4ab72ca9cb89.tmp</t>
  </si>
  <si>
    <t>\\acsfs\profiles$\henriqueco\Downloads\8f39f74f-6d85-42c0-9184-4ab72ca9cb89.tmp</t>
  </si>
  <si>
    <t>75cd7077-8492-4fe2-912c-55dfd9879850.tmp</t>
  </si>
  <si>
    <t>\\acsfs\profiles$\fabianafv\Downloads\75cd7077-8492-4fe2-912c-55dfd9879850.tmp</t>
  </si>
  <si>
    <t>97485a4c-0505-4e8e-a262-4659fc50e5b6.tmp</t>
  </si>
  <si>
    <t>\\acsfs\profiles$\brendadsl\Downloads\97485a4c-0505-4e8e-a262-4659fc50e5b6.tmp</t>
  </si>
  <si>
    <t>9b94b4ce-c755-4f9a-972a-edfe439421e5.tmp</t>
  </si>
  <si>
    <t>\\acsfs\profiles$\gabrielamdp\Downloads\9b94b4ce-c755-4f9a-972a-edfe439421e5.tmp</t>
  </si>
  <si>
    <t>bada8271-d7b6-4b28-a70e-fef72f891b98.tmp</t>
  </si>
  <si>
    <t>\\acsfs\profiles$\taylaedoa\Downloads\bada8271-d7b6-4b28-a70e-fef72f891b98.tmp</t>
  </si>
  <si>
    <t>e3d88d4a-faa4-4127-97c1-78db1e1a645a.tmp</t>
  </si>
  <si>
    <t>\\acsfs\profiles$\edicarlosdl\Downloads\e3d88d4a-faa4-4127-97c1-78db1e1a645a.tmp</t>
  </si>
  <si>
    <t>\\acsfs\DEPTOS\Operacao\Banco_Votorantim\Comum\LINK PARA PESQUISA\</t>
  </si>
  <si>
    <t>LINK PESQUISA.txt</t>
  </si>
  <si>
    <t>\\acsfs\DEPTOS\Operacao\Banco_Votorantim\Comum\LINK PARA PESQUISA\LINK PESQUISA.txt</t>
  </si>
  <si>
    <t>100035125381406;andrelpsa@algartech.com;fabriciadc@algartech.com.br;joaogvc@algartech.com;josiascdsj@algartech.com;karolynecj@algartech.com;leonardoao@algartech.com;marianadjc@algartech.com;matheuscm@algartech.com.br;rafaelggs@algartech.com;supervisaobancovotorantim@algartech.com;taysdss@algartech.com;viniciussg@algartech.com;</t>
  </si>
  <si>
    <t>https://100035125381406,andrelpsa@algartech.com,fabriciadc@algartech.com.br,joaogvc@algartech.com,josiascdsj@algartech.com,karolynecj@algartech.com,leonardoao@algartech.com,marianadjc@algartech.com,matheuscm@algartech.com.br,rafaelggs@algartech.com,supervisaobancovotorantim@algartech.com,taysdss@algartech.com,viniciussg@algartech.com</t>
  </si>
  <si>
    <t>c69b40c1-68f2-4650-82a3-5732f669fc0f.tmp</t>
  </si>
  <si>
    <t>\\acsfs\profiles$\brendadsl\Downloads\c69b40c1-68f2-4650-82a3-5732f669fc0f.tmp</t>
  </si>
  <si>
    <t>Aniversariantes Dezembro (1).xlsx</t>
  </si>
  <si>
    <t>Folga 1.PNG</t>
  </si>
  <si>
    <t>Folga 2.PNG</t>
  </si>
  <si>
    <t>vendas feitas ja em janeiro.txt</t>
  </si>
  <si>
    <t>\\acsfs\profiles$\thaynaracsl\My Documents\vendas feitas ja em janeiro.txt</t>
  </si>
  <si>
    <t>andrelpsa@algartech.com;fabriciadc@algartech.com.br;joaogvc@algartech.com;josiascdsj@algartech.com;karolynecj@algartech.com;leonardoao@algartech.com;marianadjc@algartech.com;matheuscm@;matheuscm@algartech.com.br;rafaelggs@algartech.com;supervisaobancovotorantim@algartech.com;taysdss@algartech.com;viniciussg@algartech.com;</t>
  </si>
  <si>
    <t>andrelpsa@algartech.com,fabriciadc@algartech.com.br,joaogvc@algartech.com,josiascdsj@algartech.com,karolynecj@algartech.com,leonardoao@algartech.com,marianadjc@algartech.com,matheuscm@,matheuscm@algartech.com.br,rafaelggs@algartech.com,supervisaobancovotorantim@algartech.com,taysdss@algartech.com,viniciussg@algartech.com</t>
  </si>
  <si>
    <t>473b3d42-39c2-490e-85c9-557f8a75f78e.tmp</t>
  </si>
  <si>
    <t>\\acsfs\profiles$\philipegsf\Downloads\473b3d42-39c2-490e-85c9-557f8a75f78e.tmp</t>
  </si>
  <si>
    <t>596e5ab4-fc42-4c53-bebc-b84a277078a2.tmp</t>
  </si>
  <si>
    <t>\\acsfs\profiles$\brendadsl\Downloads\596e5ab4-fc42-4c53-bebc-b84a277078a2.tmp</t>
  </si>
  <si>
    <t>7755e62d-b5ed-426e-b2d9-0ca02fbbe88b.tmp</t>
  </si>
  <si>
    <t>\\acsfs\profiles$\marcosvnds\Downloads\7755e62d-b5ed-426e-b2d9-0ca02fbbe88b.tmp</t>
  </si>
  <si>
    <t>https://andrelpsa@algartech.com,bvcartes-supervisores@algarnet.onmicrosoft.com,fabriciadc@algartech.com.br,joaogvc@algartech.com,josiascdsj@algartech.com,karolynecj@algartech.com,leonardoao@algartech.com,marianadjc@algartech.com,matheuscm@algartech.com.br,rafaelggs@algartech.com,supervisaobancovotorantim@algartech.com,taysdss@algartech.com,thiagordu@algartech.com,viniciussg@algartech.com</t>
  </si>
  <si>
    <t>f0f11aaa-5d90-46bd-a3bd-4cac4d3fc899.tmp</t>
  </si>
  <si>
    <t>\\acsfs\profiles$\Adrieledgc\Downloads\f0f11aaa-5d90-46bd-a3bd-4cac4d3fc899.tmp</t>
  </si>
  <si>
    <t>a8af9d7f-d954-4238-8807-b4052946aaa0.tmp</t>
  </si>
  <si>
    <t>\\acsfs\profiles$\ingridsm\Downloads\a8af9d7f-d954-4238-8807-b4052946aaa0.tmp</t>
  </si>
  <si>
    <t>bab981d0-dd52-4678-bf9f-a451935a7f19.tmp</t>
  </si>
  <si>
    <t>\\acsfs\profiles$\brendadsl\Downloads\bab981d0-dd52-4678-bf9f-a451935a7f19.tmp</t>
  </si>
  <si>
    <t>ddccfb66-f60e-4b16-96a8-b689e6fa46cb.tmp</t>
  </si>
  <si>
    <t>\\acsfs\profiles$\nathaliaos\Downloads\ddccfb66-f60e-4b16-96a8-b689e6fa46cb.tmp</t>
  </si>
  <si>
    <t>574dae3d-a172-4399-bd62-8f071486cf65.tmp</t>
  </si>
  <si>
    <t>\\acsfs\profiles$\gabrielamdp\Downloads\574dae3d-a172-4399-bd62-8f071486cf65.tmp</t>
  </si>
  <si>
    <t>XLOG_anakcs_03012020_124730.log</t>
  </si>
  <si>
    <t>\\acsfs\profiles$\anakcs\My Documents\xworkcenter\logs\XLOG_anakcs_03012020_124730.log</t>
  </si>
  <si>
    <t>2018ae5c-03ee-4678-af44-958df70280fd.tmp</t>
  </si>
  <si>
    <t>\\acsfs\profiles$\brunalas\Downloads\2018ae5c-03ee-4678-af44-958df70280fd.tmp</t>
  </si>
  <si>
    <t>3fddc51f-2f35-4bb9-baaa-7d2535c711eb.tmp</t>
  </si>
  <si>
    <t>\\acsfs\profiles$\joycemmdl\Downloads\3fddc51f-2f35-4bb9-baaa-7d2535c711eb.tmp</t>
  </si>
  <si>
    <t>Unconfirmed 854201.crdownload</t>
  </si>
  <si>
    <t>\\acsfs\profiles$\joycemmdl\Downloads\Unconfirmed 854201.crdownload</t>
  </si>
  <si>
    <t>94a231f7-0770-44b7-ba7d-38d4d0a218be.tmp</t>
  </si>
  <si>
    <t>\\acsfs\profiles$\henriqueco\Downloads\94a231f7-0770-44b7-ba7d-38d4d0a218be.tmp</t>
  </si>
  <si>
    <t>fdf4009f-e8df-4a61-9a2b-08492006c9af.tmp</t>
  </si>
  <si>
    <t>\\acsfs\profiles$\joycemmdl\Downloads\fdf4009f-e8df-4a61-9a2b-08492006c9af.tmp</t>
  </si>
  <si>
    <t>5689bbe5-2d61-4f70-a36e-c0ec6b352b9a.tmp</t>
  </si>
  <si>
    <t>\\acsfs\profiles$\leonardocb\Downloads\5689bbe5-2d61-4f70-a36e-c0ec6b352b9a.tmp</t>
  </si>
  <si>
    <t>Divisão Supervisores.xlsx</t>
  </si>
  <si>
    <t>c659f109-cb49-4852-a610-6510d1aecbdc.tmp</t>
  </si>
  <si>
    <t>\\acsfs\profiles$\brendadsl\Downloads\c659f109-cb49-4852-a610-6510d1aecbdc.tmp</t>
  </si>
  <si>
    <t>algartechcpcbv@algartech.com;andrelpsa@algartech.com;fabriciadc@algartech.com.br;joaogvc@algartech.com;josiascdsj@algartech.com;leonardoao@algartech.com;marianadjc@algartech.com;maristelavodq@bv.algartech.com;matheuscm@algartech.com.br;paulacn@algartech.com;qualidadealgarbv@algartech.com;rafaelggs@algartech.com;supervisaobancovotorantim@algartech.com;taysdss@algartech.com;thiagolrc@bv.algartech.com;viniciussg@algartech.com;</t>
  </si>
  <si>
    <t>algartechcpcbv@algartech.com,andrelpsa@algartech.com,fabriciadc@algartech.com.br,joaogvc@algartech.com,josiascds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viniciussg@algartech.com</t>
  </si>
  <si>
    <t>algartechcpcbv@algartech.com;andrelpsa@algartech.com;fabriciadc@algartech.com.br;joaogvc@algartech.com;josiascdsj@algartech.com;karolynecj@algartech.com;leonardoao@algartech.com;marianadjc@algartech.com;maristelavodq@bv.algartech.com;matheuscm@;matheuscm@algartech.com.br;paulacn@algartech.com;qualidadealgarbv@algartech.com;rafaelggs@algartech.com;supervisaobancovotorantim@algartech.com;taysdss@algartech.com;thiagolrc@bv.algartech.com;viniciussg@algartech.com;</t>
  </si>
  <si>
    <t>algartechcpcbv@algartech.com,andrelpsa@algartech.com,fabriciadc@algartech.com.br,joaogvc@algartech.com,josiascdsj@algartech.com,karolynecj@algartech.com,leonardoao@algartech.com,marianadjc@algartech.com,maristelavodq@bv.algartech.com,matheuscm@,matheuscm@algartech.com.br,paulacn@algartech.com,qualidadealgarbv@algartech.com,rafaelggs@algartech.com,supervisaobancovotorantim@algartech.com,taysdss@algartech.com,thiagolrc@bv.algartech.com,viniciussg@algartech.com</t>
  </si>
  <si>
    <t>2ef94a91-c514-4708-8421-22815c246799;</t>
  </si>
  <si>
    <t>4ec8a2ec-6e91-43e9-8ef0-ff6798da5e07.tmp</t>
  </si>
  <si>
    <t>\\acsfs\profiles$\leandromsa\Downloads\4ec8a2ec-6e91-43e9-8ef0-ff6798da5e07.tmp</t>
  </si>
  <si>
    <t>935e4fcc-84e1-44ae-8194-23e89c7ca130.tmp</t>
  </si>
  <si>
    <t>\\acsfs\profiles$\leonardocb\Downloads\935e4fcc-84e1-44ae-8194-23e89c7ca130.tmp</t>
  </si>
  <si>
    <t>1bb220f0-f919-4dba-862b-079aa7af0048.tmp</t>
  </si>
  <si>
    <t>\\acsfs\profiles$\leonardocb\Downloads\1bb220f0-f919-4dba-862b-079aa7af0048.tmp</t>
  </si>
  <si>
    <t>e6637446-fba9-4430-ba6b-d3ac30acae89.tmp</t>
  </si>
  <si>
    <t>\\acsfs\profiles$\edicarlosdl\Downloads\e6637446-fba9-4430-ba6b-d3ac30acae89.tmp</t>
  </si>
  <si>
    <t>b1b18376-f8c6-438d-8a3f-4b4fb0910424.tmp</t>
  </si>
  <si>
    <t>\\acsfs\profiles$\gabrielamdp\Downloads\b1b18376-f8c6-438d-8a3f-4b4fb0910424.tmp</t>
  </si>
  <si>
    <t>df87511f-2fba-408f-82c9-ddbf431426c4.tmp</t>
  </si>
  <si>
    <t>\\acsfs\profiles$\gabrielamdp\Downloads\df87511f-2fba-408f-82c9-ddbf431426c4.tmp</t>
  </si>
  <si>
    <t>34516a22-eb09-41c3-8956-4994d2ae6e46.tmp</t>
  </si>
  <si>
    <t>\\acsfs\profiles$\gabrielamdp\Downloads\34516a22-eb09-41c3-8956-4994d2ae6e46.tmp</t>
  </si>
  <si>
    <t>100014251170101;100035125381406;</t>
  </si>
  <si>
    <t>55904566-a017-453d-a37b-9a93ccfb6bb8.tmp</t>
  </si>
  <si>
    <t>\\acsfs\profiles$\nathaliaos\Downloads\55904566-a017-453d-a37b-9a93ccfb6bb8.tmp</t>
  </si>
  <si>
    <t>137a1832-e01d-4049-af82-dbf11b1e163d.tmp</t>
  </si>
  <si>
    <t>\\acsfs\profiles$\nathaliaos\Downloads\137a1832-e01d-4049-af82-dbf11b1e163d.tmp</t>
  </si>
  <si>
    <t>Metlifes.xlsx</t>
  </si>
  <si>
    <t>\\acsfs\ACS\Gabriel da Silva\Contemporânea\VENDAS\Metlifes.xlsx</t>
  </si>
  <si>
    <t>5a28fa51-6dd4-423d-ac9b-72379d68dee8.tmp</t>
  </si>
  <si>
    <t>\\acsfs\profiles$\gabrielamdp\Downloads\5a28fa51-6dd4-423d-ac9b-72379d68dee8.tmp</t>
  </si>
  <si>
    <t>88b29834-36d0-4cfb-8db6-69c5f9b4d678.tmp</t>
  </si>
  <si>
    <t>\\acsfs\profiles$\gabrielamdp\Downloads\88b29834-36d0-4cfb-8db6-69c5f9b4d678.tmp</t>
  </si>
  <si>
    <t>ddaad1f9-57fb-4a56-956d-a9752157a49d.tmp</t>
  </si>
  <si>
    <t>\\acsfs\profiles$\gabrielamdp\Downloads\ddaad1f9-57fb-4a56-956d-a9752157a49d.tmp</t>
  </si>
  <si>
    <t>a42f183d-8e0b-41a7-a4ab-59a82e845dad.tmp</t>
  </si>
  <si>
    <t>\\acsfs\profiles$\gabrielamdp\Downloads\a42f183d-8e0b-41a7-a4ab-59a82e845dad.tmp</t>
  </si>
  <si>
    <t>GABRIELE OLIVEIRA DE SOUSA (25443).contact</t>
  </si>
  <si>
    <t>\\acsfs\profiles$\gabrieleods\Contacts\GABRIELE OLIVEIRA DE SOUSA (25443).contact</t>
  </si>
  <si>
    <t>https://algartechcpcbv@algartech.com,andrelpsa@algartech.com,fabriciadc@algartech.com.br,joaogvc@algartech.com,josiascds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viniciussg@algartech.com</t>
  </si>
  <si>
    <t>14b6b89b-d7a8-4490-b5e9-303c5348a746.tmp</t>
  </si>
  <si>
    <t>\\acsfs\profiles$\edicarlosdl\Downloads\14b6b89b-d7a8-4490-b5e9-303c5348a746.tmp</t>
  </si>
  <si>
    <t>XLOG_marcosvnds_03012020_150434.log</t>
  </si>
  <si>
    <t>\\acsfs\profiles$\marcosvnds\My Documents\xworkcenter\logs\XLOG_marcosvnds_03012020_150434.log</t>
  </si>
  <si>
    <t>915fae0f-9445-42a7-ab7b-125bbe3eabda.tmp</t>
  </si>
  <si>
    <t>\\acsfs\profiles$\nathaliaos\Downloads\915fae0f-9445-42a7-ab7b-125bbe3eabda.tmp</t>
  </si>
  <si>
    <t>e3612174-080a-455e-9150-14373c97bee8.tmp</t>
  </si>
  <si>
    <t>\\acsfs\profiles$\leonardocb\Downloads\e3612174-080a-455e-9150-14373c97bee8.tmp</t>
  </si>
  <si>
    <t>lu2592yr8c2.tmp</t>
  </si>
  <si>
    <t>\\acsfs\profiles$\edicarlosdl\My Documents\lu2592yr8c2.tmp</t>
  </si>
  <si>
    <t>\\acsfs\profiles$\edicarlosdl\My Documents\lu2592yr8c2.tmp\</t>
  </si>
  <si>
    <t>\\acsfs\profiles$\edicarlosdl\My Documents\lu2592yr8c2.tmp\META-INF\</t>
  </si>
  <si>
    <t>\\acsfs\profiles$\edicarlosdl\My Documents\lu2592yr8c2.tmp\Thumbnails\</t>
  </si>
  <si>
    <t>57e1af8d-1d7f-4648-9a55-720996fd3c99.tmp</t>
  </si>
  <si>
    <t>\\acsfs\profiles$\nathaliaos\Downloads\57e1af8d-1d7f-4648-9a55-720996fd3c99.tmp</t>
  </si>
  <si>
    <t>71231c5e-c4bd-4fc4-b46b-ad6c1656c3b6.tmp</t>
  </si>
  <si>
    <t>\\acsfs\profiles$\marlyannegdls\Downloads\71231c5e-c4bd-4fc4-b46b-ad6c1656c3b6.tmp</t>
  </si>
  <si>
    <t>698bb366-e3f5-4f10-869a-d2680e914dc7.tmp</t>
  </si>
  <si>
    <t>\\acsfs\profiles$\marlyannegdls\Downloads\698bb366-e3f5-4f10-869a-d2680e914dc7.tmp</t>
  </si>
  <si>
    <t>7d8588c4-e285-49e8-a9ca-cd5554eea857.tmp</t>
  </si>
  <si>
    <t>\\acsfs\profiles$\leonardocb\Downloads\7d8588c4-e285-49e8-a9ca-cd5554eea857.tmp</t>
  </si>
  <si>
    <t>dd54a503-f474-43b6-a5b2-98d6a2adf508.tmp</t>
  </si>
  <si>
    <t>\\acsfs\profiles$\marlyannegdls\Downloads\dd54a503-f474-43b6-a5b2-98d6a2adf508.tmp</t>
  </si>
  <si>
    <t>78b1cd66-7d02-482f-b32f-0d18d3cf99eb.tmp</t>
  </si>
  <si>
    <t>\\acsfs\profiles$\marlyannegdls\Downloads\78b1cd66-7d02-482f-b32f-0d18d3cf99eb.tmp</t>
  </si>
  <si>
    <t>0ec5dde6-5a2c-4c45-9862-88b1cfdb4419.tmp</t>
  </si>
  <si>
    <t>\\acsfs\profiles$\andressagr\Downloads\0ec5dde6-5a2c-4c45-9862-88b1cfdb4419.tmp</t>
  </si>
  <si>
    <t>61103415-b4fc-4586-bcc8-1abde96aec8e.tmp</t>
  </si>
  <si>
    <t>\\acsfs\profiles$\andressagr\Downloads\61103415-b4fc-4586-bcc8-1abde96aec8e.tmp</t>
  </si>
  <si>
    <t>95d2e46e-0b6a-4f13-b4a1-8183f716720f.tmp</t>
  </si>
  <si>
    <t>\\acsfs\profiles$\andressagr\Downloads\95d2e46e-0b6a-4f13-b4a1-8183f716720f.tmp</t>
  </si>
  <si>
    <t>080c4a67-925a-4030-b10a-411c5dd11c64.tmp</t>
  </si>
  <si>
    <t>\\acsfs\profiles$\andressagr\Downloads\080c4a67-925a-4030-b10a-411c5dd11c64.tmp</t>
  </si>
  <si>
    <t>lu479526qdn7r.tmp</t>
  </si>
  <si>
    <t>\\acsfs\profiles$\ALYNYA\My Documents\lu479526qdn7r.tmp</t>
  </si>
  <si>
    <t>\\acsfs\profiles$\ALYNYA\My Documents\lu479526qdn7r.tmp\</t>
  </si>
  <si>
    <t>\\acsfs\profiles$\ALYNYA\My Documents\lu479526qdn7r.tmp\META-INF\</t>
  </si>
  <si>
    <t>\\acsfs\profiles$\ALYNYA\My Documents\lu479526qdn7r.tmp\Thumbnails\</t>
  </si>
  <si>
    <t>60de711f-6751-437a-8c42-fb14682a774c.tmp</t>
  </si>
  <si>
    <t>\\acsfs\profiles$\ALYNYA\Downloads\60de711f-6751-437a-8c42-fb14682a774c.tmp</t>
  </si>
  <si>
    <t>9fd5ff37-bb71-4c74-a4e4-504fb9e80349.tmp</t>
  </si>
  <si>
    <t>\\acsfs\profiles$\ALYNYA\Downloads\9fd5ff37-bb71-4c74-a4e4-504fb9e80349.tmp</t>
  </si>
  <si>
    <t>89cbaa51-2c57-4453-af12-a06f42fa6857.tmp</t>
  </si>
  <si>
    <t>\\acsfs\profiles$\ALYNYA\Downloads\89cbaa51-2c57-4453-af12-a06f42fa6857.tmp</t>
  </si>
  <si>
    <t>6805581f-3be6-4f9c-a31f-10a05c16b760.tmp</t>
  </si>
  <si>
    <t>\\acsfs\profiles$\BRUNAAR\Downloads\6805581f-3be6-4f9c-a31f-10a05c16b760.tmp</t>
  </si>
  <si>
    <t>5532d79e-0512-47c7-ac22-e1561b2793b3.tmp</t>
  </si>
  <si>
    <t>\\acsfs\profiles$\BRUNAAR\Downloads\5532d79e-0512-47c7-ac22-e1561b2793b3.tmp</t>
  </si>
  <si>
    <t>f433a153-129b-4efa-b40c-4e87512d8c2a.tmp</t>
  </si>
  <si>
    <t>\\acsfs\profiles$\cintiadcf\Downloads\f433a153-129b-4efa-b40c-4e87512d8c2a.tmp</t>
  </si>
  <si>
    <t>487f1a68-7909-4591-a56c-858ec711729a.tmp</t>
  </si>
  <si>
    <t>\\acsfs\profiles$\cintiadcf\Downloads\487f1a68-7909-4591-a56c-858ec711729a.tmp</t>
  </si>
  <si>
    <t>0d5ae447-d004-49e3-888f-283360bd26d2.tmp</t>
  </si>
  <si>
    <t>\\acsfs\profiles$\cintiadcf\Downloads\0d5ae447-d004-49e3-888f-283360bd26d2.tmp</t>
  </si>
  <si>
    <t>a0242c9c-ac8c-4742-96e3-65c4f4f1073e.tmp</t>
  </si>
  <si>
    <t>\\acsfs\profiles$\LAISLG\Downloads\a0242c9c-ac8c-4742-96e3-65c4f4f1073e.tmp</t>
  </si>
  <si>
    <t>da5c83e4-2f26-48dc-9604-3eabef529e82.tmp</t>
  </si>
  <si>
    <t>\\acsfs\profiles$\LAISLG\Downloads\da5c83e4-2f26-48dc-9604-3eabef529e82.tmp</t>
  </si>
  <si>
    <t>f66ecb72-c852-4912-b3a6-e989e3d83fea.tmp</t>
  </si>
  <si>
    <t>\\acsfs\profiles$\paulovadc\Downloads\f66ecb72-c852-4912-b3a6-e989e3d83fea.tmp</t>
  </si>
  <si>
    <t>MARIANACGS</t>
  </si>
  <si>
    <t>\\acsfs\DEPTOS\Operacao\Banco_Votorantim\Comum\Provas Regulamentação\Thumbs.db</t>
  </si>
  <si>
    <t>205b87b6-a504-4433-89a2-d558edca7bb4.tmp</t>
  </si>
  <si>
    <t>\\acsfs\profiles$\mariliafplb\Downloads\205b87b6-a504-4433-89a2-d558edca7bb4.tmp</t>
  </si>
  <si>
    <t>a7f9355a-6979-4059-be8b-9f47f00255d1.tmp</t>
  </si>
  <si>
    <t>\\acsfs\profiles$\mariliafplb\Downloads\a7f9355a-6979-4059-be8b-9f47f00255d1.tmp</t>
  </si>
  <si>
    <t>a6660545-1416-4450-8378-c7edf0a72a99.tmp</t>
  </si>
  <si>
    <t>\\acsfs\profiles$\mariliafplb\Downloads\a6660545-1416-4450-8378-c7edf0a72a99.tmp</t>
  </si>
  <si>
    <t>16d431e4-7159-4ebb-b210-2e4157c6e0e7.tmp</t>
  </si>
  <si>
    <t>\\acsfs\profiles$\paulovadc\Downloads\16d431e4-7159-4ebb-b210-2e4157c6e0e7.tmp</t>
  </si>
  <si>
    <t>lu103668cwn60y.tmp</t>
  </si>
  <si>
    <t>\\acsfs\profiles$\BRUNAAR\Numero\lu103668cwn60y.tmp</t>
  </si>
  <si>
    <t>86b94ce0-7bb3-4384-b0d8-1c112cacce51.tmp</t>
  </si>
  <si>
    <t>\\acsfs\profiles$\marcellewdl\Downloads\86b94ce0-7bb3-4384-b0d8-1c112cacce51.tmp</t>
  </si>
  <si>
    <t>0d8c1a17-5ff2-4fd2-b1b5-302c0fc190bb.tmp</t>
  </si>
  <si>
    <t>\\acsfs\profiles$\marcellewdl\Downloads\0d8c1a17-5ff2-4fd2-b1b5-302c0fc190bb.tmp</t>
  </si>
  <si>
    <t>bb2f6488-06a9-4b65-be74-44aa3931574a.tmp</t>
  </si>
  <si>
    <t>\\acsfs\profiles$\LUCASBS\Downloads\bb2f6488-06a9-4b65-be74-44aa3931574a.tmp</t>
  </si>
  <si>
    <t>9e0a3079-2bbc-43ea-9274-c92d73a6f9e1.tmp</t>
  </si>
  <si>
    <t>\\acsfs\profiles$\LUCASBS\Downloads\9e0a3079-2bbc-43ea-9274-c92d73a6f9e1.tmp</t>
  </si>
  <si>
    <t>de8530a9-d217-44ef-9620-0cfe33426332.tmp</t>
  </si>
  <si>
    <t>\\acsfs\profiles$\eduardofss\Downloads\de8530a9-d217-44ef-9620-0cfe33426332.tmp</t>
  </si>
  <si>
    <t>445f9dce-b51f-4a20-b2e1-0bd95df2b295.tmp</t>
  </si>
  <si>
    <t>\\acsfs\profiles$\luanarda\Downloads\445f9dce-b51f-4a20-b2e1-0bd95df2b295.tmp</t>
  </si>
  <si>
    <t>93eb7b56-5a16-4685-ac7e-e2bdaafe2aa3.tmp</t>
  </si>
  <si>
    <t>\\acsfs\profiles$\luanarda\Downloads\93eb7b56-5a16-4685-ac7e-e2bdaafe2aa3.tmp</t>
  </si>
  <si>
    <t>94cc470f-4b88-419c-aea6-583db0266e27.tmp</t>
  </si>
  <si>
    <t>\\acsfs\profiles$\YASMINSC\Downloads\94cc470f-4b88-419c-aea6-583db0266e27.tmp</t>
  </si>
  <si>
    <t>1880c8a8-5631-43c3-a4b4-f6319c10bab4.tmp</t>
  </si>
  <si>
    <t>\\acsfs\profiles$\YASMINSC\Downloads\1880c8a8-5631-43c3-a4b4-f6319c10bab4.tmp</t>
  </si>
  <si>
    <t>f198bfdc-85bb-44ea-a09d-5926ce7f217a.tmp</t>
  </si>
  <si>
    <t>\\acsfs\profiles$\LUCASBS\Downloads\f198bfdc-85bb-44ea-a09d-5926ce7f217a.tmp</t>
  </si>
  <si>
    <t>a0f9a231-1496-4393-a8c5-d288404dd281.tmp</t>
  </si>
  <si>
    <t>\\acsfs\profiles$\eduardofss\Downloads\a0f9a231-1496-4393-a8c5-d288404dd281.tmp</t>
  </si>
  <si>
    <t>lu553089oadey.tmp</t>
  </si>
  <si>
    <t>\\acsfs\profiles$\LUCASBS\Planilhas\lu553089oadey.tmp</t>
  </si>
  <si>
    <t>lu553089oadf4.tmp</t>
  </si>
  <si>
    <t>\\acsfs\profiles$\LUCASBS\Planilhas\lu553089oadf4.tmp</t>
  </si>
  <si>
    <t>0d57b376-1827-4040-8c50-be7741888377.tmp</t>
  </si>
  <si>
    <t>\\acsfs\profiles$\felipetds\Downloads\0d57b376-1827-4040-8c50-be7741888377.tmp</t>
  </si>
  <si>
    <t>a7a9da91-7fe7-4428-b711-335747094cd2.tmp</t>
  </si>
  <si>
    <t>\\acsfs\profiles$\geovanaasa\Downloads\a7a9da91-7fe7-4428-b711-335747094cd2.tmp</t>
  </si>
  <si>
    <t>0eef90fb-52f4-4131-9a6c-01423c7d7cab.tmp</t>
  </si>
  <si>
    <t>\\acsfs\profiles$\isabellegtds\Downloads\0eef90fb-52f4-4131-9a6c-01423c7d7cab.tmp</t>
  </si>
  <si>
    <t>249f1063-4fea-4b60-af2d-84aae8e69f8e.tmp</t>
  </si>
  <si>
    <t>\\acsfs\profiles$\felipetds\Downloads\249f1063-4fea-4b60-af2d-84aae8e69f8e.tmp</t>
  </si>
  <si>
    <t>663aaf9f-3e9c-4c55-b690-e5d6eec9c2f6.tmp</t>
  </si>
  <si>
    <t>\\acsfs\profiles$\francislayneads\Downloads\663aaf9f-3e9c-4c55-b690-e5d6eec9c2f6.tmp</t>
  </si>
  <si>
    <t>b26294b1-6aaa-475f-b096-997aa93b847f.tmp</t>
  </si>
  <si>
    <t>\\acsfs\profiles$\francislayneads\Downloads\b26294b1-6aaa-475f-b096-997aa93b847f.tmp</t>
  </si>
  <si>
    <t>30249c39-18ad-469b-b0b8-da8b382907d0.tmp</t>
  </si>
  <si>
    <t>\\acsfs\profiles$\geovanaasa\Downloads\30249c39-18ad-469b-b0b8-da8b382907d0.tmp</t>
  </si>
  <si>
    <t>7c9eec16-6a87-49bb-9d67-a474947f329a.tmp</t>
  </si>
  <si>
    <t>\\acsfs\profiles$\geovanaasa\Downloads\7c9eec16-6a87-49bb-9d67-a474947f329a.tmp</t>
  </si>
  <si>
    <t>3a151df9-f949-4582-876e-c2fc3cf768f9.tmp</t>
  </si>
  <si>
    <t>\\acsfs\profiles$\isabellegtds\Downloads\3a151df9-f949-4582-876e-c2fc3cf768f9.tmp</t>
  </si>
  <si>
    <t>11c412c6-73b6-4bba-9d1c-6fed0d3fce70.tmp</t>
  </si>
  <si>
    <t>\\acsfs\profiles$\isabellegtds\Downloads\11c412c6-73b6-4bba-9d1c-6fed0d3fce70.tmp</t>
  </si>
  <si>
    <t>97978092-6501-4667-ad3c-ae334ad94355.tmp</t>
  </si>
  <si>
    <t>\\acsfs\profiles$\isabellegtds\Downloads\97978092-6501-4667-ad3c-ae334ad94355.tmp</t>
  </si>
  <si>
    <t>739e3604-a923-41a4-a7fb-947b1b09bd7b.tmp</t>
  </si>
  <si>
    <t>\\acsfs\profiles$\BRUNAAR\Downloads\739e3604-a923-41a4-a7fb-947b1b09bd7b.tmp</t>
  </si>
  <si>
    <t>c717826c-8f59-432c-8d5f-edea098784fe.tmp</t>
  </si>
  <si>
    <t>\\acsfs\profiles$\BRUNAAR\Downloads\c717826c-8f59-432c-8d5f-edea098784fe.tmp</t>
  </si>
  <si>
    <t>b2ff092a-66d5-4891-9eb2-a0b667be63dc.tmp</t>
  </si>
  <si>
    <t>\\acsfs\profiles$\felipetds\Downloads\b2ff092a-66d5-4891-9eb2-a0b667be63dc.tmp</t>
  </si>
  <si>
    <t>65b52877-a48c-4194-84ba-2b7fd5661d19.tmp</t>
  </si>
  <si>
    <t>\\acsfs\profiles$\kellzylenneasr\Downloads\65b52877-a48c-4194-84ba-2b7fd5661d19.tmp</t>
  </si>
  <si>
    <t>d4d37444-4474-4143-afbc-930657f680da.tmp</t>
  </si>
  <si>
    <t>\\acsfs\profiles$\kellzylenneasr\Downloads\d4d37444-4474-4143-afbc-930657f680da.tmp</t>
  </si>
  <si>
    <t>516a5b8d-911a-4a3d-a936-305869588582.tmp</t>
  </si>
  <si>
    <t>\\acsfs\profiles$\isabellegtds\Downloads\516a5b8d-911a-4a3d-a936-305869588582.tmp</t>
  </si>
  <si>
    <t>lu103668cwn612.tmp</t>
  </si>
  <si>
    <t>\\acsfs\profiles$\BRUNAAR\Numero\lu103668cwn612.tmp</t>
  </si>
  <si>
    <t>lu103668cwn615.tmp</t>
  </si>
  <si>
    <t>\\acsfs\profiles$\BRUNAAR\Numero\lu103668cwn615.tmp</t>
  </si>
  <si>
    <t>9cc59c85-1ae3-467a-bd48-017f45ae0447.tmp</t>
  </si>
  <si>
    <t>\\acsfs\profiles$\isabellegtds\Downloads\9cc59c85-1ae3-467a-bd48-017f45ae0447.tmp</t>
  </si>
  <si>
    <t>95e8aab6-5335-4ab0-83f3-2d7f45363ffa.tmp</t>
  </si>
  <si>
    <t>\\acsfs\profiles$\eduardofss\Downloads\95e8aab6-5335-4ab0-83f3-2d7f45363ffa.tmp</t>
  </si>
  <si>
    <t>7dfb0a1c-ec43-4f8b-b1c0-658d38c0bd23.tmp</t>
  </si>
  <si>
    <t>\\acsfs\profiles$\dhiulliananads\Downloads\7dfb0a1c-ec43-4f8b-b1c0-658d38c0bd23.tmp</t>
  </si>
  <si>
    <t>b60ec156-03eb-409b-bac1-ac4e69ee86e5.tmp</t>
  </si>
  <si>
    <t>\\acsfs\profiles$\dhiulliananads\Downloads\b60ec156-03eb-409b-bac1-ac4e69ee86e5.tmp</t>
  </si>
  <si>
    <t>ad98005a-6ffe-45a2-820e-a81982842292.tmp</t>
  </si>
  <si>
    <t>\\acsfs\profiles$\kellzylenneasr\Downloads\ad98005a-6ffe-45a2-820e-a81982842292.tmp</t>
  </si>
  <si>
    <t>adc8ea72-2c40-4183-938b-62597bd50dd1.tmp</t>
  </si>
  <si>
    <t>\\acsfs\profiles$\felipetds\Downloads\adc8ea72-2c40-4183-938b-62597bd50dd1.tmp</t>
  </si>
  <si>
    <t>lu103668cwn618.tmp</t>
  </si>
  <si>
    <t>\\acsfs\profiles$\BRUNAAR\Numero\lu103668cwn618.tmp</t>
  </si>
  <si>
    <t>lu103668cwn61b.tmp</t>
  </si>
  <si>
    <t>\\acsfs\profiles$\BRUNAAR\Numero\lu103668cwn61b.tmp</t>
  </si>
  <si>
    <t>a026842d-e276-4ccb-86c1-76776ef943dc.tmp</t>
  </si>
  <si>
    <t>\\acsfs\profiles$\isabellegtds\Downloads\a026842d-e276-4ccb-86c1-76776ef943dc.tmp</t>
  </si>
  <si>
    <t>TALITA SANTOS SILVA CASTRO (27226).contact</t>
  </si>
  <si>
    <t>\\acsfs\profiles$\talitassc\Contacts\TALITA SANTOS SILVA CASTRO (27226).contact</t>
  </si>
  <si>
    <t>7698375a-b7c3-4ad7-aa1a-7df863a11227.tmp</t>
  </si>
  <si>
    <t>\\acsfs\profiles$\LAISLG\Downloads\7698375a-b7c3-4ad7-aa1a-7df863a11227.tmp</t>
  </si>
  <si>
    <t>09203a83-b107-4916-aced-4e1ebf01d474.tmp</t>
  </si>
  <si>
    <t>\\acsfs\profiles$\LUCASBS\Downloads\09203a83-b107-4916-aced-4e1ebf01d474.tmp</t>
  </si>
  <si>
    <t>andrelpsa@algartech.com;joaogvc@algartech.com;leonardoao@algartech.com;marianadjc@algartech.com;maristelavodq@bv.algartech.com;paulacn@algartech.com;rafaelggs@algartech.com;taysdss@algartech.com;viniciussg@algartech.com;</t>
  </si>
  <si>
    <t>andrelpsa@algartech.com,joaogvc@algartech.com,leonardoao@algartech.com,marianadjc@algartech.com,maristelavodq@bv.algartech.com,paulacn@algartech.com,rafaelggs@algartech.com,taysdss@algartech.com,viniciussg@algartech.com</t>
  </si>
  <si>
    <t>lu27002kzlvf.tmp</t>
  </si>
  <si>
    <t>\\acsfs\profiles$\dhiulliananads\My Documents\lu27002kzlvf.tmp</t>
  </si>
  <si>
    <t>\\acsfs\profiles$\dhiulliananads\My Documents\lu27002kzlvf.tmp\</t>
  </si>
  <si>
    <t>\\acsfs\profiles$\dhiulliananads\My Documents\lu27002kzlvf.tmp\META-INF\</t>
  </si>
  <si>
    <t>\\acsfs\profiles$\dhiulliananads\My Documents\lu27002kzlvf.tmp\Thumbnails\</t>
  </si>
  <si>
    <t>00c30723-f996-4c93-ac2f-cb8d0a573f2b.tmp</t>
  </si>
  <si>
    <t>\\acsfs\profiles$\mariliafplb\Downloads\00c30723-f996-4c93-ac2f-cb8d0a573f2b.tmp</t>
  </si>
  <si>
    <t>352907e9-ae48-49ed-abda-4096e2795fdc.tmp</t>
  </si>
  <si>
    <t>\\acsfs\profiles$\mariliafplb\Downloads\352907e9-ae48-49ed-abda-4096e2795fdc.tmp</t>
  </si>
  <si>
    <t>Pausas - FINANCEIRA.xlsx</t>
  </si>
  <si>
    <t>\\acsfs\DEPTOS\Operacao\PCP\5 - Comum\PLANEJAMENTO BV\14 - ACOMPANHAMENTO\1 - REPORT ACOMPANHAMENTO\2020\1 - JANEIRO\FINANCEIRA\Pausas - FINANCEIRA.xlsx</t>
  </si>
  <si>
    <t>ca6002d0-a3c1-4f60-9ab5-bb339ba9be43.tmp</t>
  </si>
  <si>
    <t>\\acsfs\profiles$\francislayneads\Downloads\ca6002d0-a3c1-4f60-9ab5-bb339ba9be43.tmp</t>
  </si>
  <si>
    <t>1c437696-43e7-42cd-8f84-d542a2533180.tmp</t>
  </si>
  <si>
    <t>\\acsfs\profiles$\geovanaasa\Downloads\1c437696-43e7-42cd-8f84-d542a2533180.tmp</t>
  </si>
  <si>
    <t>lu27002kzlvk.tmp</t>
  </si>
  <si>
    <t>\\acsfs\profiles$\dhiulliananads\My Documents\lu27002kzlvk.tmp</t>
  </si>
  <si>
    <t>\\acsfs\profiles$\dhiulliananads\My Documents\lu27002kzlvk.tmp\</t>
  </si>
  <si>
    <t>\\acsfs\profiles$\dhiulliananads\My Documents\lu27002kzlvk.tmp\META-INF\</t>
  </si>
  <si>
    <t>\\acsfs\profiles$\dhiulliananads\My Documents\lu27002kzlvk.tmp\Thumbnails\</t>
  </si>
  <si>
    <t>923273e1-1060-4b35-8924-28d8d58040a5.tmp</t>
  </si>
  <si>
    <t>\\acsfs\profiles$\isabellegtds\Downloads\923273e1-1060-4b35-8924-28d8d58040a5.tmp</t>
  </si>
  <si>
    <t>lu553089oadg5.tmp</t>
  </si>
  <si>
    <t>\\acsfs\profiles$\LUCASBS\Planilhas\lu553089oadg5.tmp</t>
  </si>
  <si>
    <t>5d1032eb-f0c5-47cc-9ca7-07293ad445ae.tmp</t>
  </si>
  <si>
    <t>\\acsfs\profiles$\marcellewdl\Downloads\5d1032eb-f0c5-47cc-9ca7-07293ad445ae.tmp</t>
  </si>
  <si>
    <t>760c3ee0-c9e6-45e1-861f-1e35c2c6c714.tmp</t>
  </si>
  <si>
    <t>\\acsfs\profiles$\ALYNYA\Downloads\760c3ee0-c9e6-45e1-861f-1e35c2c6c714.tmp</t>
  </si>
  <si>
    <t>Shortcalls.xlsb</t>
  </si>
  <si>
    <t>\\acsfs\DEPTOS\Operacao\PCP\5 - Comum\PLANEJAMENTO BV\14 - ACOMPANHAMENTO\1 - REPORT ACOMPANHAMENTO\2020\1 - JANEIRO\CARTÕES\SHORTCALLS\Shortcalls.xlsb</t>
  </si>
  <si>
    <t>ab40e89a-a5ae-48a7-9e0b-02a3ade508c5.tmp</t>
  </si>
  <si>
    <t>\\acsfs\profiles$\paulovadc\Downloads\ab40e89a-a5ae-48a7-9e0b-02a3ade508c5.tmp</t>
  </si>
  <si>
    <t>7b0829f7-8882-4e7d-843e-92b665e07f38.tmp</t>
  </si>
  <si>
    <t>\\acsfs\profiles$\marcellewdl\Downloads\7b0829f7-8882-4e7d-843e-92b665e07f38.tmp</t>
  </si>
  <si>
    <t>\\acsfs\profiles$\mateusjm\My Documents\My Pictures\</t>
  </si>
  <si>
    <t>\\acsfs\profiles$\MATEUSJM\My Documents\My Videos\desktop.ini</t>
  </si>
  <si>
    <t>\\acsfs\profiles$\MATEUSJM\My Documents\My Videos\</t>
  </si>
  <si>
    <t>\\acsfs\profiles$\mateusjm\My Documents\My Music\</t>
  </si>
  <si>
    <t>\\acsfs\profiles$\MATEUSJM\My Documents\My Pictures\desktop.ini</t>
  </si>
  <si>
    <t>\\acsfs\profiles$\mateusjm\My Documents\My Videos\</t>
  </si>
  <si>
    <t>\\acsfs\profiles$\MATEUSJM\Contacts\</t>
  </si>
  <si>
    <t>\\acsfs\profiles$\MATEUSJM\Contacts\desktop.ini</t>
  </si>
  <si>
    <t>f9726a0f-44ea-4908-b15b-e4779e68bc43.tmp</t>
  </si>
  <si>
    <t>\\acsfs\profiles$\cintiadcf\Downloads\f9726a0f-44ea-4908-b15b-e4779e68bc43.tmp</t>
  </si>
  <si>
    <t>76bd1af4-d9e2-4363-8dd6-3c5c68d17194.tmp</t>
  </si>
  <si>
    <t>\\acsfs\profiles$\LAISLG\Downloads\76bd1af4-d9e2-4363-8dd6-3c5c68d17194.tmp</t>
  </si>
  <si>
    <t>lu103668cwn61f.tmp</t>
  </si>
  <si>
    <t>\\acsfs\profiles$\BRUNAAR\Numero\lu103668cwn61f.tmp</t>
  </si>
  <si>
    <t>\\acsfs\profiles$\mateusjm\My Documents\</t>
  </si>
  <si>
    <t>\\acsfs\profiles$\MATEUSJM\Favorites\desktop.ini</t>
  </si>
  <si>
    <t>\\acsfs\profiles$\MATEUSJM\My Documents\My Music\desktop.ini</t>
  </si>
  <si>
    <t>\\acsfs\profiles$\MATEUSJM\My Documents\My Music\</t>
  </si>
  <si>
    <t>\\acsfs\profiles$\MATEUSJM\Searches\</t>
  </si>
  <si>
    <t>\\acsfs\profiles$\MATEUSJM\Searches\desktop.ini</t>
  </si>
  <si>
    <t>\\acsfs\profiles$\MATEUSJM\Downloads\desktop.ini</t>
  </si>
  <si>
    <t>\\acsfs\profiles$\mateusjm\Favorites\</t>
  </si>
  <si>
    <t>\\acsfs\profiles$\MATEUSJM\My Documents\desktop.ini</t>
  </si>
  <si>
    <t>\\acsfs\profiles$\MATEUSJM\My Documents\</t>
  </si>
  <si>
    <t>\\acsfs\profiles$\mateusjm\Downloads\</t>
  </si>
  <si>
    <t>\\acsfs\profiles$\MATEUSJM\Saved Games\desktop.ini</t>
  </si>
  <si>
    <t>winrt--{S-1-5-21-602162358-764733703-839522115-331520}-.searchconnector-ms</t>
  </si>
  <si>
    <t>\\acsfs\profiles$\MATEUSJM\Searches\winrt--{S-1-5-21-602162358-764733703-839522115-331520}-.searchconnector-ms</t>
  </si>
  <si>
    <t>c648a655-2e7b-45e7-9e79-ef20b8d8c26b.tmp</t>
  </si>
  <si>
    <t>\\acsfs\profiles$\MATEUSJM\Downloads\c648a655-2e7b-45e7-9e79-ef20b8d8c26b.tmp</t>
  </si>
  <si>
    <t>Unconfirmed 731368.crdownload</t>
  </si>
  <si>
    <t>\\acsfs\profiles$\MATEUSJM\Downloads\Unconfirmed 731368.crdownload</t>
  </si>
  <si>
    <t>8ae56caf-b519-4072-b000-73c8cd22e112.tmp</t>
  </si>
  <si>
    <t>\\acsfs\profiles$\MATEUSJM\Downloads\8ae56caf-b519-4072-b000-73c8cd22e112.tmp</t>
  </si>
  <si>
    <t>34187069-97ad-456a-aa2a-471a76e02fd2.tmp</t>
  </si>
  <si>
    <t>\\acsfs\profiles$\MATEUSJM\Downloads\34187069-97ad-456a-aa2a-471a76e02fd2.tmp</t>
  </si>
  <si>
    <t>6dc08492-2973-4790-9fed-40e261bfde99.tmp</t>
  </si>
  <si>
    <t>\\acsfs\profiles$\MATEUSJM\Downloads\6dc08492-2973-4790-9fed-40e261bfde99.tmp</t>
  </si>
  <si>
    <t>954fc361-fc6c-4f67-8463-85cb9accff6f.tmp</t>
  </si>
  <si>
    <t>\\acsfs\profiles$\LAISLG\Downloads\954fc361-fc6c-4f67-8463-85cb9accff6f.tmp</t>
  </si>
  <si>
    <t>mail.google.com/_/upload?authuser=0&amp;dcp=asu-n&amp;upload_id=AEnB2UoJueuPiukvlTcAjlT6BeoMCQ9U21saUyf_Y6JZbuUR7Oanav70EdVOzE8ZhBl311gY1sCx8q2JK_pzluCUQwR4KxtLXLnQFnSU4WuJS83bFH3RTic&amp;upload_protocol=resumable</t>
  </si>
  <si>
    <t>lu103668cwn61j.tmp</t>
  </si>
  <si>
    <t>\\acsfs\profiles$\BRUNAAR\Numero\lu103668cwn61j.tmp</t>
  </si>
  <si>
    <t>lu103668cwn61n.tmp</t>
  </si>
  <si>
    <t>\\acsfs\profiles$\BRUNAAR\Numero\lu103668cwn61n.tmp</t>
  </si>
  <si>
    <t>fe227b50-ee93-4dab-b135-2621c7f74447.tmp</t>
  </si>
  <si>
    <t>\\acsfs\profiles$\LUCASBS\Downloads\fe227b50-ee93-4dab-b135-2621c7f74447.tmp</t>
  </si>
  <si>
    <t>Pausas - CARTÕES.xlsb</t>
  </si>
  <si>
    <t>\\acsfs\DEPTOS\Operacao\PCP\5 - Comum\PLANEJAMENTO BV\14 - ACOMPANHAMENTO\1 - REPORT ACOMPANHAMENTO\2020\1 - JANEIRO\CARTÕES\Pausas CARTÕES\Pausas - CARTÕES.xlsb</t>
  </si>
  <si>
    <t>e168cf92-041e-4016-836b-d1cb895ad646.tmp</t>
  </si>
  <si>
    <t>\\acsfs\profiles$\geovanaasa\Downloads\e168cf92-041e-4016-836b-d1cb895ad646.tmp</t>
  </si>
  <si>
    <t>132a0cc7-80e6-4716-a6d3-8ac088a553e6.tmp</t>
  </si>
  <si>
    <t>\\acsfs\profiles$\eduardofss\Downloads\132a0cc7-80e6-4716-a6d3-8ac088a553e6.tmp</t>
  </si>
  <si>
    <t>31818670-0714-4b62-a0a3-09574858c01c.tmp</t>
  </si>
  <si>
    <t>\\acsfs\profiles$\eduardofss\Downloads\31818670-0714-4b62-a0a3-09574858c01c.tmp</t>
  </si>
  <si>
    <t>95bb7d39-640b-4718-b0cb-0f7ddbeb0f77.tmp</t>
  </si>
  <si>
    <t>\\acsfs\profiles$\eduardofss\Downloads\95bb7d39-640b-4718-b0cb-0f7ddbeb0f77.tmp</t>
  </si>
  <si>
    <t>mail.google.com/_/upload?authuser=0&amp;dcp=asu-n&amp;upload_id=AEnB2UpywaFwmZmFVxvMtVYSMSg92Nxxy9JLPbKxkp_9FT7q36xILs4a79MAxWKI82skrBDqdQLdSlUndDHm9z4FNAUWZFcSWCGSdI9bKwBrgS8nBxCyG5Y&amp;upload_protocol=resumable</t>
  </si>
  <si>
    <t>ce1461e6-ab6c-46cc-bc58-5afa9eab49ff.tmp</t>
  </si>
  <si>
    <t>\\acsfs\profiles$\mariliafplb\Downloads\ce1461e6-ab6c-46cc-bc58-5afa9eab49ff.tmp</t>
  </si>
  <si>
    <t>8684e3f5-5763-46f8-b311-d8c42e6a6ad8.tmp</t>
  </si>
  <si>
    <t>\\acsfs\profiles$\mariliafplb\Downloads\8684e3f5-5763-46f8-b311-d8c42e6a6ad8.tmp</t>
  </si>
  <si>
    <t>bcd79d16-d0cb-4179-bc52-978183f586e4.tmp</t>
  </si>
  <si>
    <t>\\acsfs\profiles$\mariliafplb\Downloads\bcd79d16-d0cb-4179-bc52-978183f586e4.tmp</t>
  </si>
  <si>
    <t>ac2fe2e1-64e9-43ad-aba0-e53aae773d7a.tmp</t>
  </si>
  <si>
    <t>\\acsfs\profiles$\mariliafplb\Downloads\ac2fe2e1-64e9-43ad-aba0-e53aae773d7a.tmp</t>
  </si>
  <si>
    <t>63cb5bef-4c18-4ba2-802c-6cda306e1522.tmp</t>
  </si>
  <si>
    <t>\\acsfs\profiles$\mariliafplb\Downloads\63cb5bef-4c18-4ba2-802c-6cda306e1522.tmp</t>
  </si>
  <si>
    <t>5b874287-6539-4b03-b99e-6167d1207d2c.tmp</t>
  </si>
  <si>
    <t>\\acsfs\profiles$\MATEUSJM\Downloads\5b874287-6539-4b03-b99e-6167d1207d2c.tmp</t>
  </si>
  <si>
    <t>ALBERTO FERREIRA NETO (30928).contact</t>
  </si>
  <si>
    <t>\\acsfs\profiles$\albertofn\Contacts\ALBERTO FERREIRA NETO (30928).contact</t>
  </si>
  <si>
    <t>andrelpsa@algartech.com;joaogvc@algartech.com;leonardoao@algartech.com;marianadjc@algartech.com;maristelavodq@bv.algartech.com;paulacn@algartech.com;planejamentodeoperacoesetrafego@bv.com.br;rafaelggs@algartech.com;taysdss@algartech.com;thiagordu@algartech.com;viniciussg@algartech.com;</t>
  </si>
  <si>
    <t>andrelpsa@algartech.com,joaogvc@algartech.com,leonardoao@algartech.com,marianadjc@algartech.com,maristelavodq@bv.algartech.com,paulacn@algartech.com,planejamentodeoperacoesetrafego@bv.com.br,rafaelggs@algartech.com,taysdss@algartech.com,thiagordu@algartech.com,viniciussg@algartech.com</t>
  </si>
  <si>
    <t>5c026f27-201d-42fa-a53b-0d5c74c32b40.tmp</t>
  </si>
  <si>
    <t>\\acsfs\profiles$\paulovadc\Downloads\5c026f27-201d-42fa-a53b-0d5c74c32b40.tmp</t>
  </si>
  <si>
    <t>2c6256d7-eb46-4fab-a243-5810ccd7a41d.tmp</t>
  </si>
  <si>
    <t>\\acsfs\profiles$\paulovadc\Downloads\2c6256d7-eb46-4fab-a243-5810ccd7a41d.tmp</t>
  </si>
  <si>
    <t>c35c7dec-afbb-45fd-9be1-65b86e5570c3.tmp</t>
  </si>
  <si>
    <t>\\acsfs\profiles$\luanarda\Downloads\c35c7dec-afbb-45fd-9be1-65b86e5570c3.tmp</t>
  </si>
  <si>
    <t>86da46b9-5caa-4862-ad70-d6add3328518.tmp</t>
  </si>
  <si>
    <t>\\acsfs\profiles$\mariliafplb\Downloads\86da46b9-5caa-4862-ad70-d6add3328518.tmp</t>
  </si>
  <si>
    <t>\\acsfs\DEPTOS\EDUCACAO EMPRESARIAL\2 - Operações\0 - BV\1 - TREINADORES\Haruna\FORMAÇÃO INICIAL\TURMA HARUNA\</t>
  </si>
  <si>
    <t>HARUNA_COMPLETO_(1).xlsx</t>
  </si>
  <si>
    <t>\\acsfs\DEPTOS\EDUCACAO EMPRESARIAL\2 - Operações\0 - BV\1 - TREINADORES\Haruna\FORMAÇÃO INICIAL\TURMA HARUNA\HARUNA_COMPLETO_(1).xlsx</t>
  </si>
  <si>
    <t>lu27002kzlvp.tmp</t>
  </si>
  <si>
    <t>\\acsfs\profiles$\dhiulliananads\My Documents\lu27002kzlvp.tmp</t>
  </si>
  <si>
    <t>\\acsfs\profiles$\dhiulliananads\My Documents\lu27002kzlvp.tmp\</t>
  </si>
  <si>
    <t>\\acsfs\profiles$\dhiulliananads\My Documents\lu27002kzlvp.tmp\META-INF\</t>
  </si>
  <si>
    <t>\\acsfs\profiles$\dhiulliananads\My Documents\lu27002kzlvp.tmp\Thumbnails\</t>
  </si>
  <si>
    <t>lu103668cwn61r.tmp</t>
  </si>
  <si>
    <t>\\acsfs\profiles$\BRUNAAR\Numero\lu103668cwn61r.tmp</t>
  </si>
  <si>
    <t>1157edbe-60b6-4a24-af4d-e8f6b2b9d716.tmp</t>
  </si>
  <si>
    <t>\\acsfs\profiles$\mariagsg\Downloads\1157edbe-60b6-4a24-af4d-e8f6b2b9d716.tmp</t>
  </si>
  <si>
    <t>66790337-2ff7-48e7-a27a-4fb604e8644e.tmp</t>
  </si>
  <si>
    <t>\\acsfs\profiles$\mariagsg\Downloads\66790337-2ff7-48e7-a27a-4fb604e8644e.tmp</t>
  </si>
  <si>
    <t>45c69681-85d7-499b-afc9-33c9e1d21d53.tmp</t>
  </si>
  <si>
    <t>\\acsfs\profiles$\luanarda\Downloads\45c69681-85d7-499b-afc9-33c9e1d21d53.tmp</t>
  </si>
  <si>
    <t>\\acsfs\profiles$\mariagsg\My Documents\Automation Anywhere Files\</t>
  </si>
  <si>
    <t>\\acsfs\profiles$\mariagsg\My Documents\Automation Anywhere Files\AA.Settings.xml</t>
  </si>
  <si>
    <t>\\acsfs\profiles$\mariagsg\My Documents\Automation Anywhere Files\AA.Settings.bak</t>
  </si>
  <si>
    <t>\\acsfs\profiles$\mariagsg\My Documents\Automation Anywhere Files\LogFiles\</t>
  </si>
  <si>
    <t>\\acsfs\profiles$\mariagsg\My Documents\Automation Anywhere Files\LogFiles\AAMain.log</t>
  </si>
  <si>
    <t>caf07b56-fe6f-47c9-9016-326100af6fb3.tmp</t>
  </si>
  <si>
    <t>\\acsfs\profiles$\luanarda\Downloads\caf07b56-fe6f-47c9-9016-326100af6fb3.tmp</t>
  </si>
  <si>
    <t>lu103668cwn61v.tmp</t>
  </si>
  <si>
    <t>\\acsfs\profiles$\BRUNAAR\Numero\lu103668cwn61v.tmp</t>
  </si>
  <si>
    <t>lu103668cwn61z.tmp</t>
  </si>
  <si>
    <t>\\acsfs\profiles$\BRUNAAR\Numero\lu103668cwn61z.tmp</t>
  </si>
  <si>
    <t>lu553089oadgq.tmp</t>
  </si>
  <si>
    <t>\\acsfs\profiles$\LUCASBS\Planilhas\lu553089oadgq.tmp</t>
  </si>
  <si>
    <t>lu553089oadgy.tmp</t>
  </si>
  <si>
    <t>\\acsfs\profiles$\LUCASBS\Planilhas\lu553089oadgy.tmp</t>
  </si>
  <si>
    <t>dc872716-fa8c-4542-8294-e492f5839f75.tmp</t>
  </si>
  <si>
    <t>\\acsfs\profiles$\felipetds\Downloads\dc872716-fa8c-4542-8294-e492f5839f75.tmp</t>
  </si>
  <si>
    <t>lu3078841xd8a.tmp</t>
  </si>
  <si>
    <t>\\acsfs\profiles$\CINTIADCF\lu3078841xd8a.tmp</t>
  </si>
  <si>
    <t>\\acsfs\profiles$\CINTIADCF\lu3078841xd8a.tmp\</t>
  </si>
  <si>
    <t>\\acsfs\profiles$\CINTIADCF\lu3078841xd8a.tmp\META-INF\</t>
  </si>
  <si>
    <t>\\acsfs\profiles$\CINTIADCF\lu3078841xd8a.tmp\Thumbnails\</t>
  </si>
  <si>
    <t>2c9c255a-3098-4fbb-a4fd-190e1f31d694.tmp</t>
  </si>
  <si>
    <t>\\acsfs\profiles$\BRUNAAR\Downloads\2c9c255a-3098-4fbb-a4fd-190e1f31d694.tmp</t>
  </si>
  <si>
    <t>lu553089oadh4.tmp</t>
  </si>
  <si>
    <t>\\acsfs\profiles$\LUCASBS\Planilhas\lu553089oadh4.tmp</t>
  </si>
  <si>
    <t>2bb21a96-1129-4241-8765-6744f257a1d3.tmp</t>
  </si>
  <si>
    <t>\\acsfs\profiles$\felipetds\Downloads\2bb21a96-1129-4241-8765-6744f257a1d3.tmp</t>
  </si>
  <si>
    <t>c42a39b7-0541-4cf7-8c31-9afc664d2a12.tmp</t>
  </si>
  <si>
    <t>\\acsfs\profiles$\luanarda\Downloads\c42a39b7-0541-4cf7-8c31-9afc664d2a12.tmp</t>
  </si>
  <si>
    <t>lu103668cwn623.tmp</t>
  </si>
  <si>
    <t>\\acsfs\profiles$\BRUNAAR\Numero\lu103668cwn623.tmp</t>
  </si>
  <si>
    <t>lu103668cwn627.tmp</t>
  </si>
  <si>
    <t>\\acsfs\profiles$\BRUNAAR\Numero\lu103668cwn627.tmp</t>
  </si>
  <si>
    <t>RELATORIO DE LOGIN - BV CARTÕES 02-01 - Cópia.xlsm</t>
  </si>
  <si>
    <t>\\acsfs\DEPTOS\Operacao\PCP\5 - Comum\PLANEJAMENTO BV\14 - ACOMPANHAMENTO\1 - REPORT ACOMPANHAMENTO\2020\1 - JANEIRO\CARTÕES\Login Logout Cartões\RELATORIO DE LOGIN - BV CARTÕES 02-01 - Cópia.xlsm</t>
  </si>
  <si>
    <t>\\acsfs\profiles$\cristianodab\My Documents\xworkcenter\logs\</t>
  </si>
  <si>
    <t>XLOG_cristianodab_04012020_134342.log</t>
  </si>
  <si>
    <t>\\acsfs\profiles$\cristianodab\My Documents\xworkcenter\logs\XLOG_cristianodab_04012020_134342.log</t>
  </si>
  <si>
    <t>RELATORIO DE LOGIN - BV CARTÕES 03-01.xlsm</t>
  </si>
  <si>
    <t>\\acsfs\DEPTOS\Operacao\PCP\5 - Comum\PLANEJAMENTO BV\14 - ACOMPANHAMENTO\1 - REPORT ACOMPANHAMENTO\2020\1 - JANEIRO\CARTÕES\Login Logout Cartões\RELATORIO DE LOGIN - BV CARTÕES 03-01.xlsm</t>
  </si>
  <si>
    <t>lu553089oadhf.tmp</t>
  </si>
  <si>
    <t>\\acsfs\profiles$\LUCASBS\Planilhas\lu553089oadhf.tmp</t>
  </si>
  <si>
    <t>25ed931f-926f-43d0-9a96-6ccd512a761c.tmp</t>
  </si>
  <si>
    <t>\\acsfs\profiles$\fabianafv\Downloads\25ed931f-926f-43d0-9a96-6ccd512a761c.tmp</t>
  </si>
  <si>
    <t>667f7187-ee8b-4509-897b-16b02e612ac4.tmp</t>
  </si>
  <si>
    <t>\\acsfs\profiles$\fabianafv\Downloads\667f7187-ee8b-4509-897b-16b02e612ac4.tmp</t>
  </si>
  <si>
    <t>668ab243-2904-44aa-b7c2-4d8207c19adf.tmp</t>
  </si>
  <si>
    <t>\\acsfs\profiles$\luanarda\Downloads\668ab243-2904-44aa-b7c2-4d8207c19adf.tmp</t>
  </si>
  <si>
    <t>e532e5f8-6fcf-4c9e-b7db-6fb024a07b10.tmp</t>
  </si>
  <si>
    <t>\\acsfs\profiles$\MATEUSJM\Downloads\e532e5f8-6fcf-4c9e-b7db-6fb024a07b10.tmp</t>
  </si>
  <si>
    <t>75bd99eb-ac2d-480e-9cbf-71c6cd32d8b4.tmp</t>
  </si>
  <si>
    <t>\\acsfs\profiles$\fabianafv\Downloads\75bd99eb-ac2d-480e-9cbf-71c6cd32d8b4.tmp</t>
  </si>
  <si>
    <t>a74a1cad-3c00-45dd-9420-0ad9e9dd46d3.tmp</t>
  </si>
  <si>
    <t>\\acsfs\profiles$\fabianafv\Downloads\a74a1cad-3c00-45dd-9420-0ad9e9dd46d3.tmp</t>
  </si>
  <si>
    <t>bvcartes-supervisores@algarnet.onmicrosoft.com;joaogvc@algartech.com;leonardoao@algartech.com;marianadjc@algartech.com;paulacn@algartech.com;planejamentodeoperacoesetrafego@bv.com.br;rafaelggs@algartech.com;taysdss@algartech.com;thiagordu@algartech.com;viniciussg@algartech.com;</t>
  </si>
  <si>
    <t>bvcartes-supervisores@algarnet.onmicrosoft.com,joaogvc@algartech.com,leonardoao@algartech.com,marianadjc@algartech.com,paulacn@algartech.com,planejamentodeoperacoesetrafego@bv.com.br,rafaelggs@algartech.com,taysdss@algartech.com,thiagordu@algartech.com,viniciussg@algartech.com</t>
  </si>
  <si>
    <t>lu274011v3ks.tmp</t>
  </si>
  <si>
    <t>\\acsfs\profiles$\marcellewdl\My Documents\lu274011v3ks.tmp</t>
  </si>
  <si>
    <t>\\acsfs\profiles$\marcellewdl\My Documents\lu274011v3ks.tmp\</t>
  </si>
  <si>
    <t>\\acsfs\profiles$\marcellewdl\My Documents\lu274011v3ks.tmp\META-INF\</t>
  </si>
  <si>
    <t>\\acsfs\profiles$\marcellewdl\My Documents\lu274011v3ks.tmp\Thumbnails\</t>
  </si>
  <si>
    <t>lu27002kzlvu.tmp</t>
  </si>
  <si>
    <t>\\acsfs\profiles$\dhiulliananads\My Documents\lu27002kzlvu.tmp</t>
  </si>
  <si>
    <t>\\acsfs\profiles$\dhiulliananads\My Documents\lu27002kzlvu.tmp\</t>
  </si>
  <si>
    <t>\\acsfs\profiles$\dhiulliananads\My Documents\lu27002kzlvu.tmp\META-INF\</t>
  </si>
  <si>
    <t>\\acsfs\profiles$\dhiulliananads\My Documents\lu27002kzlvu.tmp\Thumbnails\</t>
  </si>
  <si>
    <t>69c97bac-693b-4ca9-8373-f6f09f83b432.tmp</t>
  </si>
  <si>
    <t>\\acsfs\profiles$\isabellegtds\Downloads\69c97bac-693b-4ca9-8373-f6f09f83b432.tmp</t>
  </si>
  <si>
    <t>bdaac433-eb9a-4843-a505-0b1d9cf3b7ce.tmp</t>
  </si>
  <si>
    <t>\\acsfs\profiles$\philipegsf\Downloads\bdaac433-eb9a-4843-a505-0b1d9cf3b7ce.tmp</t>
  </si>
  <si>
    <t>12ba5c89-100c-48b3-a1e8-7cc8f27265a3.tmp</t>
  </si>
  <si>
    <t>\\acsfs\profiles$\philipegsf\Downloads\12ba5c89-100c-48b3-a1e8-7cc8f27265a3.tmp</t>
  </si>
  <si>
    <t>87e6d68e-d672-4e0a-8479-1d62ea3fd880.tmp</t>
  </si>
  <si>
    <t>\\acsfs\profiles$\MATEUSJM\Downloads\87e6d68e-d672-4e0a-8479-1d62ea3fd880.tmp</t>
  </si>
  <si>
    <t>755f1445-a4e3-497d-9116-7d2ab816b93d.tmp</t>
  </si>
  <si>
    <t>\\acsfs\profiles$\isabellegtds\Downloads\755f1445-a4e3-497d-9116-7d2ab816b93d.tmp</t>
  </si>
  <si>
    <t>ccf6dc46-05f4-49b2-b5b5-2c72a31418d4.tmp</t>
  </si>
  <si>
    <t>\\acsfs\profiles$\isabellegtds\Downloads\ccf6dc46-05f4-49b2-b5b5-2c72a31418d4.tmp</t>
  </si>
  <si>
    <t>eff2b3a7-3f08-44eb-9289-5ea2672b3707.tmp</t>
  </si>
  <si>
    <t>\\acsfs\profiles$\philipegsf\Downloads\eff2b3a7-3f08-44eb-9289-5ea2672b3707.tmp</t>
  </si>
  <si>
    <t>36dd419d-2be3-4868-953d-1d0b7c621a04.tmp</t>
  </si>
  <si>
    <t>\\acsfs\profiles$\welidicdj\Downloads\36dd419d-2be3-4868-953d-1d0b7c621a04.tmp</t>
  </si>
  <si>
    <t>319eebcb-2d8e-4c17-a223-4fe1ecdab20c.tmp</t>
  </si>
  <si>
    <t>\\acsfs\profiles$\welidicdj\Downloads\319eebcb-2d8e-4c17-a223-4fe1ecdab20c.tmp</t>
  </si>
  <si>
    <t>e1cfbd50-a7e6-444b-b7d4-223ba4065f71.tmp</t>
  </si>
  <si>
    <t>\\acsfs\profiles$\brunalas\Downloads\e1cfbd50-a7e6-444b-b7d4-223ba4065f71.tmp</t>
  </si>
  <si>
    <t>b0dcc5c0-b602-4dfe-9a2c-339c168db44b.tmp</t>
  </si>
  <si>
    <t>\\acsfs\profiles$\brunalas\Downloads\b0dcc5c0-b602-4dfe-9a2c-339c168db44b.tmp</t>
  </si>
  <si>
    <t>b5d1de02-1e6b-4f63-ba47-0fa65612df06.tmp</t>
  </si>
  <si>
    <t>\\acsfs\profiles$\henriqueco\Downloads\b5d1de02-1e6b-4f63-ba47-0fa65612df06.tmp</t>
  </si>
  <si>
    <t>ac7dbd91-f1dc-491d-8c8f-03ae2fc82ba8.tmp</t>
  </si>
  <si>
    <t>\\acsfs\profiles$\henriqueco\Downloads\ac7dbd91-f1dc-491d-8c8f-03ae2fc82ba8.tmp</t>
  </si>
  <si>
    <t>716fd480-4a36-43da-8753-dc792c5a3a12.tmp</t>
  </si>
  <si>
    <t>\\acsfs\profiles$\henriqueco\Downloads\716fd480-4a36-43da-8753-dc792c5a3a12.tmp</t>
  </si>
  <si>
    <t>fcb35847-f408-4340-b356-57fd94e9b271.tmp</t>
  </si>
  <si>
    <t>\\acsfs\profiles$\henriqueco\Downloads\fcb35847-f408-4340-b356-57fd94e9b271.tmp</t>
  </si>
  <si>
    <t>bb16d979-5e30-43cf-848b-c15c3510535c.tmp</t>
  </si>
  <si>
    <t>\\acsfs\profiles$\cintiadjl\Downloads\bb16d979-5e30-43cf-848b-c15c3510535c.tmp</t>
  </si>
  <si>
    <t>31e26e3d-50de-4560-941d-a1fe98bbee85.tmp</t>
  </si>
  <si>
    <t>\\acsfs\profiles$\cintiadjl\Downloads\31e26e3d-50de-4560-941d-a1fe98bbee85.tmp</t>
  </si>
  <si>
    <t>9fba6521-aae5-4b66-9a7d-d324f1d944cb.tmp</t>
  </si>
  <si>
    <t>\\acsfs\profiles$\philipegsf\Downloads\9fba6521-aae5-4b66-9a7d-d324f1d944cb.tmp</t>
  </si>
  <si>
    <t>91423fd8-46cc-493d-8ea9-40711aa2c1d1.tmp</t>
  </si>
  <si>
    <t>\\acsfs\profiles$\philipegsf\Downloads\91423fd8-46cc-493d-8ea9-40711aa2c1d1.tmp</t>
  </si>
  <si>
    <t>22fda69a-a44c-4f9e-b4a6-2c3d6bc68e9a.tmp</t>
  </si>
  <si>
    <t>\\acsfs\profiles$\brunalas\Downloads\22fda69a-a44c-4f9e-b4a6-2c3d6bc68e9a.tmp</t>
  </si>
  <si>
    <t>01815625-5af7-437f-bc9a-1fe7412c4318.tmp</t>
  </si>
  <si>
    <t>\\acsfs\profiles$\philipegsf\Downloads\01815625-5af7-437f-bc9a-1fe7412c4318.tmp</t>
  </si>
  <si>
    <t>7419ce24-6601-415b-8cb3-ba5cbe012da9.tmp</t>
  </si>
  <si>
    <t>\\acsfs\profiles$\henriqueco\Downloads\7419ce24-6601-415b-8cb3-ba5cbe012da9.tmp</t>
  </si>
  <si>
    <t>RAFAELA CRISTINA DE OLIVEIRA CLEMENTINO (11).contact</t>
  </si>
  <si>
    <t>\\acsfs\profiles$\rafaelacdoc\Contacts\RAFAELA CRISTINA DE OLIVEIRA CLEMENTINO (11).contact</t>
  </si>
  <si>
    <t>c5966618-f8ae-4027-b695-2dc74fff8490.tmp</t>
  </si>
  <si>
    <t>\\acsfs\profiles$\rafaelacdoc\Downloads\c5966618-f8ae-4027-b695-2dc74fff8490.tmp</t>
  </si>
  <si>
    <t>cfca082e-dd55-48e9-8fe7-be384f174e24.tmp</t>
  </si>
  <si>
    <t>\\acsfs\profiles$\rafaelacdoc\Downloads\cfca082e-dd55-48e9-8fe7-be384f174e24.tmp</t>
  </si>
  <si>
    <t>33e782ac-16da-44cb-89bc-b97dd28d7b1d.tmp</t>
  </si>
  <si>
    <t>\\acsfs\profiles$\rafaelacdoc\Downloads\33e782ac-16da-44cb-89bc-b97dd28d7b1d.tmp</t>
  </si>
  <si>
    <t>lu27002kzlvz.tmp</t>
  </si>
  <si>
    <t>\\acsfs\profiles$\dhiulliananads\My Documents\lu27002kzlvz.tmp</t>
  </si>
  <si>
    <t>\\acsfs\profiles$\dhiulliananads\My Documents\lu27002kzlvz.tmp\</t>
  </si>
  <si>
    <t>\\acsfs\profiles$\dhiulliananads\My Documents\lu27002kzlvz.tmp\META-INF\</t>
  </si>
  <si>
    <t>\\acsfs\profiles$\dhiulliananads\My Documents\lu27002kzlvz.tmp\Thumbnails\</t>
  </si>
  <si>
    <t>1f2edb05-9546-4e61-9755-14d469db48ab.tmp</t>
  </si>
  <si>
    <t>\\acsfs\profiles$\myllenardl\Downloads\1f2edb05-9546-4e61-9755-14d469db48ab.tmp</t>
  </si>
  <si>
    <t>6b66b35f-2f86-487f-b1fa-d4fd0d14e236.tmp</t>
  </si>
  <si>
    <t>\\acsfs\profiles$\myllenardl\Downloads\6b66b35f-2f86-487f-b1fa-d4fd0d14e236.tmp</t>
  </si>
  <si>
    <t>7f2c4ddd-6ee1-40fe-a3e5-1c59a480a051.tmp</t>
  </si>
  <si>
    <t>\\acsfs\profiles$\nycolleemdj\Downloads\7f2c4ddd-6ee1-40fe-a3e5-1c59a480a051.tmp</t>
  </si>
  <si>
    <t>Q29udHJvbGxlci5JRS1JbmZvQlY- (25).ica</t>
  </si>
  <si>
    <t>\\acsfs\profiles$\nycolleemdj\Downloads\Q29udHJvbGxlci5JRS1JbmZvQlY- (25).ica</t>
  </si>
  <si>
    <t>6fae9c12-b2d3-4880-96ab-47d63798cdc2.tmp</t>
  </si>
  <si>
    <t>\\acsfs\profiles$\nycolleemdj\Downloads\6fae9c12-b2d3-4880-96ab-47d63798cdc2.tmp</t>
  </si>
  <si>
    <t>Q29udHJvbGxlci5JRS1JbmZvQlY- (27).ica</t>
  </si>
  <si>
    <t>\\acsfs\profiles$\nycolleemdj\Downloads\Q29udHJvbGxlci5JRS1JbmZvQlY- (27).ica</t>
  </si>
  <si>
    <t>563b517c-41d1-4339-ac82-9dc8bcb15b68.tmp</t>
  </si>
  <si>
    <t>\\acsfs\profiles$\nycolleemdj\Downloads\563b517c-41d1-4339-ac82-9dc8bcb15b68.tmp</t>
  </si>
  <si>
    <t>3815dee3-7dec-401b-b4ea-b6a29dda1cdb.tmp</t>
  </si>
  <si>
    <t>\\acsfs\profiles$\cintiadjl\Downloads\3815dee3-7dec-401b-b4ea-b6a29dda1cdb.tmp</t>
  </si>
  <si>
    <t>c9324761-f100-42d8-adde-f82abacb8021.tmp</t>
  </si>
  <si>
    <t>\\acsfs\profiles$\paulohaf\Downloads\c9324761-f100-42d8-adde-f82abacb8021.tmp</t>
  </si>
  <si>
    <t>ae3de790-0609-47bd-9a59-87d8b375abea.tmp</t>
  </si>
  <si>
    <t>\\acsfs\profiles$\paulohaf\Downloads\ae3de790-0609-47bd-9a59-87d8b375abea.tmp</t>
  </si>
  <si>
    <t>9e20186a-2208-4ba6-b4c4-360ae08f385d.tmp</t>
  </si>
  <si>
    <t>\\acsfs\profiles$\paulohaf\Downloads\9e20186a-2208-4ba6-b4c4-360ae08f385d.tmp</t>
  </si>
  <si>
    <t>53603e4d-899f-4526-856d-83ba441cce58.tmp</t>
  </si>
  <si>
    <t>\\acsfs\profiles$\nathaliaos\Downloads\53603e4d-899f-4526-856d-83ba441cce58.tmp</t>
  </si>
  <si>
    <t>b0b6c57e-f2f3-449e-9ac3-83787d8ee2ca.tmp</t>
  </si>
  <si>
    <t>\\acsfs\profiles$\nathaliaos\Downloads\b0b6c57e-f2f3-449e-9ac3-83787d8ee2ca.tmp</t>
  </si>
  <si>
    <t>3d9b885a-71fa-49b5-a177-63d450f952c3.tmp</t>
  </si>
  <si>
    <t>\\acsfs\profiles$\leonardocb\Downloads\3d9b885a-71fa-49b5-a177-63d450f952c3.tmp</t>
  </si>
  <si>
    <t>977c0982-7332-491a-9ccb-9e9bb91dc2f6.tmp</t>
  </si>
  <si>
    <t>\\acsfs\profiles$\taylaedoa\Downloads\977c0982-7332-491a-9ccb-9e9bb91dc2f6.tmp</t>
  </si>
  <si>
    <t>3a13fca5-106d-475e-8452-fa3a3cc749ea.tmp</t>
  </si>
  <si>
    <t>\\acsfs\profiles$\leonardocb\Downloads\3a13fca5-106d-475e-8452-fa3a3cc749ea.tmp</t>
  </si>
  <si>
    <t>45e98791-e1d5-4c95-902a-5708758f993b.tmp</t>
  </si>
  <si>
    <t>\\acsfs\profiles$\cintiadjl\Downloads\45e98791-e1d5-4c95-902a-5708758f993b.tmp</t>
  </si>
  <si>
    <t>649e40f9-7206-4053-a4c1-7582f4c65f3c.tmp</t>
  </si>
  <si>
    <t>\\acsfs\profiles$\taylaedoa\Downloads\649e40f9-7206-4053-a4c1-7582f4c65f3c.tmp</t>
  </si>
  <si>
    <t>5f2c7c8e-249d-47ed-a53d-2d427a5ada0e.tmp</t>
  </si>
  <si>
    <t>\\acsfs\profiles$\fabianafv\Downloads\5f2c7c8e-249d-47ed-a53d-2d427a5ada0e.tmp</t>
  </si>
  <si>
    <t>33b6b9d3-da4e-4da5-be1a-26b07d84af73.tmp</t>
  </si>
  <si>
    <t>\\acsfs\profiles$\brunalas\Downloads\33b6b9d3-da4e-4da5-be1a-26b07d84af73.tmp</t>
  </si>
  <si>
    <t>4c8909ef-a4d5-4e7e-b8c9-d87136c15911.tmp</t>
  </si>
  <si>
    <t>\\acsfs\profiles$\brunalas\Downloads\4c8909ef-a4d5-4e7e-b8c9-d87136c15911.tmp</t>
  </si>
  <si>
    <t>4b361335-40bf-4589-b4ac-0d7190807573.tmp</t>
  </si>
  <si>
    <t>\\acsfs\profiles$\fabianafv\Downloads\4b361335-40bf-4589-b4ac-0d7190807573.tmp</t>
  </si>
  <si>
    <t>6254aa40-c2f3-4432-a1f7-ca2a03d5a2ee.tmp</t>
  </si>
  <si>
    <t>\\acsfs\profiles$\leonardocb\Downloads\6254aa40-c2f3-4432-a1f7-ca2a03d5a2ee.tmp</t>
  </si>
  <si>
    <t>bcb3d220-3916-4695-b6e4-2c7db095462c.tmp</t>
  </si>
  <si>
    <t>\\acsfs\profiles$\cintiadjl\Downloads\bcb3d220-3916-4695-b6e4-2c7db095462c.tmp</t>
  </si>
  <si>
    <t>9612c543-431d-457c-80c9-a4a499f74631.tmp</t>
  </si>
  <si>
    <t>\\acsfs\profiles$\paulohaf\Downloads\9612c543-431d-457c-80c9-a4a499f74631.tmp</t>
  </si>
  <si>
    <t>bf48d3b1-5891-444f-8fb6-091cb1fa8d9d.tmp</t>
  </si>
  <si>
    <t>\\acsfs\profiles$\paulohaf\Downloads\bf48d3b1-5891-444f-8fb6-091cb1fa8d9d.tmp</t>
  </si>
  <si>
    <t>"application":"retail";"attributes":{"id":"r38v05-y886go-7uc44y-rcc0l2";"id":"r38v05-y886go-7uc44y-rcc0l2";"meaningful":"interactive";"messageid":"vs48c4-jt74m7-gy4ob5-8celz";"obfuscatedmarketplaceid":"art4wz8mwbx2y";"producerid":"csa";"requestid":"460e4adzekxgxgj42a2h";"schemaid":"csa.pageentity.1";"url":"https://www.amazon.com/ap/signin?accountstatuspolicy=p1;br accept-language: pt-br;deflate;en-us;q=0.8;en;q=0.7 cookie: session-id=130-1341236-8844039; session-id-time=2208897134l; lc-main-av=pt_br {"events":[{"data":{"timestamp":"2020-01-04t22:32:15.915z";https://www.primevideo.com/auth/return/ref=av_auth_ap?_encoding=utf8&amp;location=%2fsignup%2fref%3ddv_web_auth_no_re_sig%3f_encoding%3dutf8%26devicetypeid%3da13q6a55dbzb7m%26offer%3dpm accept-encoding: gzip;pt;q=0.9;version;</t>
  </si>
  <si>
    <t>https://"application":"retail","attributes":{"id":"r38v05-y886go-7uc44y-rcc0l2","id":"r38v05-y886go-7uc44y-rcc0l2","meaningful":"interactive","messageid":"vs48c4-jt74m7-gy4ob5-8celz","obfuscatedmarketplaceid":"art4wz8mwbx2y","producerid":"csa","requestid":"460e4adzekxgxgj42a2h","schemaid":"csa.pageentity.1","url":"https://www.amazon.com/ap/signin?accountstatuspolicy=p1,br accept-language: pt-br,deflate,en-us;q=0.8,en;q=0.7 cookie: session-id=130-1341236-8844039; session-id-time=2208897134l; lc-main-av=pt_br {"events":[{"data":{"timestamp":"2020-01-04t22:32:15.915z",https://www.primevideo.com/auth/return/ref=av_auth_ap?_encoding=utf8&amp;location=%2fsignup%2fref%3ddv_web_auth_no_re_sig%3f_encoding%3dutf8%26devicetypeid%3da13q6a55dbzb7m%26offer%3dpm accept-encoding: gzip,pt;q=0.9,version</t>
  </si>
  <si>
    <t>"application":"retail";"attributes":{"id":"r38v05-y886go-7uc44y-rcc0l2";"entities":{"page":{"id":"vu8wcj-5bsz7a-7y6mtj-igkdcp";"id":"r38v05-y886go-7uc44y-rcc0l2";"meaningful":"interactive";"messageid":"73al9s-1ussm0-nkf1cp-d4ezgb";"messageid":"vs48c4-jt74m7-gy4ob5-8celz";"obfuscatedmarketplaceid":"art4wz8mwbx2y";"path":"/ap/signin/130-1341236-8844039";"producerid":"csa";"referrer":"https://www.amazon.com/ap/signin?accountstatuspolicy=p1;"requestid":"460e4adzekxgxgj42a2h";"requestid":"9h3nnmw9xcakxjcher9p";"schemaid":"csa.pageentity.1";"schemaid":"csa.pagerender.3";"server":"www.amazon.com";"timestamp":"2020-01-04t22:32:55.751z";"title":"acessar amazon"}}};"url":"https://www.amazon.com/ap/signin/130-1341236-8844039";"url":"https://www.amazon.com/ap/signin?accountstatuspolicy=p1;br accept-language: pt-br;deflate;en-us;q=0.8;en;q=0.7 cookie: session-id=130-1341236-8844039; session-id-time=2208897134l; lc-main-av=pt_br {"events":[{"data":{"timestamp":"2020-01-04t22:32:15.915z";https://www.primevideo.com/auth/retu</t>
  </si>
  <si>
    <t>https://"application":"retail","attributes":{"id":"r38v05-y886go-7uc44y-rcc0l2","entities":{"page":{"id":"vu8wcj-5bsz7a-7y6mtj-igkdcp","id":"r38v05-y886go-7uc44y-rcc0l2","meaningful":"interactive","messageid":"73al9s-1ussm0-nkf1cp-d4ezgb","messageid":"vs48c4-jt74m7-gy4ob5-8celz","obfuscatedmarketplaceid":"art4wz8mwbx2y","path":"/ap/signin/130-1341236-8844039","producerid":"csa","referrer":"https://www.amazon.com/ap/signin?accountstatuspolicy=p1,"requestid":"460e4adzekxgxgj42a2h","requestid":"9h3nnmw9xcakxjcher9p","schemaid":"csa.pageentity.1","schemaid":"csa.pagerender.3","server":"www.amazon.com","timestamp":"2020-01-04t22:32:55.751z","title":"acessar amazon"}}},"url":"https://www.amazon.com/ap/signin/130-1341236-8844039","url":"https://www.amazon.com/ap/signin?accountstatuspolicy=p1,br accept-language: pt-br,deflate,en-us;q=0.8,en;q=0.7 cookie: session-id=130-1341236-8844039; session-id-time=2208897134l; lc-main-av=pt_br {"events":[{"data":{"timestamp":"2020-01-04t22:32:15.915z",https://www.primevideo.com/a</t>
  </si>
  <si>
    <t>"application":"retail";"attributes":{"id":"r38v05-y886go-7uc44y-rcc0l2";"entities":{"page":{"id":"vu8wcj-5bsz7a-7y6mtj-igkdcp";"id":"r38v05-y886go-7uc44y-rcc0l2";"meaningful":"interactive";"messageid":"73al9s-1ussm0-nkf1cp-d4ezgb";"messageid":"vs48c4-jt74m7-gy4ob5-8celz";"obfuscatedmarketplaceid":"art4wz8mwbx2y";"path":"/ap/signin/130-1341236-8844039";"producerid":"csa";"referrer":"https://www.amazon.com/ap/signin?accountstatuspolicy=p1;"requestid":"460e4adzekxgxgj42a2h";"requestid":"9h3nnmw9xcakxjcher9p";"schemaid":"csa.pageentity.1";"schemaid":"csa.pagerender.3";"server":"www.amazon.com";"timestamp":"2020-01-04t22:32:55.751z";"title":"acessar;"title":"acessar amazon"}}};"url":"https://www.amazon.com/ap/signin/130-1341236-8844039";"url":"https://www.amazon.com/ap/signin?accountstatuspolicy=p1;br accept-language: pt-br;deflate;en-us;q=0.8;en;q=0.7 cookie: session-id=130-1341236-8844039; session-id-time=2208897134l; lc-main-av=pt_br {"events":[{"data":{"timestamp":"2020-01-04t22:32:15.915z";https://www.primevi</t>
  </si>
  <si>
    <t>https://"application":"retail","attributes":{"id":"r38v05-y886go-7uc44y-rcc0l2","entities":{"page":{"id":"vu8wcj-5bsz7a-7y6mtj-igkdcp","id":"r38v05-y886go-7uc44y-rcc0l2","meaningful":"interactive","messageid":"73al9s-1ussm0-nkf1cp-d4ezgb","messageid":"vs48c4-jt74m7-gy4ob5-8celz","obfuscatedmarketplaceid":"art4wz8mwbx2y","path":"/ap/signin/130-1341236-8844039","producerid":"csa","referrer":"https://www.amazon.com/ap/signin?accountstatuspolicy=p1,"requestid":"460e4adzekxgxgj42a2h","requestid":"9h3nnmw9xcakxjcher9p","schemaid":"csa.pageentity.1","schemaid":"csa.pagerender.3","server":"www.amazon.com","timestamp":"2020-01-04t22:32:55.751z","title":"acessar,"title":"acessar amazon"}}},"url":"https://www.amazon.com/ap/signin/130-1341236-8844039","url":"https://www.amazon.com/ap/signin?accountstatuspolicy=p1,br accept-language: pt-br,deflate,en-us;q=0.8,en;q=0.7 cookie: session-id=130-1341236-8844039; session-id-time=2208897134l; lc-main-av=pt_br {"events":[{"data":{"timestamp":"2020-01-04t22:32:15.915z",https://www</t>
  </si>
  <si>
    <t>a4803afb-8cc8-46bb-b52b-2a988b70981e</t>
  </si>
  <si>
    <t>a4803afb-8cc8-46bb-b52b-2a988b70981e;</t>
  </si>
  <si>
    <t>5d76f4bc-21cf-4c56-b142-18670fa73c1b.tmp</t>
  </si>
  <si>
    <t>\\acsfs\profiles$\rafaelacdoc\Downloads\5d76f4bc-21cf-4c56-b142-18670fa73c1b.tmp</t>
  </si>
  <si>
    <t>71a30ef7-33b6-4d5f-b34d-16b796961571.tmp</t>
  </si>
  <si>
    <t>\\acsfs\profiles$\rafaelacdoc\Downloads\71a30ef7-33b6-4d5f-b34d-16b796961571.tmp</t>
  </si>
  <si>
    <t>661a9e46-57c4-467b-aa9d-b12e00655ded.tmp</t>
  </si>
  <si>
    <t>\\acsfs\profiles$\fabianafv\Downloads\661a9e46-57c4-467b-aa9d-b12e00655ded.tmp</t>
  </si>
  <si>
    <t>cb940e35-cd62-4207-8360-b94bdc224d4f.tmp</t>
  </si>
  <si>
    <t>\\acsfs\profiles$\rafaelacdoc\Downloads\cb940e35-cd62-4207-8360-b94bdc224d4f.tmp</t>
  </si>
  <si>
    <t>164a574b-c6c3-413d-bf96-ebecaa8b73ad; jsessionid=352611e3aa85ebffb417e9f58eb5c0db; glide_user_activity=u0n2mzpjegnmrzvxynljturqa2zxyuzrmmprn3vmvk1hastfdtpoz24wrm1nn3pevwtabxvwl2tauktqahbnwgvxrwzseitjq2pxtkqzwec4pq==; glide_session_store=1237c8db1b8284d4e80</t>
  </si>
  <si>
    <t>accept-encoding: gzip;br accept-language: pt-br;deflate;en-us;q=0.8;en;q=0.7 cookie: glide_user_route=glide.5f40aac7111c5e3162f5d8ac8f69367e; bigipserverpool_kroton=192962314.33854.0000; glide_user_activity=u0n2mzptnklubuy2ddl3bmi2vkc5qmryq291uxvjzglgtmlsatoxumvey0tmtmg4d2hhzm5hcjhqzdzoz1j6afvgu3njcjvlzhrusi80tjfvpq==; _ga=ga1.3.628006740.1578176490; _gid=ga1.3.393176494.1578176490; ai_user=ik8pz|2020-01-04t22:21:29.782z; _hjid=164a574b-c6c3-413d-bf96-ebecaa8b73ad; adrum=s=1578177006151;pt;q=0.9;</t>
  </si>
  <si>
    <t>https:// accept-encoding: gzip,br accept-language: pt-br,deflate,en-us;q=0.8,en;q=0.7 cookie: glide_user_route=glide.5f40aac7111c5e3162f5d8ac8f69367e; bigipserverpool_kroton=192962314.33854.0000; glide_user_activity=u0n2mzptnklubuy2ddl3bmi2vkc5qmryq291uxvjzglgtmlsatoxumvey0tmtmg4d2hhzm5hcjhqzdzoz1j6afvgu3njcjvlzhrusi80tjfvpq==; _ga=ga1.3.628006740.1578176490; _gid=ga1.3.393176494.1578176490; ai_user=ik8pz|2020-01-04t22:21:29.782z; _hjid=164a574b-c6c3-413d-bf96-ebecaa8b73ad; adrum=s=1578177006151,pt;q=0.9</t>
  </si>
  <si>
    <t>b6cb6280-7a9b-422b-936f-1dc2ae70ac97.tmp</t>
  </si>
  <si>
    <t>\\acsfs\profiles$\rafaelacdoc\Downloads\b6cb6280-7a9b-422b-936f-1dc2ae70ac97.tmp</t>
  </si>
  <si>
    <t>ed0c1eac-279c-4156-a304-adb294e341c8.tmp</t>
  </si>
  <si>
    <t>\\acsfs\profiles$\taylaedoa\Downloads\ed0c1eac-279c-4156-a304-adb294e341c8.tmp</t>
  </si>
  <si>
    <t>8068769c-899a-410e-8f42-99b8367067fe.tmp</t>
  </si>
  <si>
    <t>\\acsfs\profiles$\taylaedoa\Downloads\8068769c-899a-410e-8f42-99b8367067fe.tmp</t>
  </si>
  <si>
    <t>1a4b6fcd-bced-480e-94ba-d54e2c022776.tmp</t>
  </si>
  <si>
    <t>\\acsfs\profiles$\taylaedoa\Downloads\1a4b6fcd-bced-480e-94ba-d54e2c022776.tmp</t>
  </si>
  <si>
    <t>fabriciadc@algartech.com.br;joaogvc@algartech.com;josiascdsj@algartech.com;leonardoao@algartech.com;marianadjc@algartech.com;matheuscm@algartech.com.br;rafaelggs@algartech.com;taysdss@algartech.com;thiagordu@algartech.com;viniciussg@algartech.com;</t>
  </si>
  <si>
    <t>fabriciadc@algartech.com.br,joaogvc@algartech.com,josiascdsj@algartech.com,leonardoao@algartech.com,marianadjc@algartech.com,matheuscm@algartech.com.br,rafaelggs@algartech.com,taysdss@algartech.com,thiagordu@algartech.com,viniciussg@algartech.com</t>
  </si>
  <si>
    <t>c5996b7d-8cf0-4856-b4a0-e19007a30b44.tmp</t>
  </si>
  <si>
    <t>\\acsfs\profiles$\taylaedoa\Downloads\c5996b7d-8cf0-4856-b4a0-e19007a30b44.tmp</t>
  </si>
  <si>
    <t>09fd01f3-c81d-4003-96b9-c1b4a5c26557.tmp</t>
  </si>
  <si>
    <t>\\acsfs\profiles$\leonardocb\Downloads\09fd01f3-c81d-4003-96b9-c1b4a5c26557.tmp</t>
  </si>
  <si>
    <t>eeadf59c-39b5-46e9-bc8c-b9f7f73b31ea.tmp</t>
  </si>
  <si>
    <t>\\acsfs\profiles$\rogeriofd\Downloads\eeadf59c-39b5-46e9-bc8c-b9f7f73b31ea.tmp</t>
  </si>
  <si>
    <t>\\acsfs\profiles$\georgendsq\My Documents\xworkcenter\logs\</t>
  </si>
  <si>
    <t>XLOG_georgendsq_20122019_210847.log</t>
  </si>
  <si>
    <t>\\acsfs\profiles$\georgendsq\My Documents\xworkcenter\logs\XLOG_georgendsq_20122019_210847.log</t>
  </si>
  <si>
    <t>ac17089d-f478-4e41-b462-094ccbec1e5d.tmp</t>
  </si>
  <si>
    <t>\\acsfs\profiles$\rogeriofd\Downloads\ac17089d-f478-4e41-b462-094ccbec1e5d.tmp</t>
  </si>
  <si>
    <t>86e3b020-3dc8-4cbd-b2c6-55e191dbe9c0.tmp</t>
  </si>
  <si>
    <t>\\acsfs\profiles$\ROBERTM\Downloads\86e3b020-3dc8-4cbd-b2c6-55e191dbe9c0.tmp</t>
  </si>
  <si>
    <t>69906d0e-14c6-4fdb-b722-08b1e578626f.tmp</t>
  </si>
  <si>
    <t>\\acsfs\profiles$\ROBERTM\Downloads\69906d0e-14c6-4fdb-b722-08b1e578626f.tmp</t>
  </si>
  <si>
    <t>765ee800-f9fe-4d80-bc88-0ea1bbdaf9a3.tmp</t>
  </si>
  <si>
    <t>\\acsfs\profiles$\ROBERTM\Downloads\765ee800-f9fe-4d80-bc88-0ea1bbdaf9a3.tmp</t>
  </si>
  <si>
    <t>23409f9d-641a-4317-a66b-32df1f20fd3f.tmp</t>
  </si>
  <si>
    <t>\\acsfs\profiles$\ROBERTM\Downloads\23409f9d-641a-4317-a66b-32df1f20fd3f.tmp</t>
  </si>
  <si>
    <t>ce3d5f49-a85b-4592-921b-6d2a28358c91.tmp</t>
  </si>
  <si>
    <t>\\acsfs\profiles$\ROBERTM\Downloads\ce3d5f49-a85b-4592-921b-6d2a28358c91.tmp</t>
  </si>
  <si>
    <t>b04ecc56-96e8-436b-b12d-959cac35fa1d.tmp</t>
  </si>
  <si>
    <t>\\acsfs\profiles$\ROBERTM\Downloads\b04ecc56-96e8-436b-b12d-959cac35fa1d.tmp</t>
  </si>
  <si>
    <t>ca50fc55-3ef9-45e0-a8d7-3c2c6a1b12d9.tmp</t>
  </si>
  <si>
    <t>\\acsfs\profiles$\ROBERTM\Downloads\ca50fc55-3ef9-45e0-a8d7-3c2c6a1b12d9.tmp</t>
  </si>
  <si>
    <t>317e1c2b-fdef-439a-bdae-2dbc69d404ac.tmp</t>
  </si>
  <si>
    <t>\\acsfs\profiles$\ROZENCAM\Downloads\317e1c2b-fdef-439a-bdae-2dbc69d404ac.tmp</t>
  </si>
  <si>
    <t>00337693-b638-467f-bec8-d7169b172efe.tmp</t>
  </si>
  <si>
    <t>\\acsfs\profiles$\ROZENCAM\Downloads\00337693-b638-467f-bec8-d7169b172efe.tmp</t>
  </si>
  <si>
    <t>b08ce349-99c7-462f-a1a5-0f77e02e97cc.tmp</t>
  </si>
  <si>
    <t>\\acsfs\profiles$\ROZENCAM\Downloads\b08ce349-99c7-462f-a1a5-0f77e02e97cc.tmp</t>
  </si>
  <si>
    <t>lu46292838xf7.tmp</t>
  </si>
  <si>
    <t>\\acsfs\profiles$\ALYNYA\My Documents\lu46292838xf7.tmp</t>
  </si>
  <si>
    <t>\\acsfs\profiles$\ALYNYA\My Documents\lu46292838xf7.tmp\</t>
  </si>
  <si>
    <t>\\acsfs\profiles$\ALYNYA\My Documents\lu46292838xf7.tmp\META-INF\</t>
  </si>
  <si>
    <t>\\acsfs\profiles$\ALYNYA\My Documents\lu46292838xf7.tmp\Thumbnails\</t>
  </si>
  <si>
    <t>7baf9db9-f4b3-4644-bcec-396af890ed89.tmp</t>
  </si>
  <si>
    <t>\\acsfs\profiles$\claudiajca\Downloads\7baf9db9-f4b3-4644-bcec-396af890ed89.tmp</t>
  </si>
  <si>
    <t>3eb41dfc-2ab6-4ee8-ad16-c904fc07009f.tmp</t>
  </si>
  <si>
    <t>\\acsfs\profiles$\claudiajca\Downloads\3eb41dfc-2ab6-4ee8-ad16-c904fc07009f.tmp</t>
  </si>
  <si>
    <t>6435eb20-6eca-4d21-b13c-97837ebfaa2f.tmp</t>
  </si>
  <si>
    <t>\\acsfs\profiles$\lucasqdss\Downloads\6435eb20-6eca-4d21-b13c-97837ebfaa2f.tmp</t>
  </si>
  <si>
    <t>7cbfe453-262a-4b37-885b-f3daaeb4efd0.tmp</t>
  </si>
  <si>
    <t>\\acsfs\profiles$\lucasqdss\Downloads\7cbfe453-262a-4b37-885b-f3daaeb4efd0.tmp</t>
  </si>
  <si>
    <t>10.200.67.41</t>
  </si>
  <si>
    <t>D0-94-66-B5-48-1D</t>
  </si>
  <si>
    <t>VOTORANT-YB017</t>
  </si>
  <si>
    <t>winrt--{S-1-5-21-602162358-764733703-839522115-358574}-.searchconnector-ms</t>
  </si>
  <si>
    <t>\\acsfs\profiles$\danielac\Searches\winrt--{S-1-5-21-602162358-764733703-839522115-358574}-.searchconnector-ms</t>
  </si>
  <si>
    <t>1b5395ba-356e-4988-8a5d-144bef6cbd3b.tmp</t>
  </si>
  <si>
    <t>\\acsfs\profiles$\danielac\Downloads\1b5395ba-356e-4988-8a5d-144bef6cbd3b.tmp</t>
  </si>
  <si>
    <t>1913da36-3e37-4663-b0ba-ed2c5ae5265a.tmp</t>
  </si>
  <si>
    <t>\\acsfs\profiles$\danielac\Downloads\1913da36-3e37-4663-b0ba-ed2c5ae5265a.tmp</t>
  </si>
  <si>
    <t>9a9113a4-f5b8-487d-85c8-8d187f3552e4.tmp</t>
  </si>
  <si>
    <t>\\acsfs\profiles$\vivianalds\Downloads\9a9113a4-f5b8-487d-85c8-8d187f3552e4.tmp</t>
  </si>
  <si>
    <t>b198d7a1-2636-400b-b1be-80fa808823a5.tmp</t>
  </si>
  <si>
    <t>\\acsfs\profiles$\vivianalds\Downloads\b198d7a1-2636-400b-b1be-80fa808823a5.tmp</t>
  </si>
  <si>
    <t>4dcfb981-e0d2-4e3c-9673-9ea7c73d3190.tmp</t>
  </si>
  <si>
    <t>\\acsfs\profiles$\danielac\Downloads\4dcfb981-e0d2-4e3c-9673-9ea7c73d3190.tmp</t>
  </si>
  <si>
    <t>4ecfef66-3282-4c04-b4b4-2a48ab9386ba.tmp</t>
  </si>
  <si>
    <t>\\acsfs\profiles$\vivianalds\Downloads\4ecfef66-3282-4c04-b4b4-2a48ab9386ba.tmp</t>
  </si>
  <si>
    <t>MILENA ANDREIA SOARES (8749).contact</t>
  </si>
  <si>
    <t>\\acsfs\profiles$\milenaas\Contacts\MILENA ANDREIA SOARES (8749).contact</t>
  </si>
  <si>
    <t>fd35ce6e-10fc-4495-b9da-2d3367be10e3.tmp</t>
  </si>
  <si>
    <t>\\acsfs\profiles$\milenaas\Downloads\fd35ce6e-10fc-4495-b9da-2d3367be10e3.tmp</t>
  </si>
  <si>
    <t>a543749c-a6bd-4abe-86c3-2d02b7ec8864.tmp</t>
  </si>
  <si>
    <t>\\acsfs\profiles$\milenaas\Downloads\a543749c-a6bd-4abe-86c3-2d02b7ec8864.tmp</t>
  </si>
  <si>
    <t>318738c2-71ce-4da9-804b-b8b339ea2fd6.tmp</t>
  </si>
  <si>
    <t>\\acsfs\profiles$\milenaas\Downloads\318738c2-71ce-4da9-804b-b8b339ea2fd6.tmp</t>
  </si>
  <si>
    <t>40cb3946-4596-48fb-a137-869040105669.tmp</t>
  </si>
  <si>
    <t>\\acsfs\profiles$\milenaas\Downloads\40cb3946-4596-48fb-a137-869040105669.tmp</t>
  </si>
  <si>
    <t>86236772-de13-48b3-a9c1-4682af0440c7.tmp</t>
  </si>
  <si>
    <t>\\acsfs\profiles$\milenaas\Downloads\86236772-de13-48b3-a9c1-4682af0440c7.tmp</t>
  </si>
  <si>
    <t>Não confirmado 584014.crdownload</t>
  </si>
  <si>
    <t>\\acsfs\profiles$\milenaas\Downloads\Não confirmado 584014.crdownload</t>
  </si>
  <si>
    <t>61f148e9-203c-482b-9b6a-d4b8e4ff77e9.tmp</t>
  </si>
  <si>
    <t>\\acsfs\profiles$\henriquehmdo\Downloads\61f148e9-203c-482b-9b6a-d4b8e4ff77e9.tmp</t>
  </si>
  <si>
    <t>2d77031b-a197-4571-a974-fb0649c54975.tmp</t>
  </si>
  <si>
    <t>\\acsfs\profiles$\henriquehmdo\Downloads\2d77031b-a197-4571-a974-fb0649c54975.tmp</t>
  </si>
  <si>
    <t>fdf087f5-6219-4fb0-8eb0-05d31e8fda2c.tmp</t>
  </si>
  <si>
    <t>\\acsfs\profiles$\PEDROHAB\Downloads\fdf087f5-6219-4fb0-8eb0-05d31e8fda2c.tmp</t>
  </si>
  <si>
    <t>77a8e04f-19a9-4c2d-9cc2-958ce03ee320.tmp</t>
  </si>
  <si>
    <t>\\acsfs\profiles$\PEDROHAB\Downloads\77a8e04f-19a9-4c2d-9cc2-958ce03ee320.tmp</t>
  </si>
  <si>
    <t>3d4e49a6-267a-4992-b3ca-837c5722c757.tmp</t>
  </si>
  <si>
    <t>\\acsfs\profiles$\PEDROHAB\Downloads\3d4e49a6-267a-4992-b3ca-837c5722c757.tmp</t>
  </si>
  <si>
    <t>e2712f96-fec6-4f60-86b0-97eb6e45f205.tmp</t>
  </si>
  <si>
    <t>\\acsfs\profiles$\henriquehmdo\Downloads\e2712f96-fec6-4f60-86b0-97eb6e45f205.tmp</t>
  </si>
  <si>
    <t>ad4195e4-3eca-4138-b83a-a77e9ec450a8.tmp</t>
  </si>
  <si>
    <t>\\acsfs\profiles$\Flaviojmm\Downloads\ad4195e4-3eca-4138-b83a-a77e9ec450a8.tmp</t>
  </si>
  <si>
    <t>d83c2acf-9fb3-4268-976e-8f23ff7a181b.tmp</t>
  </si>
  <si>
    <t>\\acsfs\profiles$\Flaviojmm\Downloads\d83c2acf-9fb3-4268-976e-8f23ff7a181b.tmp</t>
  </si>
  <si>
    <t>461d685e-9760-46aa-bc9f-d5c92b25cdd1.tmp</t>
  </si>
  <si>
    <t>\\acsfs\profiles$\vivianalds\Downloads\461d685e-9760-46aa-bc9f-d5c92b25cdd1.tmp</t>
  </si>
  <si>
    <t>a56c07df-7c1f-44a4-9b16-77266750041a.tmp</t>
  </si>
  <si>
    <t>\\acsfs\profiles$\nataliacsl\Downloads\a56c07df-7c1f-44a4-9b16-77266750041a.tmp</t>
  </si>
  <si>
    <t>7a1d53c8-c5ea-4aff-a9e0-258ee4d38dbb.tmp</t>
  </si>
  <si>
    <t>\\acsfs\profiles$\danielmlds\Downloads\7a1d53c8-c5ea-4aff-a9e0-258ee4d38dbb.tmp</t>
  </si>
  <si>
    <t>cb2dbcc6-7108-4087-a8ac-d9e1c8516d48.tmp</t>
  </si>
  <si>
    <t>\\acsfs\profiles$\danielmlds\Downloads\cb2dbcc6-7108-4087-a8ac-d9e1c8516d48.tmp</t>
  </si>
  <si>
    <t>2b2434cb-7d54-45cf-a9c4-a744cf67ac4c.tmp</t>
  </si>
  <si>
    <t>\\acsfs\profiles$\danielmlds\Downloads\2b2434cb-7d54-45cf-a9c4-a744cf67ac4c.tmp</t>
  </si>
  <si>
    <t>b4bb1878-42de-4966-a102-2db61b357e0b.tmp</t>
  </si>
  <si>
    <t>\\acsfs\profiles$\claudiajca\Downloads\b4bb1878-42de-4966-a102-2db61b357e0b.tmp</t>
  </si>
  <si>
    <t>5c57e8f3-95b5-409f-875e-db61db781732.tmp</t>
  </si>
  <si>
    <t>\\acsfs\profiles$\Flaviojmm\Downloads\5c57e8f3-95b5-409f-875e-db61db781732.tmp</t>
  </si>
  <si>
    <t>b8a53f21-c5e0-4731-835f-e93a4de2c070.tmp</t>
  </si>
  <si>
    <t>\\acsfs\profiles$\nataliacsl\Downloads\b8a53f21-c5e0-4731-835f-e93a4de2c070.tmp</t>
  </si>
  <si>
    <t>8b7b029c-30c5-4ff0-8601-8796d3e03a8e.tmp</t>
  </si>
  <si>
    <t>\\acsfs\profiles$\danielac\Downloads\8b7b029c-30c5-4ff0-8601-8796d3e03a8e.tmp</t>
  </si>
  <si>
    <t>2e7c1f93-82ee-4627-b5f9-13a73ee652bb.tmp</t>
  </si>
  <si>
    <t>\\acsfs\profiles$\danielac\Downloads\2e7c1f93-82ee-4627-b5f9-13a73ee652bb.tmp</t>
  </si>
  <si>
    <t>lu175082bqk70.tmp</t>
  </si>
  <si>
    <t>\\acsfs\profiles$\ALEXANDREMM\lu175082bqk70.tmp</t>
  </si>
  <si>
    <t>\\acsfs\profiles$\ALEXANDREMM\lu175082bqk70.tmp\</t>
  </si>
  <si>
    <t>\\acsfs\profiles$\ALEXANDREMM\lu175082bqk70.tmp\META-INF\</t>
  </si>
  <si>
    <t>\\acsfs\profiles$\ALEXANDREMM\lu175082bqk70.tmp\Thumbnails\</t>
  </si>
  <si>
    <t>lu175082bqk75.tmp</t>
  </si>
  <si>
    <t>\\acsfs\profiles$\ALEXANDREMM\lu175082bqk75.tmp</t>
  </si>
  <si>
    <t>\\acsfs\profiles$\ALEXANDREMM\lu175082bqk75.tmp\</t>
  </si>
  <si>
    <t>\\acsfs\profiles$\ALEXANDREMM\lu175082bqk75.tmp\META-INF\</t>
  </si>
  <si>
    <t>\\acsfs\profiles$\ALEXANDREMM\lu175082bqk75.tmp\Thumbnails\</t>
  </si>
  <si>
    <t>lu175082bqk78.tmp</t>
  </si>
  <si>
    <t>\\acsfs\profiles$\ALEXANDREMM\lu175082bqk78.tmp</t>
  </si>
  <si>
    <t>\\acsfs\profiles$\ALEXANDREMM\lu175082bqk78.tmp\</t>
  </si>
  <si>
    <t>\\acsfs\profiles$\ALEXANDREMM\lu175082bqk78.tmp\META-INF\</t>
  </si>
  <si>
    <t>\\acsfs\profiles$\ALEXANDREMM\lu175082bqk78.tmp\Thumbnails\</t>
  </si>
  <si>
    <t>lu175082bqk7b.tmp</t>
  </si>
  <si>
    <t>\\acsfs\profiles$\ALEXANDREMM\lu175082bqk7b.tmp</t>
  </si>
  <si>
    <t>\\acsfs\profiles$\ALEXANDREMM\lu175082bqk7b.tmp\</t>
  </si>
  <si>
    <t>\\acsfs\profiles$\ALEXANDREMM\lu175082bqk7b.tmp\META-INF\</t>
  </si>
  <si>
    <t>\\acsfs\profiles$\ALEXANDREMM\lu175082bqk7b.tmp\Thumbnails\</t>
  </si>
  <si>
    <t>e6ccec93-fe99-433e-8f74-dbd8c079170c.tmp</t>
  </si>
  <si>
    <t>\\acsfs\profiles$\nataliacsl\Downloads\e6ccec93-fe99-433e-8f74-dbd8c079170c.tmp</t>
  </si>
  <si>
    <t>e8626e25-542c-4d91-bcd7-2f1e10c79b1d.tmp</t>
  </si>
  <si>
    <t>\\acsfs\profiles$\matheushds\Downloads\e8626e25-542c-4d91-bcd7-2f1e10c79b1d.tmp</t>
  </si>
  <si>
    <t>ed6fbe0c-e8a9-4685-890d-0e50cdc9a1c1.tmp</t>
  </si>
  <si>
    <t>\\acsfs\profiles$\matheushds\Downloads\ed6fbe0c-e8a9-4685-890d-0e50cdc9a1c1.tmp</t>
  </si>
  <si>
    <t>0fed091c-984d-4a6f-918c-b16521445ede.tmp</t>
  </si>
  <si>
    <t>\\acsfs\profiles$\matheushds\Downloads\0fed091c-984d-4a6f-918c-b16521445ede.tmp</t>
  </si>
  <si>
    <t>e8cab5c8-6784-4cf8-a637-f9bfc6f9daa9.tmp</t>
  </si>
  <si>
    <t>\\acsfs\profiles$\matheushds\Downloads\e8cab5c8-6784-4cf8-a637-f9bfc6f9daa9.tmp</t>
  </si>
  <si>
    <t>eb13a0bf-8ac3-44f9-a363-9da29752e258.tmp</t>
  </si>
  <si>
    <t>\\acsfs\profiles$\vivianalds\Downloads\eb13a0bf-8ac3-44f9-a363-9da29752e258.tmp</t>
  </si>
  <si>
    <t>10.200.67.127</t>
  </si>
  <si>
    <t>c31b622b-9381-401d-b4be-158b475f9844.tmp</t>
  </si>
  <si>
    <t>\\acsfs\profiles$\ANAPDSB\Downloads\c31b622b-9381-401d-b4be-158b475f9844.tmp</t>
  </si>
  <si>
    <t>c0e0171e-e3f4-4b05-a913-6a9857dcc844.tmp</t>
  </si>
  <si>
    <t>\\acsfs\profiles$\ANAPDSB\Downloads\c0e0171e-e3f4-4b05-a913-6a9857dcc844.tmp</t>
  </si>
  <si>
    <t>457c7f8a-632a-4faf-9851-a6910d14088c.tmp</t>
  </si>
  <si>
    <t>\\acsfs\profiles$\ANAPDSB\Downloads\457c7f8a-632a-4faf-9851-a6910d14088c.tmp</t>
  </si>
  <si>
    <t>KAMILLA CAROLINA RODRIGUES (15).contact</t>
  </si>
  <si>
    <t>\\acsfs\profiles$\kamillacr\Contacts\KAMILLA CAROLINA RODRIGUES (15).contact</t>
  </si>
  <si>
    <t>\\acsfs\profiles$\kamillacr\Saved Games\</t>
  </si>
  <si>
    <t>\\acsfs\profiles$\KAMILLACR\Favorites\Links for Brasil\</t>
  </si>
  <si>
    <t>\\acsfs\profiles$\KAMILLACR\Favorites\Links for Brasil\desktop.ini</t>
  </si>
  <si>
    <t>\\acsfs\profiles$\KAMILLACR\Favorites\Links for Brasil\Microsoft Brasil.url</t>
  </si>
  <si>
    <t>\\acsfs\profiles$\KAMILLACR\Favorites\Links for Brasil\Windows Brasil.url</t>
  </si>
  <si>
    <t>\\acsfs\profiles$\KAMILLACR\Favorites\Links for Brasil\MSN Brasil.url</t>
  </si>
  <si>
    <t>\\acsfs\profiles$\kamillacr\My Documents\Automation Anywhere Files\ConfigFiles\</t>
  </si>
  <si>
    <t>\\acsfs\profiles$\kamillacr\My Documents\Automation Anywhere Files\ConfigFiles\log4net-config.xml</t>
  </si>
  <si>
    <t>\\acsfs\profiles$\kamillacr\My Documents\Automation Anywhere Files\</t>
  </si>
  <si>
    <t>\\acsfs\profiles$\kamillacr\My Documents\Automation Anywhere Files\AA.Trigger.xml</t>
  </si>
  <si>
    <t>equipefabi@algartech.com.br;lucianaas@algartech.com.br;</t>
  </si>
  <si>
    <t>Improdutividade VDE</t>
  </si>
  <si>
    <t>equipefabi@algartech.com.br,lucianaas@algartech.com.br</t>
  </si>
  <si>
    <t>c1b14406-1e21-4c3e-a58c-946e05c65fc7.tmp</t>
  </si>
  <si>
    <t>\\acsfs\profiles$\PEDROHAB\Downloads\c1b14406-1e21-4c3e-a58c-946e05c65fc7.tmp</t>
  </si>
  <si>
    <t>74f1d0fd-fcbf-4797-9642-bda13964306d.tmp</t>
  </si>
  <si>
    <t>\\acsfs\profiles$\lucasqdss\Downloads\74f1d0fd-fcbf-4797-9642-bda13964306d.tmp</t>
  </si>
  <si>
    <t>lu175082bqk7i.tmp</t>
  </si>
  <si>
    <t>\\acsfs\profiles$\ALEXANDREMM\lu175082bqk7i.tmp</t>
  </si>
  <si>
    <t>\\acsfs\profiles$\ALEXANDREMM\lu175082bqk7i.tmp\</t>
  </si>
  <si>
    <t>\\acsfs\profiles$\ALEXANDREMM\lu175082bqk7i.tmp\META-INF\</t>
  </si>
  <si>
    <t>\\acsfs\profiles$\ALEXANDREMM\lu175082bqk7i.tmp\Thumbnails\</t>
  </si>
  <si>
    <t>lu175082bqk7l.tmp</t>
  </si>
  <si>
    <t>\\acsfs\profiles$\ALEXANDREMM\lu175082bqk7l.tmp</t>
  </si>
  <si>
    <t>\\acsfs\profiles$\ALEXANDREMM\lu175082bqk7l.tmp\</t>
  </si>
  <si>
    <t>\\acsfs\profiles$\ALEXANDREMM\lu175082bqk7l.tmp\META-INF\</t>
  </si>
  <si>
    <t>\\acsfs\profiles$\ALEXANDREMM\lu175082bqk7l.tmp\Thumbnails\</t>
  </si>
  <si>
    <t>5186d46e-e35a-410a-8389-bd11d2e73efa.tmp</t>
  </si>
  <si>
    <t>\\acsfs\profiles$\vivianalds\Downloads\5186d46e-e35a-410a-8389-bd11d2e73efa.tmp</t>
  </si>
  <si>
    <t>claudiofm@algartech.com.br;pauliniaacs@algartech.com.br;</t>
  </si>
  <si>
    <t>Mascara Painel Janeiro</t>
  </si>
  <si>
    <t>Janeiro_ Casos Especiais.xlsm</t>
  </si>
  <si>
    <t>claudiofm@algartech.com.br,pauliniaacs@algartech.com.br</t>
  </si>
  <si>
    <t>100014142553854;fabriciadc@algartech.com.br;joaogvc@algartech.com;josiascdsj@algartech.com;marianadjc@algartech.com;matheuscm@algartech.com.br;rafaelggs@algartech.com;taysdss@algartech.com;viniciussg@algartech.com;</t>
  </si>
  <si>
    <t>100014142553854,fabriciadc@algartech.com.br,joaogvc@algartech.com,josiascdsj@algartech.com,marianadjc@algartech.com,matheuscm@algartech.com.br,rafaelggs@algartech.com,taysdss@algartech.com,viniciussg@algartech.com</t>
  </si>
  <si>
    <t>de508c9a-19b6-4ef9-b6bd-0eeedc623f42.tmp</t>
  </si>
  <si>
    <t>\\acsfs\profiles$\nataliacsl\Downloads\de508c9a-19b6-4ef9-b6bd-0eeedc623f42.tmp</t>
  </si>
  <si>
    <t>lu175082bqk7q.tmp</t>
  </si>
  <si>
    <t>\\acsfs\profiles$\ALEXANDREMM\lu175082bqk7q.tmp</t>
  </si>
  <si>
    <t>\\acsfs\profiles$\ALEXANDREMM\lu175082bqk7q.tmp\</t>
  </si>
  <si>
    <t>\\acsfs\profiles$\ALEXANDREMM\lu175082bqk7q.tmp\META-INF\</t>
  </si>
  <si>
    <t>\\acsfs\profiles$\ALEXANDREMM\lu175082bqk7q.tmp\Thumbnails\</t>
  </si>
  <si>
    <t>7e7a38c8-f877-41b1-a144-1d87abb0b2eb.tmp</t>
  </si>
  <si>
    <t>\\acsfs\profiles$\lucasqdss\Downloads\7e7a38c8-f877-41b1-a144-1d87abb0b2eb.tmp</t>
  </si>
  <si>
    <t>6a6dc3d4-0c81-49c5-a6af-40c9877913f6.tmp</t>
  </si>
  <si>
    <t>\\acsfs\profiles$\ANAPDSB\Downloads\6a6dc3d4-0c81-49c5-a6af-40c9877913f6.tmp</t>
  </si>
  <si>
    <t>lu469769woc8k.tmp</t>
  </si>
  <si>
    <t>\\acsfs\profiles$\CLAUDIAJCA\lu469769woc8k.tmp</t>
  </si>
  <si>
    <t>\\acsfs\profiles$\CLAUDIAJCA\lu469769woc8k.tmp\</t>
  </si>
  <si>
    <t>\\acsfs\profiles$\CLAUDIAJCA\lu469769woc8k.tmp\META-INF\</t>
  </si>
  <si>
    <t>\\acsfs\profiles$\CLAUDIAJCA\lu469769woc8k.tmp\Thumbnails\</t>
  </si>
  <si>
    <t>.~lock.senhas.odt#</t>
  </si>
  <si>
    <t>\\acsfs\profiles$\laylaams\My Documents\.~lock.senhas.odt#</t>
  </si>
  <si>
    <t>43d2263f-cc6d-4a6c-ab3b-d54630e63e45.tmp</t>
  </si>
  <si>
    <t>\\acsfs\profiles$\laylaams\Downloads\43d2263f-cc6d-4a6c-ab3b-d54630e63e45.tmp</t>
  </si>
  <si>
    <t>a6f5f9a7-e020-4405-97f8-05bc96f60ef2.tmp</t>
  </si>
  <si>
    <t>\\acsfs\profiles$\laylaams\Downloads\a6f5f9a7-e020-4405-97f8-05bc96f60ef2.tmp</t>
  </si>
  <si>
    <t>RES: Piloto DOC</t>
  </si>
  <si>
    <t>jessicadag</t>
  </si>
  <si>
    <t>\\acsfs\profiles$\jessicadag\Contacts\</t>
  </si>
  <si>
    <t>JESSICA DE ALMEIDA GOMES (4).contact</t>
  </si>
  <si>
    <t>\\acsfs\profiles$\jessicadag\Contacts\JESSICA DE ALMEIDA GOMES (4).contact</t>
  </si>
  <si>
    <t>\\acsfs\profiles$\rafaelamsv\My Documents\My Pictures\</t>
  </si>
  <si>
    <t>\\acsfs\profiles$\rafaelamsv\My Documents\My Videos\desktop.ini</t>
  </si>
  <si>
    <t>\\acsfs\profiles$\rafaelamsv\My Documents\My Videos\</t>
  </si>
  <si>
    <t>\\acsfs\profiles$\rafaelamsv\My Documents\My Music\</t>
  </si>
  <si>
    <t>\\acsfs\profiles$\rafaelamsv\My Documents\My Pictures\desktop.ini</t>
  </si>
  <si>
    <t>\\acsfs\profiles$\rafaelamsv\Contacts\</t>
  </si>
  <si>
    <t>\\acsfs\profiles$\rafaelamsv\Contacts\desktop.ini</t>
  </si>
  <si>
    <t>\\acsfs\profiles$\rafaelamsv\My Documents\</t>
  </si>
  <si>
    <t>\\acsfs\profiles$\rafaelamsv\Favorites\desktop.ini</t>
  </si>
  <si>
    <t>\\acsfs\profiles$\rafaelamsv\My Documents\My Music\desktop.ini</t>
  </si>
  <si>
    <t>\\acsfs\profiles$\rafaelamsv\Searches\</t>
  </si>
  <si>
    <t>\\acsfs\profiles$\rafaelamsv\Searches\desktop.ini</t>
  </si>
  <si>
    <t>\\acsfs\profiles$\rafaelamsv\Downloads\desktop.ini</t>
  </si>
  <si>
    <t>\\acsfs\profiles$\rafaelamsv\Favorites\</t>
  </si>
  <si>
    <t>\\acsfs\profiles$\rafaelamsv\My Documents\desktop.ini</t>
  </si>
  <si>
    <t>\\acsfs\profiles$\rafaelamsv\Saved Games\desktop.ini</t>
  </si>
  <si>
    <t>winrt--{S-1-5-21-602162358-764733703-839522115-350558}-.searchconnector-ms</t>
  </si>
  <si>
    <t>\\acsfs\profiles$\rafaelamsv\Searches\winrt--{S-1-5-21-602162358-764733703-839522115-350558}-.searchconnector-ms</t>
  </si>
  <si>
    <t>b9abca8c-040a-4f29-8210-48d12b33eecb.tmp</t>
  </si>
  <si>
    <t>\\acsfs\profiles$\rafaelamsv\Downloads\b9abca8c-040a-4f29-8210-48d12b33eecb.tmp</t>
  </si>
  <si>
    <t>1694094d-21d2-426c-bd02-a894acb8c2ba.tmp</t>
  </si>
  <si>
    <t>\\acsfs\profiles$\rafaelamsv\Downloads\1694094d-21d2-426c-bd02-a894acb8c2ba.tmp</t>
  </si>
  <si>
    <t>bc7e783f-27ac-436a-ae2f-cdcdb7903359.tmp</t>
  </si>
  <si>
    <t>\\acsfs\profiles$\laylaams\Downloads\bc7e783f-27ac-436a-ae2f-cdcdb7903359.tmp</t>
  </si>
  <si>
    <t>1b4e4ec1-daae-4249-a3a2-9b0a21f27c3a.tmp</t>
  </si>
  <si>
    <t>\\acsfs\profiles$\laylaams\Downloads\1b4e4ec1-daae-4249-a3a2-9b0a21f27c3a.tmp</t>
  </si>
  <si>
    <t>lu175082bqk7x.tmp</t>
  </si>
  <si>
    <t>\\acsfs\profiles$\ALEXANDREMM\lu175082bqk7x.tmp</t>
  </si>
  <si>
    <t>\\acsfs\profiles$\ALEXANDREMM\lu175082bqk7x.tmp\</t>
  </si>
  <si>
    <t>\\acsfs\profiles$\ALEXANDREMM\lu175082bqk7x.tmp\META-INF\</t>
  </si>
  <si>
    <t>\\acsfs\profiles$\ALEXANDREMM\lu175082bqk7x.tmp\Thumbnails\</t>
  </si>
  <si>
    <t>lu175082bqk80.tmp</t>
  </si>
  <si>
    <t>\\acsfs\profiles$\ALEXANDREMM\lu175082bqk80.tmp</t>
  </si>
  <si>
    <t>\\acsfs\profiles$\ALEXANDREMM\lu175082bqk80.tmp\</t>
  </si>
  <si>
    <t>\\acsfs\profiles$\ALEXANDREMM\lu175082bqk80.tmp\META-INF\</t>
  </si>
  <si>
    <t>\\acsfs\profiles$\ALEXANDREMM\lu175082bqk80.tmp\Thumbnails\</t>
  </si>
  <si>
    <t>9af8285b-bf5b-4e1a-96c4-3875df7ed3cf.tmp</t>
  </si>
  <si>
    <t>\\acsfs\profiles$\ANAPDSB\Downloads\9af8285b-bf5b-4e1a-96c4-3875df7ed3cf.tmp</t>
  </si>
  <si>
    <t>beb4ac8e-2d81-4fc3-8c45-b77663730935.tmp</t>
  </si>
  <si>
    <t>\\acsfs\profiles$\ANAPDSB\Downloads\beb4ac8e-2d81-4fc3-8c45-b77663730935.tmp</t>
  </si>
  <si>
    <t>lu175082bqk83.tmp</t>
  </si>
  <si>
    <t>\\acsfs\profiles$\ALEXANDREMM\lu175082bqk83.tmp</t>
  </si>
  <si>
    <t>\\acsfs\profiles$\ALEXANDREMM\lu175082bqk83.tmp\</t>
  </si>
  <si>
    <t>\\acsfs\profiles$\ALEXANDREMM\lu175082bqk83.tmp\META-INF\</t>
  </si>
  <si>
    <t>\\acsfs\profiles$\ALEXANDREMM\lu175082bqk83.tmp\Thumbnails\</t>
  </si>
  <si>
    <t>lu175082bqk86.tmp</t>
  </si>
  <si>
    <t>\\acsfs\profiles$\ALEXANDREMM\lu175082bqk86.tmp</t>
  </si>
  <si>
    <t>\\acsfs\profiles$\ALEXANDREMM\lu175082bqk86.tmp\</t>
  </si>
  <si>
    <t>\\acsfs\profiles$\ALEXANDREMM\lu175082bqk86.tmp\META-INF\</t>
  </si>
  <si>
    <t>\\acsfs\profiles$\ALEXANDREMM\lu175082bqk86.tmp\Thumbnails\</t>
  </si>
  <si>
    <t>c4de83ff-2eb4-4697-9eb8-c9977dec5f97.tmp</t>
  </si>
  <si>
    <t>\\acsfs\profiles$\matheusmax\Downloads\c4de83ff-2eb4-4697-9eb8-c9977dec5f97.tmp</t>
  </si>
  <si>
    <t>48867d17-dac6-4639-a2f7-fb863616e5df.tmp</t>
  </si>
  <si>
    <t>\\acsfs\profiles$\matheusmax\Downloads\48867d17-dac6-4639-a2f7-fb863616e5df.tmp</t>
  </si>
  <si>
    <t>56fa3eff-e17a-496c-b817-3eca81c54d74.tmp</t>
  </si>
  <si>
    <t>\\acsfs\profiles$\fabianobmf\Downloads\56fa3eff-e17a-496c-b817-3eca81c54d74.tmp</t>
  </si>
  <si>
    <t>7808ece9-651d-42ca-854d-01dca577ee0f.tmp</t>
  </si>
  <si>
    <t>\\acsfs\profiles$\fabianobmf\Downloads\7808ece9-651d-42ca-854d-01dca577ee0f.tmp</t>
  </si>
  <si>
    <t>lu194442i5u4e.tmp</t>
  </si>
  <si>
    <t>\\acsfs\profiles$\jonathanwap\lu194442i5u4e.tmp</t>
  </si>
  <si>
    <t>\\acsfs\profiles$\jonathanwap\lu194442i5u4e.tmp\</t>
  </si>
  <si>
    <t>\\acsfs\profiles$\jonathanwap\lu194442i5u4e.tmp\META-INF\</t>
  </si>
  <si>
    <t>\\acsfs\profiles$\jonathanwap\lu194442i5u4e.tmp\Thumbnails\</t>
  </si>
  <si>
    <t>9d766ff3-cecd-4b20-8896-a2a056c320db.tmp</t>
  </si>
  <si>
    <t>\\acsfs\profiles$\laylaams\Downloads\9d766ff3-cecd-4b20-8896-a2a056c320db.tmp</t>
  </si>
  <si>
    <t>lu175082bqk89.tmp</t>
  </si>
  <si>
    <t>\\acsfs\profiles$\ALEXANDREMM\lu175082bqk89.tmp</t>
  </si>
  <si>
    <t>\\acsfs\profiles$\ALEXANDREMM\lu175082bqk89.tmp\</t>
  </si>
  <si>
    <t>\\acsfs\profiles$\ALEXANDREMM\lu175082bqk89.tmp\META-INF\</t>
  </si>
  <si>
    <t>\\acsfs\profiles$\ALEXANDREMM\lu175082bqk89.tmp\Thumbnails\</t>
  </si>
  <si>
    <t>jessicafdq@algartech.com.br;</t>
  </si>
  <si>
    <t>RES: Painel BO Contas Novas AEB - Fechamento Dezembro/19.</t>
  </si>
  <si>
    <t>Cópia de BO Contas Novas AEB - Dezembro 2019_.xlsx</t>
  </si>
  <si>
    <t>jessicafdq@algartech.com.br</t>
  </si>
  <si>
    <t>b35e1f08-14ea-4857-8ead-c1956cc546e9.tmp</t>
  </si>
  <si>
    <t>\\acsfs\profiles$\matheusmax\Downloads\b35e1f08-14ea-4857-8ead-c1956cc546e9.tmp</t>
  </si>
  <si>
    <t>39537dee-6477-4909-b1d8-db63fd1a8f02.tmp</t>
  </si>
  <si>
    <t>\\acsfs\profiles$\vivianibfs\Downloads\39537dee-6477-4909-b1d8-db63fd1a8f02.tmp</t>
  </si>
  <si>
    <t>d1a247a1-500a-4e5b-9f4e-a84bc9827f98.tmp</t>
  </si>
  <si>
    <t>\\acsfs\profiles$\vivianibfs\Downloads\d1a247a1-500a-4e5b-9f4e-a84bc9827f98.tmp</t>
  </si>
  <si>
    <t>c0b28671-3b06-49d1-bb22-606b29b3ec1b.tmp</t>
  </si>
  <si>
    <t>\\acsfs\profiles$\vivianibfs\Downloads\c0b28671-3b06-49d1-bb22-606b29b3ec1b.tmp</t>
  </si>
  <si>
    <t>72bd8d24-5951-4a16-83a3-889e758ef9f8.tmp</t>
  </si>
  <si>
    <t>\\acsfs\profiles$\vivianibfs\Downloads\72bd8d24-5951-4a16-83a3-889e758ef9f8.tmp</t>
  </si>
  <si>
    <t>2b6c5f06-7a8e-451a-b4e2-566f81843325.tmp</t>
  </si>
  <si>
    <t>\\acsfs\profiles$\vivianibfs\Downloads\2b6c5f06-7a8e-451a-b4e2-566f81843325.tmp</t>
  </si>
  <si>
    <t>95da6c18-94c6-482e-a4fc-d379f9cd0a22.tmp</t>
  </si>
  <si>
    <t>\\acsfs\profiles$\andreapdsg\Downloads\95da6c18-94c6-482e-a4fc-d379f9cd0a22.tmp</t>
  </si>
  <si>
    <t>Nayaranao</t>
  </si>
  <si>
    <t>\\acsfs\profiles$\Nayaranao\Searches\winrt--{S-1-5-21-602162358-764733703-839522115-358573}-.searchconnector-ms</t>
  </si>
  <si>
    <t>499e7031-5fed-44da-8c1c-b44004bbcc95.tmp</t>
  </si>
  <si>
    <t>\\acsfs\profiles$\andreapdsg\Downloads\499e7031-5fed-44da-8c1c-b44004bbcc95.tmp</t>
  </si>
  <si>
    <t>05246cb6-ee00-4bbe-a4f9-1cedc831899b.tmp</t>
  </si>
  <si>
    <t>\\acsfs\profiles$\Nayaranao\Downloads\05246cb6-ee00-4bbe-a4f9-1cedc831899b.tmp</t>
  </si>
  <si>
    <t>bb74e10a-075a-4077-90f6-2210a34b5269.tmp</t>
  </si>
  <si>
    <t>\\acsfs\profiles$\Nayaranao\Downloads\bb74e10a-075a-4077-90f6-2210a34b5269.tmp</t>
  </si>
  <si>
    <t>1d04eaa2-7082-4b60-8a44-57cac316b155.tmp</t>
  </si>
  <si>
    <t>\\acsfs\profiles$\andreapdsg\Downloads\1d04eaa2-7082-4b60-8a44-57cac316b155.tmp</t>
  </si>
  <si>
    <t>RES: Produtividade CRCe - Fechamento</t>
  </si>
  <si>
    <t>Produtividade CRC Amex e CRC VMC - Dezembro (003).zip\</t>
  </si>
  <si>
    <t>Produtividade CRC Amex e CRC VMC - Dezembro (003).xlsb</t>
  </si>
  <si>
    <t>22ba79d8-81d4-4a79-8a35-5ded20db7bb4.tmp</t>
  </si>
  <si>
    <t>\\acsfs\profiles$\matheusmax\Downloads\22ba79d8-81d4-4a79-8a35-5ded20db7bb4.tmp</t>
  </si>
  <si>
    <t>3d6e400a-7a46-426a-965e-e2a5b0882acb.tmp</t>
  </si>
  <si>
    <t>\\acsfs\profiles$\andreapdsg\Downloads\3d6e400a-7a46-426a-965e-e2a5b0882acb.tmp</t>
  </si>
  <si>
    <t>f4d4bf5c-1985-4798-98a4-ec1b31ffa559.tmp</t>
  </si>
  <si>
    <t>\\acsfs\profiles$\julianeas\Downloads\f4d4bf5c-1985-4798-98a4-ec1b31ffa559.tmp</t>
  </si>
  <si>
    <t>Não confirmado 954539.crdownload</t>
  </si>
  <si>
    <t>\\acsfs\profiles$\julianeas\Downloads\Não confirmado 954539.crdownload</t>
  </si>
  <si>
    <t>c09fd2af-945e-4dee-ac96-995a1e95301b.tmp</t>
  </si>
  <si>
    <t>\\acsfs\profiles$\vivianibfs\Downloads\c09fd2af-945e-4dee-ac96-995a1e95301b.tmp</t>
  </si>
  <si>
    <t>06d6b9aa-66b7-4b1c-94b2-6a967495d4a7.tmp</t>
  </si>
  <si>
    <t>\\acsfs\profiles$\vivianibfs\Downloads\06d6b9aa-66b7-4b1c-94b2-6a967495d4a7.tmp</t>
  </si>
  <si>
    <t>ligiagb@algartech.com.br;vivianega@algartech.com.br;</t>
  </si>
  <si>
    <t>RES: ::::: Apuração das Metas do 2º semestre de 2019 :::::</t>
  </si>
  <si>
    <t>DADOS.xlsx</t>
  </si>
  <si>
    <t>ligiagb@algartech.com.br,vivianega@algartech.com.br</t>
  </si>
  <si>
    <t>9a26c48a-ef7b-472c-b96b-38a40408cc72.tmp</t>
  </si>
  <si>
    <t>\\acsfs\profiles$\andreapdsg\Downloads\9a26c48a-ef7b-472c-b96b-38a40408cc72.tmp</t>
  </si>
  <si>
    <t>JALILE BARBARA DA SILVA (15).contact</t>
  </si>
  <si>
    <t>\\acsfs\profiles$\jalilebds\Contacts\JALILE BARBARA DA SILVA (15).contact</t>
  </si>
  <si>
    <t>\\acsfs\profiles$\jalilebds\Saved Games\</t>
  </si>
  <si>
    <t>\\acsfs\profiles$\JALILEBDS\Favorites\Links for Brasil\</t>
  </si>
  <si>
    <t>\\acsfs\profiles$\JALILEBDS\Favorites\Links for Brasil\desktop.ini</t>
  </si>
  <si>
    <t>\\acsfs\profiles$\JALILEBDS\Favorites\Links for Brasil\Microsoft Brasil.url</t>
  </si>
  <si>
    <t>\\acsfs\profiles$\JALILEBDS\Favorites\Links for Brasil\Windows Brasil.url</t>
  </si>
  <si>
    <t>\\acsfs\profiles$\JALILEBDS\Favorites\Links for Brasil\MSN Brasil.url</t>
  </si>
  <si>
    <t>\\acsfs\profiles$\JALILEBDS\Downloads\</t>
  </si>
  <si>
    <t>filas 1721 1725 e 1724 a tratar (1).xlsx</t>
  </si>
  <si>
    <t>\\acsfs\profiles$\JALILEBDS\Downloads\filas 1721 1725 e 1724 a tratar (1).xlsx</t>
  </si>
  <si>
    <t>http:///batch/drive/v2internal?%24ct=multipart%2Fmixed%3B%20boundary%3D%22%3D%3D%3D%3D%3D2tu7uuyq68t2%3D%3D%3D%3D%3D%22&amp;key=AIzaSyAy9VVXHSpS2IJpptzYtGbLP3-3_l0aBk4</t>
  </si>
  <si>
    <t>ancestorhasaugmentedpermissions;containsunsubscribedchildren;displaynam;displayname;domain;emailaddress;filesize;hasthumbnail;hasvisitorpermissions;id;id);items(kind;ken;lastmodifyinguser(kind;lastviewedbymedate;modifiedbymedate;modifieddate;ontainsunsubscribedchildren;owners(kind;permissionid;picture;thumbnailversion;title;</t>
  </si>
  <si>
    <t>http://ancestorhasaugmentedpermissions,containsunsubscribedchildren,displaynam,displayname,domain,emailaddress,filesize,hasthumbnail,hasvisitorpermissions,id,id),items(kind,ken,lastmodifyinguser(kind,lastviewedbymedate,modifiedbymedate,modifieddate,ontainsunsubscribedchildren,owners(kind,permissionid,picture,thumbnailversion,title</t>
  </si>
  <si>
    <t>http:///batch/drive/v2internal?%24ct=multipart%2Fmixed%3B%20boundary%3D%22%3D%3D%3D%3D%3D2u85jo1j9x1%3D%3D%3D%3D%3D%22&amp;key=AIzaSyAy9VVXHSpS2IJpptzYtGbLP3-3_l0aBk4</t>
  </si>
  <si>
    <t>http:///batch/drive/v2internal?%24ct=multipart%2Fmixed%3B%20boundary%3D%22%3D%3D%3D%3D%3Da1jrlqbc5tly%3D%3D%3D%3D%3D%22&amp;key=AIzaSyAy9VVXHSpS2IJpptzYtGbLP3-3_l0aBk4</t>
  </si>
  <si>
    <t>ancestorhasaugmen;containsunsubscribedchildren;displayname;domain;emailaddress;emailaddress�;filesize;hasvisitorpermissions;id);items(kind;ken;lastmodifyinguser(kind;lastviewedbymedate;modifiedbymedate;modifieddate;ontainsunsubscribedchildren;owners(kind;permissionid;picture;</t>
  </si>
  <si>
    <t>http://ancestorhasaugmen,containsunsubscribedchildren,displayname,domain,emailaddress,emailaddress�,filesize,hasvisitorpermissions,id),items(kind,ken,lastmodifyinguser(kind,lastviewedbymedate,modifiedbymedate,modifieddate,ontainsunsubscribedchildren,owners(kind,permissionid,picture</t>
  </si>
  <si>
    <t>http:///batch/drive/v2internal?%24ct=multipart%2Fmixed%3B%20boundary%3D%22%3D%3D%3D%3D%3D9v7x3uf64yrh%3D%3D%3D%3D%3D%22&amp;key=AIzaSyAy9VVXHSpS2IJpptzYtGbLP3-3_l0aBk4</t>
  </si>
  <si>
    <t>ancestorhasaugmen;ancestorhasaugmentedpermissions;containsunsubscribedchildren;dis;displayname;domain;emailaddress;emailaddress�;explicitlytrashe;file(kind;fileid;filesize;hasthumbnail;hasvisitorpermissions;id;id);items(deleted;items(kind;ken;kind;lastmodifyinguser(kind;lastviewedbymedate;modifiedbymedate;modifieddate;ontainsunsubscribedchildren;owners(kind;permissionid;picture;shared;sharedwithmedate;thumbnailversion;title;userpermission(role);</t>
  </si>
  <si>
    <t>http://ancestorhasaugmen,ancestorhasaugmentedpermissions,containsunsubscribedchildren,dis,displayname,domain,emailaddress,emailaddress�,explicitlytrashe,file(kind,fileid,filesize,hasthumbnail,hasvisitorpermissions,id,id),items(deleted,items(kind,ken,kind,lastmodifyinguser(kind,lastviewedbymedate,modifiedbymedate,modifieddate,ontainsunsubscribedchildren,owners(kind,permissionid,picture,shared,sharedwithmedate,thumbnailversion,title,userpermission(role)</t>
  </si>
  <si>
    <t>http:///batch/drive/v2internal?%24ct=multipart%2Fmixed%3B%20boundary%3D%22%3D%3D%3D%3D%3D56bxdhjljjgp%3D%3D%3D%3D%3D%22&amp;key=AIzaSyAy9VVXHSpS2IJpptzYtGbLP3-3_l0aBk4</t>
  </si>
  <si>
    <t>ancestorhasaugmentedpermissions;containsunsubscribedchildren;dis;displayname;domain;emailaddress;explicitlytrashe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;</t>
  </si>
  <si>
    <t>http://ancestorhasaugmentedpermissions,containsunsubscribedchildren,dis,displayname,domain,emailaddress,explicitlytrashe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</t>
  </si>
  <si>
    <t>http:///batch/drive/v2internal?%24ct=multipart%2Fmixed%3B%20boundary%3D%22%3D%3D%3D%3D%3D5p22j9kw4dk5%3D%3D%3D%3D%3D%22&amp;key=AIzaSyAy9VVXHSpS2IJpptzYtGbLP3-3_l0aBk4</t>
  </si>
  <si>
    <t>matheuscm</t>
  </si>
  <si>
    <t>05afd278-8fcc-45ef-83d3-57dc100e99ad.tmp</t>
  </si>
  <si>
    <t>\\acsfs\profiles$\andreapdsg\Downloads\05afd278-8fcc-45ef-83d3-57dc100e99ad.tmp</t>
  </si>
  <si>
    <t>\\acsfs\profiles$\mariajaf\My Documents\My Videos\</t>
  </si>
  <si>
    <t>\\acsfs\profiles$\mariajaf\My Documents\My Videos\desktop.ini</t>
  </si>
  <si>
    <t>\\acsfs\profiles$\mariajaf\My Documents\My Pictures\</t>
  </si>
  <si>
    <t>\\acsfs\profiles$\mariajaf\My Documents\My Pictures\desktop.ini</t>
  </si>
  <si>
    <t>\\acsfs\profiles$\mariajaf\Contacts\</t>
  </si>
  <si>
    <t>\\acsfs\profiles$\mariajaf\Contacts\desktop.ini</t>
  </si>
  <si>
    <t>\\acsfs\profiles$\mariajaf\Favorites\</t>
  </si>
  <si>
    <t>\\acsfs\profiles$\mariajaf\Favorites\desktop.ini</t>
  </si>
  <si>
    <t>\\acsfs\profiles$\mariajaf\Searches\</t>
  </si>
  <si>
    <t>\\acsfs\profiles$\mariajaf\Searches\desktop.ini</t>
  </si>
  <si>
    <t>\\acsfs\profiles$\mariajaf\Downloads\desktop.ini</t>
  </si>
  <si>
    <t>\\acsfs\profiles$\mariajaf\My Documents\</t>
  </si>
  <si>
    <t>\\acsfs\profiles$\mariajaf\My Documents\desktop.ini</t>
  </si>
  <si>
    <t>\\acsfs\profiles$\mariajaf\Saved Games\</t>
  </si>
  <si>
    <t>\\acsfs\profiles$\mariajaf\Saved Games\desktop.ini</t>
  </si>
  <si>
    <t>winrt--{S-1-5-21-602162358-764733703-839522115-358564}-.searchconnector-ms</t>
  </si>
  <si>
    <t>\\acsfs\profiles$\mariajaf\Searches\winrt--{S-1-5-21-602162358-764733703-839522115-358564}-.searchconnector-ms</t>
  </si>
  <si>
    <t>78c4aadf-8bd8-40a0-b808-bf31e494bb67.tmp</t>
  </si>
  <si>
    <t>\\acsfs\profiles$\leandromsa\Downloads\78c4aadf-8bd8-40a0-b808-bf31e494bb67.tmp</t>
  </si>
  <si>
    <t>855596ae-14fc-4f0f-874a-593f9f48caee.tmp</t>
  </si>
  <si>
    <t>\\acsfs\profiles$\mariajaf\Downloads\855596ae-14fc-4f0f-874a-593f9f48caee.tmp</t>
  </si>
  <si>
    <t>ffc967e5-7ce0-4457-a05d-a0fecc588326.tmp</t>
  </si>
  <si>
    <t>\\acsfs\profiles$\mariajaf\Downloads\ffc967e5-7ce0-4457-a05d-a0fecc588326.tmp</t>
  </si>
  <si>
    <t>04fa815a-c570-44e3-80f2-afbc21c49b10.tmp</t>
  </si>
  <si>
    <t>\\acsfs\profiles$\leandromsa\Downloads\04fa815a-c570-44e3-80f2-afbc21c49b10.tmp</t>
  </si>
  <si>
    <t>\\acsfs\profiles$\adrieledgc\My Documents\My Pictures\</t>
  </si>
  <si>
    <t>\\acsfs\profiles$\adrieledgc\My Documents\My Videos\desktop.ini</t>
  </si>
  <si>
    <t>\\acsfs\profiles$\adrieledgc\My Documents\My Videos\</t>
  </si>
  <si>
    <t>\\acsfs\profiles$\adrieledgc\My Documents\My Music\</t>
  </si>
  <si>
    <t>\\acsfs\profiles$\adrieledgc\My Documents\My Pictures\desktop.ini</t>
  </si>
  <si>
    <t>\\acsfs\profiles$\adrieledgc\Contacts\</t>
  </si>
  <si>
    <t>\\acsfs\profiles$\adrieledgc\Contacts\desktop.ini</t>
  </si>
  <si>
    <t>\\acsfs\profiles$\adrieledgc\My Documents\</t>
  </si>
  <si>
    <t>\\acsfs\profiles$\adrieledgc\Favorites\desktop.ini</t>
  </si>
  <si>
    <t>\\acsfs\profiles$\adrieledgc\My Documents\My Music\desktop.ini</t>
  </si>
  <si>
    <t>\\acsfs\profiles$\adrieledgc\Searches\</t>
  </si>
  <si>
    <t>\\acsfs\profiles$\adrieledgc\Searches\desktop.ini</t>
  </si>
  <si>
    <t>C:\Users\adrieledgc\Desktop\</t>
  </si>
  <si>
    <t>\\acsfs\profiles$\adrieledgc\Downloads\desktop.ini</t>
  </si>
  <si>
    <t>\\acsfs\profiles$\adrieledgc\Favorites\</t>
  </si>
  <si>
    <t>\\acsfs\profiles$\adrieledgc\My Documents\desktop.ini</t>
  </si>
  <si>
    <t>\\acsfs\profiles$\adrieledgc\Downloads\</t>
  </si>
  <si>
    <t>\\acsfs\profiles$\adrieledgc\Saved Games\desktop.ini</t>
  </si>
  <si>
    <t>winrt--{S-1-5-21-602162358-764733703-839522115-342471}-.searchconnector-ms</t>
  </si>
  <si>
    <t>\\acsfs\profiles$\adrieledgc\Searches\winrt--{S-1-5-21-602162358-764733703-839522115-342471}-.searchconnector-ms</t>
  </si>
  <si>
    <t>10.200.67.225</t>
  </si>
  <si>
    <t>D0-94-66-B5-7F-81</t>
  </si>
  <si>
    <t>VOTORANT-PB018</t>
  </si>
  <si>
    <t>cfd7e925-862d-40f9-9491-b4f1ef03103f.tmp</t>
  </si>
  <si>
    <t>\\acsfs\profiles$\Adrieledgc\Downloads\cfd7e925-862d-40f9-9491-b4f1ef03103f.tmp</t>
  </si>
  <si>
    <t>09d3196a-ca81-4b92-8b11-d5f696efc6d0.tmp</t>
  </si>
  <si>
    <t>\\acsfs\profiles$\Adrieledgc\Downloads\09d3196a-ca81-4b92-8b11-d5f696efc6d0.tmp</t>
  </si>
  <si>
    <t>06ec25a2-275e-44d0-bd3d-0ffdb3ce2684.tmp</t>
  </si>
  <si>
    <t>\\acsfs\profiles$\Adrieledgc\Downloads\06ec25a2-275e-44d0-bd3d-0ffdb3ce2684.tmp</t>
  </si>
  <si>
    <t>4eab9781-e512-472d-a7d7-e0432d29f09d.tmp</t>
  </si>
  <si>
    <t>\\acsfs\profiles$\Adrieledgc\Downloads\4eab9781-e512-472d-a7d7-e0432d29f09d.tmp</t>
  </si>
  <si>
    <t>5a4097cd-5766-4f3d-9b55-ce0718370527.tmp</t>
  </si>
  <si>
    <t>\\acsfs\profiles$\leandromsa\Downloads\5a4097cd-5766-4f3d-9b55-ce0718370527.tmp</t>
  </si>
  <si>
    <t>elidapol@algartech.com.br;equipefabi@algartech.com.br;fabianapm@algartech.com;ideniraa@algartech.com.br;lucianaas@algartech.com.br;tecnicospj@algartech.com.br;vivianega@algartech.com;</t>
  </si>
  <si>
    <t>Usuários.xlsx</t>
  </si>
  <si>
    <t>elidapol@algartech.com.br,equipefabi@algartech.com.br,fabianapm@algartech.com,ideniraa@algartech.com.br,lucianaas@algartech.com.br,tecnicospj@algartech.com.br,vivianega@algartech.com</t>
  </si>
  <si>
    <t>7ed1ff9d-fd47-4df4-90f3-a39a5b4675f1.tmp</t>
  </si>
  <si>
    <t>\\acsfs\profiles$\matheusmax\Downloads\7ed1ff9d-fd47-4df4-90f3-a39a5b4675f1.tmp</t>
  </si>
  <si>
    <t>Cópia de OFICIAL_ANALISAR FILAS DE RETORNO (002).xlsx</t>
  </si>
  <si>
    <t>87950d27-c611-481b-9643-39ac49b57c92.tmp</t>
  </si>
  <si>
    <t>\\acsfs\profiles$\andreapdsg\Downloads\87950d27-c611-481b-9643-39ac49b57c92.tmp</t>
  </si>
  <si>
    <t>57580a53-2687-4ab4-b887-329aaf0e6239.tmp</t>
  </si>
  <si>
    <t>\\acsfs\profiles$\andreapdsg\Downloads\57580a53-2687-4ab4-b887-329aaf0e6239.tmp</t>
  </si>
  <si>
    <t>190b15b5-c935-4386-af09-0a0adc988f58.tmp</t>
  </si>
  <si>
    <t>\\acsfs\profiles$\Nayaranao\Downloads\190b15b5-c935-4386-af09-0a0adc988f58.tmp</t>
  </si>
  <si>
    <t>914bad0e-3a6a-4bfb-91a8-2c4ec06d9279.tmp</t>
  </si>
  <si>
    <t>\\acsfs\profiles$\matheusmax\Downloads\914bad0e-3a6a-4bfb-91a8-2c4ec06d9279.tmp</t>
  </si>
  <si>
    <t>ulog_AcroARM2_Reader_3b8210f9-3618-47e4-b9cc-5aaaba62831a_880e9851-7f95-4a00-8e7b-1aea022a2bb9_0.log</t>
  </si>
  <si>
    <t>C:\Users\flaviacno\AppData\Roaming\Adobe\LogTransport2\Logs\ulog_AcroARM2_Reader_3b8210f9-3618-47e4-b9cc-5aaaba62831a_880e9851-7f95-4a00-8e7b-1aea022a2bb9_0.log\</t>
  </si>
  <si>
    <t>bc1434a5-36a3-4569-957e-92d7d0f2282a.tmp</t>
  </si>
  <si>
    <t>\\acsfs\profiles$\fabianobmf\Downloads\bc1434a5-36a3-4569-957e-92d7d0f2282a.tmp</t>
  </si>
  <si>
    <t>120c035c-e6c0-4597-834c-d9b811ed4bf9.tmp</t>
  </si>
  <si>
    <t>\\acsfs\profiles$\fabianobmf\Downloads\120c035c-e6c0-4597-834c-d9b811ed4bf9.tmp</t>
  </si>
  <si>
    <t>32922437-b15b-4c93-973e-80e5dad47039.tmp</t>
  </si>
  <si>
    <t>\\acsfs\profiles$\Nayaranao\Downloads\32922437-b15b-4c93-973e-80e5dad47039.tmp</t>
  </si>
  <si>
    <t>eb1cabab-4fb9-41fd-a5c1-a63248eb2e72.tmp</t>
  </si>
  <si>
    <t>\\acsfs\profiles$\Adrieledgc\Downloads\eb1cabab-4fb9-41fd-a5c1-a63248eb2e72.tmp</t>
  </si>
  <si>
    <t>lu10920n27s.tmp</t>
  </si>
  <si>
    <t>\\acsfs\profiles$\MARILIAFPLB\ATIVO\lu10920n27s.tmp</t>
  </si>
  <si>
    <t>\\acsfs\profiles$\MARILIAFPLB\ATIVO\lu10920n27s.tmp\</t>
  </si>
  <si>
    <t>\\acsfs\profiles$\MARILIAFPLB\ATIVO\lu10920n27s.tmp\META-INF\</t>
  </si>
  <si>
    <t>\\acsfs\profiles$\MARILIAFPLB\ATIVO\lu10920n27s.tmp\Thumbnails\</t>
  </si>
  <si>
    <t>0bbff00a-8654-4c40-accb-b6e74cf8026e.tmp</t>
  </si>
  <si>
    <t>\\acsfs\profiles$\jalilebds\Downloads\0bbff00a-8654-4c40-accb-b6e74cf8026e.tmp</t>
  </si>
  <si>
    <t>cbda0f3c-40a1-451c-9e5b-5f4ee5b13642.tmp</t>
  </si>
  <si>
    <t>\\acsfs\profiles$\jalilebds\Downloads\cbda0f3c-40a1-451c-9e5b-5f4ee5b13642.tmp</t>
  </si>
  <si>
    <t>.~lock.filas 1721 1725 e 1724 a tratar (1) (1).xlsx#</t>
  </si>
  <si>
    <t>\\acsfs\profiles$\jalilebds\Downloads\.~lock.filas 1721 1725 e 1724 a tratar (1) (1).xlsx#</t>
  </si>
  <si>
    <t>lu1151628j4qr.tmp</t>
  </si>
  <si>
    <t>\\acsfs\profiles$\jalilebds\Downloads\lu1151628j4qr.tmp</t>
  </si>
  <si>
    <t>lu1151628j4qu.tmp</t>
  </si>
  <si>
    <t>\\acsfs\profiles$\jalilebds\Downloads\lu1151628j4qu.tmp</t>
  </si>
  <si>
    <t>lu1151628j4qx.tmp</t>
  </si>
  <si>
    <t>\\acsfs\profiles$\jalilebds\Downloads\lu1151628j4qx.tmp</t>
  </si>
  <si>
    <t>lu1151628j4r0.tmp</t>
  </si>
  <si>
    <t>\\acsfs\profiles$\jalilebds\Downloads\lu1151628j4r0.tmp</t>
  </si>
  <si>
    <t>lu1151628j4r3.tmp</t>
  </si>
  <si>
    <t>\\acsfs\profiles$\jalilebds\Downloads\lu1151628j4r3.tmp</t>
  </si>
  <si>
    <t>lu1151628j4r6.tmp</t>
  </si>
  <si>
    <t>\\acsfs\profiles$\jalilebds\Downloads\lu1151628j4r6.tmp</t>
  </si>
  <si>
    <t>lu1151628j4r9.tmp</t>
  </si>
  <si>
    <t>\\acsfs\profiles$\jalilebds\Downloads\lu1151628j4r9.tmp</t>
  </si>
  <si>
    <t>lu1151628j4rc.tmp</t>
  </si>
  <si>
    <t>\\acsfs\profiles$\jalilebds\Downloads\lu1151628j4rc.tmp</t>
  </si>
  <si>
    <t>lu1151628j4rf.tmp</t>
  </si>
  <si>
    <t>\\acsfs\profiles$\jalilebds\Downloads\lu1151628j4rf.tmp</t>
  </si>
  <si>
    <t>3c643532-8230-464a-8926-fd7f01bc3ba1.tmp</t>
  </si>
  <si>
    <t>\\acsfs\profiles$\Adrieledgc\Downloads\3c643532-8230-464a-8926-fd7f01bc3ba1.tmp</t>
  </si>
  <si>
    <t>75f23337-27ed-4235-8a09-cae4a33fb84f.tmp</t>
  </si>
  <si>
    <t>\\acsfs\profiles$\rogeriofd\Downloads\75f23337-27ed-4235-8a09-cae4a33fb84f.tmp</t>
  </si>
  <si>
    <t>ac15047b-6c01-4fcc-b796-05fa2bd80241.tmp</t>
  </si>
  <si>
    <t>\\acsfs\profiles$\rogeriofd\Downloads\ac15047b-6c01-4fcc-b796-05fa2bd80241.tmp</t>
  </si>
  <si>
    <t>01002a1c-1b1f-44dc-aecb-e6ea9d2e7778.tmp</t>
  </si>
  <si>
    <t>\\acsfs\profiles$\marlyannegdls\Downloads\01002a1c-1b1f-44dc-aecb-e6ea9d2e7778.tmp</t>
  </si>
  <si>
    <t>8e3a7272-674c-41e3-85c0-1439d641b625.tmp</t>
  </si>
  <si>
    <t>\\acsfs\profiles$\marlyannegdls\Downloads\8e3a7272-674c-41e3-85c0-1439d641b625.tmp</t>
  </si>
  <si>
    <t>lu1151628j4ri.tmp</t>
  </si>
  <si>
    <t>\\acsfs\profiles$\jalilebds\Downloads\lu1151628j4ri.tmp</t>
  </si>
  <si>
    <t>lu1151628j4rl.tmp</t>
  </si>
  <si>
    <t>\\acsfs\profiles$\jalilebds\Downloads\lu1151628j4rl.tmp</t>
  </si>
  <si>
    <t>84ef983f-9493-48e6-b820-d7770ff5158d.tmp</t>
  </si>
  <si>
    <t>\\acsfs\profiles$\jalilebds\Downloads\84ef983f-9493-48e6-b820-d7770ff5158d.tmp</t>
  </si>
  <si>
    <t>.~lock.filas 1721 1725 e 1724 a tratar (1) (1) (1).xlsx#</t>
  </si>
  <si>
    <t>\\acsfs\profiles$\jalilebds\Downloads\.~lock.filas 1721 1725 e 1724 a tratar (1) (1) (1).xlsx#</t>
  </si>
  <si>
    <t>db35c804-a4ed-466d-9898-e35bf1cd6c80.tmp</t>
  </si>
  <si>
    <t>\\acsfs\profiles$\jalilebds\Downloads\db35c804-a4ed-466d-9898-e35bf1cd6c80.tmp</t>
  </si>
  <si>
    <t>.~lock.filas 1721 1725 e 1724 a tratar (1) (2) (1).xlsx#</t>
  </si>
  <si>
    <t>\\acsfs\profiles$\jalilebds\Downloads\.~lock.filas 1721 1725 e 1724 a tratar (1) (2) (1).xlsx#</t>
  </si>
  <si>
    <t>752d896a-fff9-4a3e-a9a8-87bdc02f9745.tmp</t>
  </si>
  <si>
    <t>\\acsfs\profiles$\jalilebds\Downloads\752d896a-fff9-4a3e-a9a8-87bdc02f9745.tmp</t>
  </si>
  <si>
    <t>.~lock.filas 1721 1725 e 1724 a tratar (1) (3).xlsx#</t>
  </si>
  <si>
    <t>\\acsfs\profiles$\jalilebds\Downloads\.~lock.filas 1721 1725 e 1724 a tratar (1) (3).xlsx#</t>
  </si>
  <si>
    <t>35f7aafd-da05-4e3f-b113-bdf00bbc97b2.tmp</t>
  </si>
  <si>
    <t>\\acsfs\profiles$\Adrieledgc\Downloads\35f7aafd-da05-4e3f-b113-bdf00bbc97b2.tmp</t>
  </si>
  <si>
    <t>$IP8MW1P.xlsx</t>
  </si>
  <si>
    <t>\\acsfs\profiles$\jalilebds\Downloads\$RECYCLE.BIN\$IP8MW1P.xlsx</t>
  </si>
  <si>
    <t>$IYLTPK1.xlsx</t>
  </si>
  <si>
    <t>\\acsfs\profiles$\jalilebds\Downloads\$RECYCLE.BIN\$IYLTPK1.xlsx</t>
  </si>
  <si>
    <t>$IX5G46J.xlsx</t>
  </si>
  <si>
    <t>\\acsfs\profiles$\jalilebds\Downloads\$RECYCLE.BIN\$IX5G46J.xlsx</t>
  </si>
  <si>
    <t>$I6PJSH2.xlsx</t>
  </si>
  <si>
    <t>\\acsfs\profiles$\jalilebds\Downloads\$RECYCLE.BIN\$I6PJSH2.xlsx</t>
  </si>
  <si>
    <t>$IV21EL5.xlsx</t>
  </si>
  <si>
    <t>\\acsfs\profiles$\jalilebds\Downloads\$RECYCLE.BIN\$IV21EL5.xlsx</t>
  </si>
  <si>
    <t>$IYMAE7J.xlsx</t>
  </si>
  <si>
    <t>\\acsfs\profiles$\jalilebds\Downloads\$RECYCLE.BIN\$IYMAE7J.xlsx</t>
  </si>
  <si>
    <t>eeafed0f-1a77-4edb-8fef-691a73124521.tmp</t>
  </si>
  <si>
    <t>\\acsfs\profiles$\jalilebds\Downloads\eeafed0f-1a77-4edb-8fef-691a73124521.tmp</t>
  </si>
  <si>
    <t>.~lock.filas 1721 1725 e 1724 JA TRATADOS.xlsx#</t>
  </si>
  <si>
    <t>\\acsfs\profiles$\jalilebds\Downloads\.~lock.filas 1721 1725 e 1724 JA TRATADOS.xlsx#</t>
  </si>
  <si>
    <t>$INSIAIZ.xlsx</t>
  </si>
  <si>
    <t>\\acsfs\profiles$\jalilebds\Downloads\$RECYCLE.BIN\$INSIAIZ.xlsx</t>
  </si>
  <si>
    <t>1265008f-6957-4b77-97f5-f3e745d5c781.tmp</t>
  </si>
  <si>
    <t>\\acsfs\profiles$\ROBERTM\Downloads\1265008f-6957-4b77-97f5-f3e745d5c781.tmp</t>
  </si>
  <si>
    <t>21cc2e68-4fe9-40a3-83ad-dd81570d6651.tmp</t>
  </si>
  <si>
    <t>\\acsfs\profiles$\ROBERTM\Downloads\21cc2e68-4fe9-40a3-83ad-dd81570d6651.tmp</t>
  </si>
  <si>
    <t>63b78ce5-e42a-4208-b787-fcefcca7f440.tmp</t>
  </si>
  <si>
    <t>\\acsfs\profiles$\rogeriofd\Downloads\63b78ce5-e42a-4208-b787-fcefcca7f440.tmp</t>
  </si>
  <si>
    <t>a5694e1e-148a-4264-9846-b6c2ddffcc12.tmp</t>
  </si>
  <si>
    <t>\\acsfs\profiles$\marlyannegdls\Downloads\a5694e1e-148a-4264-9846-b6c2ddffcc12.tmp</t>
  </si>
  <si>
    <t>ef5a5e31-6b4b-4232-8a52-5f9ecb2ec1c0.tmp</t>
  </si>
  <si>
    <t>\\acsfs\profiles$\ROBERTM\Downloads\ef5a5e31-6b4b-4232-8a52-5f9ecb2ec1c0.tmp</t>
  </si>
  <si>
    <t>578846e3-3e08-4d10-8320-39371055ea3a.tmp</t>
  </si>
  <si>
    <t>\\acsfs\profiles$\ROZENCAM\Downloads\578846e3-3e08-4d10-8320-39371055ea3a.tmp</t>
  </si>
  <si>
    <t>e19a6b45-03ad-48e9-8a9e-fc323ac4a812.tmp</t>
  </si>
  <si>
    <t>\\acsfs\profiles$\ROZENCAM\Downloads\e19a6b45-03ad-48e9-8a9e-fc323ac4a812.tmp</t>
  </si>
  <si>
    <t>c42ae7a8-7a1a-4724-8394-018349a849c9.tmp</t>
  </si>
  <si>
    <t>\\acsfs\profiles$\marlyannegdls\Downloads\c42ae7a8-7a1a-4724-8394-018349a849c9.tmp</t>
  </si>
  <si>
    <t>b3d99f6f-b13c-4c38-9468-f3e770acbf52.tmp</t>
  </si>
  <si>
    <t>\\acsfs\profiles$\ROBERTM\Downloads\b3d99f6f-b13c-4c38-9468-f3e770acbf52.tmp</t>
  </si>
  <si>
    <t>2c7d9872-9ce3-4e94-a7d3-b57e0d41fa4e.tmp</t>
  </si>
  <si>
    <t>\\acsfs\profiles$\lucasqdss\Downloads\2c7d9872-9ce3-4e94-a7d3-b57e0d41fa4e.tmp</t>
  </si>
  <si>
    <t>351713be-97f0-4344-aff8-f6c32a0d77c6.tmp</t>
  </si>
  <si>
    <t>\\acsfs\profiles$\lucasqdss\Downloads\351713be-97f0-4344-aff8-f6c32a0d77c6.tmp</t>
  </si>
  <si>
    <t>9c9c179d-c928-465d-9706-553da8e422c8.tmp</t>
  </si>
  <si>
    <t>\\acsfs\profiles$\BRUNAAR\Downloads\9c9c179d-c928-465d-9706-553da8e422c8.tmp</t>
  </si>
  <si>
    <t>a14273a0-2ee3-43ad-9e31-de7c54b75480.tmp</t>
  </si>
  <si>
    <t>\\acsfs\profiles$\danielac\Downloads\a14273a0-2ee3-43ad-9e31-de7c54b75480.tmp</t>
  </si>
  <si>
    <t>92d75162-8868-4d24-b6ba-dcb039702c7d.tmp</t>
  </si>
  <si>
    <t>\\acsfs\profiles$\BRUNAAR\Downloads\92d75162-8868-4d24-b6ba-dcb039702c7d.tmp</t>
  </si>
  <si>
    <t>a327cb62-894f-41bd-89c3-676c4bc3f27f.tmp</t>
  </si>
  <si>
    <t>\\acsfs\profiles$\danielac\Downloads\a327cb62-894f-41bd-89c3-676c4bc3f27f.tmp</t>
  </si>
  <si>
    <t>39f40f04-d40b-48b8-a399-c74e48f8d5fd.tmp</t>
  </si>
  <si>
    <t>\\acsfs\profiles$\danielac\Downloads\39f40f04-d40b-48b8-a399-c74e48f8d5fd.tmp</t>
  </si>
  <si>
    <t>29ce8fc2-d23d-4aed-8159-345671c9f60f.tmp</t>
  </si>
  <si>
    <t>\\acsfs\profiles$\ALYNYA\Downloads\29ce8fc2-d23d-4aed-8159-345671c9f60f.tmp</t>
  </si>
  <si>
    <t>02c6590c-cc9e-41c9-a7d5-395cd253c521.tmp</t>
  </si>
  <si>
    <t>\\acsfs\profiles$\ALYNYA\Downloads\02c6590c-cc9e-41c9-a7d5-395cd253c521.tmp</t>
  </si>
  <si>
    <t>e36b99a8-ba9c-4d1d-a1fe-51b6fef23f6a.tmp</t>
  </si>
  <si>
    <t>\\acsfs\profiles$\sarahbal\Downloads\e36b99a8-ba9c-4d1d-a1fe-51b6fef23f6a.tmp</t>
  </si>
  <si>
    <t>10.200.66.155</t>
  </si>
  <si>
    <t>34-E6-D7-FC-B8-73</t>
  </si>
  <si>
    <t>VOTORANT-MB016</t>
  </si>
  <si>
    <t>esterasg</t>
  </si>
  <si>
    <t>\\acsfs\profiles$\esterasg\Contacts\</t>
  </si>
  <si>
    <t>ESTER APARECIDA SILVA GOULART (30470).contact</t>
  </si>
  <si>
    <t>\\acsfs\profiles$\esterasg\Contacts\ESTER APARECIDA SILVA GOULART (30470).contact</t>
  </si>
  <si>
    <t>\\acsfs\profiles$\esterasg\My Documents\My Videos\</t>
  </si>
  <si>
    <t>\\acsfs\profiles$\esterasg\My Documents\My Videos\desktop.ini</t>
  </si>
  <si>
    <t>\\acsfs\profiles$\esterasg\My Documents\My Pictures\</t>
  </si>
  <si>
    <t>\\acsfs\profiles$\esterasg\My Documents\My Pictures\desktop.ini</t>
  </si>
  <si>
    <t>\\acsfs\profiles$\esterasg\Contacts\desktop.ini</t>
  </si>
  <si>
    <t>\\acsfs\profiles$\esterasg\Favorites\</t>
  </si>
  <si>
    <t>\\acsfs\profiles$\esterasg\Favorites\desktop.ini</t>
  </si>
  <si>
    <t>\\acsfs\profiles$\esterasg\My Documents\My Music\</t>
  </si>
  <si>
    <t>\\acsfs\profiles$\esterasg\My Documents\My Music\desktop.ini</t>
  </si>
  <si>
    <t>\\acsfs\profiles$\esterasg\Searches\</t>
  </si>
  <si>
    <t>\\acsfs\profiles$\esterasg\Searches\desktop.ini</t>
  </si>
  <si>
    <t>\\acsfs\profiles$\esterasg\Downloads\</t>
  </si>
  <si>
    <t>\\acsfs\profiles$\esterasg\Downloads\desktop.ini</t>
  </si>
  <si>
    <t>\\acsfs\profiles$\esterasg\My Documents\</t>
  </si>
  <si>
    <t>\\acsfs\profiles$\esterasg\My Documents\desktop.ini</t>
  </si>
  <si>
    <t>\\acsfs\profiles$\esterasg\Saved Games\</t>
  </si>
  <si>
    <t>\\acsfs\profiles$\esterasg\Saved Games\desktop.ini</t>
  </si>
  <si>
    <t>\\acsfs\profiles$\esterasg\Favorites\Links for Brasil\</t>
  </si>
  <si>
    <t>\\acsfs\profiles$\esterasg\Favorites\Links for Brasil\desktop.ini</t>
  </si>
  <si>
    <t>\\acsfs\profiles$\esterasg\Favorites\Links for Brasil\Microsoft Brasil.url</t>
  </si>
  <si>
    <t>\\acsfs\profiles$\esterasg\Favorites\Links for Brasil\Windows Brasil.url</t>
  </si>
  <si>
    <t>\\acsfs\profiles$\esterasg\Favorites\Links for Brasil\MSN Brasil.url</t>
  </si>
  <si>
    <t>2c6a792e-c054-4c29-826d-d27f58f649dd.tmp</t>
  </si>
  <si>
    <t>\\acsfs\profiles$\anafsb\Downloads\2c6a792e-c054-4c29-826d-d27f58f649dd.tmp</t>
  </si>
  <si>
    <t>a1e55b6a-003b-41aa-91f0-004d8f69af59.tmp</t>
  </si>
  <si>
    <t>\\acsfs\profiles$\anafsb\Downloads\a1e55b6a-003b-41aa-91f0-004d8f69af59.tmp</t>
  </si>
  <si>
    <t>8d423a78-b6c1-43fd-ac23-8ce922083c91.tmp</t>
  </si>
  <si>
    <t>\\acsfs\profiles$\anafsb\Downloads\8d423a78-b6c1-43fd-ac23-8ce922083c91.tmp</t>
  </si>
  <si>
    <t>10.200.67.130</t>
  </si>
  <si>
    <t>46b928ab-d1db-4df9-8cc1-2bde9a3493a2.tmp</t>
  </si>
  <si>
    <t>\\acsfs\profiles$\sarahbal\Downloads\46b928ab-d1db-4df9-8cc1-2bde9a3493a2.tmp</t>
  </si>
  <si>
    <t>a06455ba-f607-4e7c-a3ae-312a24805c2f.tmp</t>
  </si>
  <si>
    <t>\\acsfs\profiles$\ALYNYA\Downloads\a06455ba-f607-4e7c-a3ae-312a24805c2f.tmp</t>
  </si>
  <si>
    <t>10ad303f-ab84-4592-bbd0-aabc9738473e.tmp</t>
  </si>
  <si>
    <t>\\acsfs\profiles$\vivianealda\Downloads\10ad303f-ab84-4592-bbd0-aabc9738473e.tmp</t>
  </si>
  <si>
    <t>06051b4d-5537-4ce0-a5e9-a996eb1b9c4d.tmp</t>
  </si>
  <si>
    <t>\\acsfs\profiles$\vivianealda\Downloads\06051b4d-5537-4ce0-a5e9-a996eb1b9c4d.tmp</t>
  </si>
  <si>
    <t>10daa1fc-76eb-4ab3-8e2d-77b5cb5b4d92.tmp</t>
  </si>
  <si>
    <t>\\acsfs\profiles$\vivianealda\Downloads\10daa1fc-76eb-4ab3-8e2d-77b5cb5b4d92.tmp</t>
  </si>
  <si>
    <t>13abbb27-9f47-4c66-affc-b2e64834efce.tmp</t>
  </si>
  <si>
    <t>\\acsfs\profiles$\sarahbal\Downloads\13abbb27-9f47-4c66-affc-b2e64834efce.tmp</t>
  </si>
  <si>
    <t>3ac0c1ce-57d7-4a20-845c-0965cd923462.tmp</t>
  </si>
  <si>
    <t>\\acsfs\profiles$\sarahbal\Downloads\3ac0c1ce-57d7-4a20-845c-0965cd923462.tmp</t>
  </si>
  <si>
    <t>d0143675-f514-4d44-b197-30aba285d0bc.tmp</t>
  </si>
  <si>
    <t>\\acsfs\profiles$\sarahbal\Downloads\d0143675-f514-4d44-b197-30aba285d0bc.tmp</t>
  </si>
  <si>
    <t>5c2e48c4-ee00-42b5-87a8-cfc1fe33fcb7.tmp</t>
  </si>
  <si>
    <t>\\acsfs\profiles$\sarahbal\Downloads\5c2e48c4-ee00-42b5-87a8-cfc1fe33fcb7.tmp</t>
  </si>
  <si>
    <t>c2085096-64fb-4c4a-8661-323044e15a80.tmp</t>
  </si>
  <si>
    <t>\\acsfs\profiles$\sarahbal\Downloads\c2085096-64fb-4c4a-8661-323044e15a80.tmp</t>
  </si>
  <si>
    <t>2ca43641-99d6-420a-949e-4271946a49c8.tmp</t>
  </si>
  <si>
    <t>\\acsfs\profiles$\claudiajca\Downloads\2ca43641-99d6-420a-949e-4271946a49c8.tmp</t>
  </si>
  <si>
    <t>8f5c6a17-f2a0-4a82-b04a-e839ddb9fd10.tmp</t>
  </si>
  <si>
    <t>\\acsfs\profiles$\claudiajca\Downloads\8f5c6a17-f2a0-4a82-b04a-e839ddb9fd10.tmp</t>
  </si>
  <si>
    <t>59246e45-207d-4497-9ba1-a34d2d64ed6b.tmp</t>
  </si>
  <si>
    <t>\\acsfs\profiles$\cintiadcf\Downloads\59246e45-207d-4497-9ba1-a34d2d64ed6b.tmp</t>
  </si>
  <si>
    <t>72118abd-80b4-4ec0-99d9-4bf9882cca41.tmp</t>
  </si>
  <si>
    <t>\\acsfs\profiles$\cintiadcf\Downloads\72118abd-80b4-4ec0-99d9-4bf9882cca41.tmp</t>
  </si>
  <si>
    <t>3ead35d8-24a4-4fda-bdbb-baafc3c59a21.tmp</t>
  </si>
  <si>
    <t>\\acsfs\profiles$\cintiadcf\Downloads\3ead35d8-24a4-4fda-bdbb-baafc3c59a21.tmp</t>
  </si>
  <si>
    <t>34291092-5806-42cd-b863-2b5be53e5805.tmp</t>
  </si>
  <si>
    <t>\\acsfs\profiles$\anafsb\Downloads\34291092-5806-42cd-b863-2b5be53e5805.tmp</t>
  </si>
  <si>
    <t>78f4b68e-46e9-41ca-9ecc-074c9bc63d85.tmp</t>
  </si>
  <si>
    <t>\\acsfs\profiles$\anafsb\Downloads\78f4b68e-46e9-41ca-9ecc-074c9bc63d85.tmp</t>
  </si>
  <si>
    <t>1d9a1b40-7fe3-4e45-8b54-610b0a8a0340.tmp</t>
  </si>
  <si>
    <t>\\acsfs\profiles$\lucasgpe\Downloads\1d9a1b40-7fe3-4e45-8b54-610b0a8a0340.tmp</t>
  </si>
  <si>
    <t>8d1a5a0f-5ff8-47ee-a6ff-8f5ff0e3d136.tmp</t>
  </si>
  <si>
    <t>\\acsfs\profiles$\lucasgpe\Downloads\8d1a5a0f-5ff8-47ee-a6ff-8f5ff0e3d136.tmp</t>
  </si>
  <si>
    <t>d1541d0b-58c4-42cd-8db8-6acf0b19917c.tmp</t>
  </si>
  <si>
    <t>\\acsfs\profiles$\lucasgpe\Downloads\d1541d0b-58c4-42cd-8db8-6acf0b19917c.tmp</t>
  </si>
  <si>
    <t>382051f9-a628-4890-bb02-060ab9e42151.tmp</t>
  </si>
  <si>
    <t>\\acsfs\profiles$\vivianealda\Downloads\382051f9-a628-4890-bb02-060ab9e42151.tmp</t>
  </si>
  <si>
    <t>98c43286-873e-4702-a983-4d42bc22edfa.tmp</t>
  </si>
  <si>
    <t>\\acsfs\profiles$\anafsb\Downloads\98c43286-873e-4702-a983-4d42bc22edfa.tmp</t>
  </si>
  <si>
    <t>lu11816xel64.tmp</t>
  </si>
  <si>
    <t>\\acsfs\profiles$\CLAUDIAJCA\lu11816xel64.tmp</t>
  </si>
  <si>
    <t>\\acsfs\profiles$\CLAUDIAJCA\lu11816xel64.tmp\</t>
  </si>
  <si>
    <t>\\acsfs\profiles$\CLAUDIAJCA\lu11816xel64.tmp\META-INF\</t>
  </si>
  <si>
    <t>\\acsfs\profiles$\CLAUDIAJCA\lu11816xel64.tmp\Thumbnails\</t>
  </si>
  <si>
    <t>lu261206l55r1.tmp</t>
  </si>
  <si>
    <t>\\acsfs\profiles$\CINTIADCF\lu261206l55r1.tmp</t>
  </si>
  <si>
    <t>\\acsfs\profiles$\CINTIADCF\lu261206l55r1.tmp\</t>
  </si>
  <si>
    <t>\\acsfs\profiles$\CINTIADCF\lu261206l55r1.tmp\META-INF\</t>
  </si>
  <si>
    <t>\\acsfs\profiles$\CINTIADCF\lu261206l55r1.tmp\Thumbnails\</t>
  </si>
  <si>
    <t>c56614a2-c345-4734-ac58-60aee6cf0dde.tmp</t>
  </si>
  <si>
    <t>\\acsfs\profiles$\inarajst\Downloads\c56614a2-c345-4734-ac58-60aee6cf0dde.tmp</t>
  </si>
  <si>
    <t>6e064d08-e312-49ea-adfd-656632e3e26e.tmp</t>
  </si>
  <si>
    <t>\\acsfs\profiles$\inarajst\Downloads\6e064d08-e312-49ea-adfd-656632e3e26e.tmp</t>
  </si>
  <si>
    <t>07b51033-9315-4ee4-8e84-2c2a79045fa6.tmp</t>
  </si>
  <si>
    <t>\\acsfs\profiles$\inarajst\Downloads\07b51033-9315-4ee4-8e84-2c2a79045fa6.tmp</t>
  </si>
  <si>
    <t>a4b39a92-bfc1-4552-ac8c-c35ec0272c79.tmp</t>
  </si>
  <si>
    <t>\\acsfs\profiles$\inarajst\Downloads\a4b39a92-bfc1-4552-ac8c-c35ec0272c79.tmp</t>
  </si>
  <si>
    <t>4904ce5d-64cd-480c-8bb7-a0c3c160ac8c.tmp</t>
  </si>
  <si>
    <t>\\acsfs\profiles$\inarajst\Downloads\4904ce5d-64cd-480c-8bb7-a0c3c160ac8c.tmp</t>
  </si>
  <si>
    <t>lu261206l55r4.tmp</t>
  </si>
  <si>
    <t>\\acsfs\profiles$\CINTIADCF\lu261206l55r4.tmp</t>
  </si>
  <si>
    <t>\\acsfs\profiles$\CINTIADCF\lu261206l55r4.tmp\</t>
  </si>
  <si>
    <t>\\acsfs\profiles$\CINTIADCF\lu261206l55r4.tmp\META-INF\</t>
  </si>
  <si>
    <t>\\acsfs\profiles$\CINTIADCF\lu261206l55r4.tmp\Thumbnails\</t>
  </si>
  <si>
    <t>lu261206l55r7.tmp</t>
  </si>
  <si>
    <t>\\acsfs\profiles$\CINTIADCF\lu261206l55r7.tmp</t>
  </si>
  <si>
    <t>\\acsfs\profiles$\CINTIADCF\lu261206l55r7.tmp\</t>
  </si>
  <si>
    <t>\\acsfs\profiles$\CINTIADCF\lu261206l55r7.tmp\META-INF\</t>
  </si>
  <si>
    <t>\\acsfs\profiles$\CINTIADCF\lu261206l55r7.tmp\Thumbnails\</t>
  </si>
  <si>
    <t>lu261206l55ra.tmp</t>
  </si>
  <si>
    <t>\\acsfs\profiles$\CINTIADCF\lu261206l55ra.tmp</t>
  </si>
  <si>
    <t>\\acsfs\profiles$\CINTIADCF\lu261206l55ra.tmp\</t>
  </si>
  <si>
    <t>\\acsfs\profiles$\CINTIADCF\lu261206l55ra.tmp\META-INF\</t>
  </si>
  <si>
    <t>\\acsfs\profiles$\CINTIADCF\lu261206l55ra.tmp\Thumbnails\</t>
  </si>
  <si>
    <t>379cfd7a-9bbd-49da-97bb-256e949a930f.tmp</t>
  </si>
  <si>
    <t>\\acsfs\profiles$\websondsa\Downloads\379cfd7a-9bbd-49da-97bb-256e949a930f.tmp</t>
  </si>
  <si>
    <t>fee06a1f-8707-40aa-8c54-5e2d2a9aaab6.tmp</t>
  </si>
  <si>
    <t>\\acsfs\profiles$\websondsa\Downloads\fee06a1f-8707-40aa-8c54-5e2d2a9aaab6.tmp</t>
  </si>
  <si>
    <t>6cf07170-eb4a-4aaf-b063-e9063f87ecfe.tmp</t>
  </si>
  <si>
    <t>\\acsfs\profiles$\websondsa\Downloads\6cf07170-eb4a-4aaf-b063-e9063f87ecfe.tmp</t>
  </si>
  <si>
    <t>32e12f64-4fdc-4f3b-9591-8f8c16b7ec44.tmp</t>
  </si>
  <si>
    <t>\\acsfs\profiles$\websondsa\Downloads\32e12f64-4fdc-4f3b-9591-8f8c16b7ec44.tmp</t>
  </si>
  <si>
    <t>e3246bb6-ee1b-403a-a62a-4bd43cf0fa72.tmp</t>
  </si>
  <si>
    <t>\\acsfs\profiles$\websondsa\Downloads\e3246bb6-ee1b-403a-a62a-4bd43cf0fa72.tmp</t>
  </si>
  <si>
    <t>5e317370-5d04-4065-a66c-980b2aa71d60.tmp</t>
  </si>
  <si>
    <t>\\acsfs\profiles$\mariajra\Downloads\5e317370-5d04-4065-a66c-980b2aa71d60.tmp</t>
  </si>
  <si>
    <t>lu261206l55rd.tmp</t>
  </si>
  <si>
    <t>\\acsfs\profiles$\CINTIADCF\lu261206l55rd.tmp</t>
  </si>
  <si>
    <t>\\acsfs\profiles$\CINTIADCF\lu261206l55rd.tmp\</t>
  </si>
  <si>
    <t>\\acsfs\profiles$\CINTIADCF\lu261206l55rd.tmp\META-INF\</t>
  </si>
  <si>
    <t>\\acsfs\profiles$\CINTIADCF\lu261206l55rd.tmp\Thumbnails\</t>
  </si>
  <si>
    <t>lu261206l55rg.tmp</t>
  </si>
  <si>
    <t>\\acsfs\profiles$\CINTIADCF\lu261206l55rg.tmp</t>
  </si>
  <si>
    <t>\\acsfs\profiles$\CINTIADCF\lu261206l55rg.tmp\</t>
  </si>
  <si>
    <t>\\acsfs\profiles$\CINTIADCF\lu261206l55rg.tmp\META-INF\</t>
  </si>
  <si>
    <t>\\acsfs\profiles$\CINTIADCF\lu261206l55rg.tmp\Thumbnails\</t>
  </si>
  <si>
    <t>lu111788tsw38f.tmp</t>
  </si>
  <si>
    <t>\\acsfs\profiles$\BRUNAAR\Numero\lu111788tsw38f.tmp</t>
  </si>
  <si>
    <t>d09ca2ae-ecf4-4e83-89c2-9c1cc472dda7.tmp</t>
  </si>
  <si>
    <t>\\acsfs\profiles$\mariajra\Downloads\d09ca2ae-ecf4-4e83-89c2-9c1cc472dda7.tmp</t>
  </si>
  <si>
    <t>cfa9c333-dbce-435b-83f7-7d5903b0a733.tmp</t>
  </si>
  <si>
    <t>\\acsfs\profiles$\mariajra\Downloads\cfa9c333-dbce-435b-83f7-7d5903b0a733.tmp</t>
  </si>
  <si>
    <t>15cb0d2d-f822-4b51-9b9e-14a7033d5f9f.tmp</t>
  </si>
  <si>
    <t>\\acsfs\profiles$\mariajra\Downloads\15cb0d2d-f822-4b51-9b9e-14a7033d5f9f.tmp</t>
  </si>
  <si>
    <t>28ca7807-edbd-4ac9-b992-6912d767e67d.tmp</t>
  </si>
  <si>
    <t>\\acsfs\profiles$\mariajra\Downloads\28ca7807-edbd-4ac9-b992-6912d767e67d.tmp</t>
  </si>
  <si>
    <t>.~lock.Layout TV Vendas 2.2.ppt#</t>
  </si>
  <si>
    <t>\\acsfs\DEPTOS\Operacao\Banco_Votorantim\Supervisao\SUPERS BV CARTÕES\.~lock.Layout TV Vendas 2.2.ppt#</t>
  </si>
  <si>
    <t>e3013d1d-6365-43a2-a912-5d7c87f2c3aa.tmp</t>
  </si>
  <si>
    <t>\\acsfs\profiles$\vivianalds\Downloads\e3013d1d-6365-43a2-a912-5d7c87f2c3aa.tmp</t>
  </si>
  <si>
    <t>88de39d4-af24-4c1b-8b0f-b20329b02a92.tmp</t>
  </si>
  <si>
    <t>\\acsfs\profiles$\vivianalds\Downloads\88de39d4-af24-4c1b-8b0f-b20329b02a92.tmp</t>
  </si>
  <si>
    <t>366aafe3-24b8-4290-81d3-bdfdc4f53f1f.tmp</t>
  </si>
  <si>
    <t>\\acsfs\profiles$\lucasgpe\Downloads\366aafe3-24b8-4290-81d3-bdfdc4f53f1f.tmp</t>
  </si>
  <si>
    <t>fbe09b2c-0bee-43d4-b9f4-67301c40f14e.tmp</t>
  </si>
  <si>
    <t>\\acsfs\profiles$\inarajst\Downloads\fbe09b2c-0bee-43d4-b9f4-67301c40f14e.tmp</t>
  </si>
  <si>
    <t>luizffn</t>
  </si>
  <si>
    <t>\\acsfs\profiles$\luizffn\Downloads\</t>
  </si>
  <si>
    <t>1c8d47bb-21a0-46e5-9a0e-4c7016c981aa.tmp</t>
  </si>
  <si>
    <t>\\acsfs\profiles$\luizffn\Downloads\1c8d47bb-21a0-46e5-9a0e-4c7016c981aa.tmp</t>
  </si>
  <si>
    <t>Cópia_de_Dados_consolidados_Laylla_28-12_(1)_(1).xlsx:Zone.Identifier</t>
  </si>
  <si>
    <t>\\acsfs\profiles$\luizffn\Downloads\Cópia_de_Dados_consolidados_Laylla_28-12_(1)_(1).xlsx:Zone.Identifier</t>
  </si>
  <si>
    <t>46fe4a43-02db-4cc8-af97-8dffd008b931.tmp</t>
  </si>
  <si>
    <t>\\acsfs\profiles$\dhiulliananads\Downloads\46fe4a43-02db-4cc8-af97-8dffd008b931.tmp</t>
  </si>
  <si>
    <t>d3a260f0-6d4e-4360-a424-fab003ae93bf.tmp</t>
  </si>
  <si>
    <t>\\acsfs\profiles$\dhiulliananads\Downloads\d3a260f0-6d4e-4360-a424-fab003ae93bf.tmp</t>
  </si>
  <si>
    <t>Backup de Cópia_de_Dados_consolidados_Laylla 06-01.xlk</t>
  </si>
  <si>
    <t>\\acsfs\profiles$\luizffn\Downloads\Backup de Cópia_de_Dados_consolidados_Laylla 06-01.xlk</t>
  </si>
  <si>
    <t>luizffn@algartech.com</t>
  </si>
  <si>
    <t>lu11816xel69.tmp</t>
  </si>
  <si>
    <t>\\acsfs\profiles$\CLAUDIAJCA\lu11816xel69.tmp</t>
  </si>
  <si>
    <t>\\acsfs\profiles$\CLAUDIAJCA\lu11816xel69.tmp\</t>
  </si>
  <si>
    <t>\\acsfs\profiles$\CLAUDIAJCA\lu11816xel69.tmp\META-INF\</t>
  </si>
  <si>
    <t>\\acsfs\profiles$\CLAUDIAJCA\lu11816xel69.tmp\Thumbnails\</t>
  </si>
  <si>
    <t>lu11816xel6e.tmp</t>
  </si>
  <si>
    <t>\\acsfs\profiles$\CLAUDIAJCA\lu11816xel6e.tmp</t>
  </si>
  <si>
    <t>\\acsfs\profiles$\CLAUDIAJCA\lu11816xel6e.tmp\</t>
  </si>
  <si>
    <t>\\acsfs\profiles$\CLAUDIAJCA\lu11816xel6e.tmp\META-INF\</t>
  </si>
  <si>
    <t>\\acsfs\profiles$\CLAUDIAJCA\lu11816xel6e.tmp\Thumbnails\</t>
  </si>
  <si>
    <t>a6d2bd75-d7c5-4687-9ae3-fd2d8dda1ae3.tmp</t>
  </si>
  <si>
    <t>\\acsfs\profiles$\dhiulliananads\Downloads\a6d2bd75-d7c5-4687-9ae3-fd2d8dda1ae3.tmp</t>
  </si>
  <si>
    <t>d7a6bdec-8ca3-4337-b20d-5603a8bf9d05.tmp</t>
  </si>
  <si>
    <t>\\acsfs\profiles$\nayarasds\Downloads\d7a6bdec-8ca3-4337-b20d-5603a8bf9d05.tmp</t>
  </si>
  <si>
    <t>200a693b-c164-471f-b2e0-dc1122264e65.tmp</t>
  </si>
  <si>
    <t>\\acsfs\profiles$\nayarasds\Downloads\200a693b-c164-471f-b2e0-dc1122264e65.tmp</t>
  </si>
  <si>
    <t>131ae8b2-3e39-4158-a9a1-47d5db088b93.tmp</t>
  </si>
  <si>
    <t>\\acsfs\profiles$\nayarasds\Downloads\131ae8b2-3e39-4158-a9a1-47d5db088b93.tmp</t>
  </si>
  <si>
    <t>a7e88920-e797-4e5c-aa74-5d4c225b7a52.tmp</t>
  </si>
  <si>
    <t>\\acsfs\profiles$\nayarasds\Downloads\a7e88920-e797-4e5c-aa74-5d4c225b7a52.tmp</t>
  </si>
  <si>
    <t>09730f49-7291-46f3-b0d5-856afc4bb084.tmp</t>
  </si>
  <si>
    <t>\\acsfs\profiles$\marcellewdl\Downloads\09730f49-7291-46f3-b0d5-856afc4bb084.tmp</t>
  </si>
  <si>
    <t>ba5588fd-dd75-4d64-9ac4-15d1b0a4cdf2.tmp</t>
  </si>
  <si>
    <t>\\acsfs\profiles$\marcellewdl\Downloads\ba5588fd-dd75-4d64-9ac4-15d1b0a4cdf2.tmp</t>
  </si>
  <si>
    <t>LEYDIANE APARECIDA MOREIRA DUARTE (34).contact</t>
  </si>
  <si>
    <t>\\acsfs\profiles$\leydianeamd\Contacts\LEYDIANE APARECIDA MOREIRA DUARTE (34).contact</t>
  </si>
  <si>
    <t>7e75230b-eb2a-480a-8743-9ff0bb7b5ba7.tmp</t>
  </si>
  <si>
    <t>\\acsfs\profiles$\luanarda\Downloads\7e75230b-eb2a-480a-8743-9ff0bb7b5ba7.tmp</t>
  </si>
  <si>
    <t>fcbbe283-33a6-4f98-9c41-9de10dbb3c15.tmp</t>
  </si>
  <si>
    <t>\\acsfs\profiles$\nayarasds\Downloads\fcbbe283-33a6-4f98-9c41-9de10dbb3c15.tmp</t>
  </si>
  <si>
    <t>a09eae98-7814-4d2a-9490-37baf0e356e4.tmp</t>
  </si>
  <si>
    <t>\\acsfs\profiles$\antoniosva\Downloads\a09eae98-7814-4d2a-9490-37baf0e356e4.tmp</t>
  </si>
  <si>
    <t>0298517f-f6f1-4ebe-a30f-ad5d6c628594.tmp</t>
  </si>
  <si>
    <t>\\acsfs\profiles$\antoniosva\Downloads\0298517f-f6f1-4ebe-a30f-ad5d6c628594.tmp</t>
  </si>
  <si>
    <t>85319cdd-d7e6-4925-88ce-94ceabd98f87.tmp</t>
  </si>
  <si>
    <t>\\acsfs\profiles$\wenderbnm\Downloads\85319cdd-d7e6-4925-88ce-94ceabd98f87.tmp</t>
  </si>
  <si>
    <t>a87f7f73-076a-4aa7-bba0-c1cb228cb278.tmp</t>
  </si>
  <si>
    <t>\\acsfs\profiles$\wenderbnm\Downloads\a87f7f73-076a-4aa7-bba0-c1cb228cb278.tmp</t>
  </si>
  <si>
    <t>10.200.66.56</t>
  </si>
  <si>
    <t>D0-67-E5-FF-1B-D2</t>
  </si>
  <si>
    <t>VOTORANT-AFB004</t>
  </si>
  <si>
    <t>ec418587-fb87-4070-af1e-00ffd455983c.tmp</t>
  </si>
  <si>
    <t>\\acsfs\profiles$\rafaelahpn\Downloads\ec418587-fb87-4070-af1e-00ffd455983c.tmp</t>
  </si>
  <si>
    <t>96005781-48a3-4301-9e40-ba06ef13718f.tmp</t>
  </si>
  <si>
    <t>\\acsfs\profiles$\luanarda\Downloads\96005781-48a3-4301-9e40-ba06ef13718f.tmp</t>
  </si>
  <si>
    <t>55968f0a-37a5-46f2-b5ec-c5a4bf215313.tmp</t>
  </si>
  <si>
    <t>\\acsfs\profiles$\valeriasda\Downloads\55968f0a-37a5-46f2-b5ec-c5a4bf215313.tmp</t>
  </si>
  <si>
    <t>869196d4-4083-4713-ab32-ac05145043a1.tmp</t>
  </si>
  <si>
    <t>\\acsfs\profiles$\valeriasda\Downloads\869196d4-4083-4713-ab32-ac05145043a1.tmp</t>
  </si>
  <si>
    <t>56b5cd04-2532-4b71-959f-e44828672352.tmp</t>
  </si>
  <si>
    <t>\\acsfs\profiles$\valeriasda\Downloads\56b5cd04-2532-4b71-959f-e44828672352.tmp</t>
  </si>
  <si>
    <t>10.200.66.45</t>
  </si>
  <si>
    <t>ulog_AcroARM2_Reader_22bb18ef-a0cc-4985-b2f1-d8449a05e1d0_9be42d93-33c0-4a90-9c65-9a109672263d_0.log</t>
  </si>
  <si>
    <t>C:\Users\Jordanarb\AppData\Roaming\Adobe\LogTransport2\Logs\ulog_AcroARM2_Reader_22bb18ef-a0cc-4985-b2f1-d8449a05e1d0_9be42d93-33c0-4a90-9c65-9a109672263d_0.log\</t>
  </si>
  <si>
    <t>lu111788tsw38j.tmp</t>
  </si>
  <si>
    <t>\\acsfs\profiles$\BRUNAAR\Numero\lu111788tsw38j.tmp</t>
  </si>
  <si>
    <t>lu111788tsw38n.tmp</t>
  </si>
  <si>
    <t>\\acsfs\profiles$\BRUNAAR\Numero\lu111788tsw38n.tmp</t>
  </si>
  <si>
    <t>lu111788tsw38r.tmp</t>
  </si>
  <si>
    <t>\\acsfs\profiles$\BRUNAAR\Numero\lu111788tsw38r.tmp</t>
  </si>
  <si>
    <t>0cdf4dcd-2330-462e-8207-f458a506a935.tmp</t>
  </si>
  <si>
    <t>\\acsfs\profiles$\antoniosva\Downloads\0cdf4dcd-2330-462e-8207-f458a506a935.tmp</t>
  </si>
  <si>
    <t>8043c647-9da0-4209-9e31-901df8b62afe.tmp</t>
  </si>
  <si>
    <t>\\acsfs\profiles$\antoniosva\Downloads\8043c647-9da0-4209-9e31-901df8b62afe.tmp</t>
  </si>
  <si>
    <t>2d566064-536a-49ea-9301-51c4a836a6f7.tmp</t>
  </si>
  <si>
    <t>\\acsfs\profiles$\rafaelahpn\Downloads\2d566064-536a-49ea-9301-51c4a836a6f7.tmp</t>
  </si>
  <si>
    <t>6a9b8968-af75-4525-aef3-0b062096f1fe.tmp</t>
  </si>
  <si>
    <t>\\acsfs\profiles$\rafaelahpn\Downloads\6a9b8968-af75-4525-aef3-0b062096f1fe.tmp</t>
  </si>
  <si>
    <t>d843f11b-1523-4876-8841-a99059fecb21.tmp</t>
  </si>
  <si>
    <t>\\acsfs\profiles$\rafaelahpn\Downloads\d843f11b-1523-4876-8841-a99059fecb21.tmp</t>
  </si>
  <si>
    <t>74cc2fdb-1871-4e86-8c88-af4e28102841.tmp</t>
  </si>
  <si>
    <t>\\acsfs\profiles$\rafaelahpn\Downloads\74cc2fdb-1871-4e86-8c88-af4e28102841.tmp</t>
  </si>
  <si>
    <t>1f8ad738-b261-4e2a-b2af-08aa0e45864e.tmp</t>
  </si>
  <si>
    <t>\\acsfs\profiles$\rafaelahpn\Downloads\1f8ad738-b261-4e2a-b2af-08aa0e45864e.tmp</t>
  </si>
  <si>
    <t>XLOG_leydianeamd_03012020_180103.log</t>
  </si>
  <si>
    <t>\\acsfs\profiles$\leydianeamd\My Documents\xworkcenter\logs\XLOG_leydianeamd_03012020_180103.log</t>
  </si>
  <si>
    <t>505cc0a1-bfde-4e2d-9ba1-ed93d743f8b2.tmp</t>
  </si>
  <si>
    <t>\\acsfs\profiles$\cintiadcf\Downloads\505cc0a1-bfde-4e2d-9ba1-ed93d743f8b2.tmp</t>
  </si>
  <si>
    <t>a100b16c-4f8a-49e8-9132-b8559fac119b.tmp</t>
  </si>
  <si>
    <t>\\acsfs\profiles$\THYAGOSP\Downloads\a100b16c-4f8a-49e8-9132-b8559fac119b.tmp</t>
  </si>
  <si>
    <t>69ec9011-e3ce-49d3-a4b2-4fcba3470cbb.tmp</t>
  </si>
  <si>
    <t>\\acsfs\profiles$\antoniosva\Downloads\69ec9011-e3ce-49d3-a4b2-4fcba3470cbb.tmp</t>
  </si>
  <si>
    <t>6655cca7-8cc2-4b3a-a0c3-e4cc96d61172.tmp</t>
  </si>
  <si>
    <t>\\acsfs\profiles$\antoniosva\Downloads\6655cca7-8cc2-4b3a-a0c3-e4cc96d61172.tmp</t>
  </si>
  <si>
    <t>1d06025a-0547-456a-86b7-8b33c138c5cb.tmp</t>
  </si>
  <si>
    <t>\\acsfs\profiles$\paulovadc\Downloads\1d06025a-0547-456a-86b7-8b33c138c5cb.tmp</t>
  </si>
  <si>
    <t>f79156c0-c767-4506-a130-5b7613b179ea.tmp</t>
  </si>
  <si>
    <t>\\acsfs\profiles$\paulovadc\Downloads\f79156c0-c767-4506-a130-5b7613b179ea.tmp</t>
  </si>
  <si>
    <t>55ff52a8-3e98-4dc9-a0fd-314cefd705f1.tmp</t>
  </si>
  <si>
    <t>\\acsfs\profiles$\inarajst\Downloads\55ff52a8-3e98-4dc9-a0fd-314cefd705f1.tmp</t>
  </si>
  <si>
    <t>lu261206l55rj.tmp</t>
  </si>
  <si>
    <t>\\acsfs\profiles$\CINTIADCF\lu261206l55rj.tmp</t>
  </si>
  <si>
    <t>\\acsfs\profiles$\CINTIADCF\lu261206l55rj.tmp\</t>
  </si>
  <si>
    <t>\\acsfs\profiles$\CINTIADCF\lu261206l55rj.tmp\META-INF\</t>
  </si>
  <si>
    <t>\\acsfs\profiles$\CINTIADCF\lu261206l55rj.tmp\Thumbnails\</t>
  </si>
  <si>
    <t>lu261206l55rm.tmp</t>
  </si>
  <si>
    <t>\\acsfs\profiles$\CINTIADCF\lu261206l55rm.tmp</t>
  </si>
  <si>
    <t>\\acsfs\profiles$\CINTIADCF\lu261206l55rm.tmp\</t>
  </si>
  <si>
    <t>\\acsfs\profiles$\CINTIADCF\lu261206l55rm.tmp\META-INF\</t>
  </si>
  <si>
    <t>\\acsfs\profiles$\CINTIADCF\lu261206l55rm.tmp\Thumbnails\</t>
  </si>
  <si>
    <t>3a9b4289-bf38-48fb-b5f4-ab145aad6393.tmp</t>
  </si>
  <si>
    <t>\\acsfs\profiles$\ANAPDSB\Downloads\3a9b4289-bf38-48fb-b5f4-ab145aad6393.tmp</t>
  </si>
  <si>
    <t>c1304cea-863e-44fc-a668-a4f5643f006b.tmp</t>
  </si>
  <si>
    <t>\\acsfs\profiles$\ANAPDSB\Downloads\c1304cea-863e-44fc-a668-a4f5643f006b.tmp</t>
  </si>
  <si>
    <t>d364e8fc-861a-45a8-a8f0-a4ff270434b8.tmp</t>
  </si>
  <si>
    <t>\\acsfs\profiles$\felipetds\Downloads\d364e8fc-861a-45a8-a8f0-a4ff270434b8.tmp</t>
  </si>
  <si>
    <t>8897b68a-37df-4a95-892c-f70918979cae.tmp</t>
  </si>
  <si>
    <t>\\acsfs\profiles$\felipetds\Downloads\8897b68a-37df-4a95-892c-f70918979cae.tmp</t>
  </si>
  <si>
    <t>b8f5f762-5e5c-4505-849b-d9503378d644.tmp</t>
  </si>
  <si>
    <t>\\acsfs\profiles$\THYAGOSP\Downloads\b8f5f762-5e5c-4505-849b-d9503378d644.tmp</t>
  </si>
  <si>
    <t>1d3d923a-4dfe-4dac-8cf1-8d0fc75301f6.tmp</t>
  </si>
  <si>
    <t>\\acsfs\profiles$\THYAGOSP\Downloads\1d3d923a-4dfe-4dac-8cf1-8d0fc75301f6.tmp</t>
  </si>
  <si>
    <t>camillaleb</t>
  </si>
  <si>
    <t>\\acsfs\profiles$\camillaleb\Contacts\</t>
  </si>
  <si>
    <t>Camila Lemos Borges (1).contact</t>
  </si>
  <si>
    <t>\\acsfs\profiles$\camillaleb\Contacts\Camila Lemos Borges (1).contact</t>
  </si>
  <si>
    <t>\\acsfs\profiles$\camillaleb\My Documents\My Videos\</t>
  </si>
  <si>
    <t>\\acsfs\profiles$\camillaleb\My Documents\My Videos\desktop.ini</t>
  </si>
  <si>
    <t>\\acsfs\profiles$\camillaleb\My Documents\My Pictures\</t>
  </si>
  <si>
    <t>\\acsfs\profiles$\camillaleb\My Documents\My Pictures\desktop.ini</t>
  </si>
  <si>
    <t>\\acsfs\profiles$\camillaleb\Contacts\desktop.ini</t>
  </si>
  <si>
    <t>\\acsfs\profiles$\camillaleb\Favorites\</t>
  </si>
  <si>
    <t>\\acsfs\profiles$\camillaleb\Favorites\desktop.ini</t>
  </si>
  <si>
    <t>\\acsfs\profiles$\camillaleb\My Documents\My Music\</t>
  </si>
  <si>
    <t>\\acsfs\profiles$\camillaleb\My Documents\My Music\desktop.ini</t>
  </si>
  <si>
    <t>\\acsfs\profiles$\camillaleb\Searches\</t>
  </si>
  <si>
    <t>\\acsfs\profiles$\camillaleb\Searches\desktop.ini</t>
  </si>
  <si>
    <t>\\acsfs\profiles$\camillaleb\Downloads\</t>
  </si>
  <si>
    <t>\\acsfs\profiles$\camillaleb\Downloads\desktop.ini</t>
  </si>
  <si>
    <t>\\acsfs\profiles$\camillaleb\My Documents\</t>
  </si>
  <si>
    <t>\\acsfs\profiles$\camillaleb\My Documents\desktop.ini</t>
  </si>
  <si>
    <t>\\acsfs\profiles$\camillaleb\Saved Games\</t>
  </si>
  <si>
    <t>\\acsfs\profiles$\camillaleb\Saved Games\desktop.ini</t>
  </si>
  <si>
    <t>\\acsfs\profiles$\camillaleb\Favorites\Links for Brasil\</t>
  </si>
  <si>
    <t>\\acsfs\profiles$\camillaleb\Favorites\Links for Brasil\desktop.ini</t>
  </si>
  <si>
    <t>\\acsfs\profiles$\camillaleb\Favorites\Links for Brasil\Microsoft Brasil.url</t>
  </si>
  <si>
    <t>\\acsfs\profiles$\camillaleb\Favorites\Links for Brasil\Windows Brasil.url</t>
  </si>
  <si>
    <t>\\acsfs\profiles$\camillaleb\Favorites\Links for Brasil\MSN Brasil.url</t>
  </si>
  <si>
    <t>gabrielaff</t>
  </si>
  <si>
    <t>\\acsfs\profiles$\gabrielaff\Downloads\</t>
  </si>
  <si>
    <t>f5303574-1f5e-4f04-8cab-1551b0996f6a.tmp</t>
  </si>
  <si>
    <t>\\acsfs\profiles$\gabrielaff\Downloads\f5303574-1f5e-4f04-8cab-1551b0996f6a.tmp</t>
  </si>
  <si>
    <t>6bd2c52d-54ee-440b-bd6f-e0c5dc085887.tmp</t>
  </si>
  <si>
    <t>\\acsfs\profiles$\ERICALSR\Downloads\6bd2c52d-54ee-440b-bd6f-e0c5dc085887.tmp</t>
  </si>
  <si>
    <t>b2738696-8b6b-4ef3-915e-323019dbdfa9.tmp</t>
  </si>
  <si>
    <t>\\acsfs\profiles$\ERICALSR\Downloads\b2738696-8b6b-4ef3-915e-323019dbdfa9.tmp</t>
  </si>
  <si>
    <t>19e8e3fb-a69b-4541-8915-12e003f52dc5.tmp</t>
  </si>
  <si>
    <t>\\acsfs\profiles$\quindaizaagds\Downloads\19e8e3fb-a69b-4541-8915-12e003f52dc5.tmp</t>
  </si>
  <si>
    <t>20cdea26-3062-4079-bdda-ddcd7e8eac62.tmp</t>
  </si>
  <si>
    <t>\\acsfs\profiles$\quindaizaagds\Downloads\20cdea26-3062-4079-bdda-ddcd7e8eac62.tmp</t>
  </si>
  <si>
    <t>f63a0cab-6fcb-4306-93ab-b25afb8b6e23.tmp</t>
  </si>
  <si>
    <t>\\acsfs\profiles$\websondsa\Downloads\f63a0cab-6fcb-4306-93ab-b25afb8b6e23.tmp</t>
  </si>
  <si>
    <t>e01b0c26-3527-4ec1-bf51-b9f18e4db37b.tmp</t>
  </si>
  <si>
    <t>\\acsfs\profiles$\laianear\Downloads\e01b0c26-3527-4ec1-bf51-b9f18e4db37b.tmp</t>
  </si>
  <si>
    <t>de69342d-4d6c-4e94-b871-67a10de5a8e2.tmp</t>
  </si>
  <si>
    <t>\\acsfs\profiles$\laianear\Downloads\de69342d-4d6c-4e94-b871-67a10de5a8e2.tmp</t>
  </si>
  <si>
    <t>88403afb-6339-49ca-a982-ac3e7b31e2ea.tmp</t>
  </si>
  <si>
    <t>\\acsfs\profiles$\laianear\Downloads\88403afb-6339-49ca-a982-ac3e7b31e2ea.tmp</t>
  </si>
  <si>
    <t>lu201881fq93s.tmp</t>
  </si>
  <si>
    <t>\\acsfs\profiles$\VIVIANALDS\My Documents\lu201881fq93s.tmp</t>
  </si>
  <si>
    <t>\\acsfs\profiles$\VIVIANALDS\My Documents\lu201881fq93s.tmp\</t>
  </si>
  <si>
    <t>\\acsfs\profiles$\VIVIANALDS\My Documents\lu201881fq93s.tmp\META-INF\</t>
  </si>
  <si>
    <t>\\acsfs\profiles$\VIVIANALDS\My Documents\lu201881fq93s.tmp\Thumbnails\</t>
  </si>
  <si>
    <t>lu201881fq93w.tmp</t>
  </si>
  <si>
    <t>\\acsfs\profiles$\VIVIANALDS\My Documents\lu201881fq93w.tmp</t>
  </si>
  <si>
    <t>\\acsfs\profiles$\VIVIANALDS\My Documents\lu201881fq93w.tmp\</t>
  </si>
  <si>
    <t>\\acsfs\profiles$\VIVIANALDS\My Documents\lu201881fq93w.tmp\META-INF\</t>
  </si>
  <si>
    <t>\\acsfs\profiles$\VIVIANALDS\My Documents\lu201881fq93w.tmp\Thumbnails\</t>
  </si>
  <si>
    <t>lu19764596hgm.tmp</t>
  </si>
  <si>
    <t>\\acsfs\profiles$\dhiulliananads\My Documents\lu19764596hgm.tmp</t>
  </si>
  <si>
    <t>\\acsfs\profiles$\dhiulliananads\My Documents\lu19764596hgm.tmp\</t>
  </si>
  <si>
    <t>\\acsfs\profiles$\dhiulliananads\My Documents\lu19764596hgm.tmp\META-INF\</t>
  </si>
  <si>
    <t>\\acsfs\profiles$\dhiulliananads\My Documents\lu19764596hgm.tmp\Thumbnails\</t>
  </si>
  <si>
    <t>10.200.66.11</t>
  </si>
  <si>
    <t>74-86-7A-FC-2A-B1</t>
  </si>
  <si>
    <t>VOTORANT-ACB005</t>
  </si>
  <si>
    <t>dennerldr</t>
  </si>
  <si>
    <t>https://parceiro.metlife.com.br/cotadorml/cotacoes/cadcotacao.aspx?novo=1</t>
  </si>
  <si>
    <t>__/__/____;</t>
  </si>
  <si>
    <t>https://__/__/____</t>
  </si>
  <si>
    <t>rafaeldsn</t>
  </si>
  <si>
    <t>31cfc9ba-3916-4c71-8555-702d77f2ac1d.tmp</t>
  </si>
  <si>
    <t>\\acsfs\profiles$\laianear\Downloads\31cfc9ba-3916-4c71-8555-702d77f2ac1d.tmp</t>
  </si>
  <si>
    <t>RFI_Callcenter 2019 - Natura - Algar Tech.xlsx</t>
  </si>
  <si>
    <t>a7abce7d-8908-4d91-bf5a-a577ab6c8893.tmp</t>
  </si>
  <si>
    <t>\\acsfs\profiles$\vivianealda\Downloads\a7abce7d-8908-4d91-bf5a-a577ab6c8893.tmp</t>
  </si>
  <si>
    <t>381610b4-b6db-4040-866b-eb989af2ed26.tmp</t>
  </si>
  <si>
    <t>\\acsfs\profiles$\sarahbal\Downloads\381610b4-b6db-4040-866b-eb989af2ed26.tmp</t>
  </si>
  <si>
    <t>cb53a74f-7546-4858-867b-0b14616c83e6.tmp</t>
  </si>
  <si>
    <t>\\acsfs\profiles$\gabrielaff\Downloads\cb53a74f-7546-4858-867b-0b14616c83e6.tmp</t>
  </si>
  <si>
    <t>8c3f1a56-6f97-470b-add0-ed8f22dd41ed.tmp</t>
  </si>
  <si>
    <t>\\acsfs\profiles$\gabrielarb\Downloads\8c3f1a56-6f97-470b-add0-ed8f22dd41ed.tmp</t>
  </si>
  <si>
    <t>c4c779fa-32ef-4f34-9e3f-4a0bae5e2418.tmp</t>
  </si>
  <si>
    <t>\\acsfs\profiles$\gabrielarb\Downloads\c4c779fa-32ef-4f34-9e3f-4a0bae5e2418.tmp</t>
  </si>
  <si>
    <t>20dd69d8-bae5-4467-9699-37b78ea7f5a4.tmp</t>
  </si>
  <si>
    <t>\\acsfs\profiles$\gabrielarb\Downloads\20dd69d8-bae5-4467-9699-37b78ea7f5a4.tmp</t>
  </si>
  <si>
    <t>aa351b15-6b62-4181-9a54-b7e83b307858.tmp</t>
  </si>
  <si>
    <t>\\acsfs\profiles$\gabrielarb\Downloads\aa351b15-6b62-4181-9a54-b7e83b307858.tmp</t>
  </si>
  <si>
    <t>5fc2d2d6-af10-41ea-8fc5-bff3c1c24015.tmp</t>
  </si>
  <si>
    <t>\\acsfs\profiles$\gabrielarb\Downloads\5fc2d2d6-af10-41ea-8fc5-bff3c1c24015.tmp</t>
  </si>
  <si>
    <t>007f1d9d-d593-45cf-8549-a888b2695040.tmp</t>
  </si>
  <si>
    <t>\\acsfs\profiles$\gabrielarb\Downloads\007f1d9d-d593-45cf-8549-a888b2695040.tmp</t>
  </si>
  <si>
    <t>ce496331-08e5-4705-a402-bf0d48ac4f07.tmp</t>
  </si>
  <si>
    <t>\\acsfs\profiles$\marcellewdl\Downloads\ce496331-08e5-4705-a402-bf0d48ac4f07.tmp</t>
  </si>
  <si>
    <t>https://udpmailboxap01.acs.com.br:8443/h/search;jsessionid=yyf4cla4ws01jimqkte4v3id?si=0&amp;so=0&amp;sc=62410&amp;st=conversation&amp;action=compose</t>
  </si>
  <si>
    <t>e6ee4d50-2812-4d15-b49b-b09991ae02a4.tmp</t>
  </si>
  <si>
    <t>\\acsfs\profiles$\sarahbal\Downloads\e6ee4d50-2812-4d15-b49b-b09991ae02a4.tmp</t>
  </si>
  <si>
    <t>lu112632ts2a7t.tmp</t>
  </si>
  <si>
    <t>\\acsfs\DEPTOS\Operacao\Banco_Votorantim\Supervisao\SUPERS BV CARTÕES\ANA VITORIA\APOIO\lu112632ts2a7t.tmp</t>
  </si>
  <si>
    <t>\\acsfs\DEPTOS\Operacao\Banco_Votorantim\Supervisao\SUPERS BV CARTÕES\ANA VITORIA\APOIO\lu112632ts2a7t.tmp\</t>
  </si>
  <si>
    <t>\\acsfs\DEPTOS\Operacao\Banco_Votorantim\Supervisao\SUPERS BV CARTÕES\ANA VITORIA\APOIO\lu112632ts2a7t.tmp\META-INF\</t>
  </si>
  <si>
    <t>\\acsfs\DEPTOS\Operacao\Banco_Votorantim\Supervisao\SUPERS BV CARTÕES\ANA VITORIA\APOIO\lu112632ts2a7t.tmp\Thumbnails\</t>
  </si>
  <si>
    <t>1dbc2e81-7ec4-4494-948f-429741c1363c.tmp</t>
  </si>
  <si>
    <t>\\acsfs\profiles$\cintiadcf\Downloads\1dbc2e81-7ec4-4494-948f-429741c1363c.tmp</t>
  </si>
  <si>
    <t>a2a9e1c1-a13c-4efa-a5b8-f463cc0cc65c.tmp</t>
  </si>
  <si>
    <t>\\acsfs\profiles$\LUCASNS\Downloads\a2a9e1c1-a13c-4efa-a5b8-f463cc0cc65c.tmp</t>
  </si>
  <si>
    <t>2fc06668-448d-4a60-900d-dcf30a8ba26b.tmp</t>
  </si>
  <si>
    <t>\\acsfs\profiles$\LUCASNS\Downloads\2fc06668-448d-4a60-900d-dcf30a8ba26b.tmp</t>
  </si>
  <si>
    <t>c72fa3e7-8087-4346-82f4-afe30340e6a2.tmp</t>
  </si>
  <si>
    <t>\\acsfs\profiles$\LUCASNS\Downloads\c72fa3e7-8087-4346-82f4-afe30340e6a2.tmp</t>
  </si>
  <si>
    <t>67bb9f77-5efe-49d1-bafe-83c9845f4a59.tmp</t>
  </si>
  <si>
    <t>\\acsfs\profiles$\ALYNYA\Downloads\67bb9f77-5efe-49d1-bafe-83c9845f4a59.tmp</t>
  </si>
  <si>
    <t>b138ee5d-cfce-4126-a859-c0f1b347eb70.tmp</t>
  </si>
  <si>
    <t>\\acsfs\profiles$\larissaad\Downloads\b138ee5d-cfce-4126-a859-c0f1b347eb70.tmp</t>
  </si>
  <si>
    <t>37d5095e-3f20-426f-bf86-19c3a0f38b5a.tmp</t>
  </si>
  <si>
    <t>\\acsfs\profiles$\larissaad\Downloads\37d5095e-3f20-426f-bf86-19c3a0f38b5a.tmp</t>
  </si>
  <si>
    <t>lu307362wqyk4.tmp</t>
  </si>
  <si>
    <t>\\acsfs\profiles$\VIVIANALDS\My Documents\lu307362wqyk4.tmp</t>
  </si>
  <si>
    <t>\\acsfs\profiles$\VIVIANALDS\My Documents\lu307362wqyk4.tmp\</t>
  </si>
  <si>
    <t>f922bfc8-e855-4b57-a9d1-96903053eb65.tmp</t>
  </si>
  <si>
    <t>\\acsfs\profiles$\geovannasm\Downloads\f922bfc8-e855-4b57-a9d1-96903053eb65.tmp</t>
  </si>
  <si>
    <t>133018f8-adb9-48af-acba-741c089d9617.tmp</t>
  </si>
  <si>
    <t>\\acsfs\profiles$\geovannasm\Downloads\133018f8-adb9-48af-acba-741c089d9617.tmp</t>
  </si>
  <si>
    <t>52a111e4-37ac-404d-880c-6188beb73b78.tmp</t>
  </si>
  <si>
    <t>\\acsfs\profiles$\gabrielarb\Downloads\52a111e4-37ac-404d-880c-6188beb73b78.tmp</t>
  </si>
  <si>
    <t>6856f793-91e8-491d-8ee6-943343e1a64e.tmp</t>
  </si>
  <si>
    <t>\\acsfs\profiles$\larissaad\Downloads\6856f793-91e8-491d-8ee6-943343e1a64e.tmp</t>
  </si>
  <si>
    <t>\\acsfs\Deptos\Operacao\Banco_Votorantim\Qualidade\Print's contestações TSA\</t>
  </si>
  <si>
    <t>\\acsfs\Deptos\Operacao\Banco_Votorantim\Qualidade\Print's contestações TSA\Thumbs.db</t>
  </si>
  <si>
    <t>0155efc5-174f-4159-8abd-92130983c5fd.tmp</t>
  </si>
  <si>
    <t>\\acsfs\profiles$\milenaas\Downloads\0155efc5-174f-4159-8abd-92130983c5fd.tmp</t>
  </si>
  <si>
    <t>a0042a40-b9a7-412b-b3b9-211a564a7aab.tmp</t>
  </si>
  <si>
    <t>\\acsfs\profiles$\milenaas\Downloads\a0042a40-b9a7-412b-b3b9-211a564a7aab.tmp</t>
  </si>
  <si>
    <t>30e0aa0b-e576-46f1-8c89-0c40fddc0e26.tmp</t>
  </si>
  <si>
    <t>\\acsfs\profiles$\lorrainerdl\Downloads\30e0aa0b-e576-46f1-8c89-0c40fddc0e26.tmp</t>
  </si>
  <si>
    <t>cb896038-386c-4aaf-ad02-f37158c58ac4.tmp</t>
  </si>
  <si>
    <t>\\acsfs\profiles$\lorrainerdl\Downloads\cb896038-386c-4aaf-ad02-f37158c58ac4.tmp</t>
  </si>
  <si>
    <t>df9a5031-e625-4b74-b205-e7fc5bad42c9.tmp</t>
  </si>
  <si>
    <t>\\acsfs\profiles$\lorrainerdl\Downloads\df9a5031-e625-4b74-b205-e7fc5bad42c9.tmp</t>
  </si>
  <si>
    <t>\\acsfs\profiles$\nathaliarmr\Contacts\</t>
  </si>
  <si>
    <t>NATHALIA RIOS MODESTO RODRIGUES (12).contact</t>
  </si>
  <si>
    <t>\\acsfs\profiles$\nathaliarmr\Contacts\NATHALIA RIOS MODESTO RODRIGUES (12).contact</t>
  </si>
  <si>
    <t>\\acsfs\profiles$\nathaliarmr\My Documents\My Videos\</t>
  </si>
  <si>
    <t>\\acsfs\profiles$\nathaliarmr\My Documents\My Videos\desktop.ini</t>
  </si>
  <si>
    <t>\\acsfs\profiles$\nathaliarmr\My Documents\My Pictures\</t>
  </si>
  <si>
    <t>\\acsfs\profiles$\nathaliarmr\My Documents\My Pictures\desktop.ini</t>
  </si>
  <si>
    <t>\\acsfs\profiles$\nathaliarmr\Contacts\desktop.ini</t>
  </si>
  <si>
    <t>\\acsfs\profiles$\nathaliarmr\Favorites\</t>
  </si>
  <si>
    <t>\\acsfs\profiles$\nathaliarmr\Favorites\desktop.ini</t>
  </si>
  <si>
    <t>\\acsfs\profiles$\nathaliarmr\My Documents\My Music\</t>
  </si>
  <si>
    <t>\\acsfs\profiles$\nathaliarmr\My Documents\My Music\desktop.ini</t>
  </si>
  <si>
    <t>\\acsfs\profiles$\nathaliarmr\Searches\</t>
  </si>
  <si>
    <t>\\acsfs\profiles$\nathaliarmr\Searches\desktop.ini</t>
  </si>
  <si>
    <t>\\acsfs\profiles$\nathaliarmr\Downloads\desktop.ini</t>
  </si>
  <si>
    <t>\\acsfs\profiles$\nathaliarmr\My Documents\</t>
  </si>
  <si>
    <t>\\acsfs\profiles$\nathaliarmr\My Documents\desktop.ini</t>
  </si>
  <si>
    <t>\\acsfs\profiles$\nathaliarmr\Saved Games\</t>
  </si>
  <si>
    <t>\\acsfs\profiles$\nathaliarmr\Saved Games\desktop.ini</t>
  </si>
  <si>
    <t>\\acsfs\profiles$\nathaliarmr\Favorites\Links for Brasil\</t>
  </si>
  <si>
    <t>\\acsfs\profiles$\nathaliarmr\Favorites\Links for Brasil\desktop.ini</t>
  </si>
  <si>
    <t>\\acsfs\profiles$\nathaliarmr\Favorites\Links for Brasil\Microsoft Brasil.url</t>
  </si>
  <si>
    <t>\\acsfs\profiles$\nathaliarmr\Favorites\Links for Brasil\Windows Brasil.url</t>
  </si>
  <si>
    <t>\\acsfs\profiles$\nathaliarmr\Favorites\Links for Brasil\MSN Brasil.url</t>
  </si>
  <si>
    <t>43e986ca-08b2-4ad7-ba20-59822d5f386a.tmp</t>
  </si>
  <si>
    <t>\\acsfs\profiles$\nathaliarmr\Downloads\43e986ca-08b2-4ad7-ba20-59822d5f386a.tmp</t>
  </si>
  <si>
    <t>\\acsfs\profiles$\nathaliarmr\Downloads\Q29udHJvbGxlci5QYXl3YXJl (23).ica</t>
  </si>
  <si>
    <t>fb456cfe-f824-4c6b-bf66-b23cba888a21.tmp</t>
  </si>
  <si>
    <t>\\acsfs\profiles$\laianear\Downloads\fb456cfe-f824-4c6b-bf66-b23cba888a21.tmp</t>
  </si>
  <si>
    <t>06c42ab6-0adc-4402-a938-782247de5d07.tmp</t>
  </si>
  <si>
    <t>\\acsfs\profiles$\vivianalds\Downloads\06c42ab6-0adc-4402-a938-782247de5d07.tmp</t>
  </si>
  <si>
    <t>4733bbf2-a2a9-4e44-8049-ba02e7088b34.tmp</t>
  </si>
  <si>
    <t>\\acsfs\profiles$\vivianalds\Downloads\4733bbf2-a2a9-4e44-8049-ba02e7088b34.tmp</t>
  </si>
  <si>
    <t>\\acsfs\profiles$\VIVIANALDS\My Documents\lu307362wqyk4.tmp\META-INF\</t>
  </si>
  <si>
    <t>\\acsfs\profiles$\VIVIANALDS\My Documents\lu307362wqyk4.tmp\Thumbnails\</t>
  </si>
  <si>
    <t>lu307362wqyk8.tmp</t>
  </si>
  <si>
    <t>\\acsfs\profiles$\VIVIANALDS\My Documents\lu307362wqyk8.tmp</t>
  </si>
  <si>
    <t>\\acsfs\profiles$\VIVIANALDS\My Documents\lu307362wqyk8.tmp\</t>
  </si>
  <si>
    <t>\\acsfs\profiles$\VIVIANALDS\My Documents\lu307362wqyk8.tmp\META-INF\</t>
  </si>
  <si>
    <t>\\acsfs\profiles$\VIVIANALDS\My Documents\lu307362wqyk8.tmp\Thumbnails\</t>
  </si>
  <si>
    <t>45799cc8-67f7-40e5-acab-0f0a38fe28b2.tmp</t>
  </si>
  <si>
    <t>\\acsfs\profiles$\KARENDSR\Downloads\45799cc8-67f7-40e5-acab-0f0a38fe28b2.tmp</t>
  </si>
  <si>
    <t>37d029bd-4432-4670-8150-dec47a4e9d81.tmp</t>
  </si>
  <si>
    <t>\\acsfs\profiles$\KARENDSR\Downloads\37d029bd-4432-4670-8150-dec47a4e9d81.tmp</t>
  </si>
  <si>
    <t>a4a4bbdf-266f-4067-b940-642825570ea5.tmp</t>
  </si>
  <si>
    <t>\\acsfs\profiles$\KARENDSR\Downloads\a4a4bbdf-266f-4067-b940-642825570ea5.tmp</t>
  </si>
  <si>
    <t>c0d75121-bda4-4349-96cf-df15854ed612.tmp</t>
  </si>
  <si>
    <t>\\acsfs\profiles$\paulovadc\Downloads\c0d75121-bda4-4349-96cf-df15854ed612.tmp</t>
  </si>
  <si>
    <t>78122967-1e73-413c-a838-51b35ebd0089.tmp</t>
  </si>
  <si>
    <t>\\acsfs\profiles$\lucasgpe\Downloads\78122967-1e73-413c-a838-51b35ebd0089.tmp</t>
  </si>
  <si>
    <t>lu19764596hgr.tmp</t>
  </si>
  <si>
    <t>\\acsfs\profiles$\dhiulliananads\My Documents\lu19764596hgr.tmp</t>
  </si>
  <si>
    <t>\\acsfs\profiles$\dhiulliananads\My Documents\lu19764596hgr.tmp\</t>
  </si>
  <si>
    <t>\\acsfs\profiles$\dhiulliananads\My Documents\lu19764596hgr.tmp\META-INF\</t>
  </si>
  <si>
    <t>\\acsfs\profiles$\dhiulliananads\My Documents\lu19764596hgr.tmp\Thumbnails\</t>
  </si>
  <si>
    <t>8224f8d1-b135-45ba-8613-fb9910faeed4.tmp</t>
  </si>
  <si>
    <t>\\acsfs\profiles$\milenaas\Downloads\8224f8d1-b135-45ba-8613-fb9910faeed4.tmp</t>
  </si>
  <si>
    <t>a059864f-23c6-44e7-9f2d-7434cb5bf6d9.tmp</t>
  </si>
  <si>
    <t>\\acsfs\profiles$\milenaas\Downloads\a059864f-23c6-44e7-9f2d-7434cb5bf6d9.tmp</t>
  </si>
  <si>
    <t>4efc7183-e82b-4e8c-a96d-6146caedd0cd.tmp</t>
  </si>
  <si>
    <t>\\acsfs\profiles$\lorrainerdl\Downloads\4efc7183-e82b-4e8c-a96d-6146caedd0cd.tmp</t>
  </si>
  <si>
    <t>7a2ca877-209f-49f2-895c-57acc43b256b.tmp</t>
  </si>
  <si>
    <t>\\acsfs\profiles$\nathaliarmr\Downloads\7a2ca877-209f-49f2-895c-57acc43b256b.tmp</t>
  </si>
  <si>
    <t>Q29udHJvbGxlci5DYWxjdWxhZG9yYURlVmVuY2lt (15).ica</t>
  </si>
  <si>
    <t>\\acsfs\profiles$\nathaliarmr\Downloads\Q29udHJvbGxlci5DYWxjdWxhZG9yYURlVmVuY2lt (15).ica</t>
  </si>
  <si>
    <t>8e70e5f7-6334-4666-bd09-fb6766d148d0.tmp</t>
  </si>
  <si>
    <t>\\acsfs\profiles$\nathaliarmr\Downloads\8e70e5f7-6334-4666-bd09-fb6766d148d0.tmp</t>
  </si>
  <si>
    <t>\\acsfs\profiles$\nathaliarmr\</t>
  </si>
  <si>
    <t>\\acsfs\profiles$\nathaliarmr\Thumbs.db</t>
  </si>
  <si>
    <t>30579bc1-5ec7-42c9-808c-3afb21a7afa1.tmp</t>
  </si>
  <si>
    <t>\\acsfs\profiles$\vivianalds\Downloads\30579bc1-5ec7-42c9-808c-3afb21a7afa1.tmp</t>
  </si>
  <si>
    <t>8a1e50d4-4269-446a-87d3-28fb428c7173.tmp</t>
  </si>
  <si>
    <t>\\acsfs\profiles$\vivianalds\Downloads\8a1e50d4-4269-446a-87d3-28fb428c7173.tmp</t>
  </si>
  <si>
    <t>77985192-49bb-494e-8962-0f67555e6532.tmp</t>
  </si>
  <si>
    <t>\\acsfs\profiles$\vivianalds\Downloads\77985192-49bb-494e-8962-0f67555e6532.tmp</t>
  </si>
  <si>
    <t>8f2618fb-5ed9-44c5-8921-dc2102babf1a.tmp</t>
  </si>
  <si>
    <t>\\acsfs\profiles$\rafaelamsv\Downloads\8f2618fb-5ed9-44c5-8921-dc2102babf1a.tmp</t>
  </si>
  <si>
    <t>Objetivos 1º semestre 2020_V01.xlsx</t>
  </si>
  <si>
    <t>f87f13f5-9f08-4f89-892c-66cada86de74.tmp</t>
  </si>
  <si>
    <t>\\acsfs\profiles$\ERICALSR\Downloads\f87f13f5-9f08-4f89-892c-66cada86de74.tmp</t>
  </si>
  <si>
    <t>C:\Users\mariannacsm\Downloads\TEMPLATE.pptx\</t>
  </si>
  <si>
    <t>d11b6773-2846-4645-a4da-9f9da492b8df.tmp</t>
  </si>
  <si>
    <t>\\acsfs\profiles$\LUCASBS\Downloads\d11b6773-2846-4645-a4da-9f9da492b8df.tmp</t>
  </si>
  <si>
    <t>f81df371-d36f-4c6d-8738-333f0a7e95ed.tmp</t>
  </si>
  <si>
    <t>\\acsfs\profiles$\LUCASBS\Downloads\f81df371-d36f-4c6d-8738-333f0a7e95ed.tmp</t>
  </si>
  <si>
    <t>164314e1-5959-41b9-9699-5d35a3e34575.tmp</t>
  </si>
  <si>
    <t>\\acsfs\profiles$\nataliacsl\Downloads\164314e1-5959-41b9-9699-5d35a3e34575.tmp</t>
  </si>
  <si>
    <t>96ec4be6-685d-4ef7-bad7-fb7975917a72.tmp</t>
  </si>
  <si>
    <t>\\acsfs\profiles$\nataliacsl\Downloads\96ec4be6-685d-4ef7-bad7-fb7975917a72.tmp</t>
  </si>
  <si>
    <t>8447dc42-8601-4c18-9ae7-8bfa004d3892.tmp</t>
  </si>
  <si>
    <t>\\acsfs\profiles$\gabrielarb\Downloads\8447dc42-8601-4c18-9ae7-8bfa004d3892.tmp</t>
  </si>
  <si>
    <t>e562f12d-952b-45ce-a0e8-6ef8d0b8b0f8.tmp</t>
  </si>
  <si>
    <t>\\acsfs\profiles$\larissaad\Downloads\e562f12d-952b-45ce-a0e8-6ef8d0b8b0f8.tmp</t>
  </si>
  <si>
    <t>0dc0b21a-42b4-48e9-89ef-c5226232ea6a.tmp</t>
  </si>
  <si>
    <t>\\acsfs\profiles$\lorraynevam\Downloads\0dc0b21a-42b4-48e9-89ef-c5226232ea6a.tmp</t>
  </si>
  <si>
    <t>ec85c38c-f08c-4bd7-9f73-b9ec375bfcc2.tmp</t>
  </si>
  <si>
    <t>\\acsfs\profiles$\lorraynevam\Downloads\ec85c38c-f08c-4bd7-9f73-b9ec375bfcc2.tmp</t>
  </si>
  <si>
    <t>485e5d53-8971-4731-a1e9-d118394922d5.tmp</t>
  </si>
  <si>
    <t>\\acsfs\profiles$\lorraynevam\Downloads\485e5d53-8971-4731-a1e9-d118394922d5.tmp</t>
  </si>
  <si>
    <t>68280882-9ad4-4d47-b062-f0bc54262029.tmp</t>
  </si>
  <si>
    <t>\\acsfs\profiles$\luanaagl\Downloads\68280882-9ad4-4d47-b062-f0bc54262029.tmp</t>
  </si>
  <si>
    <t>18588c71-2399-4a9e-add1-6f41565f9133.tmp</t>
  </si>
  <si>
    <t>\\acsfs\profiles$\luanaagl\Downloads\18588c71-2399-4a9e-add1-6f41565f9133.tmp</t>
  </si>
  <si>
    <t>7b285994-2e22-40b1-b6af-1c72f45a4a0b.tmp</t>
  </si>
  <si>
    <t>\\acsfs\profiles$\luanaagl\Downloads\7b285994-2e22-40b1-b6af-1c72f45a4a0b.tmp</t>
  </si>
  <si>
    <t>c:\users\gustavodsil\appdata\local\google\chrome\user data\default\databases\https_mail.google.com_0\</t>
  </si>
  <si>
    <t>553bd284-4042-444a-a019-fdee251793c2.tmp</t>
  </si>
  <si>
    <t>\\acsfs\profiles$\antoniosva\Downloads\553bd284-4042-444a-a019-fdee251793c2.tmp</t>
  </si>
  <si>
    <t>fd528dde-e736-409f-b9f6-ac2b522b5ea9.tmp</t>
  </si>
  <si>
    <t>\\acsfs\profiles$\victoriaksr\Downloads\fd528dde-e736-409f-b9f6-ac2b522b5ea9.tmp</t>
  </si>
  <si>
    <t>cc8656f6-5a18-44e8-9f82-f0f2ab01734f.tmp</t>
  </si>
  <si>
    <t>\\acsfs\profiles$\victoriaksr\Downloads\cc8656f6-5a18-44e8-9f82-f0f2ab01734f.tmp</t>
  </si>
  <si>
    <t>ancestorhasaugmentedp,containsunsubscribedchildren,displayname,domain,emailaddre,emailaddress,filesize,id),lastmodifyinguser(kind,lastviewedbymedate,modifiedbymedate,ontainsunsubscribedchildren,owners(kind,permissionid,picture,qu1fzanikwkufootzh8ehx4vb15eujw1vdnvk4k0_sr-y-fixxfphf20bvzruhgl-mggzy2raytgh-njbukyurj9nvfrm0_dui1-vwcf5ub_ryyklelp7gsg__taqh3lzrqjnx2olmxyzaqfh62mt_zpateyfzxohs2htt__qbcpii9zdramzlhl3roqkcn-ikqc4qyjwr2infezo7-j79vd75oqt6lgy9438ki2f6yytdj-aohqcds,rpermissions</t>
  </si>
  <si>
    <t>ancestorhasaugmentedp,containsunsubscribedchildren,displayname,domain,emailaddre,emailaddress,filesize,id),lastmodifyinguser(kind,lastviewedbymedate,modifiedbymedate,ontainsunsubscribedchildren,owners(kind,permissionid,picture,rpermissions</t>
  </si>
  <si>
    <t>cb00ba12-b03e-470c-8784-dd72e7096cc3.tmp</t>
  </si>
  <si>
    <t>\\acsfs\profiles$\geovannasm\Downloads\cb00ba12-b03e-470c-8784-dd72e7096cc3.tmp</t>
  </si>
  <si>
    <t>a8ef4881-0f3e-4b15-b2f9-0a6d96a2a663.tmp</t>
  </si>
  <si>
    <t>\\acsfs\profiles$\geovannasm\Downloads\a8ef4881-0f3e-4b15-b2f9-0a6d96a2a663.tmp</t>
  </si>
  <si>
    <t>mail.google.com/_/upload?authuser=0&amp;dcp=asu-n&amp;upload_id=AEnB2UrCKZ0b-tqzAw43ugsAeHMrDen6Dv_4lU24OSafaz9aLAmzbiRA87Hh9wRVaMwJlwLHehtlD0wMmwsB6xmH4bW3R4F4u0YFisocjPC8UF9gjjKX3rc&amp;upload_protocol=resumable</t>
  </si>
  <si>
    <t>4e37fbaf-b026-4c75-9acc-9d7ad3ad48a6.tmp</t>
  </si>
  <si>
    <t>\\acsfs\profiles$\nataliacsl\Downloads\4e37fbaf-b026-4c75-9acc-9d7ad3ad48a6.tmp</t>
  </si>
  <si>
    <t>3e159012-5003-41b7-8c4f-4758537c1aae.tmp</t>
  </si>
  <si>
    <t>\\acsfs\profiles$\wedersonbadr\My Documents\My Music\3e159012-5003-41b7-8c4f-4758537c1aae.tmp</t>
  </si>
  <si>
    <t>63ba2ca7-ac83-4c60-ae73-c95370af3888.tmp</t>
  </si>
  <si>
    <t>\\acsfs\profiles$\wedersonbadr\My Documents\My Music\63ba2ca7-ac83-4c60-ae73-c95370af3888.tmp</t>
  </si>
  <si>
    <t>17e8e2fd-70ab-4f82-9dce-c5e7d233c739.tmp</t>
  </si>
  <si>
    <t>\\acsfs\profiles$\paulovadc\Downloads\17e8e2fd-70ab-4f82-9dce-c5e7d233c739.tmp</t>
  </si>
  <si>
    <t>.~lock.Novo(a) Planilha do Microsoft Excel.xlsx#</t>
  </si>
  <si>
    <t>\\acsfs\profiles$\LUCASBS\Planilhas\.~lock.Novo(a) Planilha do Microsoft Excel.xlsx#</t>
  </si>
  <si>
    <t>\\acsfs\DEPTOS\Operacao\PCP\5 - Comum\ACOMPANHAMENTO TOYOTA\01 - INTRADIÁRIO\2020\01 - JANEIRO\CRC\</t>
  </si>
  <si>
    <t>TOYOTA FRONT - INTRADIARIO - JANEIRO.xlsm</t>
  </si>
  <si>
    <t>\\acsfs\DEPTOS\Operacao\PCP\5 - Comum\ACOMPANHAMENTO TOYOTA\01 - INTRADIÁRIO\2020\01 - JANEIRO\CRC\TOYOTA FRONT - INTRADIARIO - JANEIRO.xlsm</t>
  </si>
  <si>
    <t>C:\Users\hugooc\OneDrive\Imagens\Desktop\Excel\User ID Não Encontrado.zip\</t>
  </si>
  <si>
    <t>User ID NÆo Encontrado.xlsx</t>
  </si>
  <si>
    <t>C:\Users\hugooc\OneDrive\Imagens\Desktop\Excel\</t>
  </si>
  <si>
    <t>User ID Não Encontrado.xlsx</t>
  </si>
  <si>
    <t>Treinamentos on cop e securty.xls</t>
  </si>
  <si>
    <t>Treinamento Seguradora.xls</t>
  </si>
  <si>
    <t>Treinamento Mr Brand.xls</t>
  </si>
  <si>
    <t>Treinamento Juliana.xlsx</t>
  </si>
  <si>
    <t>Treinamento Educação Continuada.xls</t>
  </si>
  <si>
    <t>Treinamento Club Celular.xls</t>
  </si>
  <si>
    <t>Tradução de Musicas.xlsx</t>
  </si>
  <si>
    <t>Teste_Conhecimento_Individual_Trafego.xls</t>
  </si>
  <si>
    <t>Teste Tradutor.xls</t>
  </si>
  <si>
    <t>Termo de Aceite - Tatiana - .xls</t>
  </si>
  <si>
    <t>Termo de Aceite - Kelly - .xls</t>
  </si>
  <si>
    <t>Tempo de casa X AHT.xls</t>
  </si>
  <si>
    <t>Template Entrevista - HUGO DE OLIVEIRA CAMARGO - 13 de Junho de 2012.xls</t>
  </si>
  <si>
    <t>Template Algar Tecnologia 31 07 2011.xls</t>
  </si>
  <si>
    <t>Template Algar Tecnologia 15 09 2011.xls</t>
  </si>
  <si>
    <t>Tatiana Mr Brand.xls</t>
  </si>
  <si>
    <t>Tarefas.xls</t>
  </si>
  <si>
    <t>Tabelas de Remuneracao RFP.xls</t>
  </si>
  <si>
    <t>Tabela Dinamica.xlsx</t>
  </si>
  <si>
    <t>SLC Kele.xls</t>
  </si>
  <si>
    <t>Skill operação Bradesco.xlsx</t>
  </si>
  <si>
    <t>Skill Agências VM.xlsx</t>
  </si>
  <si>
    <t>Security.xls</t>
  </si>
  <si>
    <t>rptEspelhoPonto(1).xls</t>
  </si>
  <si>
    <t>Reunião.xls</t>
  </si>
  <si>
    <t>Reunião Vanessa.xls</t>
  </si>
  <si>
    <t>Reunião Igor.xls</t>
  </si>
  <si>
    <t>Reunião com Vanessa.xlsx</t>
  </si>
  <si>
    <t>RETENÇÃO.xls</t>
  </si>
  <si>
    <t>Resultado pede Bis.xls</t>
  </si>
  <si>
    <t>Resultado fora da base.xlsx</t>
  </si>
  <si>
    <t>Resultado até o dia 11.xls</t>
  </si>
  <si>
    <t>Relatório_Plan x Real_25_06.xlsx</t>
  </si>
  <si>
    <t>Relatório_Plan x Real_06_06.xlsx</t>
  </si>
  <si>
    <t>relatórios cms.xls</t>
  </si>
  <si>
    <t>Redesenho.xlsx</t>
  </si>
  <si>
    <t>Rastreamento_New.xls</t>
  </si>
  <si>
    <t>Prova Potencial Assistentes.xlsx</t>
  </si>
  <si>
    <t>Prova Potencial Assistentes (1).xlsx</t>
  </si>
  <si>
    <t>Prova (3).xls</t>
  </si>
  <si>
    <t>Prototico Analise D-1.xls</t>
  </si>
  <si>
    <t>Prototico Analise D-1-2.xls</t>
  </si>
  <si>
    <t>C:\Users\hugooc\OneDrive\Imagens\Desktop\Excel\Prospect's Não Trabalhado.zip\</t>
  </si>
  <si>
    <t>Prospect's NÆo Trabalhado.xlsx</t>
  </si>
  <si>
    <t>Proposta Bônus.xlsx</t>
  </si>
  <si>
    <t>Proposta - Validação_Meta_Julho_Recebíveis_V2.xls</t>
  </si>
  <si>
    <t>C:\Users\hugooc\OneDrive\Imagens\Desktop\Excel\Projeção de Trabalho 26.zip\</t>
  </si>
  <si>
    <t>Proje‡Æo de Trabalho 26.xls</t>
  </si>
  <si>
    <t>Projeção de Trabalho 26.xls</t>
  </si>
  <si>
    <t>C:\Users\hugooc\OneDrive\Imagens\Desktop\Excel\Projeção de Trabalho 26 V2.zip\</t>
  </si>
  <si>
    <t>Proje‡Æo de Trabalho 26 V2.xls</t>
  </si>
  <si>
    <t>Projeção de Trabalho 26 V2.xls</t>
  </si>
  <si>
    <t>Projeção de Trabalho 17 e 18.xls</t>
  </si>
  <si>
    <t>Projeção de NS2.xls</t>
  </si>
  <si>
    <t>Programa Final de semana.xls</t>
  </si>
  <si>
    <t>Produtos Financeiros.xls</t>
  </si>
  <si>
    <t>Preço Coffe Shop.xls</t>
  </si>
  <si>
    <t>Previsão.xls</t>
  </si>
  <si>
    <t>Previsão Financeira.xls</t>
  </si>
  <si>
    <t>Previsão Financeira Outubro.xls</t>
  </si>
  <si>
    <t>Previsão Financeira Outubro - Chat .xls</t>
  </si>
  <si>
    <t>Previsão Financeira Julho.xls</t>
  </si>
  <si>
    <t>Previsão Financeira Dezembro.xls</t>
  </si>
  <si>
    <t>Previsão Financeira Agosto.xls</t>
  </si>
  <si>
    <t>Previsão de NS_hoje.xls</t>
  </si>
  <si>
    <t>Previsão de NS_Back up.xls</t>
  </si>
  <si>
    <t>Previsão de NS.xls</t>
  </si>
  <si>
    <t>Previsão de NS - Inicial.xls</t>
  </si>
  <si>
    <t>Previsão de Bônus.xlsx</t>
  </si>
  <si>
    <t>Previsão Financeira Estabelecimentos - 9 Agosto.xls</t>
  </si>
  <si>
    <t>PREMIO.xls</t>
  </si>
  <si>
    <t>PREMIO 2011.xls</t>
  </si>
  <si>
    <t>Preenchimento de HC.xls</t>
  </si>
  <si>
    <t>Preenchimento de Analise Critica.xls</t>
  </si>
  <si>
    <t>Preencher HC.xls</t>
  </si>
  <si>
    <t>POL´s ABRIL 20122.xlsx</t>
  </si>
  <si>
    <t>Plano de Treinamento.xls</t>
  </si>
  <si>
    <t>Planilha de Comissão Antecipação Recebíveis Junho_2012 ok.xls</t>
  </si>
  <si>
    <t>Planilha de comissionamento.xls</t>
  </si>
  <si>
    <t>Performance Janeiro até Abril.xlsx</t>
  </si>
  <si>
    <t>Performance Jan até Abr.xls</t>
  </si>
  <si>
    <t>Performance Jan até Abr - .xls</t>
  </si>
  <si>
    <t>Performance Extratificado.xlsm</t>
  </si>
  <si>
    <t>Performance Extratificado.xls</t>
  </si>
  <si>
    <t>Performance Extratificado MAI - primeiro maling -.xlsx</t>
  </si>
  <si>
    <t>Perda Financeira Mr Brand.xls</t>
  </si>
  <si>
    <t>Perda Financeira - Tatiana.xls</t>
  </si>
  <si>
    <t>Pausas PL.xlsx</t>
  </si>
  <si>
    <t>Pasta2.xls</t>
  </si>
  <si>
    <t>Pasta1.xls</t>
  </si>
  <si>
    <t>Panorama Anual 2010 ALGAR(1).xls</t>
  </si>
  <si>
    <t>Palavras em Inglês.xls</t>
  </si>
  <si>
    <t>Painel_Gestao_a_Vista.xls</t>
  </si>
  <si>
    <t>Oportunidades 25-07.xlsx</t>
  </si>
  <si>
    <t>Oportunidades 25-07 com Categorização.xlsx</t>
  </si>
  <si>
    <t>Ofensores.xls</t>
  </si>
  <si>
    <t>Objetivos nivelamento PCP.xlsx</t>
  </si>
  <si>
    <t>Mr Bônus.xls</t>
  </si>
  <si>
    <t>Mr Brand.xls</t>
  </si>
  <si>
    <t>Meta Chat.xls</t>
  </si>
  <si>
    <t>Meta Back Up.xlsx</t>
  </si>
  <si>
    <t>Meta Back Up Cristina.xlsx</t>
  </si>
  <si>
    <t>Mensuração de Resultados.xlsx</t>
  </si>
  <si>
    <t>Maling Aurio - Junho -.csv</t>
  </si>
  <si>
    <t>Maling Aurio - Julho -.csv</t>
  </si>
  <si>
    <t>login logout lei sac.xlsx</t>
  </si>
  <si>
    <t>Lista de Supervisores e Agentes.xls</t>
  </si>
  <si>
    <t>Lista de Associado - Algar.xls</t>
  </si>
  <si>
    <t>Liberações Donation.xls</t>
  </si>
  <si>
    <t>Liberação Donations.xls</t>
  </si>
  <si>
    <t>Levantamento_Amex_Recebíveis_11.05.2012.xls</t>
  </si>
  <si>
    <t>Levantamento_Acessos Cancelados.xls</t>
  </si>
  <si>
    <t>Levantamento Convenção 2012 - Amex.xlsx</t>
  </si>
  <si>
    <t>Lei Sac.xls</t>
  </si>
  <si>
    <t>Lei Sac..xls</t>
  </si>
  <si>
    <t>Lei Sac AHT.xls</t>
  </si>
  <si>
    <t>Lei Sac 2011 até 2012.xls</t>
  </si>
  <si>
    <t>Lançamentos.xls</t>
  </si>
  <si>
    <t>Justificativa Private Label.xlsx</t>
  </si>
  <si>
    <t>Informações Treinamento.xlsx</t>
  </si>
  <si>
    <t>Informações D-1.xls</t>
  </si>
  <si>
    <t>Informações Apresentação TEMPO .xlsx</t>
  </si>
  <si>
    <t>Informação previsão financeira.xls</t>
  </si>
  <si>
    <t>Indicadores comerciais Hugo.xls</t>
  </si>
  <si>
    <t>Improdutividade.xls</t>
  </si>
  <si>
    <t>Hugo.xlsx</t>
  </si>
  <si>
    <t>HPU.xls</t>
  </si>
  <si>
    <t>Histórico UTI.xls</t>
  </si>
  <si>
    <t>Historico carnaval.xlsx</t>
  </si>
  <si>
    <t>Grupos de Emails.xlsx</t>
  </si>
  <si>
    <t>GRID_PARA 21.08.2012 - Prospect -.xlsx</t>
  </si>
  <si>
    <t>GRID_PARA 20.03.2012 Projeto.xls</t>
  </si>
  <si>
    <t>GRID_PARA 20.03.2012 Projeto - Cópia.xlsm</t>
  </si>
  <si>
    <t>GRID_PARA 18.07.2012.xlsx</t>
  </si>
  <si>
    <t>GRID_PARA 18.07.2012 - Supervisão -.xlsx</t>
  </si>
  <si>
    <t>GRID_PARA 08.08.2012 - Supervisão -.xlsx</t>
  </si>
  <si>
    <t>GRID_PARA 05.10.2012.xlsx</t>
  </si>
  <si>
    <t>Grid com categorizações.xlsx</t>
  </si>
  <si>
    <t>Grid com categorizações - Prospect -.xlsx</t>
  </si>
  <si>
    <t>Grafico.xls</t>
  </si>
  <si>
    <t>GERENTE X OPERAÇÕES x ANALISTAS 28 12.xlsx</t>
  </si>
  <si>
    <t>Formulários KPI's para previsão e provisão - Hugo de Oliveira Camargo22.xls</t>
  </si>
  <si>
    <t>Formulários KPI's para previsão e provisão - Hugo de Oliveira Camargo.xls</t>
  </si>
  <si>
    <t>Formulário de Inserção de Skills.xls</t>
  </si>
  <si>
    <t>Forca tarefa prospects acima de R$ 35.000.xlsx</t>
  </si>
  <si>
    <t>Forca tarefa prospects acima de R$ 35.000 - Carteira Atual.xlsx</t>
  </si>
  <si>
    <t>Forca tarefa prospects acima de R$ 35.000 - Carteira Atual Agosto.xlsx</t>
  </si>
  <si>
    <t>Folgar Ag VM.xls</t>
  </si>
  <si>
    <t>Financeiro Chat.xls</t>
  </si>
  <si>
    <t>Fim de semana Bônus.xlsx</t>
  </si>
  <si>
    <t>FAZER TFL.xls</t>
  </si>
  <si>
    <t>FAZER TFL - Antigo -.xls</t>
  </si>
  <si>
    <t>FAZER ESTRUTURA.xls</t>
  </si>
  <si>
    <t>Faturamento Mr Brand.xls</t>
  </si>
  <si>
    <t>C:\Users\hugooc\OneDrive\Imagens\Desktop\Excel\Extratificado solicitação cliente.zip\</t>
  </si>
  <si>
    <t>Extratificado solicita‡Æo cliente.xlsx</t>
  </si>
  <si>
    <t>Extratificado solicitação cliente.xlsx</t>
  </si>
  <si>
    <t>C:\Users\hugooc\OneDrive\Imagens\Desktop\Excel\Extratificado JAN até MAI.zip\</t>
  </si>
  <si>
    <t>Extratificado JAN at‚ MAI.xlsx</t>
  </si>
  <si>
    <t>Extratificado JAN até MAI.xlsx</t>
  </si>
  <si>
    <t>Extratificado Abril.xlsx</t>
  </si>
  <si>
    <t>Evolução Prospecção.xlsx</t>
  </si>
  <si>
    <t>ESTRUTURA DE GESTÃO BRADESCO.xls</t>
  </si>
  <si>
    <t>Estrutura Carteiras Jun-20122.xls</t>
  </si>
  <si>
    <t>Estrutura Canal Interno.xls</t>
  </si>
  <si>
    <t>Estratégias AMEX.xls</t>
  </si>
  <si>
    <t>C:\Users\hugooc\OneDrive\Imagens\Desktop\Excel\Estratégia Prospect saldo de 1500 até 70000.zip\</t>
  </si>
  <si>
    <t>Estrat‚gia Prospect saldo de 1500 at‚ 70000.xlsx</t>
  </si>
  <si>
    <t>Estratégia Prospect saldo de 1500 até 70000.xlsx</t>
  </si>
  <si>
    <t>Enviado pelo aurio.xlsx</t>
  </si>
  <si>
    <t>Elis.xls</t>
  </si>
  <si>
    <t>Distribuição_Meta_Julho 2012.xls</t>
  </si>
  <si>
    <t>Distribuição_Meta_Julho 2012 - Proposta -.xls</t>
  </si>
  <si>
    <t>Distribuição_Meta_Julho 2012 - distribuição.xls</t>
  </si>
  <si>
    <t>DIMENS_Seguradora_45 Dias_PICO.xlsx</t>
  </si>
  <si>
    <t>DIMENS_ATENDIMENTO PROCON - FEVEREIRO.xlsx</t>
  </si>
  <si>
    <t>Dimensionamento de Pausas Setembro - CHAT - 30 Pessoas .xls</t>
  </si>
  <si>
    <t>Dicionario de Dados - ECH.xls</t>
  </si>
  <si>
    <t>Desconecção de Chat.xlsm</t>
  </si>
  <si>
    <t>Desconecção de Chat.xls</t>
  </si>
  <si>
    <t>5759;</t>
  </si>
  <si>
    <t>https://5759</t>
  </si>
  <si>
    <t>e9d54719-9db3-4671-a29c-d1c0be91bf06.tmp</t>
  </si>
  <si>
    <t>\\acsfs\profiles$\luanaagl\Downloads\e9d54719-9db3-4671-a29c-d1c0be91bf06.tmp</t>
  </si>
  <si>
    <t>121ff51d-b82c-4c9c-be37-27583ee7903f.tmp</t>
  </si>
  <si>
    <t>\\acsfs\profiles$\wedersonbadr\My Documents\My Music\121ff51d-b82c-4c9c-be37-27583ee7903f.tmp</t>
  </si>
  <si>
    <t>8112e5c0-d3e0-4ae4-bbea-1a9ce8133d67.tmp</t>
  </si>
  <si>
    <t>\\acsfs\profiles$\isabellegtds\Downloads\8112e5c0-d3e0-4ae4-bbea-1a9ce8133d67.tmp</t>
  </si>
  <si>
    <t>10fbb24f-b5f7-4967-837e-96de0e0f672c.tmp</t>
  </si>
  <si>
    <t>\\acsfs\profiles$\isabellegtds\Downloads\10fbb24f-b5f7-4967-837e-96de0e0f672c.tmp</t>
  </si>
  <si>
    <t>\\acsfs\profiles$\pamelamcmdsg\Contacts\</t>
  </si>
  <si>
    <t>PAMELA MARIA CRISTINA MACEDO DA SILVA GUEDES (7).contact</t>
  </si>
  <si>
    <t>\\acsfs\profiles$\pamelamcmdsg\Contacts\PAMELA MARIA CRISTINA MACEDO DA SILVA GUEDES (7).contact</t>
  </si>
  <si>
    <t>\\acsfs\profiles$\pamelamcmdsg\My Documents\My Videos\</t>
  </si>
  <si>
    <t>\\acsfs\profiles$\pamelamcmdsg\My Documents\My Videos\desktop.ini</t>
  </si>
  <si>
    <t>\\acsfs\profiles$\pamelamcmdsg\My Documents\My Pictures\</t>
  </si>
  <si>
    <t>\\acsfs\profiles$\pamelamcmdsg\My Documents\My Pictures\desktop.ini</t>
  </si>
  <si>
    <t>\\acsfs\profiles$\pamelamcmdsg\Contacts\desktop.ini</t>
  </si>
  <si>
    <t>\\acsfs\profiles$\pamelamcmdsg\Favorites\</t>
  </si>
  <si>
    <t>\\acsfs\profiles$\pamelamcmdsg\Favorites\desktop.ini</t>
  </si>
  <si>
    <t>\\acsfs\profiles$\pamelamcmdsg\My Documents\My Music\</t>
  </si>
  <si>
    <t>\\acsfs\profiles$\pamelamcmdsg\My Documents\My Music\desktop.ini</t>
  </si>
  <si>
    <t>\\acsfs\profiles$\pamelamcmdsg\Searches\</t>
  </si>
  <si>
    <t>\\acsfs\profiles$\pamelamcmdsg\Searches\desktop.ini</t>
  </si>
  <si>
    <t>\\acsfs\profiles$\pamelamcmdsg\Downloads\desktop.ini</t>
  </si>
  <si>
    <t>\\acsfs\profiles$\pamelamcmdsg\My Documents\desktop.ini</t>
  </si>
  <si>
    <t>\\acsfs\profiles$\pamelamcmdsg\Saved Games\</t>
  </si>
  <si>
    <t>\\acsfs\profiles$\pamelamcmdsg\Saved Games\desktop.ini</t>
  </si>
  <si>
    <t>\\acsfs\profiles$\pamelamcmdsg\Favorites\Links for Brasil\</t>
  </si>
  <si>
    <t>\\acsfs\profiles$\pamelamcmdsg\Favorites\Links for Brasil\desktop.ini</t>
  </si>
  <si>
    <t>\\acsfs\profiles$\pamelamcmdsg\Favorites\Links for Brasil\Microsoft Brasil.url</t>
  </si>
  <si>
    <t>\\acsfs\profiles$\pamelamcmdsg\Favorites\Links for Brasil\Windows Brasil.url</t>
  </si>
  <si>
    <t>\\acsfs\profiles$\pamelamcmdsg\Favorites\Links for Brasil\MSN Brasil.url</t>
  </si>
  <si>
    <t>.~lock.Novo(a) Documento do Microsoft Word.docx#</t>
  </si>
  <si>
    <t>\\acsfs\profiles$\LUCASBS\Planilhas\.~lock.Novo(a) Documento do Microsoft Word.docx#</t>
  </si>
  <si>
    <t>.~lock.Vendas - Copia.xlsx#</t>
  </si>
  <si>
    <t>\\acsfs\profiles$\LUCASBS\Planilhas\.~lock.Vendas - Copia.xlsx#</t>
  </si>
  <si>
    <t>.~lock.Vendas Dezembro.xlsx#</t>
  </si>
  <si>
    <t>\\acsfs\profiles$\LUCASBS\Planilhas\.~lock.Vendas Dezembro.xlsx#</t>
  </si>
  <si>
    <t>\\acsfs\profiles$\LUCASBS\Planilhas\.~lock.Vendas.xlsx#</t>
  </si>
  <si>
    <t>10.200.61.24</t>
  </si>
  <si>
    <t>C:\Users\hugooc\OneDrive\</t>
  </si>
  <si>
    <t>comparativo.xlsx</t>
  </si>
  <si>
    <t>C:\Users\hugooc\OneDrive\Documentos\</t>
  </si>
  <si>
    <t>Pasta (1).xlsx</t>
  </si>
  <si>
    <t>C:\Users\hugooc\OneDrive\Documentos\FINANCEIRO\2019\10 - OUTUBRO\</t>
  </si>
  <si>
    <t>C:\Users\hugooc\OneDrive\Documentos\Análises\KPI FÊNIX HISTORICO\</t>
  </si>
  <si>
    <t>12 - KPI FÊNIX_Oficial_Dezembro.xlsm</t>
  </si>
  <si>
    <t>C:\Users\hugooc\OneDrive\Imagens\BACKUP2\</t>
  </si>
  <si>
    <t>HMM.xlsx</t>
  </si>
  <si>
    <t>CONTAS.xlsx</t>
  </si>
  <si>
    <t>Avaliação de Volume Abril vs Maio 2014.xlsx</t>
  </si>
  <si>
    <t>Aderência Enviada vs Atual pelo NS.xlsx</t>
  </si>
  <si>
    <t>Aderência - GRCC 7000 - Outubro2.xlsx</t>
  </si>
  <si>
    <t>04-Distribuição de Meta Carteira vs OP Diária UAR 2014.xlsx</t>
  </si>
  <si>
    <t>12 - KPI FÊNIX_DADOS_Dezembro.xlsm</t>
  </si>
  <si>
    <t>10 - KPI FÊNIX_Oficial_Outubro.xlsm</t>
  </si>
  <si>
    <t>10 - KPI FÊNIX_DADOS_Outubro.xlsm</t>
  </si>
  <si>
    <t>09 - KPI FÊNIX_DADOS_Setembro.xlsm</t>
  </si>
  <si>
    <t>09 - KPI FÊNIX_Oficial_Setembro.xlsm</t>
  </si>
  <si>
    <t>C:\Users\hugooc\OneDrive\Documentos\Mapeamentos\Mapas\</t>
  </si>
  <si>
    <t>Mapeamento Nível 3.xlsm</t>
  </si>
  <si>
    <t>C:\Users\hugooc\OneDrive\Documentos\FINANCEIRO\2019\07 - JULHO\</t>
  </si>
  <si>
    <t>HUGO_ORÇAMENTO_2019-NB-HUGOOC 2.xlsm</t>
  </si>
  <si>
    <t>HUGO_ORÇAMENTO_2019-NB-RENAN.xlsm</t>
  </si>
  <si>
    <t>C:\Users\hugooc\OneDrive\Documentos\FINANCEIRO\2019\09 - SETEMBRO\</t>
  </si>
  <si>
    <t>ControlePatrimonio.xlsm</t>
  </si>
  <si>
    <t>financeiro.xlsx</t>
  </si>
  <si>
    <t>v4.2.04 Controle de Investimentos.xlsm</t>
  </si>
  <si>
    <t>Conferidor Mega Sena 3.xlsm</t>
  </si>
  <si>
    <t>EXTRATO CARTÃO 09.xlsx</t>
  </si>
  <si>
    <t>Conferidor Mega Sena 4.xlsm</t>
  </si>
  <si>
    <t>C:\Users\hugooc\OneDrive\Documentos\FINANCEIRO\2019\08 - AGOSTO\</t>
  </si>
  <si>
    <t>EXTRATO CARTÃO 08.xlsx</t>
  </si>
  <si>
    <t>Pasta (1) (1).xlsx</t>
  </si>
  <si>
    <t>C:\Users\hugooc\OneDrive\Documentos\FINANCEIRO\2019\06 - JUNHO\</t>
  </si>
  <si>
    <t>EXTRATO CARTÃO 06.xlsx</t>
  </si>
  <si>
    <t>HUGO_ORÇAMENTO_2019-NB-HUGOOC.xlsm</t>
  </si>
  <si>
    <t>EXTRATO CARTÃO 07.xlsx</t>
  </si>
  <si>
    <t>HUGO_ORÇAMENTO_2019-NB-RENAN-NB-HUGOOC.xlsm</t>
  </si>
  <si>
    <t>HUGO_ORÇAMENTO_2019-NB-RENAN_v2.xlsm</t>
  </si>
  <si>
    <t>Ausências Mr Brand.xls</t>
  </si>
  <si>
    <t>C:\Users\hugooc\OneDrive\Imagens\Desktop\Excel\Carga de Dados Aurio.zip\</t>
  </si>
  <si>
    <t>C:\Users\hugooc\OneDrive\Imagens\Desktop\TREINAMENTO CONTROL DESK\</t>
  </si>
  <si>
    <t>Compartilhamento.xlsx</t>
  </si>
  <si>
    <t>Priorização SKILL - Antecipação de Recebíveis.xlsx</t>
  </si>
  <si>
    <t>Priorização SKILL - Cobrança.xlsx</t>
  </si>
  <si>
    <t>Priorização SKILL - Corporate, OPC.xlsx</t>
  </si>
  <si>
    <t>Priorização SKILL - Desbloqueios, Produtos e Estabelecimentos.xls</t>
  </si>
  <si>
    <t>FAQ Supervisão.xls</t>
  </si>
  <si>
    <t>Priorização SKILL Fraude Amex.xlsx</t>
  </si>
  <si>
    <t>topicos.xlsx</t>
  </si>
  <si>
    <t>TREINAMENTO CONTROL DESK.xlsx</t>
  </si>
  <si>
    <t>C:\Users\hugooc\OneDrive\Imagens\Desktop\Pawer Point\Modelos de Diagramas.pptx\</t>
  </si>
  <si>
    <t>C:\Users\hugooc\OneDrive\Imagens\Desktop\Pawer Point\Proposta de UTI.pptx\</t>
  </si>
  <si>
    <t>C:\Users\hugooc\OneDrive\Imagens\Desktop\Pawer Point\top - discussão de faixas v5.ppt\s4\</t>
  </si>
  <si>
    <t>Gráfico do Microsoft Graph.dat</t>
  </si>
  <si>
    <t>Gráfico do Microsoft Graph1.dat</t>
  </si>
  <si>
    <t>Gráfico do Microsoft Graph2.dat</t>
  </si>
  <si>
    <t>Gráfico do Microsoft Graph3.dat</t>
  </si>
  <si>
    <t>Gráfico do Microsoft Graph4.dat</t>
  </si>
  <si>
    <t>Gráfico do Microsoft Graph5.dat</t>
  </si>
  <si>
    <t>Gráfico do Microsoft Graph6.dat</t>
  </si>
  <si>
    <t>C:\Users\hugooc\OneDrive\Imagens\Desktop\Pawer Point\Slides\3D-Chart-Collection-Data-Driven.ppt\s4\</t>
  </si>
  <si>
    <t>C:\Users\hugooc\OneDrive\Imagens\Desktop\Pawer Point\Slides\3D-Charts-Data-Driven.ppt\s4\</t>
  </si>
  <si>
    <t>C:\Users\hugooc\OneDrive\Imagens\Desktop\Pawer Point\Slides\SlideShop.com_3D-Chart-Collection-Data-Driven.ppt\s4\</t>
  </si>
  <si>
    <t>C:\Users\hugooc\OneDrive\Imagens\Desktop\Pawer Point\Slides\SlideShop.com_3D-Charts-Data-Driven.ppt\s4\</t>
  </si>
  <si>
    <t>C:\Users\hugooc\OneDrive\Imagens\Desktop\Pawer Point\Slides\SlideShop_free_slide_-_Data-driven-column-and-bar-graphs.ppt\s2\</t>
  </si>
  <si>
    <t>C:\Users\hugooc\OneDrive\Imagens\Desktop\Pawer Point\PCP\</t>
  </si>
  <si>
    <t>CONTROLE 2.xls</t>
  </si>
  <si>
    <t>CONTROLE 2.xlsx</t>
  </si>
  <si>
    <t>Pasta (2).xlsx</t>
  </si>
  <si>
    <t>1_4947572548536631336.xlsx</t>
  </si>
  <si>
    <t>DUE DILIGENCE.xlsx</t>
  </si>
  <si>
    <t>C:\Users\hugooc\OneDrive\Documentos\Análises\</t>
  </si>
  <si>
    <t>KPI FÊNIX_Oficial_Dezembro.xlsm</t>
  </si>
  <si>
    <t>KPI FÊNIX_Oficial.xlsm</t>
  </si>
  <si>
    <t>Cópia de AHT Negócio x Transacional.xlsx</t>
  </si>
  <si>
    <t>AHT Negócio x Transacional x SS.xlsx</t>
  </si>
  <si>
    <t>AHT Negócio x Transacional x SS.xlsm</t>
  </si>
  <si>
    <t>C:\Users\hugooc\OneDrive\Documentos\CDV\</t>
  </si>
  <si>
    <t>EXTRATOR_ACS_PRODUÇÃO_DIARIO_CTBC.xls</t>
  </si>
  <si>
    <t>CDV_V3.xlsx</t>
  </si>
  <si>
    <t>CDV_V2.xlsx</t>
  </si>
  <si>
    <t>CDV_CTBC.xlsx</t>
  </si>
  <si>
    <t>CDV_AVON.xlsx</t>
  </si>
  <si>
    <t>CDV_AMEX-WRP.xlsx</t>
  </si>
  <si>
    <t>CDV A.xlsx</t>
  </si>
  <si>
    <t>CALLVIEW.XLSX</t>
  </si>
  <si>
    <t>C:\Users\hugooc\OneDrive\Documentos\PESSOAL\</t>
  </si>
  <si>
    <t>historico endomondo.xlsx</t>
  </si>
  <si>
    <t>DESAFIO_PESSOAL_HUGO_17.xlsx</t>
  </si>
  <si>
    <t>Desafio endomondo OUTUBRO 17_V2.xlsx</t>
  </si>
  <si>
    <t>Academia e corrida.xlsx</t>
  </si>
  <si>
    <t>Volume para faturamento.xlsx</t>
  </si>
  <si>
    <t>Volume Faturamento Outubro.xlsx</t>
  </si>
  <si>
    <t>VENDAS VS EFICIÊNCIA.xls</t>
  </si>
  <si>
    <t>Treta.xlsx</t>
  </si>
  <si>
    <t>treinamento.xls</t>
  </si>
  <si>
    <t>Treinamento Excel.xlsx</t>
  </si>
  <si>
    <t>TREINAMENTO DE EXCEL.xlsx</t>
  </si>
  <si>
    <t>Trabalho Eng. Materias.xlsm</t>
  </si>
  <si>
    <t>Trabalho de Qualidade.xlsx</t>
  </si>
  <si>
    <t>Teste (LIMPA).xls</t>
  </si>
  <si>
    <t>Template Algar Tecnologia 23 04 2014.xlsm</t>
  </si>
  <si>
    <t>Template Algar Tecnologia 25 08 2014.xls</t>
  </si>
  <si>
    <t>Template Algar Tecnologia 18 09 20142.csv</t>
  </si>
  <si>
    <t>Template Algar Tecnologia 18 09 2014.csv</t>
  </si>
  <si>
    <t>Template Algar Tecnologia 14 09 2014.xlsm</t>
  </si>
  <si>
    <t>Tabela Dinamica.xls</t>
  </si>
  <si>
    <t>Skills.xlsx</t>
  </si>
  <si>
    <t>Resultados URA_Abril.2014.xls</t>
  </si>
  <si>
    <t>Racional GRCC.xlsx</t>
  </si>
  <si>
    <t>Prova Excel.xlsx</t>
  </si>
  <si>
    <t>Prova.xls</t>
  </si>
  <si>
    <t>Proposta de Relatorio.xlsx</t>
  </si>
  <si>
    <t>PROJEÇÃO PROPOSTA VISA.xlsm</t>
  </si>
  <si>
    <t>Projeto Vendas GRCC.xlsx</t>
  </si>
  <si>
    <t>PLAN NOVEMBRO.xlsx</t>
  </si>
  <si>
    <t>PLAN JANEIRO_1.xlsx</t>
  </si>
  <si>
    <t>PLAN DEZEMBRO_3.xlsx</t>
  </si>
  <si>
    <t>PLAN DEZEMBRO_2.xlsx</t>
  </si>
  <si>
    <t>PLAN DEZEMBRO.xlsx</t>
  </si>
  <si>
    <t>Pessoas julho_V1.xlsx</t>
  </si>
  <si>
    <t>Pessoas julho.xlsx</t>
  </si>
  <si>
    <t>Periódo de Greve.xlsx</t>
  </si>
  <si>
    <t>Pendencia Reunião Fabio.xlsx</t>
  </si>
  <si>
    <t>Pasta3.csv</t>
  </si>
  <si>
    <t>PARTE2.xlsx</t>
  </si>
  <si>
    <t>PAINEL GERENCIAL_DMM_HMM.xlsx</t>
  </si>
  <si>
    <t>PAINEL GERENCIAL_BK.xlsx</t>
  </si>
  <si>
    <t>Painel Financeiro PF Abril.xlsx</t>
  </si>
  <si>
    <t>Orçamento familiar HUGO.xlsx</t>
  </si>
  <si>
    <t>Orçamento familiar CASAMENTO.xlsx</t>
  </si>
  <si>
    <t>NS Intradiario..xlsx</t>
  </si>
  <si>
    <t>NS 55.xlsx</t>
  </si>
  <si>
    <t>Novas Tabela Validas 112014.xlsx</t>
  </si>
  <si>
    <t>Modelo Painel de Controle - CDV.xls</t>
  </si>
  <si>
    <t>Modelo Mapa de Férias HIGH VALUE.xlsx</t>
  </si>
  <si>
    <t>MINUTO OP_V1.xlsx</t>
  </si>
  <si>
    <t>MINUTO OP.xlsx</t>
  </si>
  <si>
    <t>Minutagem Plan por operador.xlsx</t>
  </si>
  <si>
    <t>Mega Sena da Virada 2012-2013.xlsx</t>
  </si>
  <si>
    <t>Matérias Produção.xlsx</t>
  </si>
  <si>
    <t>Matriz Nivelamento Atividades_Murilo.xlsx</t>
  </si>
  <si>
    <t>Mascara DMM.xlsx</t>
  </si>
  <si>
    <t>Maling.xlsx</t>
  </si>
  <si>
    <t>Levantamento_Premissas_Precificação_14.05.2012.xls</t>
  </si>
  <si>
    <t>Levantamento Receita Liquida por Operador - BKO.xlsx</t>
  </si>
  <si>
    <t>Leakage_Out_2014.xlsm</t>
  </si>
  <si>
    <t>Intra Platinum e Retenção.xlsx</t>
  </si>
  <si>
    <t>Incremento Volume High Value - Estudo _ v2.xlsx</t>
  </si>
  <si>
    <t>Impro - CH.xls</t>
  </si>
  <si>
    <t>HUGO ORÇAMENTO.xlsm</t>
  </si>
  <si>
    <t>HUGO CAMARGO - Matriz Nivelamento Atividades.xlsx</t>
  </si>
  <si>
    <t>Horas logadas 132..xlsx</t>
  </si>
  <si>
    <t>HMM.xlsm</t>
  </si>
  <si>
    <t>Histórico de Greve.xlsx</t>
  </si>
  <si>
    <t>Historico de Improdutividade.xls</t>
  </si>
  <si>
    <t>HE SEXTA.xls</t>
  </si>
  <si>
    <t>FATURAMENTO POR OPERAÇÃO.xlsx</t>
  </si>
  <si>
    <t>EXTRATOR_CURVA_INTRADIÁRIA_DEVOLUTIVA_NS.xls</t>
  </si>
  <si>
    <t>EXTRATOR AHT OUTRO.xls</t>
  </si>
  <si>
    <t>EXTRATOR AHT DIA.xlsm</t>
  </si>
  <si>
    <t>EXTRATOR AHT DIA.xls</t>
  </si>
  <si>
    <t>ESTRUTURA_V1.xlsx</t>
  </si>
  <si>
    <t>ESTRUTURA NECESSÁRIA X ESTRUTURA ATUAL - DE PARA OPERACOES_V2.xlsx</t>
  </si>
  <si>
    <t>ESTRUTURA NECESSÁRIA X ESTRUTURA ATUAL - DE PARA OPERACOES.xlsx</t>
  </si>
  <si>
    <t>Eng Mat_RESOLVIDO.xlsx</t>
  </si>
  <si>
    <t>Eng Mat.xlsx</t>
  </si>
  <si>
    <t>Dimens_Sem_Curva_Setembro (45 dias Novembro 2014)_ILHA PF - G3.xlsx</t>
  </si>
  <si>
    <t>DIMENS_HIGH VALUE_12_2014_COM_DESBLO_HV.xlsm</t>
  </si>
  <si>
    <t>DESCONEXÃO.xlsm</t>
  </si>
  <si>
    <t>Cópia de Template Algar Tecnologia_Atual 30 09 20143.csv</t>
  </si>
  <si>
    <t>Cópia de Template Algar Tecnologia_Atual 30 09 20142.csv</t>
  </si>
  <si>
    <t>Cópia de Template Algar Tecnologia_Atual 30 09 2014.csv</t>
  </si>
  <si>
    <t>Cópia de Skills (2) (2).xlsx</t>
  </si>
  <si>
    <t>Cópia de Grafico.xlsx</t>
  </si>
  <si>
    <t>Cópia de Comparativo2.xlsx</t>
  </si>
  <si>
    <t>Cópia de Algar_Tech_Planejamento e Controle_ CPC_Operação_.xls</t>
  </si>
  <si>
    <t>Cópia de Acompanhamento Intradiário AMEX MR BRAND CONS.xlsm</t>
  </si>
  <si>
    <t>Cópia de Acompanhamento Intradiário AMEX MR BRAND CONS.xls</t>
  </si>
  <si>
    <t>CRONOGRAMA - PLANEJAMENTO BRADESCO - MARÇO - ABRIL.xlsx</t>
  </si>
  <si>
    <t>CRONOGRAMA - PLANEJAMENTO BRADESCO - MARÇO - ABRIL - Repasse Hugo.xlsx</t>
  </si>
  <si>
    <t>CRONOGRAMA - PLANEJAMENTO BRADESCO - Maio - Junho.xlsx</t>
  </si>
  <si>
    <t>CRONOGRAMA - PLANEJAMENTO BRADESCO - Junho - Julho.xlsx</t>
  </si>
  <si>
    <t>CRONOGRAMA - PLANEJAMENTO BRADESCO - ABRIL - MAIO.xlsx</t>
  </si>
  <si>
    <t>Correção Horario de verao.xlsx</t>
  </si>
  <si>
    <t>Controle de HeadCount - AMEX ILHA BRAND PF.xlsx</t>
  </si>
  <si>
    <t>Controle de HeadCount - AMEX ILHA BRAND PF V2.xlsx</t>
  </si>
  <si>
    <t>Controle de HeadCount - AMEX ILHA BRAND PF - NEW.xlsx</t>
  </si>
  <si>
    <t>CH466_20140715_155106.xls</t>
  </si>
  <si>
    <t>Calculadora.xlsx</t>
  </si>
  <si>
    <t>Calculadora Score.xlsm</t>
  </si>
  <si>
    <t>Calculadora Score.xla</t>
  </si>
  <si>
    <t>BOLAO PALPITES FECHADO.xlsm</t>
  </si>
  <si>
    <t>BOLAO PALPITES CPC.xlsm</t>
  </si>
  <si>
    <t>Blending.xlsx</t>
  </si>
  <si>
    <t>Baseline - OFICIAL2.xlsx</t>
  </si>
  <si>
    <t>Atividades CPC_PLN.xlsx</t>
  </si>
  <si>
    <t>Análise de Greve.xlsx</t>
  </si>
  <si>
    <t>Análise CDV_V6.xlsm</t>
  </si>
  <si>
    <t>ANALISE_CURVA_INTRADIÁRIA_CARNAVAL_V1.xlsm</t>
  </si>
  <si>
    <t>ANALISE_CURVA_INTRADIÁRIA_CARNAVAL.xlsm</t>
  </si>
  <si>
    <t>Analise Feriado Fevereiro.xlsx</t>
  </si>
  <si>
    <t>Analise desconexão3.xlsx</t>
  </si>
  <si>
    <t>Analise desconexão2.xlsx</t>
  </si>
  <si>
    <t>Analise de Curva.xlsx</t>
  </si>
  <si>
    <t>ALTERAÇÃO DE NIVEIS.xlsx</t>
  </si>
  <si>
    <t>ALI EXPRESS.xlsx</t>
  </si>
  <si>
    <t>AHT.xlsx</t>
  </si>
  <si>
    <t>Aderência RCP-MR-HIGH VALUE recebido - Comaprativo.xls</t>
  </si>
  <si>
    <t>Acompanhamento Programada ABR14.xlsx</t>
  </si>
  <si>
    <t>ACOMPANHAMENTO MINUTOS POR OP2.xlsx</t>
  </si>
  <si>
    <t>ACOMPANHAMENTO MINUTOS POR OP.xlsm</t>
  </si>
  <si>
    <t>Acompanhamento Intradiário AMEX Crédito GRCC - com Skill 97.xls</t>
  </si>
  <si>
    <t>10 - EXPORTAÇÃO FORECAST E AHT OFICIAL2.xlsm</t>
  </si>
  <si>
    <t>08 - Checklist_Planejamento.V1.2 - BRAND GRCC.xls</t>
  </si>
  <si>
    <t>07 - Checklist_Planejamento.V1.2 - BRAND GRCC.xls</t>
  </si>
  <si>
    <t>03 - Formalização Volumetria - 2015_Faturamento.xlsx</t>
  </si>
  <si>
    <t>YTD_ILHA_PF_V2.xlsm</t>
  </si>
  <si>
    <t>YTD_ILHA_PF.xlsm</t>
  </si>
  <si>
    <t>11 - KPI FÊNIX_Oficial_Novembro.xlsm</t>
  </si>
  <si>
    <t>11 - KPI FÊNIX_DADOS_Novembro.xlsm</t>
  </si>
  <si>
    <t>C:\Users\hugooc\OneDrive\Documentos\Análises\Reincidência TMA\</t>
  </si>
  <si>
    <t>Reincidência TMA_V4_Enviar.xlsm</t>
  </si>
  <si>
    <t>Reincidência TMA_V4.xlsx</t>
  </si>
  <si>
    <t>Reincidência TMA_V4.xlsm</t>
  </si>
  <si>
    <t>Reincidência TMA_V3.xlsx</t>
  </si>
  <si>
    <t>Reincidência TMA_Dezembro_14.xlsm</t>
  </si>
  <si>
    <t>Ligações Maiores que 50 Minutos.xlsx</t>
  </si>
  <si>
    <t>C:\Users\hugooc\OneDrive\Documentos\CDV\CDV_WEB\</t>
  </si>
  <si>
    <t>Controle_Ponto_CDV_WEB.xlsx</t>
  </si>
  <si>
    <t>C:\Users\hugooc\OneDrive\Documentos\FACULDADE\2015 - 2°\</t>
  </si>
  <si>
    <t>Matérias e Notas.xlsx</t>
  </si>
  <si>
    <t>C:\Users\hugooc\OneDrive\Documentos\FACULDADE\2016 - 2°\</t>
  </si>
  <si>
    <t>FACULDADE_6.xlsx</t>
  </si>
  <si>
    <t>C:\Users\hugooc\OneDrive\Documentos\FACULDADE\2017 - 1°\</t>
  </si>
  <si>
    <t>C:\Users\hugooc\OneDrive\Documentos\FINANCEIRO\BASE\</t>
  </si>
  <si>
    <t>Bradesco_26012019_160331.csv</t>
  </si>
  <si>
    <t>C:\Users\hugooc\OneDrive\Documentos\FINANCEIRO\VIAGEM\</t>
  </si>
  <si>
    <t>Planejamento Da Viagem.xlsx</t>
  </si>
  <si>
    <t>Mapeamento TSC SE e Outras.xls</t>
  </si>
  <si>
    <t>Mapeamento Sau e Agências.xls</t>
  </si>
  <si>
    <t>Mapeamento Mr Brand, Card, Produtos, HPU, Lei Sac, Retenção, TSC RCP, Canal Int, EBTA, Antecipação.xls</t>
  </si>
  <si>
    <t>Mapeamento GRCC.xlsm</t>
  </si>
  <si>
    <t>Mapeamento Canal Int, EBTA, Antecipação.xls</t>
  </si>
  <si>
    <t>C:\Users\hugooc\OneDrive\Documentos\PESSOAL\OLD\</t>
  </si>
  <si>
    <t>MATERIAL.xlsx</t>
  </si>
  <si>
    <t>DESAFIO_PESSOAL_HUGO_17 - Cópia.xlsx</t>
  </si>
  <si>
    <t>Desafio endomondo out 16.xlsx</t>
  </si>
  <si>
    <t>Desafio endomondo dez 16.xlsx</t>
  </si>
  <si>
    <t>Desafio endomondo ABRIL 17_V2.xlsx</t>
  </si>
  <si>
    <t>Desafio endomondo AGOSTO 17_V2.xlsx</t>
  </si>
  <si>
    <t>Desafio endomondo ABRIL 17.xlsx</t>
  </si>
  <si>
    <t>C:\Users\hugooc\OneDrive\Imagens\DCIM\Download\</t>
  </si>
  <si>
    <t>carrorama_hugoacs2008@gmail.com_02-10-2014_21h54min.xlsx</t>
  </si>
  <si>
    <t>Volume MR Brand.xls</t>
  </si>
  <si>
    <t>Volume MR Brand (Reparado).xls</t>
  </si>
  <si>
    <t>Verificar Antecipações.xlsx</t>
  </si>
  <si>
    <t>verificar resultado JUNHO 2012.xls</t>
  </si>
  <si>
    <t>Demandas Hugo - Cópia.xlsm</t>
  </si>
  <si>
    <t>Dados para termo de aceite Maio.xlsx</t>
  </si>
  <si>
    <t>Dados operacionais.xlsx</t>
  </si>
  <si>
    <t>Dados operacionais(Mascara).xls</t>
  </si>
  <si>
    <t>Dados operacionais Agosto.xls</t>
  </si>
  <si>
    <t>Dados Lei Sac.xls</t>
  </si>
  <si>
    <t>Dados AHT FV1 _ Jun a Mar..xls</t>
  </si>
  <si>
    <t>Cópia de Informações Apresentação TEMPO .xlsx</t>
  </si>
  <si>
    <t>Cópia de DIMENS AGENCIAS VMC- Dezembro -.xlsx</t>
  </si>
  <si>
    <t>Cópia de Cópia de Script's.xls</t>
  </si>
  <si>
    <t>Cópia de Curva ABC PARA APRESENTAÇÃO Abril.xlsx</t>
  </si>
  <si>
    <t>Cópia de Card Apresentação - Semanal.xls</t>
  </si>
  <si>
    <t>C:\Users\hugooc\OneDrive\Imagens\Desktop\Excel\Cálculo do TFL.zip\</t>
  </si>
  <si>
    <t>C lculo do TFL.xls</t>
  </si>
  <si>
    <t>Cálculo do TFL.xls</t>
  </si>
  <si>
    <t>Curvas Mr Brand.xls</t>
  </si>
  <si>
    <t>Cupon's Biz.xlsx</t>
  </si>
  <si>
    <t>Cruzamento Categorização X Dados Analíticos.xlsx</t>
  </si>
  <si>
    <t>Cruzamento Categorização x Dados Analíticos - Sexta Avaliar -.xlsx</t>
  </si>
  <si>
    <t>Cruzamento Categorização X Dados Analíticos - Resposta -.xlsx</t>
  </si>
  <si>
    <t>Cruzamento Categorização X Dados Analíticos - Resposta - Conclusão.xlsx</t>
  </si>
  <si>
    <t>Cruzamento Categorização x Dados Analíticos - Fechamento Junho -.xlsx</t>
  </si>
  <si>
    <t>Cruzamento Categorização x Dados Analíticos - Avaliar -.xlsx</t>
  </si>
  <si>
    <t>Cruzamento Categorização x Dados Analíticos - Avaliar - Junho.xlsx</t>
  </si>
  <si>
    <t>Cruzamento Categorização x Dados Analíticos - Avaliar - (2).xlsx</t>
  </si>
  <si>
    <t>Conversão.xlsx</t>
  </si>
  <si>
    <t>Conversão Inbound.xlsx</t>
  </si>
  <si>
    <t>Controle de HeadCount - CHAT.xls</t>
  </si>
  <si>
    <t>Control Desk - Diario de Bordo.xls</t>
  </si>
  <si>
    <t>Control Desk - Diario de Bordo (2).xls</t>
  </si>
  <si>
    <t>Contingencias Operação Algar Agências e CHAT.xls</t>
  </si>
  <si>
    <t>Contas.xlsx</t>
  </si>
  <si>
    <t>Conta assiduidade.xls</t>
  </si>
  <si>
    <t>CONSOLIDADO AUTOMÁTICAS.xlsx</t>
  </si>
  <si>
    <t>Comite Janeiro.xlsx</t>
  </si>
  <si>
    <t>Comite Fevereiro.xlsx</t>
  </si>
  <si>
    <t>Comissão Executiva.xlsx</t>
  </si>
  <si>
    <t>Comissão Algar.xls</t>
  </si>
  <si>
    <t>Comissionamento antecipação de recebiveis.xlsx</t>
  </si>
  <si>
    <t>CLIENTES_SAIRAM_JUNHO 2012.xls</t>
  </si>
  <si>
    <t>Clientes que saíram da base.xls</t>
  </si>
  <si>
    <t>Chat.xls</t>
  </si>
  <si>
    <t>Chat Curva.xlsx</t>
  </si>
  <si>
    <t>Chamadas.xls</t>
  </si>
  <si>
    <t>Chamadas Retenção.xls</t>
  </si>
  <si>
    <t>Chamadas out.xlsx</t>
  </si>
  <si>
    <t>Chamadas de aten. de Retenção.xls</t>
  </si>
  <si>
    <t>CH435_20120530_162738.xls</t>
  </si>
  <si>
    <t>CH410_20120530_163351.xlsx</t>
  </si>
  <si>
    <t>CH410_20120417_092815.xls</t>
  </si>
  <si>
    <t>CH399_20120727_093337.xls</t>
  </si>
  <si>
    <t>CATEGORIAS.xlsx</t>
  </si>
  <si>
    <t>Carteiras.xlsx</t>
  </si>
  <si>
    <t>CARTEIRAS JULHO12.xls ATUALIZADO.xls</t>
  </si>
  <si>
    <t>Card.xls</t>
  </si>
  <si>
    <t>Card Apresentação - Semanal.xls</t>
  </si>
  <si>
    <t>Campanha Biz Canal Interno.xlsx</t>
  </si>
  <si>
    <t>Campanha Biz Antecipação de Recebíveis.xlsx</t>
  </si>
  <si>
    <t>Calculo Prêmio.xls</t>
  </si>
  <si>
    <t>Café da manha.xls</t>
  </si>
  <si>
    <t>Bônus Junho.xlsx</t>
  </si>
  <si>
    <t>Base Dados INBOUND Acomp - Comite.xlsx</t>
  </si>
  <si>
    <t>Ações BRAND GRCC e RCP.xlsx</t>
  </si>
  <si>
    <t>Avaliação Previão Do prospect maior que 35 mil.xlsx</t>
  </si>
  <si>
    <t>Avaliação Força Tarefa.xlsx</t>
  </si>
  <si>
    <t>Avaliação de Maling - Cópia.xlsx</t>
  </si>
  <si>
    <t>Automáticas que saíram da base.xls</t>
  </si>
  <si>
    <t>Automáticas que sairam da base de Abril-2011 até Julho-2012.xlsx</t>
  </si>
  <si>
    <t>Atualizar HC com KPI.xls</t>
  </si>
  <si>
    <t>Atualizar Curvas - Virada de Mês.xls</t>
  </si>
  <si>
    <t>Atualizar Curvas - Virada de Mês - Novo Acompanhamento.xls</t>
  </si>
  <si>
    <t>Atendimentos Grcc.xls</t>
  </si>
  <si>
    <t>Atendimento Seguradora.xls</t>
  </si>
  <si>
    <t>Arquivo Tatiana.xls</t>
  </si>
  <si>
    <t>análise taxas Uberlândia.xlsx</t>
  </si>
  <si>
    <t>análise taxas Uberlândia 2.xlsx</t>
  </si>
  <si>
    <t>análise taxas Uberlândia - Qualidade -.xlsx</t>
  </si>
  <si>
    <t>C:\Users\hugooc\OneDrive\Imagens\Desktop\Excel\Análise de Horas.zip\</t>
  </si>
  <si>
    <t>An lise de Horas.xls</t>
  </si>
  <si>
    <t>Análise de Horas.xls</t>
  </si>
  <si>
    <t>Análise de Horas 2.xlsm</t>
  </si>
  <si>
    <t>Análise de Horas - Inicial.xls</t>
  </si>
  <si>
    <t>Antecipações não encontradas - Avaliar -.xlsx</t>
  </si>
  <si>
    <t>Antecipação Junho.xls</t>
  </si>
  <si>
    <t>Antecipação Julho.xls</t>
  </si>
  <si>
    <t>Antecipação Agosto.xls</t>
  </si>
  <si>
    <t>ANALITICO X ANTECIPACAO UAR 05.2012.xlsx</t>
  </si>
  <si>
    <t>Analise Elis.xlsx</t>
  </si>
  <si>
    <t>Analise de resultado d-1.xls</t>
  </si>
  <si>
    <t>C:\Users\hugooc\OneDrive\Imagens\Desktop\Excel\Analise de AHT - Chat2 - .zip\</t>
  </si>
  <si>
    <t>Analise de AHT - Chat - .xls</t>
  </si>
  <si>
    <t>C:\Users\hugooc\OneDrive\Imagens\Desktop\Excel\Analise de AHT - Chat.zip\</t>
  </si>
  <si>
    <t>Analise de AHT - Chat - Fevereiro.xls</t>
  </si>
  <si>
    <t>Analise de AHT - Chat - Janeiro.xls</t>
  </si>
  <si>
    <t>C:\Users\hugooc\OneDrive\Imagens\Desktop\Excel\Analise de AHT - Chat - .zip\</t>
  </si>
  <si>
    <t>Amex Campanhas.xls</t>
  </si>
  <si>
    <t>Alteração Pol's.xlsx</t>
  </si>
  <si>
    <t>AHT TSC Chat.xls</t>
  </si>
  <si>
    <t>AHT Retenção e Mr Bônus.xls</t>
  </si>
  <si>
    <t>AHT Lei Sac2.xls</t>
  </si>
  <si>
    <t>AHT Lei Sac.xls</t>
  </si>
  <si>
    <t>AHT de Bônus.xls</t>
  </si>
  <si>
    <t>Agências VM e Privat Label.xlsx</t>
  </si>
  <si>
    <t>Agências VM.xlsx</t>
  </si>
  <si>
    <t>AGENCIAS VMC novo calculo de improdutividade.xlsx</t>
  </si>
  <si>
    <t>Agências 80X20 e 90X10.xlsx</t>
  </si>
  <si>
    <t>Agências com acrecimo de volume.xlsx</t>
  </si>
  <si>
    <t>Acs_Analítico_Fechamento_Maio_2012.xls</t>
  </si>
  <si>
    <t>ACS ANALÍTICO.xls</t>
  </si>
  <si>
    <t>ACS ANALÍTICO - GRID.xlsx</t>
  </si>
  <si>
    <t>Acompanhamento.xlsx</t>
  </si>
  <si>
    <t>Acompanhamento Intradiário AMEX GRCC.xls</t>
  </si>
  <si>
    <t>Acompanhamento Financeiro VISA - Agosto 2011.xls</t>
  </si>
  <si>
    <t>Acompanhamento Financeiro RCP - Agosto 2011.xls</t>
  </si>
  <si>
    <t>Acompanhamento Financeiro GRCC - Agosto 2011.xls</t>
  </si>
  <si>
    <t>Acompanhamento Financeiro CHAT- Novembro 2011.xls</t>
  </si>
  <si>
    <t>Acompanhamento Financeiro CHAT- Dezembro 2011 -1.xls</t>
  </si>
  <si>
    <t>Acompanhamento Financeiro Agências 90 10 - Novembro 2011.xls</t>
  </si>
  <si>
    <t>C:\Users\hugooc\OneDrive\Imagens\Desktop\Excel\Acompanhamento Control Desk 1 (Salvo automaticamente).zip\</t>
  </si>
  <si>
    <t>Acompanhamento Control Desk 1 (Salvo automaticamente).xlsx</t>
  </si>
  <si>
    <t>Planilha de ComissÆo Antecipa‡Æo Receb¡veis Junho_2012 ok.xls</t>
  </si>
  <si>
    <t>20120713_Eborges_Grid.xlsx</t>
  </si>
  <si>
    <t>20120713_Eborges_Carteira_Grid.xlsx</t>
  </si>
  <si>
    <t>20120608_Eborges_Grid_Contato - Qda por carteira -.xlsx</t>
  </si>
  <si>
    <t>12 DEZEMBRO 2010 OCUPACAO E ATENDIMENTO SIMULTANEO CHAT.xls</t>
  </si>
  <si>
    <t>1 - GRID_PROSPECT_CARTEIRAS_JUNHO.xlsm</t>
  </si>
  <si>
    <t>1 - Grid Prospect's JULHO.xlsx</t>
  </si>
  <si>
    <t>% Meta - Canal Interno3.xls</t>
  </si>
  <si>
    <t>% Meta - Canal Interno.xls</t>
  </si>
  <si>
    <t>C:\Users\hugooc\OneDrive\Imagens\Desktop\Extratores\</t>
  </si>
  <si>
    <t>EXTRATOR_WELL.xls</t>
  </si>
  <si>
    <t>EXTRATOR_VDN_TEMPO_URA.xls</t>
  </si>
  <si>
    <t>EXTRATOR_VDN_entrantes_atend_aband_other.xls</t>
  </si>
  <si>
    <t>EXTRATOR_VDN_40.xls</t>
  </si>
  <si>
    <t>EXTRATOR_VDN.xls</t>
  </si>
  <si>
    <t>EXTRATOR_TURACATO_TODOS_NS.xls</t>
  </si>
  <si>
    <t>EXTRATOR_TURACATO_PARA_CURVAS_MEIA_HORA.xls</t>
  </si>
  <si>
    <t>EXTRATOR_TRANSFERIDAS_REALIZADAS_ATENDIDAS.xls</t>
  </si>
  <si>
    <t>EXTRATOR_TODOS_NS_AMEX.xls</t>
  </si>
  <si>
    <t>EXTRATOR_TEMPOS_DO_TEMPO_LOGADO_SKILL.xls</t>
  </si>
  <si>
    <t>EXTRATOR_TEMPOS_DO_TEMPO_LOGADO.xls</t>
  </si>
  <si>
    <t>EXTRATOR_TELEVENDAS.xls</t>
  </si>
  <si>
    <t>EXTRATOR_SKILL_MENSAL.xls</t>
  </si>
  <si>
    <t>EXTRATOR_SKILL.xls</t>
  </si>
  <si>
    <t>EXTRATOR_ROGERIO_TMC_NET2.xls</t>
  </si>
  <si>
    <t>EXTRATOR_ROGERIO_TMC_NET.xls</t>
  </si>
  <si>
    <t>EXTRATOR_RECEPTIVO_MENSAL.xls</t>
  </si>
  <si>
    <t>EXTRATOR_RECEPTIVO_LEANDRO.xls</t>
  </si>
  <si>
    <t>EXTRATOR_RECEPTIVO_CE_CA_AHT_CANS_ABN_MAXPA.xls</t>
  </si>
  <si>
    <t>EXTRATOR_RECEPTIVO_MENSAL_NS6_NS8_TMA_AHT.xls</t>
  </si>
  <si>
    <t>EXTRATOR_PRODUTIVIDADE_LOGADA.xls</t>
  </si>
  <si>
    <t>EXTRATOR_PARA_CURVAS.xls</t>
  </si>
  <si>
    <t>EXTRATOR_LOGIN_LOGOUT_SKILLMAX_MIN.xls</t>
  </si>
  <si>
    <t>EXTRATOR_LOGIN_LOGOUT_AGENTE MUITAS LINHAS.xls</t>
  </si>
  <si>
    <t>EXTRATOR_LOGIN_LOGOUT_AGENTE MUITAS LINHAS COM TEMPO LOGADO.xls</t>
  </si>
  <si>
    <t>EXTRATOR_Lincoln.xls</t>
  </si>
  <si>
    <t>EXTRATOR_leandro antonio.xls</t>
  </si>
  <si>
    <t>EXTRATOR_LOGIN_LOGOUT_SKILL COM TEMPO LOGADO.xls</t>
  </si>
  <si>
    <t>EXTRATOR_JUNIN.xls</t>
  </si>
  <si>
    <t>EXTRATOR_INTERVALO_CE_AHT.xls</t>
  </si>
  <si>
    <t>EXTRATOR_FRANCIELE_PARA_CURVAS_MEIA_HORA.xls</t>
  </si>
  <si>
    <t>EXTRATOR_EVERTON_BA.xls</t>
  </si>
  <si>
    <t>EXTRATOR_EMERSON_TMC_C.OUT_TEMPO_OUT.xls</t>
  </si>
  <si>
    <t>EXTRATOR_EDUARDO_POLICARD_MENSAL.xls</t>
  </si>
  <si>
    <t>EXTRATOR_ECH_SKILL FILTRO POR SEGSTART.xls</t>
  </si>
  <si>
    <t>EXTRATOR_ECH_POR_ID (2).xls</t>
  </si>
  <si>
    <t>EXTRATOR_ECH.xls</t>
  </si>
  <si>
    <t>EXTRATOR_DISPONIBILIDADE_ESCALADA.xls</t>
  </si>
  <si>
    <t>EXTRATOR_DIEGO_HUMBERTO_TMA_POR AGENTE USANDO SKILL COMO FILTRO.xls</t>
  </si>
  <si>
    <t>EXTRATOR_DIEGO_HUMBERT(GLS).xls</t>
  </si>
  <si>
    <t>EXTRATOR_DIEGOHG_MAX_STAFFED.xls</t>
  </si>
  <si>
    <t>EXTRATOR_DEYVAO.xls</t>
  </si>
  <si>
    <t>EXTRATOR_DADOS_AMEX_SMS.xlsm</t>
  </si>
  <si>
    <t>Extrator_Curva Intradiáia_.xls</t>
  </si>
  <si>
    <t>EXTRATOR_CONSULTORIA_INTERVALO.xls</t>
  </si>
  <si>
    <t>EXTRATOR_CONSULTORIA_INTERVALO BIASI.xls</t>
  </si>
  <si>
    <t>EXTRATOR_CONSULTORIA.xls</t>
  </si>
  <si>
    <t>EXTRATOR_CTBC.xls</t>
  </si>
  <si>
    <t>EXTRATOR_claro.xls</t>
  </si>
  <si>
    <t>EXTRATOR_chamadas, aht e ns dia a dia.xls</t>
  </si>
  <si>
    <t>EXTRATOR_chamadas e aht meia hora.xls</t>
  </si>
  <si>
    <t>EXTRATOR_chamadas e aht dia a dia.xls</t>
  </si>
  <si>
    <t>EXTRATOR_CARLOS_MAX_STAFFED.xls</t>
  </si>
  <si>
    <t>EXTRATOR_BRUNO_MAX PA.xls</t>
  </si>
  <si>
    <t>EXTRATOR_chamadas e aht meia hora (2).xls</t>
  </si>
  <si>
    <t>EXTRATOR_BIO_TEMPOS_OUT.xls</t>
  </si>
  <si>
    <t>EXTRATOR_AMEX ROGER.xls</t>
  </si>
  <si>
    <t>EXTRATOR_AMEX ROGER MEIA HORA.xls</t>
  </si>
  <si>
    <t>EXTRATOR_AGENTE_TMC_C.OUT_TEMPO_OUT.xls</t>
  </si>
  <si>
    <t>EXTRATOR_AGENTE_INTERVALO_TEMPO LOGADO.xls</t>
  </si>
  <si>
    <t>EXTRATOR_AGENTE_INTERVALO_TEMPO LOGADO (2).xls</t>
  </si>
  <si>
    <t>EXTRATOR_AGENTE_FATURAMENTO_TIM_LUCIANA.xls</t>
  </si>
  <si>
    <t>EXTRATOR_AGENTE_ESPECIALIDADE_DIARIO.xls</t>
  </si>
  <si>
    <t>EXTRATOR_AGENTE_DIEGO_TRANSFERIDAS.xls</t>
  </si>
  <si>
    <t>EXTRATOR_AGENTE_DIARIO.xls</t>
  </si>
  <si>
    <t>EXTRATOR_AGENTE_CARINA.xls</t>
  </si>
  <si>
    <t>EXTRATORTRICARD.xls</t>
  </si>
  <si>
    <t>EXTRATOR2.xls</t>
  </si>
  <si>
    <t>EXTRATOR.xls</t>
  </si>
  <si>
    <t>extrator turcato todos NS.xls</t>
  </si>
  <si>
    <t>EXTRATOR SEU JORGE.xls</t>
  </si>
  <si>
    <t>EXTRATOR CARINA.xls</t>
  </si>
  <si>
    <t>ACHADOR DE CHAMADAS_QLD_NOVO_SERVIDOR.xls</t>
  </si>
  <si>
    <t>ACHADOR DE CHAMADAS_QLD_CPS.xls</t>
  </si>
  <si>
    <t>C:\Users\hugooc\OneDrive\Documentos\CDV\CDV_WEB\CallView\Proposta SaaS.zip\</t>
  </si>
  <si>
    <t>BD TELECOM CallView.xls</t>
  </si>
  <si>
    <t>Volumetria CallView.xls</t>
  </si>
  <si>
    <t>C:\Users\hugooc\OneDrive\Documentos\FACULDADE\2016 - 2°\Engenharia de Métodos\Engenharia de Métodos.zip\</t>
  </si>
  <si>
    <t>APS ENG METODO.xlsx</t>
  </si>
  <si>
    <t>C:\Users\hugooc\OneDrive\Documentos\FACULDADE\2016 - 2°\Engenharia de Métodos\Engenharia de Métodos.zip\MatÃ©ria\</t>
  </si>
  <si>
    <t>Engenharia de metodo 3.xlsx</t>
  </si>
  <si>
    <t>C:\Users\hugooc\OneDrive\Documentos\CDV\CDV_WEB\CallView\</t>
  </si>
  <si>
    <t>Checklist de Piloto e Projetos de Inovação - Algar Tech - v3.xlsx</t>
  </si>
  <si>
    <t>Engenharia de Metodos_T1.xlsx</t>
  </si>
  <si>
    <t>Engenharia de Metodos_V1.xlsx</t>
  </si>
  <si>
    <t>Folga e interverencia.xlsx</t>
  </si>
  <si>
    <t>C:\Users\hugooc\OneDrive\Documentos\FACULDADE\2016 - 2°\Engenharia de Métodos\</t>
  </si>
  <si>
    <t>C:\Users\hugooc\OneDrive\Documentos\FINANCEIRO\2019\01 - JANEIRO\</t>
  </si>
  <si>
    <t>C:\Users\hugooc\OneDrive\Documentos\FINANCEIRO\2019\02 - FEVEREIRO\</t>
  </si>
  <si>
    <t>EXTRATO CARTÃO 02.xlsx</t>
  </si>
  <si>
    <t>C:\Users\hugooc\OneDrive\Documentos\FINANCEIRO\2019\03 - MARÇO\</t>
  </si>
  <si>
    <t>HUGO_ORÇAMENTO_2019_03.xlsm</t>
  </si>
  <si>
    <t>HUGO_ORÇAMENTO_2019.xlsm</t>
  </si>
  <si>
    <t>EXTRATO CARTÃO 03.xlsx</t>
  </si>
  <si>
    <t>C:\Users\hugooc\OneDrive\Documentos\FINANCEIRO\2019\04 - ABRIL\</t>
  </si>
  <si>
    <t>EXTRATO CARTÃO 04.xlsx</t>
  </si>
  <si>
    <t>C:\Users\hugooc\OneDrive\Documentos\FINANCEIRO\2019\05 - MAIO\</t>
  </si>
  <si>
    <t>EXTRATO CARTÃO 05.xlsx</t>
  </si>
  <si>
    <t>C:\Users\hugooc\OneDrive\Documentos\FINANCEIRO\HISTORICO\2014\</t>
  </si>
  <si>
    <t>HUGO_ORÇAMENTO_2014.xlsm</t>
  </si>
  <si>
    <t>C:\Users\hugooc\OneDrive\Imagens\Desktop\Excel\Prova\Prova_ATJ 02042008.zip\</t>
  </si>
  <si>
    <t>Analise case trafego.xls</t>
  </si>
  <si>
    <t>Calculo de AHT.xls</t>
  </si>
  <si>
    <t>Calculo de assiduidade.xls</t>
  </si>
  <si>
    <t>Calculo de contact rate.xls</t>
  </si>
  <si>
    <t>Calculo de PCA.xls</t>
  </si>
  <si>
    <t>Calculo de volume.xls</t>
  </si>
  <si>
    <t>Calculo NS.xls</t>
  </si>
  <si>
    <t>Calculo tempo medio de abandono.xls</t>
  </si>
  <si>
    <t>Calculo TME.xls</t>
  </si>
  <si>
    <t>Importante.xls</t>
  </si>
  <si>
    <t>Prova Teste.xls</t>
  </si>
  <si>
    <t>Prova_ATJ 02042008.xls</t>
  </si>
  <si>
    <t>C:\Users\hugooc\OneDrive\Imagens\Desktop\Excel\Prova\</t>
  </si>
  <si>
    <t>C:\Users\hugooc\OneDrive\Imagens\Desktop\Excel\Prova\Prova_ATJ 02042008 (2).zip\</t>
  </si>
  <si>
    <t>C:\Users\hugooc\OneDrive\Imagens\Desktop\Excel\Prova\Provas.zip\</t>
  </si>
  <si>
    <t>Alinhamento e Nivelamento.xls</t>
  </si>
  <si>
    <t>Cópia de Prova_ATJ 08042008 _Gabarito.xls</t>
  </si>
  <si>
    <t>Prova Avaliacao do TIME 1 - DOUGLAS ALANN.xls</t>
  </si>
  <si>
    <t>Prova Excel.xls</t>
  </si>
  <si>
    <t>Prova PCP Analista Jan-2010-orig.xls</t>
  </si>
  <si>
    <t>Prova PCP Analista Jan-2010.xls</t>
  </si>
  <si>
    <t>Prova sem resposta.xls</t>
  </si>
  <si>
    <t>Prova-Analist.xls</t>
  </si>
  <si>
    <t>C:\Users\hugooc\OneDrive\Imagens\Desktop\Excel\Prova\Provas.zip\Provas\</t>
  </si>
  <si>
    <t>Prova_Teste.xls</t>
  </si>
  <si>
    <t>Pré-Teste.xls</t>
  </si>
  <si>
    <t>C:\Users\hugooc\OneDrive\Imagens\Desktop\Excel\Prova\Provas.zip\Provas\Provas.rar\</t>
  </si>
  <si>
    <t>CÃ³pia de Prova_ATJ 08042008 _Gabarito.xls</t>
  </si>
  <si>
    <t>C:\Users\hugooc\OneDrive\Imagens\Desktop\Excel\Prova\Provas.rar\</t>
  </si>
  <si>
    <t>C:\Users\hugooc\OneDrive\Imagens\Desktop\Excel\Prova\Provas Praticar.zip\Provas Praticar\</t>
  </si>
  <si>
    <t>C¢pia de Prova Analita de PCP Jr.xls</t>
  </si>
  <si>
    <t>C¢pia de Prova PCP Analista Jan-2010_LORAINE.xls</t>
  </si>
  <si>
    <t>Prova (4).xls</t>
  </si>
  <si>
    <t>Prova Analita de PCP Jr. V2 (2).xls</t>
  </si>
  <si>
    <t>Prova Avalia‡Æo do TIME 1Sem 2010.xls</t>
  </si>
  <si>
    <t>PROVA DE EXCEL - Thomaz Falbo.xls</t>
  </si>
  <si>
    <t>PROVA_APLICAR.xls</t>
  </si>
  <si>
    <t>PROVA.xls</t>
  </si>
  <si>
    <t>Prova-Analist (2).xls</t>
  </si>
  <si>
    <t>prova reciocinio.xlsx</t>
  </si>
  <si>
    <t>Prova PCP Analista Jan-2010 (2).xls</t>
  </si>
  <si>
    <t>PROVA DE EXCEL JOAO V.xls</t>
  </si>
  <si>
    <t>PROVA DE EXCEL (LIMPA).xls</t>
  </si>
  <si>
    <t>PROVA DE EXCEL (FEITA).xls</t>
  </si>
  <si>
    <t>Prova Analita de PCP Jr. V2.xls</t>
  </si>
  <si>
    <t>Prova Analista de PCP Jr.xls</t>
  </si>
  <si>
    <t>PROVA (2).xls</t>
  </si>
  <si>
    <t>Análise de contas_prova.xlsx</t>
  </si>
  <si>
    <t>C:\Users\hugooc\OneDrive\Imagens\Desktop\Legal\Treinamento\Nivelamento.zip\</t>
  </si>
  <si>
    <t>Calculadora - Com Curva.xlsx</t>
  </si>
  <si>
    <t>Calculadora - Sem Curva.xlsx</t>
  </si>
  <si>
    <t>C:\Users\hugooc\OneDrive\Imagens\Desktop\Mapeamentos\Mapas\</t>
  </si>
  <si>
    <t>Mapeamento GRCC.xls</t>
  </si>
  <si>
    <t>C:\Users\hugooc\OneDrive\Documentos\FACULDADE\2016 - 1°\Gestão de Projetos\Materia\</t>
  </si>
  <si>
    <t>RACI.xlsx</t>
  </si>
  <si>
    <t>Projeto - Sequenciamento de atividade.xlsx</t>
  </si>
  <si>
    <t>C:\Users\hugooc\OneDrive\Documentos\FACULDADE\2016 - 2°\Engenharia de Métodos\Matéria\</t>
  </si>
  <si>
    <t>C:\Users\hugooc\OneDrive\Documentos\FACULDADE\2017 - 1°\Gestão de Custos\MATERIA\</t>
  </si>
  <si>
    <t>GESTÃO DE CUSTO - CALCULOS.xlsx</t>
  </si>
  <si>
    <t>C:\Users\hugooc\OneDrive\Documentos\FACULDADE\2017 - 1°\Trabalho de Conclusão de Curso\MATERIAL\</t>
  </si>
  <si>
    <t>Controle.xlsx</t>
  </si>
  <si>
    <t>C:\Users\hugooc\OneDrive\Documentos\FINANCEIRO\HISTORICO\2014\08 AGOSTO\</t>
  </si>
  <si>
    <t>HUGO_ORÇAMENTO_18_08_2014.xlsm</t>
  </si>
  <si>
    <t>C:\Users\hugooc\OneDrive\Documentos\FINANCEIRO\HISTORICO\2014\09 SETEMBRO\</t>
  </si>
  <si>
    <t>HUGO_ORÇAMENTO_13_09_2014.xlsm</t>
  </si>
  <si>
    <t>HUGO_ORÇAMENTO_03_09_2014.xlsm</t>
  </si>
  <si>
    <t>HUGO_ORÇAMENTO_01_09_2014.xlsm</t>
  </si>
  <si>
    <t>C:\Users\hugooc\OneDrive\Documentos\FINANCEIRO\HISTORICO\2014\10 OUTUBRO\</t>
  </si>
  <si>
    <t>HUGO_ORÇAMENTO_30_10_2014.xlsm</t>
  </si>
  <si>
    <t>HUGO_ORÇAMENTO_29_10_2014.xlsm</t>
  </si>
  <si>
    <t>HUGO_ORÇAMENTO_06_10_2014.xlsm</t>
  </si>
  <si>
    <t>HUGO_ORÇAMENTO_01_10_2014.xlsm</t>
  </si>
  <si>
    <t>GASTO_COM_GASOLINA_30_10_14.xlsm</t>
  </si>
  <si>
    <t>GASTO_COM_GASOLINA_29_10_14.xlsm</t>
  </si>
  <si>
    <t>C:\Users\hugooc\OneDrive\Documentos\FINANCEIRO\HISTORICO\2014\11 NOVEMBRO\</t>
  </si>
  <si>
    <t>HUGO_ORÇAMENTO_28_11_2014.xlsm</t>
  </si>
  <si>
    <t>HUGO_ORÇAMENTO_26_11_2014.xlsm</t>
  </si>
  <si>
    <t>HUGO_ORÇAMENTO_04_11_2014.xlsm</t>
  </si>
  <si>
    <t>C:\Users\hugooc\OneDrive\Documentos\FINANCEIRO\HISTORICO\2014\12 DEZEMBRO\</t>
  </si>
  <si>
    <t>HUGO_ORÇAMENTO_19_12_2014.xlsm</t>
  </si>
  <si>
    <t>HUGO_ORÇAMENTO_12_12_2014.xlsm</t>
  </si>
  <si>
    <t>HUGO_ORÇAMENTO_05_12_2014.xlsm</t>
  </si>
  <si>
    <t>GASTO_COM_GASOLINA_12_12_14.xlsm</t>
  </si>
  <si>
    <t>C:\Users\hugooc\OneDrive\Documentos\FINANCEIRO\HISTORICO\2014\2014-PC-SABRINA\</t>
  </si>
  <si>
    <t>C:\Users\hugooc\OneDrive\Documentos\FINANCEIRO\HISTORICO\2015\01 - JANEIRO\</t>
  </si>
  <si>
    <t>HUGO_ORÇAMENTO_27_01_2015.xlsm</t>
  </si>
  <si>
    <t>HUGO_ORÇAMENTO_22_01_2015.xlsm</t>
  </si>
  <si>
    <t>HUGO_ORÇAMENTO_20_01_2015.xlsm</t>
  </si>
  <si>
    <t>HUGO_ORÇAMENTO_14_01_2015.xlsm</t>
  </si>
  <si>
    <t>HUGO_ORÇAMENTO_10_01_2015.xlsm</t>
  </si>
  <si>
    <t>HUGO_ORÇAMENTO_07_01_2015.xlsm</t>
  </si>
  <si>
    <t>HUGO_ORÇAMENTO_05_01_2015.xlsm</t>
  </si>
  <si>
    <t>HUGO_ORÇAMENTO_02_01_2015.xlsm</t>
  </si>
  <si>
    <t>HUGO_ORÇAMENTO_01_01_2015.xlsm</t>
  </si>
  <si>
    <t>C:\Users\hugooc\OneDrive\Documentos\FINANCEIRO\HISTORICO\2015\02 - FEVEREIRO\</t>
  </si>
  <si>
    <t>HUGO_ORÇAMENTO_24_02_2015.xlsm</t>
  </si>
  <si>
    <t>HUGO_ORÇAMENTO_19_02_2015.xlsm</t>
  </si>
  <si>
    <t>HUGO_ORÇAMENTO_18_02_2015.xlsm</t>
  </si>
  <si>
    <t>HUGO_ORÇAMENTO_13_02_2015.xlsm</t>
  </si>
  <si>
    <t>HUGO_ORÇAMENTO_05_02_2015.xlsm</t>
  </si>
  <si>
    <t>C:\Users\hugooc\OneDrive\Documentos\FINANCEIRO\HISTORICO\2015\03 - MARÇO\</t>
  </si>
  <si>
    <t>HUGO_ORÇAMENTO_30_03_2015.xlsm</t>
  </si>
  <si>
    <t>HUGO_ORÇAMENTO_23_03_2015.xlsm</t>
  </si>
  <si>
    <t>HUGO_ORÇAMENTO_19_03_2015.xlsm</t>
  </si>
  <si>
    <t>HUGO_ORÇAMENTO_18_03_2015.xlsm</t>
  </si>
  <si>
    <t>HUGO_ORÇAMENTO_09_03_2015.xlsm</t>
  </si>
  <si>
    <t>HUGO_ORÇAMENTO_02_03_2015.xlsm</t>
  </si>
  <si>
    <t>C:\Users\hugooc\OneDrive\Documentos\FINANCEIRO\HISTORICO\2015\04 - ABRIL\</t>
  </si>
  <si>
    <t>HUGO_ORÇAMENTO_28_04_2015.xlsm</t>
  </si>
  <si>
    <t>HUGO_ORÇAMENTO_21_04_2015.xlsm</t>
  </si>
  <si>
    <t>HUGO_ORÇAMENTO_13_04_2015.xlsm</t>
  </si>
  <si>
    <t>HUGO_ORÇAMENTO_06_04_2015.xlsm</t>
  </si>
  <si>
    <t>C:\Users\hugooc\OneDrive\Documentos\FINANCEIRO\HISTORICO\2015\05 - MAIO\</t>
  </si>
  <si>
    <t>HUGO_ORÇAMENTO_29_05_2015.xlsm</t>
  </si>
  <si>
    <t>HUGO_ORÇAMENTO_25_05_2015.xlsm</t>
  </si>
  <si>
    <t>HUGO_ORÇAMENTO_21_05_2015.xlsm</t>
  </si>
  <si>
    <t>HUGO_ORÇAMENTO_14_05_2015.xlsm</t>
  </si>
  <si>
    <t>HUGO_ORÇAMENTO_12_05_2015.xlsm</t>
  </si>
  <si>
    <t>HUGO_ORÇAMENTO_05_05_2015.xlsm</t>
  </si>
  <si>
    <t>HUGO_ORÇAMENTO_01_05_2015.xlsm</t>
  </si>
  <si>
    <t>CONSTRUÇÃO_21_05_2015.xlsm</t>
  </si>
  <si>
    <t>CONSTRUÇÃO_12_05_2015.xlsm</t>
  </si>
  <si>
    <t>C:\Users\hugooc\OneDrive\Documentos\FINANCEIRO\HISTORICO\2015\06 - JUNHO\</t>
  </si>
  <si>
    <t>HUGO_ORÇAMENTO_21_06_2015.xlsm</t>
  </si>
  <si>
    <t>HUGO_ORÇAMENTO_13_06_2015.xlsm</t>
  </si>
  <si>
    <t>HUGO_ORÇAMENTO_08_06_2015.xlsm</t>
  </si>
  <si>
    <t>CONSTRUÇÃO_01_06_2015.xlsm</t>
  </si>
  <si>
    <t>C:\Users\hugooc\OneDrive\Documentos\FINANCEIRO\HISTORICO\2015\07 - JULHO\</t>
  </si>
  <si>
    <t>HUGO_ORÇAMENTO_26_07_2015.xlsm</t>
  </si>
  <si>
    <t>HUGO_ORÇAMENTO_18_07_2015.xlsm</t>
  </si>
  <si>
    <t>HUGO_ORÇAMENTO_14_07_2015.xlsm</t>
  </si>
  <si>
    <t>HUGO_ORÇAMENTO_09_07_2015.xlsm</t>
  </si>
  <si>
    <t>HUGO_ORÇAMENTO_06_07_2015.xlsm</t>
  </si>
  <si>
    <t>HUGO_ORÇAMENTO_02_07_2015.xlsm</t>
  </si>
  <si>
    <t>CONSTRUÇÃO_26_07_2015.xlsm</t>
  </si>
  <si>
    <t>C:\Users\hugooc\OneDrive\Documentos\FINANCEIRO\HISTORICO\2015\08 - AGOSTO\</t>
  </si>
  <si>
    <t>HUGO_ORÇAMENTO_30_08_2015.xlsm</t>
  </si>
  <si>
    <t>HUGO_ORÇAMENTO_23_08_2015.xlsm</t>
  </si>
  <si>
    <t>HUGO_ORÇAMENTO_14_08_2015.xlsm</t>
  </si>
  <si>
    <t>HUGO_ORÇAMENTO_11_08_2015.xlsm</t>
  </si>
  <si>
    <t>HUGO_ORÇAMENTO_06_08_2015.xlsm</t>
  </si>
  <si>
    <t>HUGO_ORÇAMENTO_01_08_2015.xlsm</t>
  </si>
  <si>
    <t>CONSTRUÇÃO_23_08_2015.xlsm</t>
  </si>
  <si>
    <t>CONSTRUÇÃO_16_08_2015.xlsm</t>
  </si>
  <si>
    <t>CONSTRUÇÃO_01_08_2015.xlsm</t>
  </si>
  <si>
    <t>C:\Users\hugooc\OneDrive\Documentos\FINANCEIRO\HISTORICO\2015\09 - SETEMBRO\</t>
  </si>
  <si>
    <t>HUGO_ORÇAMENTO_27_09_2015.xlsm</t>
  </si>
  <si>
    <t>HUGO_ORÇAMENTO_19_09_2015.xlsm</t>
  </si>
  <si>
    <t>HUGO_ORÇAMENTO_13_09_2015.xlsm</t>
  </si>
  <si>
    <t>HUGO_ORÇAMENTO_08_09_2015.xlsm</t>
  </si>
  <si>
    <t>HUGO_ORÇAMENTO_04_09_2015.xlsm</t>
  </si>
  <si>
    <t>HUGO_ORÇAMENTO_02_09_2015.xlsm</t>
  </si>
  <si>
    <t>CONSTRUÇÃO_27_09_2015.xlsm</t>
  </si>
  <si>
    <t>CONSTRUÇÃO_04_09_2015.xlsm</t>
  </si>
  <si>
    <t>C:\Users\hugooc\OneDrive\Documentos\FINANCEIRO\HISTORICO\2015\10 - OUTUBRO\</t>
  </si>
  <si>
    <t>HUGO_ORÇAMENTO_27_10_2015.xlsm</t>
  </si>
  <si>
    <t>HUGO_ORÇAMENTO_17_10_2015.xlsm</t>
  </si>
  <si>
    <t>HUGO_ORÇAMENTO_09_10_2015.xlsm</t>
  </si>
  <si>
    <t>HUGO_ORÇAMENTO_04_10_2015.xlsm</t>
  </si>
  <si>
    <t>HUGO_ORÇAMENTO_01_10_2015.xlsm</t>
  </si>
  <si>
    <t>CONSTRUÇÃO_04_10_2015.xlsm</t>
  </si>
  <si>
    <t>C:\Users\hugooc\OneDrive\Documentos\FINANCEIRO\HISTORICO\2015\11 - NOVEMBRO\</t>
  </si>
  <si>
    <t>HUGO_ORÇAMENTO_28_11_2015.xlsm</t>
  </si>
  <si>
    <t>HUGO_ORÇAMENTO_08_11_2015.xlsm</t>
  </si>
  <si>
    <t>C:\Users\hugooc\OneDrive\Documentos\FINANCEIRO\HISTORICO\2015\12 - DEZEMBRO\</t>
  </si>
  <si>
    <t>HUGO_ORÇAMENTO_31_12_2015.xlsm</t>
  </si>
  <si>
    <t>HUGO_ORÇAMENTO_24_12_2015.xlsm</t>
  </si>
  <si>
    <t>HUGO_ORÇAMENTO_20_12_2015.xlsm</t>
  </si>
  <si>
    <t>HUGO_ORÇAMENTO_12_12_2015.xlsm</t>
  </si>
  <si>
    <t>HUGO_ORÇAMENTO_10_12_2015.xlsm</t>
  </si>
  <si>
    <t>HUGO_ORÇAMENTO_07_12_2015.xlsm</t>
  </si>
  <si>
    <t>C:\Users\hugooc\OneDrive\Documentos\FINANCEIRO\HISTORICO\2016\01 - JANEIRO\</t>
  </si>
  <si>
    <t>HUGO_ORÇAMENTO_18_01_2016.xlsm</t>
  </si>
  <si>
    <t>HUGO_ORÇAMENTO_08_01_2016.xlsm</t>
  </si>
  <si>
    <t>HUGO_ORÇAMENTO_05_01_2016.xlsm</t>
  </si>
  <si>
    <t>HUGO_ORÇAMENTO_01_01_2016.xlsm</t>
  </si>
  <si>
    <t>HUGO_ORÇAMENTO_03_01_2016.xlsm</t>
  </si>
  <si>
    <t>C:\Users\hugooc\OneDrive\Documentos\FINANCEIRO\HISTORICO\2016\02 - FEVEREIRO\</t>
  </si>
  <si>
    <t>HUGO_ORÇAMENTO_28_02_2016.xlsm</t>
  </si>
  <si>
    <t>HUGO_ORÇAMENTO_17_02_2016.xlsm</t>
  </si>
  <si>
    <t>HUGO_ORÇAMENTO_16_02_2016.xlsm</t>
  </si>
  <si>
    <t>HUGO_ORÇAMENTO_08_02_2016.xlsm</t>
  </si>
  <si>
    <t>HUGO_ORÇAMENTO_01_02_2016.xlsm</t>
  </si>
  <si>
    <t>C:\Users\hugooc\OneDrive\Documentos\FINANCEIRO\HISTORICO\2016\03 - MARÇO\</t>
  </si>
  <si>
    <t>HUGO_ORÇAMENTO_18_03_2016.xlsm</t>
  </si>
  <si>
    <t>HUGO_ORÇAMENTO_27_03_2016.xlsm</t>
  </si>
  <si>
    <t>HUGO_ORÇAMENTO_09_03_2016.xlsm</t>
  </si>
  <si>
    <t>HUGO_ORÇAMENTO_06_03_2016.xlsm</t>
  </si>
  <si>
    <t>C:\Users\hugooc\OneDrive\Documentos\FINANCEIRO\HISTORICO\2016\04 - ABRIL\</t>
  </si>
  <si>
    <t>HUGO_ORÇAMENTO_18_04_2016.xlsm</t>
  </si>
  <si>
    <t>HUGO_ORÇAMENTO_15_04_2016.xlsm</t>
  </si>
  <si>
    <t>HUGO_ORÇAMENTO_10_04_2016.xlsm</t>
  </si>
  <si>
    <t>HUGO_ORÇAMENTO_05_04_2016.xlsm</t>
  </si>
  <si>
    <t>Carro possibilidades.xlsx</t>
  </si>
  <si>
    <t>C:\Users\hugooc\OneDrive\Documentos\FINANCEIRO\HISTORICO\2016\05 - MAIO\</t>
  </si>
  <si>
    <t>HUGO_ORÇAMENTO_27_05_2016.xlsm</t>
  </si>
  <si>
    <t>HUGO_ORÇAMENTO_27_05_2016 - Cópia.xlsm</t>
  </si>
  <si>
    <t>HUGO_ORÇAMENTO_26_05_2016.xlsm</t>
  </si>
  <si>
    <t>HUGO_ORÇAMENTO_09_05_2016.xlsm</t>
  </si>
  <si>
    <t>HUGO_ORÇAMENTO_12_05_2016.xlsm</t>
  </si>
  <si>
    <t>HUGO_ORÇAMENTO_07_05_2016.xlsm</t>
  </si>
  <si>
    <t>HUGO_ORÇAMENTO_03_05_2016.xlsm</t>
  </si>
  <si>
    <t>C:\Users\hugooc\OneDrive\Documentos\FINANCEIRO\HISTORICO\2016\06 - JUNHO\</t>
  </si>
  <si>
    <t>HUGO_ORÇAMENTO_23_06_2016.xlsm</t>
  </si>
  <si>
    <t>HUGO_ORÇAMENTO_23_06_2016 - Cópia.xlsm</t>
  </si>
  <si>
    <t>HUGO_ORÇAMENTO_19_06_2016.xlsm</t>
  </si>
  <si>
    <t>HUGO_ORÇAMENTO_09_06_2016.xlsm</t>
  </si>
  <si>
    <t>C:\Users\hugooc\OneDrive\Documentos\FINANCEIRO\HISTORICO\2016\07 - JULHO\</t>
  </si>
  <si>
    <t>HUGO_ORÇAMENTO_10_07_2016.xlsm</t>
  </si>
  <si>
    <t>HUGO_ORÇAMENTO_03_07_2016.xlsm</t>
  </si>
  <si>
    <t>C:\Users\hugooc\OneDrive\Documentos\FINANCEIRO\HISTORICO\2016\08 - AGOSTO\</t>
  </si>
  <si>
    <t>HUGO_ORÇAMENTO_20_08_2016.xlsm</t>
  </si>
  <si>
    <t>HUGO_ORÇAMENTO_15_08_2016.xlsm</t>
  </si>
  <si>
    <t>HUGO_ORÇAMENTO_01_08_2016.xlsm</t>
  </si>
  <si>
    <t>C:\Users\hugooc\OneDrive\Documentos\FINANCEIRO\HISTORICO\2016\09 - SETEMBRO\</t>
  </si>
  <si>
    <t>HUGO_ORÇAMENTO_24_09_2016.xlsm</t>
  </si>
  <si>
    <t>HUGO_ORÇAMENTO_18_09_2016.xlsm</t>
  </si>
  <si>
    <t>HUGO_ORÇAMENTO_07_09_2016.xlsm</t>
  </si>
  <si>
    <t>HUGO_ORÇAMENTO_05_09_2016.xlsm</t>
  </si>
  <si>
    <t>C:\Users\hugooc\OneDrive\Documentos\FINANCEIRO\HISTORICO\2016\10 - OUTUBRO\</t>
  </si>
  <si>
    <t>HUGO_ORÇAMENTO_14_10_2016.xlsm</t>
  </si>
  <si>
    <t>HUGO_ORÇAMENTO_13_10_2016.xlsm</t>
  </si>
  <si>
    <t>HUGO_ORÇAMENTO_03_10_2016.xlsm</t>
  </si>
  <si>
    <t>CONSTRUÇÃO_14_10_2016.xlsm</t>
  </si>
  <si>
    <t>CONSTRUÇÃO_08_11_2015.xlsm</t>
  </si>
  <si>
    <t>CARRO.xlsx</t>
  </si>
  <si>
    <t>C:\Users\hugooc\OneDrive\Documentos\FINANCEIRO\HISTORICO\2016\11 - NOVEMBRO\</t>
  </si>
  <si>
    <t>HUGO_ORÇAMENTO_17_11_2016.xlsm</t>
  </si>
  <si>
    <t>HUGO_ORÇAMENTO_10_11_2016.xlsm</t>
  </si>
  <si>
    <t>HUGO_ORÇAMENTO_06_11_2016.xlsm</t>
  </si>
  <si>
    <t>HUGO_ORÇAMENTO_01_11_2016.xlsm</t>
  </si>
  <si>
    <t>CONSTRUÇÃO_01_11_2016.xlsm</t>
  </si>
  <si>
    <t>C:\Users\hugooc\OneDrive\Documentos\FINANCEIRO\HISTORICO\2016\12 - DEZEMBRO\</t>
  </si>
  <si>
    <t>HUGO_ORÇAMENTO_2017.xlsm</t>
  </si>
  <si>
    <t>HUGO_ORÇAMENTO_18_12_2016.xlsm</t>
  </si>
  <si>
    <t>HUGO_ORÇAMENTO_15_12_2016.xlsm</t>
  </si>
  <si>
    <t>HUGO_ORÇAMENTO_08_12_2016.xlsm</t>
  </si>
  <si>
    <t>HUGO_ORÇAMENTO_04_12_2016.xlsm</t>
  </si>
  <si>
    <t>EXTRATO CARTÃO12_2016.xlsx</t>
  </si>
  <si>
    <t>EXTRATO CARTÃO.xlsx</t>
  </si>
  <si>
    <t>C:\Users\hugooc\OneDrive\Documentos\FINANCEIRO\HISTORICO\2017\01 - JANEIRO\</t>
  </si>
  <si>
    <t>HUGO_ORÇAMENTO_26_01_2017.xlsm</t>
  </si>
  <si>
    <t>HUGO_ORÇAMENTO_2017_v2.xlsm</t>
  </si>
  <si>
    <t>HUGO_ORÇAMENTO_03_01_2017.xlsm</t>
  </si>
  <si>
    <t>EXTRATO CARTÃO 01_2017.xlsx</t>
  </si>
  <si>
    <t>HUGO_ORÇAMENTO_16_01_2017.xlsm</t>
  </si>
  <si>
    <t>C:\Users\hugooc\OneDrive\Documentos\FINANCEIRO\HISTORICO\2017\02 - FEVEREIRO\</t>
  </si>
  <si>
    <t>HUGO_ORÇAMENTO_22_02_2017.xlsm</t>
  </si>
  <si>
    <t>HUGO_ORÇAMENTO_06_02_2017.xlsm</t>
  </si>
  <si>
    <t>EXTRATO CARTÃO 02_2017.xlsx</t>
  </si>
  <si>
    <t>C:\Users\hugooc\OneDrive\Documentos\FINANCEIRO\HISTORICO\2017\03 - MARÇO\</t>
  </si>
  <si>
    <t>HUGO_ORÇAMENTO_19_03_2017.xlsm</t>
  </si>
  <si>
    <t>HUGO_ORÇAMENTO_16_02_2017.xlsm</t>
  </si>
  <si>
    <t>HUGO_ORÇAMENTO_18_03_2017.xlsm</t>
  </si>
  <si>
    <t>HUGO_ORÇAMENTO_12_03_2017.xlsm</t>
  </si>
  <si>
    <t>HUGO_ORÇAMENTO_06_03_2017.xlsm</t>
  </si>
  <si>
    <t>EXTRATO CARTÃO 03_2017.xlsx</t>
  </si>
  <si>
    <t>C:\Users\hugooc\OneDrive\Documentos\FINANCEIRO\HISTORICO\2017\04 - ABRIL\</t>
  </si>
  <si>
    <t>HUGO_ORÇAMENTO_15_04_2017.xlsm</t>
  </si>
  <si>
    <t>HUGO_ORÇAMENTO_15_04_2017 - Cópia.xlsm</t>
  </si>
  <si>
    <t>HUGO_ORÇAMENTO_02_04_2017.xlsm</t>
  </si>
  <si>
    <t>HUGO_ORÇAMENTO_08_04_2017.xlsm</t>
  </si>
  <si>
    <t>HUGO_ORÇAMENTO_01_04_2017.xlsm</t>
  </si>
  <si>
    <t>EXTRATO CARTÃO 04_2017.xlsx</t>
  </si>
  <si>
    <t>C:\Users\hugooc\OneDrive\Documentos\FINANCEIRO\HISTORICO\2017\05 - MAIO\</t>
  </si>
  <si>
    <t>HUGO_ORÇAMENTO_21_05_2017.xlsm</t>
  </si>
  <si>
    <t>HUGO_ORÇAMENTO_08_05_2017.xlsm</t>
  </si>
  <si>
    <t>HUGO_ORÇAMENTO_01_05_2017.xlsm</t>
  </si>
  <si>
    <t>EXTRATO CARTÃO 05_2017.xlsx</t>
  </si>
  <si>
    <t>C:\Users\hugooc\OneDrive\Documentos\FINANCEIRO\HISTORICO\2017\06 - JUNHO\</t>
  </si>
  <si>
    <t>HUGO_ORÇAMENTO_16_06_2017.xlsm</t>
  </si>
  <si>
    <t>EXTRATO CARTÃO 07_2017.xlsx</t>
  </si>
  <si>
    <t>EXTRATO CARTÃO 06_2017.xlsx</t>
  </si>
  <si>
    <t>C:\Users\hugooc\OneDrive\Documentos\FINANCEIRO\HISTORICO\2017\07 - JULHO\</t>
  </si>
  <si>
    <t>HUGO_ORÇAMENTO_30_07_2017.xlsm</t>
  </si>
  <si>
    <t>HUGO_ORÇAMENTO_19_07_2017.xlsm</t>
  </si>
  <si>
    <t>HUGO_ORÇAMENTO_16_07_2017.xlsm</t>
  </si>
  <si>
    <t>HUGO_ORÇAMENTO_10_07_2017.xlsm</t>
  </si>
  <si>
    <t>HUGO_ORÇAMENTO_09_07_2017.xlsm</t>
  </si>
  <si>
    <t>C:\Users\hugooc\OneDrive\Documentos\FINANCEIRO\HISTORICO\2017\08 - AGOSTO\</t>
  </si>
  <si>
    <t>HUGO_ORÇAMENTO_28_08_2017.xlsm</t>
  </si>
  <si>
    <t>HUGO_ORÇAMENTO_20_08_2017.xlsm</t>
  </si>
  <si>
    <t>HUGO_ORÇAMENTO_13_08_2017.xlsm</t>
  </si>
  <si>
    <t>HUGO_ORÇAMENTO_06_08_2017.xlsm</t>
  </si>
  <si>
    <t>HUGO_ORÇAMENTO_03_08_2017.xlsm</t>
  </si>
  <si>
    <t>EXTRATO CARTÃO 08_2017.xlsx</t>
  </si>
  <si>
    <t>CONSTRUÇÃO_08_11_2016.xlsm</t>
  </si>
  <si>
    <t>C:\Users\hugooc\OneDrive\Documentos\FINANCEIRO\HISTORICO\2017\09 - SETEMBRO\</t>
  </si>
  <si>
    <t>HUGO_ORÇAMENTO_30_09_2017.xlsm</t>
  </si>
  <si>
    <t>HUGO_ORÇAMENTO_10_09_2017.xlsm</t>
  </si>
  <si>
    <t>HUGO_ORÇAMENTO_05_09_2017.xlsm</t>
  </si>
  <si>
    <t>HUGO_ORÇAMENTO_03_09_2017.xlsm</t>
  </si>
  <si>
    <t>HUGO_ORÇAMENTO_01_09_2017.xlsm</t>
  </si>
  <si>
    <t>EXTRATO CARTÃO 09_2017.xlsx</t>
  </si>
  <si>
    <t>C:\Users\hugooc\OneDrive\Documentos\FINANCEIRO\HISTORICO\2017\10 - OUTUBRO\</t>
  </si>
  <si>
    <t>HUGO_ORÇAMENTO_29_10_2017.xlsm</t>
  </si>
  <si>
    <t>HUGO_ORÇAMENTO_20_10_2017.xlsm</t>
  </si>
  <si>
    <t>HUGO_ORÇAMENTO_13_10_2017.xlsm</t>
  </si>
  <si>
    <t>HUGO_ORÇAMENTO_09_10_2017.xlsm</t>
  </si>
  <si>
    <t>HUGO_ORÇAMENTO_02_10_2017.xlsm</t>
  </si>
  <si>
    <t>EXTRATO CARTÃO 10_2017.xlsx</t>
  </si>
  <si>
    <t>C:\Users\hugooc\OneDrive\Documentos\FINANCEIRO\HISTORICO\2017\11 - NOVEMBRO\</t>
  </si>
  <si>
    <t>HUGO_ORÇAMENTO_27_11_2017.xlsm</t>
  </si>
  <si>
    <t>HUGO_ORÇAMENTO_2018.xlsm</t>
  </si>
  <si>
    <t>HUGO_ORÇAMENTO_15_11_2017.xlsm</t>
  </si>
  <si>
    <t>HUGO_ORÇAMENTO_07_11_2017.xlsm</t>
  </si>
  <si>
    <t>HUGO_ORÇAMENTO_03_11_2017.xlsm</t>
  </si>
  <si>
    <t>EXTRATO CARTÃO 12_2017.xlsx</t>
  </si>
  <si>
    <t>EXTRATO CARTÃO 11_2017.xlsx</t>
  </si>
  <si>
    <t>C:\Users\hugooc\OneDrive\Documentos\FINANCEIRO\HISTORICO\2017\12 - DEZEMBRO\</t>
  </si>
  <si>
    <t>HUGO_ORÇAMENTO_28_12_2017.xlsm</t>
  </si>
  <si>
    <t>HUGO_ORÇAMENTO_03_12_2017.xlsm</t>
  </si>
  <si>
    <t>EXTRATO CARTÃO 01_2018.xlsx</t>
  </si>
  <si>
    <t>C:\Users\hugooc\OneDrive\Documentos\FINANCEIRO\HISTORICO\2018\01 - JANEIRO\</t>
  </si>
  <si>
    <t>HUGO_ORÇAMENTO_25_01_2018.xlsm</t>
  </si>
  <si>
    <t>HUGO_ORÇAMENTO_21_01_2018.xlsm</t>
  </si>
  <si>
    <t>HUGO_ORÇAMENTO_13_01_2018.xlsm</t>
  </si>
  <si>
    <t>HUGO_ORÇAMENTO_07_01_2018.xlsm</t>
  </si>
  <si>
    <t>HUGO_ORÇAMENTO_01_01_2018.xlsm</t>
  </si>
  <si>
    <t>C:\Users\hugooc\OneDrive\Documentos\FINANCEIRO\HISTORICO\2018\02 - FEVEREIRO\</t>
  </si>
  <si>
    <t>HUGO_ORÇAMENTO_19_02_2018.xlsm</t>
  </si>
  <si>
    <t>HUGO_ORÇAMENTO_13_02_2018.xlsm</t>
  </si>
  <si>
    <t>HUGO_ORÇAMENTO_03_02_2018.xlsm</t>
  </si>
  <si>
    <t>HUGO_ORÇAMENTO_01_02_2018.xlsm</t>
  </si>
  <si>
    <t>EXTRATO CARTÃO 02_2018.xlsx</t>
  </si>
  <si>
    <t>EXTRATO CARTÃO 02_2018 .xlsx</t>
  </si>
  <si>
    <t>C:\Users\hugooc\OneDrive\Documentos\FINANCEIRO\HISTORICO\2018\03 - MARÇO\</t>
  </si>
  <si>
    <t>HUGO_ORÇAMENTO_25_03_2018.xlsm</t>
  </si>
  <si>
    <t>HUGO_ORÇAMENTO_18_03_2018.xlsm</t>
  </si>
  <si>
    <t>HUGO_ORÇAMENTO_10_03_2018.xlsm</t>
  </si>
  <si>
    <t>EXTRATO CARTÃO 03_2018 .xlsx</t>
  </si>
  <si>
    <t>C:\Users\hugooc\OneDrive\Documentos\FINANCEIRO\HISTORICO\2018\04 - ABRIL\</t>
  </si>
  <si>
    <t>HUGO_ORÇAMENTO_15_04_2018.xlsm</t>
  </si>
  <si>
    <t>HUGO_ORÇAMENTO_05_04_2018.xlsm</t>
  </si>
  <si>
    <t>HUGO_ORÇAMENTO_01_04_2018.xlsm</t>
  </si>
  <si>
    <t>EXTRATO CARTÃO 04_2018 .xlsx</t>
  </si>
  <si>
    <t>C:\Users\hugooc\OneDrive\Documentos\FINANCEIRO\HISTORICO\2018\05 - MAIO\</t>
  </si>
  <si>
    <t>HUGO_ORÇAMENTO_29_05_2018.xlsm</t>
  </si>
  <si>
    <t>HUGO_ORÇAMENTO_22_05_2018.xlsm</t>
  </si>
  <si>
    <t>HUGO_ORÇAMENTO_08_05_2018.xlsm</t>
  </si>
  <si>
    <t>HUGO_ORÇAMENTO_02_05_2018.xlsm</t>
  </si>
  <si>
    <t>EXTRATO CARTÃO 05_2018 .xlsx</t>
  </si>
  <si>
    <t>C:\Users\hugooc\OneDrive\Documentos\FINANCEIRO\HISTORICO\2018\06 - JUNHO\</t>
  </si>
  <si>
    <t>HUGO_ORÇAMENTO_23_06_2018.xlsm</t>
  </si>
  <si>
    <t>HUGO_ORÇAMENTO_09_06_2018.xlsm</t>
  </si>
  <si>
    <t>EXTRATO CARTÃO 06_2018 .xlsx</t>
  </si>
  <si>
    <t>C:\Users\hugooc\OneDrive\Documentos\FINANCEIRO\HISTORICO\2018\07 - JULHO\</t>
  </si>
  <si>
    <t>HUGO_ORÇAMENTO_14_07_2018.xlsm</t>
  </si>
  <si>
    <t>HUGO_ORÇAMENTO_07_07_2018.xlsm</t>
  </si>
  <si>
    <t>C:\Users\hugooc\OneDrive\Documentos\FINANCEIRO\HISTORICO\2018\08 - AGOSTO\</t>
  </si>
  <si>
    <t>HUGO_ORÇAMENTO_04_08_2018.xlsm</t>
  </si>
  <si>
    <t>EXTRATO CARTÃO 08_2018.xlsx</t>
  </si>
  <si>
    <t>EXTRATO CARTÃO 07_2018 .xlsx</t>
  </si>
  <si>
    <t>C:\Users\hugooc\OneDrive\Documentos\FINANCEIRO\HISTORICO\2018\09 - SETEMBRO\</t>
  </si>
  <si>
    <t>EXTRATO CARTÃO 09_2018.xlsx</t>
  </si>
  <si>
    <t>C:\Users\hugooc\OneDrive\Documentos\FINANCEIRO\HISTORICO\2018\10 - OUTUBRO\</t>
  </si>
  <si>
    <t>EXTRATO CARTÃO 10_2018.xlsx</t>
  </si>
  <si>
    <t>C:\Users\hugooc\OneDrive\Documentos\FINANCEIRO\HISTORICO\2018\11 - NOVEMBRO\</t>
  </si>
  <si>
    <t>EXTRATO CARTÃO 11_2018.xlsx</t>
  </si>
  <si>
    <t>C:\Users\hugooc\OneDrive\Documentos\FINANCEIRO\HISTORICO\2018\12 - DEZEMBRO\</t>
  </si>
  <si>
    <t>Investimentos.xlsx</t>
  </si>
  <si>
    <t>DEBITO CREDITO.xlsm</t>
  </si>
  <si>
    <t>DEBITO CARTÃO.xlsm</t>
  </si>
  <si>
    <t>C:\Users\hugooc\OneDrive\Imagens\Desktop\Excel\Estrutura de Carteira e User Id\08 - Agosto\</t>
  </si>
  <si>
    <t>Estrutura de Carteira e User Id.xlsx</t>
  </si>
  <si>
    <t>C:\Users\hugooc\OneDrive\Imagens\Desktop\Excel\Estrutura de Carteira e User Id\09 - Setembro\</t>
  </si>
  <si>
    <t>C:\Users\hugooc\OneDrive\Imagens\Desktop\Excel\Prova\Provas\</t>
  </si>
  <si>
    <t>C:\Users\hugooc\OneDrive\Imagens\Desktop\Excel\Prova\Provas\Provas.rar\</t>
  </si>
  <si>
    <t>Cópia de Prova PCP Analista Jan-2010_LORAINE.xls</t>
  </si>
  <si>
    <t>C:\Users\hugooc\OneDrive\Imagens\Desktop\Excel\Prova\Provas Praticar\</t>
  </si>
  <si>
    <t>Prova Avaliação do TIME 1Sem 2010.xls</t>
  </si>
  <si>
    <t>Cópia de Prova Analita de PCP Jr.xls</t>
  </si>
  <si>
    <t>C:\Users\hugooc\OneDrive\Imagens\Desktop\Legal\Treinamento\ERLANG X\</t>
  </si>
  <si>
    <t>ERLANG X.xlsx</t>
  </si>
  <si>
    <t>C:\Users\hugooc\OneDrive\Imagens\Desktop\Legal\Treinamento\Six Sigma\</t>
  </si>
  <si>
    <t>Six Sigma.xls</t>
  </si>
  <si>
    <t>Six Sigma 2.xls</t>
  </si>
  <si>
    <t>Exercício.xls</t>
  </si>
  <si>
    <t>C:\Users\hugooc\OneDrive\Imagens\Desktop\Legal\Treinamento\Treinamento Dlima\</t>
  </si>
  <si>
    <t>Exercicio_trafego_vtreinamento.xls</t>
  </si>
  <si>
    <t>Exercicio_trafego_v3(1).xls</t>
  </si>
  <si>
    <t>Cópia de Exercicio_trafego_v3_turma 2.xls</t>
  </si>
  <si>
    <t>Avaliação treinamento_DLIMA(1).xls</t>
  </si>
  <si>
    <t>C:\Users\hugooc\OneDrive\Imagens\Desktop\Legal\Treinamento\Treinamento Processos\</t>
  </si>
  <si>
    <t>Pareto.xlsx</t>
  </si>
  <si>
    <t>C:\Users\hugooc\OneDrive\Documentos\FACULDADE\2016 - 1°\Gestão de Projetos\Trabalho\APS\</t>
  </si>
  <si>
    <t>Projeto - Sequenciamento de atividade 2.xlsx</t>
  </si>
  <si>
    <t>C:\Users\hugooc\OneDrive\Documentos\FINANCEIRO\HISTORICO\2014\2014-PC-SABRINA\08 AGOSTO\</t>
  </si>
  <si>
    <t>C:\Users\hugooc\OneDrive\Documentos\FINANCEIRO\HISTORICO\2014\2014-PC-SABRINA\09 SETEMBRO\</t>
  </si>
  <si>
    <t>C:\Users\hugooc\OneDrive\Documentos\FINANCEIRO\HISTORICO\2014\2014-PC-SABRINA\10 OUTUBRO\</t>
  </si>
  <si>
    <t>C:\Users\hugooc\OneDrive\Documentos\FINANCEIRO\HISTORICO\2014\2014-PC-SABRINA\11 NOVEMBRO\</t>
  </si>
  <si>
    <t>C:\Users\hugooc\OneDrive\Documentos\FINANCEIRO\HISTORICO\2014\2014-PC-SABRINA\12 DEZEMBRO\</t>
  </si>
  <si>
    <t>C:\Users\hugooc\OneDrive\Documentos\FINANCEIRO\HISTORICO\2017\02 - FEVEREIRO\02 - FEVEREIRO-PC-SABRINA\</t>
  </si>
  <si>
    <t>C:\Users\hugooc\OneDrive\Imagens\Desktop\Excel\Prova\Provas\Provas\Provas.rar\</t>
  </si>
  <si>
    <t>C:\Users\hugooc\OneDrive\Imagens\Desktop\Excel\Prova\Provas\Provas\</t>
  </si>
  <si>
    <t>C:\Users\hugooc\OneDrive\Imagens\Desktop\Legal\Treinamento\MATERIAL TRN PCP OUT\Arquivo auxiliares\</t>
  </si>
  <si>
    <t>GRÁFICO DE META RECALIBRADA.xlsx</t>
  </si>
  <si>
    <t>Esquema dos 3 pilares.xlsx</t>
  </si>
  <si>
    <t>Cópia de 1 - TIPOS DE ANÁLISES DIÁRIAS_esboço Excel.xlsx</t>
  </si>
  <si>
    <t>1 - TIPOS DE ANÁLISES DIÁRIAS_esboço Excel.xlsx</t>
  </si>
  <si>
    <t>C:\Users\hugooc\OneDrive\Imagens\Desktop\Legal\Treinamento\Treinamento Processos\Treinamento - Leandro Nazareth\Ferramentas\</t>
  </si>
  <si>
    <t>Modelo Plano de Ação.xls</t>
  </si>
  <si>
    <t>Modelo Painel de Controle.xls</t>
  </si>
  <si>
    <t>Modelo Método dos porques.xls</t>
  </si>
  <si>
    <t>Modelo Matriz de Decisão.xls</t>
  </si>
  <si>
    <t>Modelo Histograma.xls</t>
  </si>
  <si>
    <t>Modelo GUT.xls</t>
  </si>
  <si>
    <t>Modelo GUT Complexo.xls</t>
  </si>
  <si>
    <t>Modelo Gráfico de Barras.xls</t>
  </si>
  <si>
    <t>Modelo Gráfico de Barras e Linhas.xls</t>
  </si>
  <si>
    <t>Modelo FMEA.xls</t>
  </si>
  <si>
    <t>Modelo Diagrama de árvore.xls</t>
  </si>
  <si>
    <t>Modelo Diagrama de Causa.xls</t>
  </si>
  <si>
    <t>Modelo de Plano de Ação.xls</t>
  </si>
  <si>
    <t>Modelo de 5w2h.xls</t>
  </si>
  <si>
    <t>Modelo Casa da Qualidade.xls</t>
  </si>
  <si>
    <t>Modelo brainstorming.xls</t>
  </si>
  <si>
    <t>Modelo AVA P_agreg e P_total.xls</t>
  </si>
  <si>
    <t>Modelo AVA gráficos.xls</t>
  </si>
  <si>
    <t>Modelo AVA - Novo.xlsx</t>
  </si>
  <si>
    <t>Modelo AVA - IVAs.xls</t>
  </si>
  <si>
    <t>Modelo - FMEA.xls</t>
  </si>
  <si>
    <t>Modelo - FMEA 2.xls</t>
  </si>
  <si>
    <t>FMEA explicação dos Conceitos.xls</t>
  </si>
  <si>
    <t>Casa da Qualidade - Otimizando.xls</t>
  </si>
  <si>
    <t>Casa da Qualidade - BI.xls</t>
  </si>
  <si>
    <t>12-2019 Macro Justificativas.xlsx</t>
  </si>
  <si>
    <t>af5a4b3f-4fc7-4e92-9cac-18ddd92d4acc.tmp</t>
  </si>
  <si>
    <t>\\acsfs\profiles$\BRUNAAR\Downloads\af5a4b3f-4fc7-4e92-9cac-18ddd92d4acc.tmp</t>
  </si>
  <si>
    <t>.~lock.top tv.pptx#</t>
  </si>
  <si>
    <t>\\acsfs\DEPTOS\Operacao\Banco_Votorantim\Supervisao\SUPERS BV CARTÕES\.~lock.top tv.pptx#</t>
  </si>
  <si>
    <t>.~lock.Layout TV Vendas 2.3.ppt#</t>
  </si>
  <si>
    <t>\\acsfs\DEPTOS\Operacao\Banco_Votorantim\Supervisao\SUPERS BV CARTÕES\.~lock.Layout TV Vendas 2.3.ppt#</t>
  </si>
  <si>
    <t>7edac86a-4c39-4ebf-9058-bac9424e05b0.tmp</t>
  </si>
  <si>
    <t>\\acsfs\profiles$\rafaelamsv\Downloads\7edac86a-4c39-4ebf-9058-bac9424e05b0.tmp</t>
  </si>
  <si>
    <t>C:\Users\patriciaars\Desktop\Comissão\</t>
  </si>
  <si>
    <t>Meta 4° TRI (1).xlsx</t>
  </si>
  <si>
    <t>Justificativas macros dez Roberta.xls</t>
  </si>
  <si>
    <t>012020_Forecast de Receita Oficial_2020 (2).xlsx</t>
  </si>
  <si>
    <t>mail.google.com/_/upload?authuser=0&amp;dcp=asu-n&amp;upload_id=AEnB2Ur3YMV2gnIRJJYMnhYC1NE4J-An4i4CXz8RrOPRolxdbKhQcbSe0Sv5KWY4VWMXiYaeprJ3gaWWOD04GmMqz0D_-713WQ&amp;upload_protocol=resumable</t>
  </si>
  <si>
    <t>b8b2e78a-db7d-404c-8031-5e7cabab8705.tmp</t>
  </si>
  <si>
    <t>\\acsfs\profiles$\larissaad\Downloads\b8b2e78a-db7d-404c-8031-5e7cabab8705.tmp</t>
  </si>
  <si>
    <t>786a968a-ade4-41c2-8bd4-ddd8c270a514.tmp</t>
  </si>
  <si>
    <t>\\acsfs\profiles$\luanaagl\Downloads\786a968a-ade4-41c2-8bd4-ddd8c270a514.tmp</t>
  </si>
  <si>
    <t>lu111788tsw38v.tmp</t>
  </si>
  <si>
    <t>\\acsfs\profiles$\BRUNAAR\Numero\lu111788tsw38v.tmp</t>
  </si>
  <si>
    <t>lu111788tsw38z.tmp</t>
  </si>
  <si>
    <t>\\acsfs\profiles$\BRUNAAR\Numero\lu111788tsw38z.tmp</t>
  </si>
  <si>
    <t>9a865447-5594-436f-80c9-229fbc1aaa53.tmp</t>
  </si>
  <si>
    <t>\\acsfs\profiles$\nathaliarmr\Downloads\9a865447-5594-436f-80c9-229fbc1aaa53.tmp</t>
  </si>
  <si>
    <t>\\acsfs\profiles$\JESSICAFC\ajuda\</t>
  </si>
  <si>
    <t>ajuda.txt</t>
  </si>
  <si>
    <t>\\acsfs\profiles$\JESSICAFC\ajuda\ajuda.txt</t>
  </si>
  <si>
    <t>e62b3c72-ed36-4762-877a-4a076abd358e.tmp</t>
  </si>
  <si>
    <t>\\acsfs\profiles$\geovannasm\Downloads\e62b3c72-ed36-4762-877a-4a076abd358e.tmp</t>
  </si>
  <si>
    <t>ea70080b-316d-4db8-aecb-d0aeb461fa53.tmp</t>
  </si>
  <si>
    <t>\\acsfs\profiles$\geovannasm\Downloads\ea70080b-316d-4db8-aecb-d0aeb461fa53.tmp</t>
  </si>
  <si>
    <t>3406da0a-cece-4b2b-bc3d-94da49cf4af7.tmp</t>
  </si>
  <si>
    <t>\\acsfs\profiles$\danielmlds\Downloads\3406da0a-cece-4b2b-bc3d-94da49cf4af7.tmp</t>
  </si>
  <si>
    <t>f26cea6a-2fa6-4eef-a4ce-8c9ba0e55b06.tmp</t>
  </si>
  <si>
    <t>\\acsfs\profiles$\danielmlds\Downloads\f26cea6a-2fa6-4eef-a4ce-8c9ba0e55b06.tmp</t>
  </si>
  <si>
    <t>lu19764596hgw.tmp</t>
  </si>
  <si>
    <t>\\acsfs\profiles$\dhiulliananads\My Documents\lu19764596hgw.tmp</t>
  </si>
  <si>
    <t>lu17996zwcgc.tmp</t>
  </si>
  <si>
    <t>\\acsfs\profiles$\jonathanwap\lu17996zwcgc.tmp</t>
  </si>
  <si>
    <t>\\acsfs\profiles$\jonathanwap\lu17996zwcgc.tmp\</t>
  </si>
  <si>
    <t>\\acsfs\profiles$\dhiulliananads\My Documents\lu19764596hgw.tmp\</t>
  </si>
  <si>
    <t>\\acsfs\profiles$\jonathanwap\lu17996zwcgc.tmp\META-INF\</t>
  </si>
  <si>
    <t>\\acsfs\profiles$\jonathanwap\lu17996zwcgc.tmp\Thumbnails\</t>
  </si>
  <si>
    <t>\\acsfs\profiles$\dhiulliananads\My Documents\lu19764596hgw.tmp\META-INF\</t>
  </si>
  <si>
    <t>\\acsfs\profiles$\dhiulliananads\My Documents\lu19764596hgw.tmp\Thumbnails\</t>
  </si>
  <si>
    <t>rafaelggs@algartech.com;</t>
  </si>
  <si>
    <t>rafaelggs@algartech.com</t>
  </si>
  <si>
    <t>leonardoao@algartech.com;marianadjc@algartech.com;rafaelggs@algartech.com;</t>
  </si>
  <si>
    <t>leonardoao@algartech.com,marianadjc@algartech.com,rafaelggs@algartech.com</t>
  </si>
  <si>
    <t>leonardoao@algartech.com;marianadjc@algartech.com;rafaelggs@algartech.com;thiagordu@algartech.com;</t>
  </si>
  <si>
    <t>leonardoao@algartech.com,marianadjc@algartech.com,rafaelggs@algartech.com,thiagordu@algartech.com</t>
  </si>
  <si>
    <t>\\acsfs\DEPTOS\Operacao\PCP\5 - Comum\JUKA\</t>
  </si>
  <si>
    <t>Realizações Nr-17.xlsx</t>
  </si>
  <si>
    <t>\\acsfs\DEPTOS\Operacao\PCP\5 - Comum\JUKA\Realizações Nr-17.xlsx</t>
  </si>
  <si>
    <t>mail.google.com/_/upload?authuser=0&amp;dcp=asu-n&amp;upload_id=AEnB2Up5dRr8B0z87L5_OVSQ1PNTYoHYCDAEMsasJRPhJ--DdtCDaihMPJPP6PhOpKnAfTyA7QUHTeRXnrPwqr1ae-H7W4aZvQ&amp;upload_protocol=resumable</t>
  </si>
  <si>
    <t>277f1eb6-6300-44a1-ac1a-ab33ac9041a6.tmp</t>
  </si>
  <si>
    <t>\\acsfs\profiles$\Flaviojmm\Downloads\277f1eb6-6300-44a1-ac1a-ab33ac9041a6.tmp</t>
  </si>
  <si>
    <t>e51f442e-4cb0-4a68-8588-4dc503a5220c.tmp</t>
  </si>
  <si>
    <t>\\acsfs\profiles$\Flaviojmm\Downloads\e51f442e-4cb0-4a68-8588-4dc503a5220c.tmp</t>
  </si>
  <si>
    <t>0afb181c-2c29-4d79-a49d-9dfd2d67c9e9.tmp</t>
  </si>
  <si>
    <t>\\acsfs\profiles$\Flaviojmm\Downloads\0afb181c-2c29-4d79-a49d-9dfd2d67c9e9.tmp</t>
  </si>
  <si>
    <t>46cd85d9-bd47-4504-969b-ec67fecf4255.tmp</t>
  </si>
  <si>
    <t>\\acsfs\profiles$\PEDROHAB\Downloads\46cd85d9-bd47-4504-969b-ec67fecf4255.tmp</t>
  </si>
  <si>
    <t>0e4cbd2d-c074-47c1-9175-4cc27483c427.tmp</t>
  </si>
  <si>
    <t>\\acsfs\profiles$\PEDROHAB\Downloads\0e4cbd2d-c074-47c1-9175-4cc27483c427.tmp</t>
  </si>
  <si>
    <t>010b61f3-e326-415c-8724-b0abea0232c8.tmp</t>
  </si>
  <si>
    <t>\\acsfs\profiles$\gabriellalpr\Downloads\010b61f3-e326-415c-8724-b0abea0232c8.tmp</t>
  </si>
  <si>
    <t>a31d9f36-4461-4b7e-9770-ae23ab3771a4.tmp</t>
  </si>
  <si>
    <t>\\acsfs\profiles$\gabriellalpr\Downloads\a31d9f36-4461-4b7e-9770-ae23ab3771a4.tmp</t>
  </si>
  <si>
    <t>48aee694-88d9-4317-90c5-823886dde11e.tmp</t>
  </si>
  <si>
    <t>\\acsfs\profiles$\gabriellalpr\Downloads\48aee694-88d9-4317-90c5-823886dde11e.tmp</t>
  </si>
  <si>
    <t>\\acsfs\Deptos\Operacao\Banco_Votorantim\Qualidade\</t>
  </si>
  <si>
    <t>\\acsfs\Deptos\Operacao\Banco_Votorantim\Qualidade\LINKS SAC.CONSIGNADO.txt</t>
  </si>
  <si>
    <t>9784e582-15f3-4d5d-987c-0bc7479f0913.tmp</t>
  </si>
  <si>
    <t>\\acsfs\profiles$\dhiulliananads\Downloads\9784e582-15f3-4d5d-987c-0bc7479f0913.tmp</t>
  </si>
  <si>
    <t>2b40d3bb-8c55-4af2-bd26-44e1a458c299.tmp</t>
  </si>
  <si>
    <t>\\acsfs\profiles$\dhiulliananads\Downloads\2b40d3bb-8c55-4af2-bd26-44e1a458c299.tmp</t>
  </si>
  <si>
    <t>mail.google.com/_/upload?authuser=0&amp;dcp=asu-n&amp;upload_id=AEnB2UpcyjHSiTMtwxVR3qKdLbBkWAJ1Lq0HRUun-PuwWEaPaZqTYVxvOngLrna3g5sTyOdHGKcH-64GRbUCXqUKkc1TFXbkMg&amp;upload_protocol=resumable</t>
  </si>
  <si>
    <t>1ed7d3c8-2331-4022-b3c4-4e7e2bf9217e.tmp</t>
  </si>
  <si>
    <t>\\acsfs\profiles$\gabrielsma\Downloads\1ed7d3c8-2331-4022-b3c4-4e7e2bf9217e.tmp</t>
  </si>
  <si>
    <t>\\acsfs\ACS\Gabriel da Silva\Contemporânea\VENDAS\Q29udHJvbGxlci5JbnRyYW5ldC1DaHJvbWU-.ica.crdownload</t>
  </si>
  <si>
    <t>\\acsfs\DEPTOS\Operacao\Banco_Votorantim\Supervisao\SUPERS BV CARTÕES\ANA VITORIA\APOIO\.~lock.Controle de vendas.ods#</t>
  </si>
  <si>
    <t>.~lock.Vendas Janeiro.xlsx#</t>
  </si>
  <si>
    <t>\\acsfs\profiles$\LUCASBS\Planilhas\.~lock.Vendas Janeiro.xlsx#</t>
  </si>
  <si>
    <t>9e402899-3822-4ef9-ba44-de2135df072b.tmp</t>
  </si>
  <si>
    <t>\\acsfs\profiles$\nataliacsl\Downloads\9e402899-3822-4ef9-ba44-de2135df072b.tmp</t>
  </si>
  <si>
    <t>837e4f37-6a38-439d-83ce-f086baa5797f.tmp</t>
  </si>
  <si>
    <t>\\acsfs\profiles$\gabrielarb\Downloads\837e4f37-6a38-439d-83ce-f086baa5797f.tmp</t>
  </si>
  <si>
    <t>0a8b023f-f163-4b2f-b236-59c6a7fa0816.tmp</t>
  </si>
  <si>
    <t>\\acsfs\profiles$\PEDROHAB\Downloads\0a8b023f-f163-4b2f-b236-59c6a7fa0816.tmp</t>
  </si>
  <si>
    <t>19664299-439b-49c6-9484-aaabaf28c3c3.tmp</t>
  </si>
  <si>
    <t>\\acsfs\profiles$\maxmillianosv\Downloads\19664299-439b-49c6-9484-aaabaf28c3c3.tmp</t>
  </si>
  <si>
    <t>661a669d-7669-4715-81a7-ca037863afec.tmp</t>
  </si>
  <si>
    <t>\\acsfs\profiles$\maxmillianosv\Downloads\661a669d-7669-4715-81a7-ca037863afec.tmp</t>
  </si>
  <si>
    <t>ef045c9d-f288-4d29-8e51-835eacc1f3ee.tmp</t>
  </si>
  <si>
    <t>\\acsfs\profiles$\gabriellalpr\Downloads\ef045c9d-f288-4d29-8e51-835eacc1f3ee.tmp</t>
  </si>
  <si>
    <t>39cb4986-e54a-498d-a949-86bf43c4f484.tmp</t>
  </si>
  <si>
    <t>\\acsfs\profiles$\gabrielarb\Downloads\39cb4986-e54a-498d-a949-86bf43c4f484.tmp</t>
  </si>
  <si>
    <t>22fe8a25-5421-4858-8990-0bcf6a9a85f2.tmp</t>
  </si>
  <si>
    <t>\\acsfs\profiles$\gabrielarb\Downloads\22fe8a25-5421-4858-8990-0bcf6a9a85f2.tmp</t>
  </si>
  <si>
    <t>10.200.57.84</t>
  </si>
  <si>
    <t>"languagecode":"pt-br";"requesttype":"live_request";"scenariotype":"quick_access"}};"timezone":"-03:00";ess"}};p";</t>
  </si>
  <si>
    <t>C:\Users\leonardoefo\Desktop\Fechamento Contingências VF 2\</t>
  </si>
  <si>
    <t>Comitê de Contingência Update (Padrão) 2.2 (2).xlsb VF 2.xlsb</t>
  </si>
  <si>
    <t>"languagecode":"pt-br","requesttype":"live_request","scenariotype":"quick_access"}},"timezone":"-03:00",ess"}},p"</t>
  </si>
  <si>
    <t>mail.google.com/_/upload?authuser=0&amp;dcp=asu-n&amp;upload_id=AEnB2Up9pFeNI0r_QXnVFT_Rs7YNYGvbG5QlofNnJR2uBj0VtSCSewbP2nxfK2o1u9pB68cshcYZkenuuc4-DbzTjGQAwnu1Cg&amp;upload_protocol=resumable</t>
  </si>
  <si>
    <t>Controle_Contingências_Depositos_ALGAR TI_12.2019 - Com conciliação.xlsx</t>
  </si>
  <si>
    <t>mail.google.com/_/upload?authuser=0&amp;dcp=asu-n&amp;upload_id=AEnB2Uql3arapjgvoWKUbkAlKA8l1GemhIh1qiqZBq9MI36clazhGFfAJbdCX3FNJNlmFe4dolVSZvu5lf2M3O9lLS3rugnhqKe2pO-aAR5rp1WIm1qbeYU&amp;upload_protocol=resumable</t>
  </si>
  <si>
    <t>Controle_Contingências_Depositos_ENGESET_12 - Com conciliação.xlsx</t>
  </si>
  <si>
    <t>405c83ed-37a6-41e0-bb8b-9b0adbfd8e62.tmp</t>
  </si>
  <si>
    <t>\\acsfs\profiles$\gabrielhca\Downloads\405c83ed-37a6-41e0-bb8b-9b0adbfd8e62.tmp</t>
  </si>
  <si>
    <t>244138fa-f142-40b9-9968-e9769076d268.tmp</t>
  </si>
  <si>
    <t>\\acsfs\profiles$\gabrielhca\Downloads\244138fa-f142-40b9-9968-e9769076d268.tmp</t>
  </si>
  <si>
    <t>8b0be395-a1bc-4de9-abdf-55a2b0773bb7.tmp</t>
  </si>
  <si>
    <t>\\acsfs\profiles$\gabrielhca\Downloads\8b0be395-a1bc-4de9-abdf-55a2b0773bb7.tmp</t>
  </si>
  <si>
    <t>40e363f9-6843-4bde-8807-3f1d69c326d5.tmp</t>
  </si>
  <si>
    <t>\\acsfs\profiles$\gabrielhca\Downloads\40e363f9-6843-4bde-8807-3f1d69c326d5.tmp</t>
  </si>
  <si>
    <t>580f31f7-ccec-4551-bedb-fc5422f6c999.tmp</t>
  </si>
  <si>
    <t>\\acsfs\profiles$\geovannasm\Downloads\580f31f7-ccec-4551-bedb-fc5422f6c999.tmp</t>
  </si>
  <si>
    <t>78e8409e-b638-4c2f-81a4-0fca735aca29.tmp</t>
  </si>
  <si>
    <t>\\acsfs\profiles$\geovannasm\Downloads\78e8409e-b638-4c2f-81a4-0fca735aca29.tmp</t>
  </si>
  <si>
    <t>lu112632ts2a8l.tmp</t>
  </si>
  <si>
    <t>\\acsfs\DEPTOS\Operacao\Banco_Votorantim\Supervisao\SUPERS BV CARTÕES\ANA VITORIA\APOIO\lu112632ts2a8l.tmp</t>
  </si>
  <si>
    <t>\\acsfs\DEPTOS\Operacao\Banco_Votorantim\Supervisao\SUPERS BV CARTÕES\ANA VITORIA\APOIO\lu112632ts2a8l.tmp\</t>
  </si>
  <si>
    <t>\\acsfs\DEPTOS\Operacao\Banco_Votorantim\Supervisao\SUPERS BV CARTÕES\ANA VITORIA\APOIO\lu112632ts2a8l.tmp\META-INF\</t>
  </si>
  <si>
    <t>\\acsfs\DEPTOS\Operacao\Banco_Votorantim\Supervisao\SUPERS BV CARTÕES\ANA VITORIA\APOIO\lu112632ts2a8l.tmp\Thumbnails\</t>
  </si>
  <si>
    <t>08aa44c9-3f0d-404e-b1d3-8cdb6e1369cb.tmp</t>
  </si>
  <si>
    <t>\\acsfs\profiles$\rafaelahpn\Downloads\08aa44c9-3f0d-404e-b1d3-8cdb6e1369cb.tmp</t>
  </si>
  <si>
    <t>lu263005cbqmz.tmp</t>
  </si>
  <si>
    <t>\\acsfs\profiles$\LUCASBS\Planilhas\lu263005cbqmz.tmp</t>
  </si>
  <si>
    <t>sofiamses@algartech.com</t>
  </si>
  <si>
    <t>12/31/2019 11:18:39</t>
  </si>
  <si>
    <t>10.200.58.68</t>
  </si>
  <si>
    <t>mail.google.com/_/upload?authuser=0&amp;dcp=asu-n&amp;upload_id=AEnB2Upw4727CZV1E5XYw7Xt2uj-nZ5LHMup5db9w7IDFYcrJAkhSskSj73vt2apY-s3ulagoLXZlojjHh4fwmSTQ_83Gk7rD_cwnkaB-jt9WY2oTG9BI4g&amp;upload_protocol=resumable</t>
  </si>
  <si>
    <t>762cac94-3e7a-4b7a-a12a-c797623c3e88.tmp</t>
  </si>
  <si>
    <t>\\acsfs\profiles$\maxmillianosv\Downloads\762cac94-3e7a-4b7a-a12a-c797623c3e88.tmp</t>
  </si>
  <si>
    <t>8f49e89e-52db-4671-8567-69d092e98dd2.tmp</t>
  </si>
  <si>
    <t>\\acsfs\profiles$\maxmillianosv\Downloads\8f49e89e-52db-4671-8567-69d092e98dd2.tmp</t>
  </si>
  <si>
    <t>0db03c18-ac59-4310-b2cc-bcfe3b31c6b3.tmp</t>
  </si>
  <si>
    <t>\\acsfs\profiles$\maxmillianosv\Downloads\0db03c18-ac59-4310-b2cc-bcfe3b31c6b3.tmp</t>
  </si>
  <si>
    <t>C:\Users\leonardoefo\Desktop\</t>
  </si>
  <si>
    <t>Lista Final SP_VF_03_01_20 (1).xlsx</t>
  </si>
  <si>
    <t>10.200.67.149</t>
  </si>
  <si>
    <t>\\acsfs\profiles$\raicabog\Contacts\</t>
  </si>
  <si>
    <t>RAICA BRUNA OLIVEIRA GAMA (37).contact</t>
  </si>
  <si>
    <t>\\acsfs\profiles$\raicabog\Contacts\RAICA BRUNA OLIVEIRA GAMA (37).contact</t>
  </si>
  <si>
    <t>\\acsfs\profiles$\raicabog\My Documents\My Videos\</t>
  </si>
  <si>
    <t>\\acsfs\profiles$\raicabog\My Documents\My Videos\desktop.ini</t>
  </si>
  <si>
    <t>\\acsfs\profiles$\raicabog\My Documents\My Pictures\</t>
  </si>
  <si>
    <t>\\acsfs\profiles$\raicabog\My Documents\My Pictures\desktop.ini</t>
  </si>
  <si>
    <t>\\acsfs\profiles$\raicabog\Contacts\desktop.ini</t>
  </si>
  <si>
    <t>\\acsfs\profiles$\raicabog\Favorites\</t>
  </si>
  <si>
    <t>\\acsfs\profiles$\raicabog\Favorites\desktop.ini</t>
  </si>
  <si>
    <t>\\acsfs\profiles$\raicabog\My Documents\My Music\</t>
  </si>
  <si>
    <t>\\acsfs\profiles$\raicabog\My Documents\My Music\desktop.ini</t>
  </si>
  <si>
    <t>\\acsfs\profiles$\raicabog\Searches\</t>
  </si>
  <si>
    <t>\\acsfs\profiles$\raicabog\Searches\desktop.ini</t>
  </si>
  <si>
    <t>\\acsfs\profiles$\raicabog\Downloads\desktop.ini</t>
  </si>
  <si>
    <t>\\acsfs\profiles$\raicabog\My Documents\</t>
  </si>
  <si>
    <t>\\acsfs\profiles$\raicabog\My Documents\desktop.ini</t>
  </si>
  <si>
    <t>\\acsfs\profiles$\raicabog\Saved Games\</t>
  </si>
  <si>
    <t>\\acsfs\profiles$\raicabog\Saved Games\desktop.ini</t>
  </si>
  <si>
    <t>\\acsfs\profiles$\raicabog\Favorites\Links for Brasil\</t>
  </si>
  <si>
    <t>\\acsfs\profiles$\raicabog\Favorites\Links for Brasil\desktop.ini</t>
  </si>
  <si>
    <t>\\acsfs\profiles$\raicabog\Favorites\Links for Brasil\Microsoft Brasil.url</t>
  </si>
  <si>
    <t>\\acsfs\profiles$\raicabog\Favorites\Links for Brasil\Windows Brasil.url</t>
  </si>
  <si>
    <t>\\acsfs\profiles$\raicabog\Favorites\Links for Brasil\MSN Brasil.url</t>
  </si>
  <si>
    <t>100014142553854;cpc-controldeskavon@algartech.com;joseasn@algartech.com;luiz.henriquesantos@avon.com;marianadjc@algartech.com;</t>
  </si>
  <si>
    <t>100014142553854,cpc-controldeskavon@algartech.com,joseasn@algartech.com,luiz.henriquesantos@avon.com,marianadjc@algartech.com</t>
  </si>
  <si>
    <t>075b1d7e-694d-4889-b5c3-7d7622e15ad6.tmp</t>
  </si>
  <si>
    <t>\\acsfs\profiles$\quindaizaagds\Downloads\075b1d7e-694d-4889-b5c3-7d7622e15ad6.tmp</t>
  </si>
  <si>
    <t>0103632b-801c-4b08-9298-50b82e792479.tmp</t>
  </si>
  <si>
    <t>\\acsfs\profiles$\quindaizaagds\Downloads\0103632b-801c-4b08-9298-50b82e792479.tmp</t>
  </si>
  <si>
    <t>c16df9fa-65a3-4ac6-b663-cf03f3fcc810.tmp</t>
  </si>
  <si>
    <t>\\acsfs\profiles$\larissaad\Downloads\c16df9fa-65a3-4ac6-b663-cf03f3fcc810.tmp</t>
  </si>
  <si>
    <t>127f197c-5ecc-49ac-9549-ee03f7ff2142.tmp</t>
  </si>
  <si>
    <t>\\acsfs\profiles$\PEDROHAB\Downloads\127f197c-5ecc-49ac-9549-ee03f7ff2142.tmp</t>
  </si>
  <si>
    <t>735a4eff-8c02-4d64-85c3-da4789cee5a1.tmp</t>
  </si>
  <si>
    <t>\\acsfs\profiles$\maxmillianosv\Downloads\735a4eff-8c02-4d64-85c3-da4789cee5a1.tmp</t>
  </si>
  <si>
    <t>ebff4f8f-dba5-4d87-a259-fa516862455f.tmp</t>
  </si>
  <si>
    <t>\\acsfs\profiles$\gabrielhca\Downloads\ebff4f8f-dba5-4d87-a259-fa516862455f.tmp</t>
  </si>
  <si>
    <t>https://trc.taboola.com/msn-display-brazil/log/3/perf?route=us:us:v&amp;lti=deflated</t>
  </si>
  <si>
    <t>c622e40e-376f-4f2d-a8ce-0d63c710815d.tmp</t>
  </si>
  <si>
    <t>\\acsfs\profiles$\mariajra\Downloads\c622e40e-376f-4f2d-a8ce-0d63c710815d.tmp</t>
  </si>
  <si>
    <t>739f6b11-09d4-4576-84f4-62c83db27ac1.tmp</t>
  </si>
  <si>
    <t>\\acsfs\profiles$\kamilamrc\Downloads\739f6b11-09d4-4576-84f4-62c83db27ac1.tmp</t>
  </si>
  <si>
    <t>\\acsfs\ACS\Gabriel da Silva\Contemporânea\NPS\NPS_Voz\Janeiro.20\</t>
  </si>
  <si>
    <t>Não confirmado 713223.crdownload</t>
  </si>
  <si>
    <t>\\acsfs\ACS\Gabriel da Silva\Contemporânea\NPS\NPS_Voz\Janeiro.20\Não confirmado 713223.crdownload</t>
  </si>
  <si>
    <t>100014142553854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42553854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14142553854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42553854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88debe6-c0fe-4133-b6dd-5771f973d419.tmp</t>
  </si>
  <si>
    <t>\\acsfs\profiles$\maxmillianosv\Downloads\188debe6-c0fe-4133-b6dd-5771f973d419.tmp</t>
  </si>
  <si>
    <t>79e83cc3-3618-422d-9eac-bf624b1286c1.tmp</t>
  </si>
  <si>
    <t>\\acsfs\profiles$\nathaliarmr\Downloads\79e83cc3-3618-422d-9eac-bf624b1286c1.tmp</t>
  </si>
  <si>
    <t>camilavdcem</t>
  </si>
  <si>
    <t>C:\Users\it.manager\Favorites\Links\</t>
  </si>
  <si>
    <t>C:\Users\it.manager\Favorites\Links for Brasil\</t>
  </si>
  <si>
    <t>C:\Users\elianegr\Favorites\Links\</t>
  </si>
  <si>
    <t>lu11956u7mr.tmp</t>
  </si>
  <si>
    <t>\\acsfs\profiles$\VIVIANALDS\My Documents\lu11956u7mr.tmp</t>
  </si>
  <si>
    <t>\\acsfs\profiles$\VIVIANALDS\My Documents\lu11956u7mr.tmp\</t>
  </si>
  <si>
    <t>\\acsfs\profiles$\VIVIANALDS\My Documents\lu11956u7mr.tmp\META-INF\</t>
  </si>
  <si>
    <t>\\acsfs\profiles$\VIVIANALDS\My Documents\lu11956u7mr.tmp\Thumbnails\</t>
  </si>
  <si>
    <t>lu11956u7mv.tmp</t>
  </si>
  <si>
    <t>\\acsfs\profiles$\VIVIANALDS\My Documents\lu11956u7mv.tmp</t>
  </si>
  <si>
    <t>\\acsfs\profiles$\VIVIANALDS\My Documents\lu11956u7mv.tmp\</t>
  </si>
  <si>
    <t>\\acsfs\profiles$\VIVIANALDS\My Documents\lu11956u7mv.tmp\META-INF\</t>
  </si>
  <si>
    <t>\\acsfs\profiles$\VIVIANALDS\My Documents\lu11956u7mv.tmp\Thumbnails\</t>
  </si>
  <si>
    <t>dd2b122a-0ae9-4295-9efb-752cb75aa04d.tmp</t>
  </si>
  <si>
    <t>\\acsfs\profiles$\vivianalds\Downloads\dd2b122a-0ae9-4295-9efb-752cb75aa04d.tmp</t>
  </si>
  <si>
    <t>bfd47f23-5520-4624-a23b-011e5fc57eff.tmp</t>
  </si>
  <si>
    <t>\\acsfs\profiles$\kamilamrc\Downloads\bfd47f23-5520-4624-a23b-011e5fc57eff.tmp</t>
  </si>
  <si>
    <t>a200d347-f960-4a79-976b-1a50afa71ea5.tmp</t>
  </si>
  <si>
    <t>\\acsfs\profiles$\kamilamrc\Downloads\a200d347-f960-4a79-976b-1a50afa71ea5.tmp</t>
  </si>
  <si>
    <t>07779d13-7f09-4d42-9a0a-ac15c716b4de.tmp</t>
  </si>
  <si>
    <t>\\acsfs\profiles$\kamilamrc\Downloads\07779d13-7f09-4d42-9a0a-ac15c716b4de.tmp</t>
  </si>
  <si>
    <t>17e52fdd-b647-4b5f-8ff1-3f5b31366eb0.tmp</t>
  </si>
  <si>
    <t>\\acsfs\profiles$\kamilamrc\Downloads\17e52fdd-b647-4b5f-8ff1-3f5b31366eb0.tmp</t>
  </si>
  <si>
    <t>50b08e4f-b7f4-4b5b-b733-79972c733e9b.tmp</t>
  </si>
  <si>
    <t>\\acsfs\profiles$\kamilamrc\Downloads\50b08e4f-b7f4-4b5b-b733-79972c733e9b.tmp</t>
  </si>
  <si>
    <t>C:\suporte\Algar\Suporte\Bradesco solicitações\Solicitação Adequação atendimento\</t>
  </si>
  <si>
    <t>solicitação Leonardo.xlsx</t>
  </si>
  <si>
    <t>9193b321-d8b1-4e49-9098-e48bc3977464.tmp</t>
  </si>
  <si>
    <t>\\acsfs\profiles$\ERICALSR\Downloads\9193b321-d8b1-4e49-9098-e48bc3977464.tmp</t>
  </si>
  <si>
    <t>JOAO PEDRO NICOMEDES BERTOLDO GOMES (37).contact</t>
  </si>
  <si>
    <t>\\acsfs\profiles$\joaopnbg\Contacts\JOAO PEDRO NICOMEDES BERTOLDO GOMES (37).contact</t>
  </si>
  <si>
    <t>e519c219-d9df-4020-8057-95595d2b463c.tmp</t>
  </si>
  <si>
    <t>\\acsfs\profiles$\lorrainerdl\Downloads\e519c219-d9df-4020-8057-95595d2b463c.tmp</t>
  </si>
  <si>
    <t>12/27/2019 13:50:49</t>
  </si>
  <si>
    <t>10.200.58.113</t>
  </si>
  <si>
    <t>C:\Users\vilarinho\OneDrive - Grupo Algar\Algar Tech\Controladoria\Resultado\</t>
  </si>
  <si>
    <t>12/27/2019 13:50:50</t>
  </si>
  <si>
    <t>12/27/2019 19:04:32</t>
  </si>
  <si>
    <t>C:\Users\vilarinho\OneDrive - Grupo Algar\Algar Tech\Controladoria\Acompanhamento Orçamento DAF 2020\</t>
  </si>
  <si>
    <t>Orçamento DAF 2020.xlsx</t>
  </si>
  <si>
    <t>\\acsfs\profiles$\jessicafc\My Documents\My Pictures\</t>
  </si>
  <si>
    <t>\\acsfs\profiles$\jessicafc\My Documents\My Videos\desktop.ini</t>
  </si>
  <si>
    <t>\\acsfs\profiles$\jessicafc\My Documents\My Videos\</t>
  </si>
  <si>
    <t>\\acsfs\profiles$\jessicafc\My Documents\My Music\</t>
  </si>
  <si>
    <t>\\acsfs\profiles$\jessicafc\My Documents\My Pictures\desktop.ini</t>
  </si>
  <si>
    <t>\\acsfs\profiles$\jessicafc\Contacts\</t>
  </si>
  <si>
    <t>\\acsfs\profiles$\jessicafc\Contacts\desktop.ini</t>
  </si>
  <si>
    <t>\\acsfs\profiles$\jessicafc\My Documents\</t>
  </si>
  <si>
    <t>\\acsfs\profiles$\jessicafc\Favorites\desktop.ini</t>
  </si>
  <si>
    <t>\\acsfs\profiles$\jessicafc\My Documents\My Music\desktop.ini</t>
  </si>
  <si>
    <t>\\acsfs\profiles$\jessicafc\Searches\</t>
  </si>
  <si>
    <t>\\acsfs\profiles$\jessicafc\Searches\desktop.ini</t>
  </si>
  <si>
    <t>\\acsfs\profiles$\jessicafc\Downloads\desktop.ini</t>
  </si>
  <si>
    <t>\\acsfs\profiles$\jessicafc\Favorites\</t>
  </si>
  <si>
    <t>\\acsfs\profiles$\jessicafc\My Documents\desktop.ini</t>
  </si>
  <si>
    <t>\\acsfs\profiles$\jessicafc\Saved Games\desktop.ini</t>
  </si>
  <si>
    <t>winrt--{S-1-5-21-602162358-764733703-839522115-354165}-.searchconnector-ms</t>
  </si>
  <si>
    <t>\\acsfs\profiles$\jessicafc\Searches\winrt--{S-1-5-21-602162358-764733703-839522115-354165}-.searchconnector-ms</t>
  </si>
  <si>
    <t>4ea410a5-2852-4b80-bb66-373f6a542479.tmp</t>
  </si>
  <si>
    <t>\\acsfs\profiles$\geovannasm\Downloads\4ea410a5-2852-4b80-bb66-373f6a542479.tmp</t>
  </si>
  <si>
    <t>XLOG_leydianeamd_06012020_075121.log</t>
  </si>
  <si>
    <t>\\acsfs\profiles$\leydianeamd\My Documents\xworkcenter\logs\XLOG_leydianeamd_06012020_075121.log</t>
  </si>
  <si>
    <t>676d8071-fcb3-478d-bfc9-524623b11388.tmp</t>
  </si>
  <si>
    <t>\\acsfs\profiles$\inarajst\Downloads\676d8071-fcb3-478d-bfc9-524623b11388.tmp</t>
  </si>
  <si>
    <t>7fef920e-0e75-4320-99f2-2dbfea088983.tmp</t>
  </si>
  <si>
    <t>\\acsfs\profiles$\adelvinsonle\Downloads\7fef920e-0e75-4320-99f2-2dbfea088983.tmp</t>
  </si>
  <si>
    <t>722b1dae-5b29-4f8b-a014-1e9d1bb33f57.tmp</t>
  </si>
  <si>
    <t>\\acsfs\profiles$\jhonatadss\Downloads\722b1dae-5b29-4f8b-a014-1e9d1bb33f57.tmp</t>
  </si>
  <si>
    <t>35a701a7-06c8-4b4f-8345-485406484197.tmp</t>
  </si>
  <si>
    <t>\\acsfs\profiles$\jhonatadss\Downloads\35a701a7-06c8-4b4f-8345-485406484197.tmp</t>
  </si>
  <si>
    <t>10.200.66.176</t>
  </si>
  <si>
    <t>8e304735-b9f4-4582-847f-c5f452a7da37.tmp</t>
  </si>
  <si>
    <t>\\acsfs\profiles$\wenderbnm\Downloads\8e304735-b9f4-4582-847f-c5f452a7da37.tmp</t>
  </si>
  <si>
    <t>e691aa92-6121-4968-a53f-40b3feb3ae5d.tmp</t>
  </si>
  <si>
    <t>\\acsfs\profiles$\mariajra\Downloads\e691aa92-6121-4968-a53f-40b3feb3ae5d.tmp</t>
  </si>
  <si>
    <t>lu263005cbqn5.tmp</t>
  </si>
  <si>
    <t>\\acsfs\profiles$\LUCASBS\Planilhas\lu263005cbqn5.tmp</t>
  </si>
  <si>
    <t>122019_Relatorio_Despesa V4.xlsb</t>
  </si>
  <si>
    <t>mail.google.com/_/upload?authuser=0&amp;dcp=asu-n&amp;upload_id=AEnB2Ur6Tt_KQ3JhoCMW0wj3x2iVFnyJ_HXpDvZzuxnZ9lWFmct5dMn8xS6wxHanfqFMM2n7XiI6BCZrUz-pvZz30YfShnuzPQ&amp;upload_protocol=resumable</t>
  </si>
  <si>
    <t>122019_Relatorio_Indiretos V4.xlsb</t>
  </si>
  <si>
    <t>65e897bf-6b64-4e2b-bd3c-27c12b433e56.tmp</t>
  </si>
  <si>
    <t>\\acsfs\profiles$\adelvinsonle\Downloads\65e897bf-6b64-4e2b-bd3c-27c12b433e56.tmp</t>
  </si>
  <si>
    <t>bbaa1706-cca8-487a-b079-ab553a24517a.tmp</t>
  </si>
  <si>
    <t>\\acsfs\profiles$\jhonatadss\Downloads\bbaa1706-cca8-487a-b079-ab553a24517a.tmp</t>
  </si>
  <si>
    <t>4886c614-c512-449f-bfc1-cd73c145835e.tmp</t>
  </si>
  <si>
    <t>\\acsfs\profiles$\kellzylenneasr\Downloads\4886c614-c512-449f-bfc1-cd73c145835e.tmp</t>
  </si>
  <si>
    <t>b61d08c4-e490-4dd7-9aba-378729372970.tmp</t>
  </si>
  <si>
    <t>\\acsfs\profiles$\kellzylenneasr\Downloads\b61d08c4-e490-4dd7-9aba-378729372970.tmp</t>
  </si>
  <si>
    <t>22369405-f0be-4427-9ca3-1575dd71873b.tmp</t>
  </si>
  <si>
    <t>\\acsfs\profiles$\marcellewdl\Downloads\22369405-f0be-4427-9ca3-1575dd71873b.tmp</t>
  </si>
  <si>
    <t>7e99e9c8-a1be-42a4-9399-c8817ea91429.tmp</t>
  </si>
  <si>
    <t>\\acsfs\profiles$\JOAOVAL\Downloads\7e99e9c8-a1be-42a4-9399-c8817ea91429.tmp</t>
  </si>
  <si>
    <t>f77ea42b-6618-4c08-a388-f1f116e26997.tmp</t>
  </si>
  <si>
    <t>\\acsfs\profiles$\JOAOVAL\Downloads\f77ea42b-6618-4c08-a388-f1f116e26997.tmp</t>
  </si>
  <si>
    <t>daf6a2d8-8d71-4b35-a17f-00e0c40cbfcb.tmp</t>
  </si>
  <si>
    <t>\\acsfs\profiles$\jessicafc\Downloads\daf6a2d8-8d71-4b35-a17f-00e0c40cbfcb.tmp</t>
  </si>
  <si>
    <t>48b95ea8-68e8-4460-9da0-f870ed5324a5.tmp</t>
  </si>
  <si>
    <t>\\acsfs\profiles$\jessicafc\Downloads\48b95ea8-68e8-4460-9da0-f870ed5324a5.tmp</t>
  </si>
  <si>
    <t>6cd0c323-2ee0-4938-a983-d43acc7cff10.tmp</t>
  </si>
  <si>
    <t>\\acsfs\profiles$\jessicafc\Downloads\6cd0c323-2ee0-4938-a983-d43acc7cff10.tmp</t>
  </si>
  <si>
    <t>14ea47d6-c71c-46ac-9b79-6b9b2166e1aa.tmp</t>
  </si>
  <si>
    <t>\\acsfs\profiles$\jessicafc\Downloads\14ea47d6-c71c-46ac-9b79-6b9b2166e1aa.tmp</t>
  </si>
  <si>
    <t>D:\OneDrive\AlgarTech\Pré-Vendas\Cliente\2020\CNEC\226397 - 3 Novas VMs\</t>
  </si>
  <si>
    <t>LPU_CNEC_Reajuste 2019.xlsx</t>
  </si>
  <si>
    <t>96bbf22b-0f6b-4de4-87a2-f58c774c11da.tmp</t>
  </si>
  <si>
    <t>\\acsfs\profiles$\gabrielsma\Downloads\96bbf22b-0f6b-4de4-87a2-f58c774c11da.tmp</t>
  </si>
  <si>
    <t>\\acsfs\ACS\Gabriel da Silva\Contemporânea\VENDAS\Q29udHJvbGxlci5BQ09NLVNvdUJWXzE-.ica.crdownload</t>
  </si>
  <si>
    <t>6cfaf7f3-e001-4650-86c2-623025ebebe9.tmp</t>
  </si>
  <si>
    <t>\\acsfs\profiles$\rafaelahpn\Downloads\6cfaf7f3-e001-4650-86c2-623025ebebe9.tmp</t>
  </si>
  <si>
    <t>1° Ciclo Janeiro Tainara.txt</t>
  </si>
  <si>
    <t>\\acsfs\DEPTOS\Operacao\Banco_Votorantim\Qualidade\Eliane\Monitoria JANEIRO 2020\1° Ciclo Janeiro Tainara.txt</t>
  </si>
  <si>
    <t>\\acsfs\profiles$\henriquehmdo\Contacts\</t>
  </si>
  <si>
    <t>HENRIQUE HUMBERTO MARCELINO DE OLIVEIRA (4).contact</t>
  </si>
  <si>
    <t>\\acsfs\profiles$\henriquehmdo\Contacts\HENRIQUE HUMBERTO MARCELINO DE OLIVEIRA (4).contact</t>
  </si>
  <si>
    <t>\\acsfs\profiles$\henriquehmdo\My Documents\My Videos\</t>
  </si>
  <si>
    <t>\\acsfs\profiles$\henriquehmdo\My Documents\My Videos\desktop.ini</t>
  </si>
  <si>
    <t>\\acsfs\profiles$\henriquehmdo\My Documents\My Pictures\</t>
  </si>
  <si>
    <t>\\acsfs\profiles$\henriquehmdo\My Documents\My Pictures\desktop.ini</t>
  </si>
  <si>
    <t>\\acsfs\profiles$\henriquehmdo\Contacts\desktop.ini</t>
  </si>
  <si>
    <t>\\acsfs\profiles$\henriquehmdo\Favorites\</t>
  </si>
  <si>
    <t>\\acsfs\profiles$\henriquehmdo\Favorites\desktop.ini</t>
  </si>
  <si>
    <t>\\acsfs\profiles$\henriquehmdo\My Documents\My Music\</t>
  </si>
  <si>
    <t>\\acsfs\profiles$\henriquehmdo\My Documents\My Music\desktop.ini</t>
  </si>
  <si>
    <t>\\acsfs\profiles$\henriquehmdo\Searches\</t>
  </si>
  <si>
    <t>\\acsfs\profiles$\henriquehmdo\Searches\desktop.ini</t>
  </si>
  <si>
    <t>\\acsfs\profiles$\henriquehmdo\Downloads\desktop.ini</t>
  </si>
  <si>
    <t>\\acsfs\profiles$\henriquehmdo\My Documents\</t>
  </si>
  <si>
    <t>\\acsfs\profiles$\henriquehmdo\My Documents\desktop.ini</t>
  </si>
  <si>
    <t>\\acsfs\profiles$\henriquehmdo\Saved Games\</t>
  </si>
  <si>
    <t>\\acsfs\profiles$\henriquehmdo\Saved Games\desktop.ini</t>
  </si>
  <si>
    <t>\\acsfs\profiles$\HENRIQUEHMDO\Favorites\Links for Brasil\</t>
  </si>
  <si>
    <t>\\acsfs\profiles$\HENRIQUEHMDO\Favorites\Links for Brasil\desktop.ini</t>
  </si>
  <si>
    <t>\\acsfs\profiles$\HENRIQUEHMDO\Favorites\Links for Brasil\Microsoft Brasil.url</t>
  </si>
  <si>
    <t>\\acsfs\profiles$\HENRIQUEHMDO\Favorites\Links for Brasil\Windows Brasil.url</t>
  </si>
  <si>
    <t>\\acsfs\profiles$\HENRIQUEHMDO\Favorites\Links for Brasil\MSN Brasil.url</t>
  </si>
  <si>
    <t>e1e404cc-49a9-4c9c-aa5a-8e227d7e5aad.tmp</t>
  </si>
  <si>
    <t>\\acsfs\profiles$\henriquehmdo\Downloads\e1e404cc-49a9-4c9c-aa5a-8e227d7e5aad.tmp</t>
  </si>
  <si>
    <t>Não confirmado 518260.crdownload</t>
  </si>
  <si>
    <t>\\acsfs\profiles$\henriquehmdo\Downloads\Não confirmado 518260.crdownload</t>
  </si>
  <si>
    <t>b4ef9f2d-85f0-4888-a3ca-38328a89d771.tmp</t>
  </si>
  <si>
    <t>\\acsfs\profiles$\henriquehmdo\Downloads\b4ef9f2d-85f0-4888-a3ca-38328a89d771.tmp</t>
  </si>
  <si>
    <t>mail.google.com/_/upload?authuser=1&amp;dcp=asu-n&amp;upload_id=AEnB2Uqu-sW7sE4gUbQc5AKShADf8JvlRLHCV_IR3Sw4OAkn-TR29AmDu-p55FTZDzJprBEVzizKJtT8sWmwcNVycL6kLU256Q&amp;upload_protocol=resumable</t>
  </si>
  <si>
    <t>Reneg - Vcto 08-01-20.xlsx</t>
  </si>
  <si>
    <t>mail.google.com/_/upload?authuser=1&amp;dcp=asu-n&amp;upload_id=AEnB2UpyH4xa7NiXPGAjjh_oXOAOgSFEDQkpIXaxUy5dbUkOcrq8aOBonH2wZDnUqA90EyBbNyiMUXFgRKSIJqcbkv7TNq-h9Q&amp;upload_protocol=resumable</t>
  </si>
  <si>
    <t>Reneg - Vcto 11-01-20.xlsx</t>
  </si>
  <si>
    <t>71d4d236-bcef-4b8c-bbc6-34959c762d2e.tmp</t>
  </si>
  <si>
    <t>\\acsfs\profiles$\JOAOVAL\Downloads\71d4d236-bcef-4b8c-bbc6-34959c762d2e.tmp</t>
  </si>
  <si>
    <t>54dc922c-9c96-4541-b5b2-387b52085019.tmp</t>
  </si>
  <si>
    <t>\\acsfs\profiles$\JOAOVAL\Downloads\54dc922c-9c96-4541-b5b2-387b52085019.tmp</t>
  </si>
  <si>
    <t>1d32e860-ea9e-4d33-95e3-41636cf58d29.tmp</t>
  </si>
  <si>
    <t>\\acsfs\profiles$\luanaagl\Downloads\1d32e860-ea9e-4d33-95e3-41636cf58d29.tmp</t>
  </si>
  <si>
    <t>monitoria 06-01.docx</t>
  </si>
  <si>
    <t>\\acsfs\Deptos\EDUCACAO EMPRESARIAL\KÉSIA\monitoria 06-01.docx</t>
  </si>
  <si>
    <t>\\acsfs\Deptos\EDUCACAO EMPRESARIAL\KÉSIA\monitoria 06-01.docx\</t>
  </si>
  <si>
    <t>\\acsfs\Deptos\EDUCACAO EMPRESARIAL\KÉSIA\monitoria 06-01.docx\:Zone.Identifier:$DATA</t>
  </si>
  <si>
    <t>8121216f-0969-4305-b770-46192580174d.tmp</t>
  </si>
  <si>
    <t>\\acsfs\profiles$\jhonatadss\Downloads\8121216f-0969-4305-b770-46192580174d.tmp</t>
  </si>
  <si>
    <t>4edf3f6f-6ed1-4390-b40b-d2e455f4c76b.tmp</t>
  </si>
  <si>
    <t>\\acsfs\profiles$\LAISLG\Downloads\4edf3f6f-6ed1-4390-b40b-d2e455f4c76b.tmp</t>
  </si>
  <si>
    <t>670e171c-4869-4ba0-b597-c56ca6851971.tmp</t>
  </si>
  <si>
    <t>\\acsfs\profiles$\victoriaksr\Downloads\670e171c-4869-4ba0-b597-c56ca6851971.tmp</t>
  </si>
  <si>
    <t>\\acsfs\profiles$\victoriaksr\Downloads\.~lock.Filas.xlsx#</t>
  </si>
  <si>
    <t>10.200.35.168</t>
  </si>
  <si>
    <t>Proposta PFIN 2020.xlsx</t>
  </si>
  <si>
    <t>b0300e53-11a0-4f05-b3fe-b10c389c0f6e.tmp</t>
  </si>
  <si>
    <t>\\acsfs\profiles$\sarahbal\Downloads\b0300e53-11a0-4f05-b3fe-b10c389c0f6e.tmp</t>
  </si>
  <si>
    <t>6c895956-5947-4d0e-917c-b312f9c9fc04.tmp</t>
  </si>
  <si>
    <t>\\acsfs\profiles$\matheushds\Downloads\6c895956-5947-4d0e-917c-b312f9c9fc04.tmp</t>
  </si>
  <si>
    <t>151c2f96-9943-47c1-abe9-0aec1f515fb5.tmp</t>
  </si>
  <si>
    <t>\\acsfs\profiles$\matheushds\Downloads\151c2f96-9943-47c1-abe9-0aec1f515fb5.tmp</t>
  </si>
  <si>
    <t>a88c2eab-e885-4ade-9397-1c4bafbf1ba6.tmp</t>
  </si>
  <si>
    <t>\\acsfs\profiles$\gabrielsma\Downloads\a88c2eab-e885-4ade-9397-1c4bafbf1ba6.tmp</t>
  </si>
  <si>
    <t>rptEquipesAuditoria.csv.crdownload</t>
  </si>
  <si>
    <t>\\acsfs\ACS\Gabriel da Silva\Contemporânea\rptEquipesAuditoria.csv.crdownload</t>
  </si>
  <si>
    <t>785836b2-97d9-4ad6-b301-936c1d2b71bf.tmp</t>
  </si>
  <si>
    <t>\\acsfs\profiles$\inarajst\Downloads\785836b2-97d9-4ad6-b301-936c1d2b71bf.tmp</t>
  </si>
  <si>
    <t>bcfb8fb6-15f1-4d52-9eb4-b97a34a8f83d.tmp</t>
  </si>
  <si>
    <t>\\acsfs\profiles$\inarajst\Downloads\bcfb8fb6-15f1-4d52-9eb4-b97a34a8f83d.tmp</t>
  </si>
  <si>
    <t>bbe0aa25-e5ad-43e2-b53e-cc7aa3204826.tmp</t>
  </si>
  <si>
    <t>\\acsfs\profiles$\Flaviojmm\Downloads\bbe0aa25-e5ad-43e2-b53e-cc7aa3204826.tmp</t>
  </si>
  <si>
    <t>467d5635-7ff5-4bad-8f71-689f49663c80.tmp</t>
  </si>
  <si>
    <t>\\acsfs\profiles$\nataliacsl\Downloads\467d5635-7ff5-4bad-8f71-689f49663c80.tmp</t>
  </si>
  <si>
    <t>lu111788tsw393.tmp</t>
  </si>
  <si>
    <t>\\acsfs\profiles$\BRUNAAR\Numero\lu111788tsw393.tmp</t>
  </si>
  <si>
    <t>bf803edc-ec24-470d-a9cf-da4b3a2a7691.tmp</t>
  </si>
  <si>
    <t>\\acsfs\profiles$\LAISLG\Downloads\bf803edc-ec24-470d-a9cf-da4b3a2a7691.tmp</t>
  </si>
  <si>
    <t>3596f493-08e1-4f75-b448-dd16103149c1.tmp</t>
  </si>
  <si>
    <t>\\acsfs\profiles$\henriquehmdo\Downloads\3596f493-08e1-4f75-b448-dd16103149c1.tmp</t>
  </si>
  <si>
    <t>b7b39435-afaa-47b5-ac8e-5189da86302e.tmp</t>
  </si>
  <si>
    <t>\\acsfs\profiles$\nathaliarmr\Downloads\b7b39435-afaa-47b5-ac8e-5189da86302e.tmp</t>
  </si>
  <si>
    <t>D:\OneDrive\AlgarTech\Pré-Vendas\Cliente\2020\CNEC\227397 - Clone 2 VMs\</t>
  </si>
  <si>
    <t>HorasExtras_S.O.xlsx</t>
  </si>
  <si>
    <t>227397_Preco_rev01.xlsb</t>
  </si>
  <si>
    <t>e55458d6-63ce-4c50-b301-3122af7748bf.tmp</t>
  </si>
  <si>
    <t>\\acsfs\profiles$\matheushds\Downloads\e55458d6-63ce-4c50-b301-3122af7748bf.tmp</t>
  </si>
  <si>
    <t>31ba4fde-b510-4969-a9f2-e34203dd0bb4.tmp</t>
  </si>
  <si>
    <t>\\acsfs\profiles$\matheushds\Downloads\31ba4fde-b510-4969-a9f2-e34203dd0bb4.tmp</t>
  </si>
  <si>
    <t>lixo.csv.crdownload</t>
  </si>
  <si>
    <t>\\acsfs\ACS\Gabriel da Silva\Contemporânea\NPS\NPS_Voz\Janeiro.20\lixo.csv.crdownload</t>
  </si>
  <si>
    <t>~$rellPulse.xlsx</t>
  </si>
  <si>
    <t>\\acsfs\ACS\Gabriel da Silva\Contemporânea\Gen\~$rellPulse.xlsx</t>
  </si>
  <si>
    <t>f70a4da5-9fc2-4285-ae13-d38fd8d68c09.tmp</t>
  </si>
  <si>
    <t>\\acsfs\profiles$\luanaagl\Downloads\f70a4da5-9fc2-4285-ae13-d38fd8d68c09.tmp</t>
  </si>
  <si>
    <t>74-86-7A-FC-CF-A6</t>
  </si>
  <si>
    <t>VOTORANT-VB009</t>
  </si>
  <si>
    <t>LORENA BIANCA MARTINS COSTA (12709).contact</t>
  </si>
  <si>
    <t>\\acsfs\profiles$\lorenabmc\Contacts\LORENA BIANCA MARTINS COSTA (12709).contact</t>
  </si>
  <si>
    <t>1be022e9-05f2-49f7-9c47-b0ed67705625.tmp</t>
  </si>
  <si>
    <t>\\acsfs\profiles$\lorenabmc\Downloads\1be022e9-05f2-49f7-9c47-b0ed67705625.tmp</t>
  </si>
  <si>
    <t>5bcdf656-70a6-484c-b3f6-19e9e159ea46.tmp</t>
  </si>
  <si>
    <t>\\acsfs\profiles$\mariagsg\Downloads\5bcdf656-70a6-484c-b3f6-19e9e159ea46.tmp</t>
  </si>
  <si>
    <t>d4b27c7f-dd5e-4ef7-b075-aafbb647a3d0.tmp</t>
  </si>
  <si>
    <t>\\acsfs\profiles$\mariagsg\Downloads\d4b27c7f-dd5e-4ef7-b075-aafbb647a3d0.tmp</t>
  </si>
  <si>
    <t>0249591a-c71e-454f-ab22-11da12434cd7.tmp</t>
  </si>
  <si>
    <t>\\acsfs\profiles$\henriquehmdo\Downloads\0249591a-c71e-454f-ab22-11da12434cd7.tmp</t>
  </si>
  <si>
    <t>10.200.58.108</t>
  </si>
  <si>
    <t>C:\Users\renataalves\Downloads\CustomerSuccess_AlgarTech_Plano2020_v1.pptx\</t>
  </si>
  <si>
    <t>d906c197-c82e-4446-8a98-99686b5f4d5c.tmp</t>
  </si>
  <si>
    <t>\\acsfs\profiles$\sarahbal\Downloads\d906c197-c82e-4446-8a98-99686b5f4d5c.tmp</t>
  </si>
  <si>
    <t>lu263005cbqnh.tmp</t>
  </si>
  <si>
    <t>\\acsfs\profiles$\LUCASBS\Planilhas\lu263005cbqnh.tmp</t>
  </si>
  <si>
    <t>lu11816xel6j.tmp</t>
  </si>
  <si>
    <t>\\acsfs\profiles$\CLAUDIAJCA\lu11816xel6j.tmp</t>
  </si>
  <si>
    <t>\\acsfs\profiles$\CLAUDIAJCA\lu11816xel6j.tmp\</t>
  </si>
  <si>
    <t>\\acsfs\profiles$\CLAUDIAJCA\lu11816xel6j.tmp\META-INF\</t>
  </si>
  <si>
    <t>\\acsfs\profiles$\CLAUDIAJCA\lu11816xel6j.tmp\Thumbnails\</t>
  </si>
  <si>
    <t>8f821af7-3b28-4f96-9443-7fe94cb3f299.tmp</t>
  </si>
  <si>
    <t>\\acsfs\profiles$\lorraynevam\Downloads\8f821af7-3b28-4f96-9443-7fe94cb3f299.tmp</t>
  </si>
  <si>
    <t>\\acsfs\profiles$\lorraynevam\Downloads\8f821af7-3b28-4f96-9443-7fe94cb3f299.tmp\</t>
  </si>
  <si>
    <t>\\acsfs\profiles$\lorraynevam\Downloads\8f821af7-3b28-4f96-9443-7fe94cb3f299.tmp\META-INF\</t>
  </si>
  <si>
    <t>\\acsfs\profiles$\lorraynevam\Downloads\8f821af7-3b28-4f96-9443-7fe94cb3f299.tmp\Thumbnails\</t>
  </si>
  <si>
    <t>841805dc-24ae-4841-8672-00edb8eac29a.tmp</t>
  </si>
  <si>
    <t>\\acsfs\profiles$\lorenabmc\Downloads\841805dc-24ae-4841-8672-00edb8eac29a.tmp</t>
  </si>
  <si>
    <t>10.200.61.40</t>
  </si>
  <si>
    <t>\\acsfs\DEPTOS\Controladoria\32.Tesouraria\1 - Fluxo de Caixa\Caixa 2019\2 - Movimentações Diárias\1 - TI\Saldo\12 - Dezembro\</t>
  </si>
  <si>
    <t>Saldo TI Dezembro.xlsx</t>
  </si>
  <si>
    <t>\\acsfs\profiles$\danielta\Contacts\</t>
  </si>
  <si>
    <t>DANIEL TOFINO ARAUJO (35).contact</t>
  </si>
  <si>
    <t>\\acsfs\profiles$\danielta\Contacts\DANIEL TOFINO ARAUJO (35).contact</t>
  </si>
  <si>
    <t>\\acsfs\profiles$\danielta\My Documents\My Videos\</t>
  </si>
  <si>
    <t>\\acsfs\profiles$\danielta\My Documents\My Videos\desktop.ini</t>
  </si>
  <si>
    <t>\\acsfs\profiles$\danielta\My Documents\My Pictures\</t>
  </si>
  <si>
    <t>\\acsfs\profiles$\danielta\My Documents\My Pictures\desktop.ini</t>
  </si>
  <si>
    <t>\\acsfs\profiles$\danielta\Contacts\desktop.ini</t>
  </si>
  <si>
    <t>\\acsfs\profiles$\danielta\Favorites\</t>
  </si>
  <si>
    <t>\\acsfs\profiles$\danielta\Favorites\desktop.ini</t>
  </si>
  <si>
    <t>\\acsfs\profiles$\danielta\My Documents\My Music\</t>
  </si>
  <si>
    <t>\\acsfs\profiles$\danielta\My Documents\My Music\desktop.ini</t>
  </si>
  <si>
    <t>\\acsfs\profiles$\danielta\Searches\</t>
  </si>
  <si>
    <t>\\acsfs\profiles$\danielta\Searches\desktop.ini</t>
  </si>
  <si>
    <t>\\acsfs\profiles$\danielta\Downloads\desktop.ini</t>
  </si>
  <si>
    <t>\\acsfs\profiles$\danielta\My Documents\</t>
  </si>
  <si>
    <t>\\acsfs\profiles$\danielta\My Documents\desktop.ini</t>
  </si>
  <si>
    <t>\\acsfs\profiles$\danielta\Saved Games\</t>
  </si>
  <si>
    <t>\\acsfs\profiles$\danielta\Saved Games\desktop.ini</t>
  </si>
  <si>
    <t>\\acsfs\profiles$\danielta\Favorites\Links for Brasil\</t>
  </si>
  <si>
    <t>\\acsfs\profiles$\danielta\Favorites\Links for Brasil\desktop.ini</t>
  </si>
  <si>
    <t>\\acsfs\profiles$\danielta\Favorites\Links for Brasil\Microsoft Brasil.url</t>
  </si>
  <si>
    <t>\\acsfs\profiles$\danielta\Favorites\Links for Brasil\Windows Brasil.url</t>
  </si>
  <si>
    <t>\\acsfs\profiles$\danielta\Favorites\Links for Brasil\MSN Brasil.url</t>
  </si>
  <si>
    <t>a5956b52-379e-4883-bea2-62c732011bbb.tmp</t>
  </si>
  <si>
    <t>\\acsfs\profiles$\Flaviojmm\Downloads\a5956b52-379e-4883-bea2-62c732011bbb.tmp</t>
  </si>
  <si>
    <t>0873aba6-5ec4-4b19-a667-8ac77d5241dc.tmp</t>
  </si>
  <si>
    <t>\\acsfs\profiles$\gabrielarb\Downloads\0873aba6-5ec4-4b19-a667-8ac77d5241dc.tmp</t>
  </si>
  <si>
    <t>052796cd-8988-40ae-bf7a-46f752b7a4c8.tmp</t>
  </si>
  <si>
    <t>\\acsfs\profiles$\claudiajca\Downloads\052796cd-8988-40ae-bf7a-46f752b7a4c8.tmp</t>
  </si>
  <si>
    <t>efcef35f-ee72-4796-a48a-807a8fe46b47.tmp</t>
  </si>
  <si>
    <t>\\acsfs\profiles$\claudiajca\Downloads\efcef35f-ee72-4796-a48a-807a8fe46b47.tmp</t>
  </si>
  <si>
    <t>\\acsfs\profiles$\lorraynevam\Downloads\.~lock.Controle de vendas.ods#</t>
  </si>
  <si>
    <t>10.200.60.87</t>
  </si>
  <si>
    <t>78-2B-CB-C3-48-C8</t>
  </si>
  <si>
    <t>VOTORANTE-YB021</t>
  </si>
  <si>
    <t>ec0601e4-121d-4e1d-8bd2-7430879c9cc5.tmp</t>
  </si>
  <si>
    <t>\\acsfs\profiles$\lorrainerdl\Downloads\ec0601e4-121d-4e1d-8bd2-7430879c9cc5.tmp</t>
  </si>
  <si>
    <t>fdc005cb-546e-49f6-ab83-dcd58443f9b1.tmp</t>
  </si>
  <si>
    <t>\\acsfs\profiles$\lorenabmc\Downloads\fdc005cb-546e-49f6-ab83-dcd58443f9b1.tmp</t>
  </si>
  <si>
    <t>patricia.guimaraes@avon.com;</t>
  </si>
  <si>
    <t>patricia.guimaraes@avon.com</t>
  </si>
  <si>
    <t>46e70d1b-d6f3-42c0-84fa-c0e3f70ec4c4.tmp</t>
  </si>
  <si>
    <t>\\acsfs\profiles$\LUCASBS\Downloads\46e70d1b-d6f3-42c0-84fa-c0e3f70ec4c4.tmp</t>
  </si>
  <si>
    <t>c:\users\vanessasara\downloads\</t>
  </si>
  <si>
    <t>_acc_-_vf.xls</t>
  </si>
  <si>
    <t>851a2091-b039-4f27-b071-4a2f88cb8217.tmp</t>
  </si>
  <si>
    <t>\\acsfs\profiles$\sarahbal\Downloads\851a2091-b039-4f27-b071-4a2f88cb8217.tmp</t>
  </si>
  <si>
    <t>570ad2fc-7253-4dbe-9475-858a47c5b577.tmp</t>
  </si>
  <si>
    <t>\\acsfs\profiles$\Flaviojmm\Downloads\570ad2fc-7253-4dbe-9475-858a47c5b577.tmp</t>
  </si>
  <si>
    <t>c5021527-6db8-4711-8a6d-4ff37602cc30.tmp</t>
  </si>
  <si>
    <t>\\acsfs\profiles$\gabrielarb\Downloads\c5021527-6db8-4711-8a6d-4ff37602cc30.tmp</t>
  </si>
  <si>
    <t>c12cca1d-db2e-4bf7-81b0-ad233b9b233e.tmp</t>
  </si>
  <si>
    <t>\\acsfs\profiles$\gabrielarb\Downloads\c12cca1d-db2e-4bf7-81b0-ad233b9b233e.tmp</t>
  </si>
  <si>
    <t>8c39d649-4560-4d0a-8951-39d37f1c1289.tmp</t>
  </si>
  <si>
    <t>\\acsfs\profiles$\gabrielarb\Downloads\8c39d649-4560-4d0a-8951-39d37f1c1289.tmp</t>
  </si>
  <si>
    <t>365c4dd1-38b5-447a-a001-4a148e1fca50.tmp</t>
  </si>
  <si>
    <t>\\acsfs\profiles$\gabrielarb\Downloads\365c4dd1-38b5-447a-a001-4a148e1fca50.tmp</t>
  </si>
  <si>
    <t>e8b31ec3-d608-4e4f-830a-e63803652e8e.tmp</t>
  </si>
  <si>
    <t>\\acsfs\profiles$\gabrielarb\Downloads\e8b31ec3-d608-4e4f-830a-e63803652e8e.tmp</t>
  </si>
  <si>
    <t>30d4d183-99b4-44b0-93e2-60e52c8c6971.tmp</t>
  </si>
  <si>
    <t>\\acsfs\profiles$\gabrielarb\Downloads\30d4d183-99b4-44b0-93e2-60e52c8c6971.tmp</t>
  </si>
  <si>
    <t>8a56e505-a4fa-497f-bb7a-3d7b861ebe31.tmp</t>
  </si>
  <si>
    <t>\\acsfs\profiles$\claudiajca\Downloads\8a56e505-a4fa-497f-bb7a-3d7b861ebe31.tmp</t>
  </si>
  <si>
    <t>b066a8d7-d61b-462d-9a42-799035fea92a.tmp</t>
  </si>
  <si>
    <t>\\acsfs\profiles$\lorrainerdl\Downloads\b066a8d7-d61b-462d-9a42-799035fea92a.tmp</t>
  </si>
  <si>
    <t>505d5108-db89-4063-9431-6366cb34b5f1.tmp</t>
  </si>
  <si>
    <t>\\acsfs\profiles$\lorrainerdl\Downloads\505d5108-db89-4063-9431-6366cb34b5f1.tmp</t>
  </si>
  <si>
    <t>33199d51-e407-4320-a9ed-e92da2718e5c.tmp</t>
  </si>
  <si>
    <t>\\acsfs\profiles$\LAISLG\Downloads\33199d51-e407-4320-a9ed-e92da2718e5c.tmp</t>
  </si>
  <si>
    <t>59fc3a90-7104-401f-b581-31e989b8bb2f.tmp</t>
  </si>
  <si>
    <t>\\acsfs\profiles$\ANAPDSB\Downloads\59fc3a90-7104-401f-b581-31e989b8bb2f.tmp</t>
  </si>
  <si>
    <t>C:\Segatto\Algar2019\Prudential\Algar\DB\</t>
  </si>
  <si>
    <t>1578073283598,1686019443,2,[],[]]],ancestorhasaugmentedpermissions,containsunsubscribedchildren,displayname,domain,emailaddress,exp,false,file(kind,fileid,filesize,gma_kxmfhhveuz2pzdvkuvo0ibdnxvmdp-7exgl2idkuypwncudq2nly7ktquzc4yzkledo\",hasthumbnail,hasvisitorpermissions,id,id),items(deleted,ken,kind,lastmodifyinguser(kind,lastviewedbymedate,modifiedbymedate,modifieddate,null,ontainsunsubscribedchildren,owners(kind,permi,permissionid,picture,shared,sharedwithmedate,thumbnailversion,title,true]",userpermission(role),workspaceids</t>
  </si>
  <si>
    <t>11-Fechamento PRE - Dez.2019.xlsx</t>
  </si>
  <si>
    <t>10.200.99.121</t>
  </si>
  <si>
    <t>mail.google.com/_/upload?authuser=0&amp;dcp=asu-n&amp;upload_id=AEnB2UpWFQRe0pio9DIh6aBicSMW6qXzpaKl5xthJJdCT-c7jHrMPs3LHcK_mYfzZxvgpz9QyM4LHrJbiZgViSRGhXixyejHyeeQsqGJeo6YuTOxtQOj97E&amp;upload_protocol=resumable</t>
  </si>
  <si>
    <t>catianalv@algartech.com;lucianarsantos@algartech.com;senildapdo@algartech.com;tayseifb@algartech.com;viniciussg@algartech.com;</t>
  </si>
  <si>
    <t>Volumetria por skill Avon.xlsx</t>
  </si>
  <si>
    <t>catianalv@algartech.com,lucianarsantos@algartech.com,senildapdo@algartech.com,tayseifb@algartech.com,viniciussg@algartech.com</t>
  </si>
  <si>
    <t>\\acsfs\deptos\Operacao\PCP\5 - Comum\PLANEJAMENTO BV\14 - ACOMPANHAMENTO\Report whatsapp\Vendas\2020\</t>
  </si>
  <si>
    <t>\\acsfs\deptos\Operacao\PCP\5 - Comum\PLANEJAMENTO BV\14 - ACOMPANHAMENTO\Report whatsapp\Vendas\2020\Atualiza VENDAS_JANEIRO.xlsm</t>
  </si>
  <si>
    <t>https://cpc-controldeskavon@algartech.com,joseasn@algartech.com,luiz.henriquesantos@avon.com,marianadjc@algartech.com</t>
  </si>
  <si>
    <t>08a58e8e-7150-43fc-9d8b-c7cb6ffc2bc0.tmp</t>
  </si>
  <si>
    <t>\\acsfs\profiles$\adelvinsonle\Downloads\08a58e8e-7150-43fc-9d8b-c7cb6ffc2bc0.tmp</t>
  </si>
  <si>
    <t>a1e55ac9-fe77-4fb3-8e7c-df304d34c45c.tmp</t>
  </si>
  <si>
    <t>\\acsfs\profiles$\valeriasda\Downloads\a1e55ac9-fe77-4fb3-8e7c-df304d34c45c.tmp</t>
  </si>
  <si>
    <t>1ac8659e-cd52-42bf-945b-2e18c44b5f22.tmp</t>
  </si>
  <si>
    <t>\\acsfs\profiles$\valeriasda\Downloads\1ac8659e-cd52-42bf-945b-2e18c44b5f22.tmp</t>
  </si>
  <si>
    <t>50389470-4a04-42c9-a8ba-814b9c6a5b73.tmp</t>
  </si>
  <si>
    <t>\\acsfs\profiles$\gabriellalpr\Downloads\50389470-4a04-42c9-a8ba-814b9c6a5b73.tmp</t>
  </si>
  <si>
    <t>https://outlook.office365.com/owa/qualidadealgarbv@algartech.com/service.svc?action=updateitem&amp;app=mail&amp;n=103</t>
  </si>
  <si>
    <t>0bb2adfb-bc7d-4f8f-9285-6ff9b5b3d166.tmp</t>
  </si>
  <si>
    <t>\\acsfs\profiles$\LUCASBS\Downloads\0bb2adfb-bc7d-4f8f-9285-6ff9b5b3d166.tmp</t>
  </si>
  <si>
    <t>\\acsfs\DEPTOS\Operacao\Banco_Votorantim\Comum\00 - COMUM - BV CARTÕES\EQUIPE ADILSON\Reneg\Reneg - Vcto 08-01-20.xlsx</t>
  </si>
  <si>
    <t>6eb38c83-fce9-41af-a15b-9be10b963a75.tmp</t>
  </si>
  <si>
    <t>\\acsfs\profiles$\lorrainerdl\Downloads\6eb38c83-fce9-41af-a15b-9be10b963a75.tmp</t>
  </si>
  <si>
    <t>AMOSTRAS NÃO LOCALIZADAS.docx</t>
  </si>
  <si>
    <t>\\acsfs\Deptos\EDUCACAO EMPRESARIAL\KÉSIA\AMOSTRAS NÃO LOCALIZADAS.docx</t>
  </si>
  <si>
    <t>C:\Users\thaisbrs\OneDrive - Grupo Algar\1.1 Operações\1.2 next\1.3 Processo seletivo\</t>
  </si>
  <si>
    <t>Processo seletivo v1.xlsx</t>
  </si>
  <si>
    <t>C:\Users\thaisbrs\OneDrive - Grupo Algar\1.1 Operações\1.2 next\1.1 Next\1.1 Meta\</t>
  </si>
  <si>
    <t>Farol de meta.xls</t>
  </si>
  <si>
    <t>Formulário TTV - Lançamento de Atraso de Jornada (8).xlsx</t>
  </si>
  <si>
    <t>98f16cf3-496e-4a13-bb65-48ad3a1b6c78.tmp</t>
  </si>
  <si>
    <t>\\acsfs\profiles$\lorrainerdl\Downloads\98f16cf3-496e-4a13-bb65-48ad3a1b6c78.tmp</t>
  </si>
  <si>
    <t>LETICIA LIMA ALVES (29718).contact</t>
  </si>
  <si>
    <t>\\acsfs\profiles$\leticiala\Contacts\LETICIA LIMA ALVES (29718).contact</t>
  </si>
  <si>
    <t>4c88048f-ac6f-40de-8adc-a03b8d95791b.tmp</t>
  </si>
  <si>
    <t>\\acsfs\profiles$\gabrielarb\Downloads\4c88048f-ac6f-40de-8adc-a03b8d95791b.tmp</t>
  </si>
  <si>
    <t>de5b4321-eea1-4290-9341-fac8f1d5aae1.tmp</t>
  </si>
  <si>
    <t>\\acsfs\profiles$\ALYNYA\Downloads\de5b4321-eea1-4290-9341-fac8f1d5aae1.tmp</t>
  </si>
  <si>
    <t>c:\users\acaciors\desktop\call center sob demanda\bradesco seguros\faturamento ligações\</t>
  </si>
  <si>
    <t>mascara ligações.xlsx</t>
  </si>
  <si>
    <t>95770936-a83e-4f88-9a3f-7a7596ad6372.tmp</t>
  </si>
  <si>
    <t>\\acsfs\profiles$\lorraynevam\Downloads\95770936-a83e-4f88-9a3f-7a7596ad6372.tmp</t>
  </si>
  <si>
    <t>\\acsfs\Deptos\EDUCACAO EMPRESARIAL\KÉSIA\5B6C2B45.tmp\</t>
  </si>
  <si>
    <t>\\acsfs\Deptos\EDUCACAO EMPRESARIAL\KÉSIA\5B6C2B45.tmp\:Zone.Identifier:$DATA</t>
  </si>
  <si>
    <t>gubert.png</t>
  </si>
  <si>
    <t>\\acsfs\DEPTOS\Operacao\Banco_Votorantim\Qualidade\Anderson\Jose\Atualizado\gubert.png</t>
  </si>
  <si>
    <t>gubert2.png</t>
  </si>
  <si>
    <t>\\acsfs\DEPTOS\Operacao\Banco_Votorantim\Qualidade\Anderson\Jose\Atualizado\gubert2.png</t>
  </si>
  <si>
    <t>gubert 3.png</t>
  </si>
  <si>
    <t>\\acsfs\DEPTOS\Operacao\Banco_Votorantim\Qualidade\Anderson\Jose\Atualizado\gubert 3.png</t>
  </si>
  <si>
    <t>fc9de6b2-325f-4bb2-aeaa-68bb7d661d3c.tmp</t>
  </si>
  <si>
    <t>\\acsfs\profiles$\lorrainerdl\Downloads\fc9de6b2-325f-4bb2-aeaa-68bb7d661d3c.tmp</t>
  </si>
  <si>
    <t>31669528.tmp</t>
  </si>
  <si>
    <t>\\acsfs\ACS\Gabriel da Silva\Contemporânea\Acessos\31669528.tmp</t>
  </si>
  <si>
    <t>BA4222FF.tmp</t>
  </si>
  <si>
    <t>\\acsfs\ACS\Gabriel da Silva\Contemporânea\Acessos\BA4222FF.tmp</t>
  </si>
  <si>
    <t>60E51722.tmp</t>
  </si>
  <si>
    <t>\\acsfs\ACS\Gabriel da Silva\Contemporânea\Acessos\60E51722.tmp</t>
  </si>
  <si>
    <t>6a6bde25-8a79-4922-84ad-57cab189f858.tmp</t>
  </si>
  <si>
    <t>\\acsfs\profiles$\leticiala\Downloads\6a6bde25-8a79-4922-84ad-57cab189f858.tmp</t>
  </si>
  <si>
    <t>Não confirmado 16588.crdownload</t>
  </si>
  <si>
    <t>\\acsfs\profiles$\leticiala\Downloads\Não confirmado 16588.crdownload</t>
  </si>
  <si>
    <t>dacd8485-d54f-43b7-8b1d-6afbe32d3ac0.tmp</t>
  </si>
  <si>
    <t>\\acsfs\profiles$\leticiala\Downloads\dacd8485-d54f-43b7-8b1d-6afbe32d3ac0.tmp</t>
  </si>
  <si>
    <t>811f358e-8728-4aab-86d8-e26870d3cd88.tmp</t>
  </si>
  <si>
    <t>\\acsfs\profiles$\leticiala\Downloads\811f358e-8728-4aab-86d8-e26870d3cd88.tmp</t>
  </si>
  <si>
    <t>bf4440d6-13a9-47ce-b27e-8774e61eb830.tmp</t>
  </si>
  <si>
    <t>\\acsfs\profiles$\quindaizaagds\Downloads\bf4440d6-13a9-47ce-b27e-8774e61eb830.tmp</t>
  </si>
  <si>
    <t>bed30f2c-c770-4829-a828-99e6eea62d4b.tmp</t>
  </si>
  <si>
    <t>\\acsfs\profiles$\quindaizaagds\Downloads\bed30f2c-c770-4829-a828-99e6eea62d4b.tmp</t>
  </si>
  <si>
    <t>lu166683u8jdd.tmp</t>
  </si>
  <si>
    <t>\\acsfs\profiles$\ALEXANDREMM\lu166683u8jdd.tmp</t>
  </si>
  <si>
    <t>\\acsfs\profiles$\ALEXANDREMM\lu166683u8jdd.tmp\</t>
  </si>
  <si>
    <t>\\acsfs\profiles$\ALEXANDREMM\lu166683u8jdd.tmp\META-INF\</t>
  </si>
  <si>
    <t>\\acsfs\profiles$\ALEXANDREMM\lu166683u8jdd.tmp\Thumbnails\</t>
  </si>
  <si>
    <t>4b103a87-5716-4ec0-9e90-da38cdbd7655.tmp</t>
  </si>
  <si>
    <t>\\acsfs\profiles$\luanaagl\Downloads\4b103a87-5716-4ec0-9e90-da38cdbd7655.tmp</t>
  </si>
  <si>
    <t>a880b2f5-34c2-4531-8272-b4a8d98343b9.tmp</t>
  </si>
  <si>
    <t>\\acsfs\profiles$\luanaagl\Downloads\a880b2f5-34c2-4531-8272-b4a8d98343b9.tmp</t>
  </si>
  <si>
    <t>01c873c6-6230-4fa1-ae45-9e795c35a009.tmp</t>
  </si>
  <si>
    <t>\\acsfs\profiles$\valeriasda\Downloads\01c873c6-6230-4fa1-ae45-9e795c35a009.tmp</t>
  </si>
  <si>
    <t>321ab173-62a4-40e7-9f32-4f2c3e3eca69.tmp</t>
  </si>
  <si>
    <t>\\acsfs\profiles$\valeriasda\Downloads\321ab173-62a4-40e7-9f32-4f2c3e3eca69.tmp</t>
  </si>
  <si>
    <t>gubert4.png</t>
  </si>
  <si>
    <t>\\acsfs\DEPTOS\Operacao\Banco_Votorantim\Qualidade\Anderson\Jose\Atualizado\gubert4.png</t>
  </si>
  <si>
    <t>LUCAS GUBERT 06-01-20 CASO FERNANDA_1_6777333972263308192_1_32.wav</t>
  </si>
  <si>
    <t>\\acsfs\DEPTOS\EDUCACAO EMPRESARIAL\2 - Operações\0 - BV\5 - QUALIDADE\Nova pasta\jose\LUCAS GUBERT 06-01-20 CASO FERNANDA_1_6777333972263308192_1_32.wav</t>
  </si>
  <si>
    <t>a2837264-9600-4867-a5cc-229c1abbae23.tmp</t>
  </si>
  <si>
    <t>\\acsfs\profiles$\henriquehmdo\Downloads\a2837264-9600-4867-a5cc-229c1abbae23.tmp</t>
  </si>
  <si>
    <t>711beca2-676c-428d-b199-8bd9f31cb0ed.tmp</t>
  </si>
  <si>
    <t>\\acsfs\profiles$\wenderbnm\Downloads\711beca2-676c-428d-b199-8bd9f31cb0ed.tmp</t>
  </si>
  <si>
    <t>e6c10f53-29e6-4b3f-931c-49a06560a056.tmp</t>
  </si>
  <si>
    <t>\\acsfs\profiles$\ROZENCAM\Downloads\e6c10f53-29e6-4b3f-931c-49a06560a056.tmp</t>
  </si>
  <si>
    <t>0c267abb-1afc-4f00-9d75-786962bf83b8.tmp</t>
  </si>
  <si>
    <t>\\acsfs\profiles$\Flaviojmm\Downloads\0c267abb-1afc-4f00-9d75-786962bf83b8.tmp</t>
  </si>
  <si>
    <t>799586d4-4523-4bfc-a14c-386836134bcb.tmp</t>
  </si>
  <si>
    <t>\\acsfs\profiles$\gabrielsma\Downloads\799586d4-4523-4bfc-a14c-386836134bcb.tmp</t>
  </si>
  <si>
    <t>Não confirmado 374396.crdownload</t>
  </si>
  <si>
    <t>\\acsfs\ACS\Gabriel da Silva\Contemporânea\Gen\Não confirmado 374396.crdownload</t>
  </si>
  <si>
    <t>Farol NR-17 - 40ª Parcial 2019.xlsb:Zone.Identifier</t>
  </si>
  <si>
    <t>\\acsfs\ACS\Gabriel da Silva\Contemporânea\Gen\Farol NR-17 - 40ª Parcial 2019.xlsb:Zone.Identifier</t>
  </si>
  <si>
    <t>5c56be9f-82dd-4df5-a222-19a6d5c7ab5c.tmp</t>
  </si>
  <si>
    <t>\\acsfs\profiles$\rafaelahpn\Downloads\5c56be9f-82dd-4df5-a222-19a6d5c7ab5c.tmp</t>
  </si>
  <si>
    <t>66f1a185-e3a1-48f8-9ec5-cbd61bc7c139.tmp</t>
  </si>
  <si>
    <t>\\acsfs\profiles$\leticiala\Downloads\66f1a185-e3a1-48f8-9ec5-cbd61bc7c139.tmp</t>
  </si>
  <si>
    <t>e8e447fd-45f3-448e-9e4e-e6117d82f185.tmp</t>
  </si>
  <si>
    <t>\\acsfs\profiles$\leticiala\Downloads\e8e447fd-45f3-448e-9e4e-e6117d82f185.tmp</t>
  </si>
  <si>
    <t>835e60f5-bf41-4e36-87c5-08897190be85.tmp</t>
  </si>
  <si>
    <t>\\acsfs\profiles$\gabrielarb\Downloads\835e60f5-bf41-4e36-87c5-08897190be85.tmp</t>
  </si>
  <si>
    <t>\\acsfs\profiles$\CLAUDIAJCA\Reneg 18-12\</t>
  </si>
  <si>
    <t>.~lock.Contato Reneg Vencimento 08-01.ods#</t>
  </si>
  <si>
    <t>\\acsfs\profiles$\CLAUDIAJCA\Reneg 18-12\.~lock.Contato Reneg Vencimento 08-01.ods#</t>
  </si>
  <si>
    <t>lu2060117b3.tmp</t>
  </si>
  <si>
    <t>\\acsfs\profiles$\CLAUDIAJCA\Reneg 18-12\lu2060117b3.tmp</t>
  </si>
  <si>
    <t>\\acsfs\profiles$\CLAUDIAJCA\Reneg 18-12\lu2060117b3.tmp\</t>
  </si>
  <si>
    <t>\\acsfs\profiles$\CLAUDIAJCA\Reneg 18-12\lu2060117b3.tmp\META-INF\</t>
  </si>
  <si>
    <t>\\acsfs\profiles$\CLAUDIAJCA\Reneg 18-12\lu2060117b3.tmp\Thumbnails\</t>
  </si>
  <si>
    <t>820b5afd-3775-4608-9bac-ad96c77a4d2e.tmp</t>
  </si>
  <si>
    <t>\\acsfs\profiles$\maxmillianosv\Downloads\820b5afd-3775-4608-9bac-ad96c77a4d2e.tmp</t>
  </si>
  <si>
    <t>81a64415-4219-4143-8cea-1ac69616f2ca.tmp</t>
  </si>
  <si>
    <t>\\acsfs\profiles$\lorenabmc\Downloads\81a64415-4219-4143-8cea-1ac69616f2ca.tmp</t>
  </si>
  <si>
    <t>b79f7cde-d7e9-4097-85d4-945f95af1f9d.tmp</t>
  </si>
  <si>
    <t>\\acsfs\profiles$\mariagsg\Downloads\b79f7cde-d7e9-4097-85d4-945f95af1f9d.tmp</t>
  </si>
  <si>
    <t>c16ed838-b561-4a28-ac58-1f56dc01a70d.tmp</t>
  </si>
  <si>
    <t>\\acsfs\profiles$\henriquehmdo\Downloads\c16ed838-b561-4a28-ac58-1f56dc01a70d.tmp</t>
  </si>
  <si>
    <t>0db27df1-4fc7-43ad-a7d0-ed76546a48e5.tmp</t>
  </si>
  <si>
    <t>\\acsfs\profiles$\henriquehmdo\Downloads\0db27df1-4fc7-43ad-a7d0-ed76546a48e5.tmp</t>
  </si>
  <si>
    <t>~$Farol NR-17 - 40ª Parcial 2019.xlsb</t>
  </si>
  <si>
    <t>\\acsfs\ACS\Gabriel da Silva\Contemporânea\Gen\~$Farol NR-17 - 40ª Parcial 2019.xlsb</t>
  </si>
  <si>
    <t>82c60d42-7493-40ec-a68c-250cf5c724e2.tmp</t>
  </si>
  <si>
    <t>\\acsfs\profiles$\inarajst\Downloads\82c60d42-7493-40ec-a68c-250cf5c724e2.tmp</t>
  </si>
  <si>
    <t>\\acsfs\deptos\Operacao\PCP\5 - Comum\PLANEJAMENTO BV\14 - ACOMPANHAMENTO\Report whatsapp\</t>
  </si>
  <si>
    <t>\\acsfs\deptos\Operacao\PCP\5 - Comum\PLANEJAMENTO BV\14 - ACOMPANHAMENTO\Report whatsapp\Report WhatsApp - JANEIRO.xlsx</t>
  </si>
  <si>
    <t>03dd12db-7be7-4f1e-b98b-bbadc7f564ed.tmp</t>
  </si>
  <si>
    <t>\\acsfs\profiles$\adelvinsonle\Downloads\03dd12db-7be7-4f1e-b98b-bbadc7f564ed.tmp</t>
  </si>
  <si>
    <t>Expectativa Receitamento_TIM_Fechamento Dezembro.xlsx</t>
  </si>
  <si>
    <t>06-01 new model.xlsx</t>
  </si>
  <si>
    <t>10.200.60.70</t>
  </si>
  <si>
    <t>C:\Comercial\2020\Projeto LGPD\</t>
  </si>
  <si>
    <t>.~lock.Reneg Vcto 08-01 Flavio.ods#</t>
  </si>
  <si>
    <t>\\acsfs\profiles$\Flaviojmm\My Documents\.~lock.Reneg Vcto 08-01 Flavio.ods#</t>
  </si>
  <si>
    <t>lu97481503y.tmp</t>
  </si>
  <si>
    <t>\\acsfs\profiles$\Flaviojmm\My Documents\lu97481503y.tmp</t>
  </si>
  <si>
    <t>\\acsfs\profiles$\Flaviojmm\My Documents\lu97481503y.tmp\</t>
  </si>
  <si>
    <t>\\acsfs\profiles$\Flaviojmm\My Documents\lu97481503y.tmp\META-INF\</t>
  </si>
  <si>
    <t>\\acsfs\profiles$\Flaviojmm\My Documents\lu97481503y.tmp\Thumbnails\</t>
  </si>
  <si>
    <t>a1fb60ee-8752-4d9f-b610-5d228655a4da.tmp</t>
  </si>
  <si>
    <t>\\acsfs\profiles$\lorrainerdl\Downloads\a1fb60ee-8752-4d9f-b610-5d228655a4da.tmp</t>
  </si>
  <si>
    <t>f74b9e6b-50dc-4629-8701-e127fb6aa634.tmp</t>
  </si>
  <si>
    <t>\\acsfs\profiles$\lorrainerdl\Downloads\f74b9e6b-50dc-4629-8701-e127fb6aa634.tmp</t>
  </si>
  <si>
    <t>e1363ede-33d9-4169-9674-331e0785da22.tmp</t>
  </si>
  <si>
    <t>\\acsfs\profiles$\matheushds\Downloads\e1363ede-33d9-4169-9674-331e0785da22.tmp</t>
  </si>
  <si>
    <t>7dd50fb8-f9e1-44b8-9f3e-a35dd0920967.tmp</t>
  </si>
  <si>
    <t>\\acsfs\profiles$\gabrielarb\Downloads\7dd50fb8-f9e1-44b8-9f3e-a35dd0920967.tmp</t>
  </si>
  <si>
    <t>Laudo 02-01-2020 Caso Fernanda.docx</t>
  </si>
  <si>
    <t>\\acsfs\DEPTOS\Operacao\Banco_Votorantim\Qualidade\Anderson\Jose\Atualizado\Laudo 02-01-2020 Caso Fernanda.docx</t>
  </si>
  <si>
    <t>LUCAS SCRIPT.txt</t>
  </si>
  <si>
    <t>\\acsfs\DEPTOS\Operacao\Banco_Votorantim\Qualidade\Anderson\Jose\Atualizado\LUCAS SCRIPT.txt</t>
  </si>
  <si>
    <t>\\acsfs\DEPTOS\Operacao\Banco_Votorantim\Qualidade\Thumbs.db</t>
  </si>
  <si>
    <t>c9836494-422d-4dd0-9d43-dcbc9200cb66.tmp</t>
  </si>
  <si>
    <t>\\acsfs\profiles$\nathaliarmr\Downloads\c9836494-422d-4dd0-9d43-dcbc9200cb66.tmp</t>
  </si>
  <si>
    <t>lu228442gowaj.tmp</t>
  </si>
  <si>
    <t>\\acsfs\profiles$\dhiulliananads\My Documents\lu228442gowaj.tmp</t>
  </si>
  <si>
    <t>\\acsfs\profiles$\dhiulliananads\My Documents\lu228442gowaj.tmp\</t>
  </si>
  <si>
    <t>\\acsfs\profiles$\dhiulliananads\My Documents\lu228442gowaj.tmp\META-INF\</t>
  </si>
  <si>
    <t>\\acsfs\profiles$\dhiulliananads\My Documents\lu228442gowaj.tmp\Thumbnails\</t>
  </si>
  <si>
    <t>~$xdocxValidacao_0601.xlsx</t>
  </si>
  <si>
    <t>\\acsfs\ACS\Gabriel da Silva\Contemporânea\Acessos\~$xdocxValidacao_0601.xlsx</t>
  </si>
  <si>
    <t>\\acsfs\ACS\Gabriel da Silva\Contemporânea\NPS\NPS_Voz\</t>
  </si>
  <si>
    <t>~$trataBaseVoz.xlsm</t>
  </si>
  <si>
    <t>\\acsfs\ACS\Gabriel da Silva\Contemporânea\NPS\NPS_Voz\~$trataBaseVoz.xlsm</t>
  </si>
  <si>
    <t>\\acsfs\profiles$\gabrielafs\Contacts\</t>
  </si>
  <si>
    <t>GABRIELA FERREIRA SILVA (22442).contact</t>
  </si>
  <si>
    <t>\\acsfs\profiles$\gabrielafs\Contacts\GABRIELA FERREIRA SILVA (22442).contact</t>
  </si>
  <si>
    <t>\\acsfs\profiles$\gabrielafs\My Documents\My Videos\</t>
  </si>
  <si>
    <t>\\acsfs\profiles$\gabrielafs\My Documents\My Videos\desktop.ini</t>
  </si>
  <si>
    <t>\\acsfs\profiles$\gabrielafs\My Documents\My Pictures\</t>
  </si>
  <si>
    <t>\\acsfs\profiles$\gabrielafs\My Documents\My Pictures\desktop.ini</t>
  </si>
  <si>
    <t>\\acsfs\profiles$\gabrielafs\Contacts\desktop.ini</t>
  </si>
  <si>
    <t>\\acsfs\profiles$\gabrielafs\Favorites\</t>
  </si>
  <si>
    <t>\\acsfs\profiles$\gabrielafs\Favorites\desktop.ini</t>
  </si>
  <si>
    <t>\\acsfs\profiles$\gabrielafs\My Documents\My Music\</t>
  </si>
  <si>
    <t>\\acsfs\profiles$\gabrielafs\My Documents\My Music\desktop.ini</t>
  </si>
  <si>
    <t>\\acsfs\profiles$\gabrielafs\Searches\</t>
  </si>
  <si>
    <t>\\acsfs\profiles$\gabrielafs\Searches\desktop.ini</t>
  </si>
  <si>
    <t>\\acsfs\profiles$\gabrielafs\Downloads\desktop.ini</t>
  </si>
  <si>
    <t>\\acsfs\profiles$\gabrielafs\My Documents\desktop.ini</t>
  </si>
  <si>
    <t>\\acsfs\profiles$\gabrielafs\Saved Games\</t>
  </si>
  <si>
    <t>\\acsfs\profiles$\gabrielafs\Saved Games\desktop.ini</t>
  </si>
  <si>
    <t>\\acsfs\profiles$\gabrielafs\Favorites\Links for Brasil\</t>
  </si>
  <si>
    <t>\\acsfs\profiles$\gabrielafs\Favorites\Links for Brasil\desktop.ini</t>
  </si>
  <si>
    <t>\\acsfs\profiles$\gabrielafs\Favorites\Links for Brasil\Microsoft Brasil.url</t>
  </si>
  <si>
    <t>\\acsfs\profiles$\gabrielafs\Favorites\Links for Brasil\Windows Brasil.url</t>
  </si>
  <si>
    <t>\\acsfs\profiles$\gabrielafs\Favorites\Links for Brasil\MSN Brasil.url</t>
  </si>
  <si>
    <t>lu11956u7mz.tmp</t>
  </si>
  <si>
    <t>\\acsfs\profiles$\VIVIANALDS\My Documents\lu11956u7mz.tmp</t>
  </si>
  <si>
    <t>\\acsfs\profiles$\VIVIANALDS\My Documents\lu11956u7mz.tmp\</t>
  </si>
  <si>
    <t>\\acsfs\profiles$\VIVIANALDS\My Documents\lu11956u7mz.tmp\META-INF\</t>
  </si>
  <si>
    <t>\\acsfs\profiles$\VIVIANALDS\My Documents\lu11956u7mz.tmp\Thumbnails\</t>
  </si>
  <si>
    <t>9889a556-8547-495e-be09-294f6d5c1030.tmp</t>
  </si>
  <si>
    <t>\\acsfs\profiles$\lorrainerdl\Downloads\9889a556-8547-495e-be09-294f6d5c1030.tmp</t>
  </si>
  <si>
    <t>C:\Users\mirianppb\Downloads\</t>
  </si>
  <si>
    <t>image2020-01-06-104154.pdf</t>
  </si>
  <si>
    <t>\\acsfs\DEPTOS\EDUCACAO EMPRESARIAL\2 - Operações\0 - BV\.PROVAS E ARQUIVOS DE TREINAMENTO\Formação CDC Laylla 02-12\Listas de presença\image2020-01-06-104154.pdf</t>
  </si>
  <si>
    <t>\\acsfs\DEPTOS\EDUCACAO EMPRESARIAL\2 - Operações\0 - BV\.PROVAS E ARQUIVOS DE TREINAMENTO\Formação CDC Laylla 02-12\Listas de presença\image2020-01-06-104154.pdf\</t>
  </si>
  <si>
    <t>\\acsfs\DEPTOS\EDUCACAO EMPRESARIAL\2 - Operações\0 - BV\.PROVAS E ARQUIVOS DE TREINAMENTO\Formação CDC Laylla 02-12\Listas de presença\image2020-01-06-104154.pdf\:Zone.Identifier:$DATA</t>
  </si>
  <si>
    <t>ff8718a6-f0c1-45e0-974c-e90c8a1c3525.tmp</t>
  </si>
  <si>
    <t>\\acsfs\profiles$\gabrielarb\Downloads\ff8718a6-f0c1-45e0-974c-e90c8a1c3525.tmp</t>
  </si>
  <si>
    <t>64dd94a3-eee4-4ab4-9cd3-bfbbcdb57085.tmp</t>
  </si>
  <si>
    <t>\\acsfs\profiles$\gabrielafs\Downloads\64dd94a3-eee4-4ab4-9cd3-bfbbcdb57085.tmp</t>
  </si>
  <si>
    <t>fbbc5d06-a664-4642-bfc6-49550e7b1ea9.tmp</t>
  </si>
  <si>
    <t>\\acsfs\profiles$\gabrielafs\Downloads\fbbc5d06-a664-4642-bfc6-49550e7b1ea9.tmp</t>
  </si>
  <si>
    <t>5d03b91a-586c-46f3-952e-340c11eee8d5.tmp</t>
  </si>
  <si>
    <t>\\acsfs\profiles$\gabrielafs\Downloads\5d03b91a-586c-46f3-952e-340c11eee8d5.tmp</t>
  </si>
  <si>
    <t>0de5a574-4efc-46bc-82df-9d29a7ebfca4.tmp</t>
  </si>
  <si>
    <t>\\acsfs\profiles$\gabrielafs\Downloads\0de5a574-4efc-46bc-82df-9d29a7ebfca4.tmp</t>
  </si>
  <si>
    <t>0ffe434c-736d-4027-95bf-313c7e390146.tmp</t>
  </si>
  <si>
    <t>\\acsfs\profiles$\gabrielafs\Downloads\0ffe434c-736d-4027-95bf-313c7e390146.tmp</t>
  </si>
  <si>
    <t>e791887a-898a-42b2-a496-065f670a3f11.tmp</t>
  </si>
  <si>
    <t>\\acsfs\profiles$\luanaagl\Downloads\e791887a-898a-42b2-a496-065f670a3f11.tmp</t>
  </si>
  <si>
    <t>10.200.67.195</t>
  </si>
  <si>
    <t>74-86-7A-FB-1A-B8</t>
  </si>
  <si>
    <t>VOTORANT-MB004</t>
  </si>
  <si>
    <t>LEONARDO BORGES BARCELOS (39).contact</t>
  </si>
  <si>
    <t>\\acsfs\profiles$\leonardobb\Contacts\LEONARDO BORGES BARCELOS (39).contact</t>
  </si>
  <si>
    <t>\\acsfs\profiles$\leonardobb\My Documents\My Videos\</t>
  </si>
  <si>
    <t>\\acsfs\profiles$\leonardobb\My Documents\My Videos\desktop.ini</t>
  </si>
  <si>
    <t>\\acsfs\profiles$\leonardobb\My Documents\My Pictures\</t>
  </si>
  <si>
    <t>\\acsfs\profiles$\leonardobb\My Documents\My Pictures\desktop.ini</t>
  </si>
  <si>
    <t>\\acsfs\profiles$\leonardobb\Contacts\desktop.ini</t>
  </si>
  <si>
    <t>\\acsfs\profiles$\leonardobb\Favorites\</t>
  </si>
  <si>
    <t>\\acsfs\profiles$\leonardobb\Favorites\desktop.ini</t>
  </si>
  <si>
    <t>\\acsfs\profiles$\leonardobb\My Documents\My Music\</t>
  </si>
  <si>
    <t>\\acsfs\profiles$\leonardobb\My Documents\My Music\desktop.ini</t>
  </si>
  <si>
    <t>\\acsfs\profiles$\leonardobb\Searches\</t>
  </si>
  <si>
    <t>\\acsfs\profiles$\leonardobb\Searches\desktop.ini</t>
  </si>
  <si>
    <t>\\acsfs\profiles$\leonardobb\Downloads\desktop.ini</t>
  </si>
  <si>
    <t>\\acsfs\profiles$\leonardobb\My Documents\</t>
  </si>
  <si>
    <t>\\acsfs\profiles$\leonardobb\My Documents\desktop.ini</t>
  </si>
  <si>
    <t>\\acsfs\profiles$\leonardobb\Saved Games\</t>
  </si>
  <si>
    <t>\\acsfs\profiles$\leonardobb\Saved Games\desktop.ini</t>
  </si>
  <si>
    <t>\\acsfs\profiles$\leonardobb\Favorites\Links for Brasil\</t>
  </si>
  <si>
    <t>\\acsfs\profiles$\leonardobb\Favorites\Links for Brasil\desktop.ini</t>
  </si>
  <si>
    <t>\\acsfs\profiles$\leonardobb\Favorites\Links for Brasil\Microsoft Brasil.url</t>
  </si>
  <si>
    <t>\\acsfs\profiles$\leonardobb\Favorites\Links for Brasil\Windows Brasil.url</t>
  </si>
  <si>
    <t>\\acsfs\profiles$\leonardobb\Favorites\Links for Brasil\MSN Brasil.url</t>
  </si>
  <si>
    <t>fabianacscg@algartech.com;karinars@algartech.com;senildapdo@algartech.com;</t>
  </si>
  <si>
    <t>Pesquisa AVON Supers JAN.xlsx</t>
  </si>
  <si>
    <t>fabianacscg@algartech.com,karinars@algartech.com,senildapdo@algartech.com</t>
  </si>
  <si>
    <t>2893F0A6.tmp</t>
  </si>
  <si>
    <t>\\acsfs\ACS\Gabriel da Silva\Contemporânea\2893F0A6.tmp</t>
  </si>
  <si>
    <t>96294F55.tmp</t>
  </si>
  <si>
    <t>\\acsfs\ACS\Gabriel da Silva\Contemporânea\96294F55.tmp</t>
  </si>
  <si>
    <t>D4B34130.tmp</t>
  </si>
  <si>
    <t>\\acsfs\ACS\Gabriel da Silva\Contemporânea\D4B34130.tmp</t>
  </si>
  <si>
    <t>lu261206l55rp.tmp</t>
  </si>
  <si>
    <t>\\acsfs\profiles$\CINTIADCF\lu261206l55rp.tmp</t>
  </si>
  <si>
    <t>\\acsfs\profiles$\CINTIADCF\lu261206l55rp.tmp\</t>
  </si>
  <si>
    <t>\\acsfs\profiles$\CINTIADCF\lu261206l55rp.tmp\META-INF\</t>
  </si>
  <si>
    <t>\\acsfs\profiles$\CINTIADCF\lu261206l55rp.tmp\Thumbnails\</t>
  </si>
  <si>
    <t>\\acsfs\DEPTOS\Operacao\PCP\5 - Comum\ACOMPANHAMENTO AMEX\10- Acompanhamento PF\BACKOFFICE PF\01-BO_AGENCIAS\03 - PAINEL PRODUTIVIDADE\Painel\2019\12 - Dezembro\</t>
  </si>
  <si>
    <t>Painel de Produtividade - Backoffice Agências - Fechado - Dez19.xlsx</t>
  </si>
  <si>
    <t>2179f0e6-2ed4-4cde-9913-f460fa279953.tmp</t>
  </si>
  <si>
    <t>\\acsfs\profiles$\gabrielafs\Downloads\2179f0e6-2ed4-4cde-9913-f460fa279953.tmp</t>
  </si>
  <si>
    <t>10.211.3.56</t>
  </si>
  <si>
    <t>diogo.milanez@algartech.com;wilsonaapn@algartech.com;</t>
  </si>
  <si>
    <t>C:\Trabalho\1.Artefatos\Erlang97 Old\</t>
  </si>
  <si>
    <t>diogo.milanez@algartech.com,wilsonaapn@algartech.com</t>
  </si>
  <si>
    <t>aaebbdbf-3fcb-4ef2-adde-8b90ec846bb8.tmp</t>
  </si>
  <si>
    <t>\\acsfs\profiles$\leonardobb\Downloads\aaebbdbf-3fcb-4ef2-adde-8b90ec846bb8.tmp</t>
  </si>
  <si>
    <t>d7019ae9-78d1-4312-a8c6-af42aeb75a96.tmp</t>
  </si>
  <si>
    <t>\\acsfs\profiles$\leonardobb\Downloads\d7019ae9-78d1-4312-a8c6-af42aeb75a96.tmp</t>
  </si>
  <si>
    <t>00ef6c3d-1e6f-4181-a48b-26bae96d4a89.tmp</t>
  </si>
  <si>
    <t>\\acsfs\profiles$\leonardobb\Downloads\00ef6c3d-1e6f-4181-a48b-26bae96d4a89.tmp</t>
  </si>
  <si>
    <t>e01b96ce-7516-43a7-a235-365eb35f15cb.tmp</t>
  </si>
  <si>
    <t>\\acsfs\profiles$\leonardobb\Downloads\e01b96ce-7516-43a7-a235-365eb35f15cb.tmp</t>
  </si>
  <si>
    <t>formulário - aviso de suspensão disciplinar falta valeria.doc</t>
  </si>
  <si>
    <t>formulário - aviso de 1ª advertência disciplinar falta em horas quind.doc</t>
  </si>
  <si>
    <t>10.200.32.51</t>
  </si>
  <si>
    <t>mail.google.com/_/upload?authuser=1&amp;dcp=asu-n&amp;upload_id=AEnB2UrfF1jwm0iIEXqj1C-W8r5Sydy0hkNh9DVJGJrqY0mfdNMoaHUOr2OovLXhKqZEZzgTD7PVjlM9BHS72QRAeODc0hJZTg&amp;upload_protocol=resumable</t>
  </si>
  <si>
    <t>4AE293A7.tmp</t>
  </si>
  <si>
    <t>\\acsfs\ACS\Gabriel da Silva\Contemporânea\4AE293A7.tmp</t>
  </si>
  <si>
    <t>CA9538EA.tmp</t>
  </si>
  <si>
    <t>\\acsfs\ACS\Gabriel da Silva\Contemporânea\CA9538EA.tmp</t>
  </si>
  <si>
    <t>~$Pesquisa_Satisfação_0101_0501.xlsx</t>
  </si>
  <si>
    <t>\\acsfs\ACS\Gabriel da Silva\Contemporânea\NPS\NPS_Voz\Janeiro.20\~$Pesquisa_Satisfação_0101_0501.xlsx</t>
  </si>
  <si>
    <t>image2020-01-06-104232 (1).pdf</t>
  </si>
  <si>
    <t>\\acsfs\DEPTOS\EDUCACAO EMPRESARIAL\2 - Operações\0 - BV\.PROVAS E ARQUIVOS DE TREINAMENTO\Formação CDC Laylla 02-12\Listas de presença\image2020-01-06-104232 (1).pdf</t>
  </si>
  <si>
    <t>\\acsfs\DEPTOS\EDUCACAO EMPRESARIAL\2 - Operações\0 - BV\.PROVAS E ARQUIVOS DE TREINAMENTO\Formação CDC Laylla 02-12\Listas de presença\image2020-01-06-104232 (1).pdf\</t>
  </si>
  <si>
    <t>\\acsfs\DEPTOS\EDUCACAO EMPRESARIAL\2 - Operações\0 - BV\.PROVAS E ARQUIVOS DE TREINAMENTO\Formação CDC Laylla 02-12\Listas de presença\image2020-01-06-104232 (1).pdf\:Zone.Identifier:$DATA</t>
  </si>
  <si>
    <t>6caaacd7-6e67-44f1-af97-f7e158f0c528.tmp</t>
  </si>
  <si>
    <t>\\acsfs\profiles$\luanaagl\Downloads\6caaacd7-6e67-44f1-af97-f7e158f0c528.tmp</t>
  </si>
  <si>
    <t>3be49569-2967-407c-a3f1-6fd374c80cf3.tmp</t>
  </si>
  <si>
    <t>\\acsfs\profiles$\maxmillianosv\Downloads\3be49569-2967-407c-a3f1-6fd374c80cf3.tmp</t>
  </si>
  <si>
    <t>lucasfbr@algartech.com;</t>
  </si>
  <si>
    <t>Asset or User Report [2].xlsx</t>
  </si>
  <si>
    <t>mail.google.com/_/upload?authuser=1&amp;dcp=asu-n&amp;upload_id=AEnB2UpYFa-LShQQnWMM9p6xjdUfY0OkaYzopYnoGTEwWJDUTUDzbz9KhEGyRx-497sNdWI4k5LAfvyn2lZt4p1PE8B1cADShg&amp;upload_protocol=resumable</t>
  </si>
  <si>
    <t>\\acsfs\deptos\CEI - Coordenação de Engenharia e Infraestrutura\CEI – Manutenção\04 - Plantão\</t>
  </si>
  <si>
    <t>Escala de plantão.xlsx</t>
  </si>
  <si>
    <t>http:///batch?%24ct=multipart%2Fmixed%3B%20boundary%3D%22%3D%3D%3D%3D%3Dzdajyqh3ok0j%3D%3D%3D%3D%3D%22&amp;key=AIzaSyAy9VVXHSpS2IJpptzYtGbLP3-3_l0aBk4</t>
  </si>
  <si>
    <t>http:///batch?%24ct=multipart%2Fmixed%3B%20boundary%3D%22%3D%3D%3D%3D%3Dr1vxppivpuk6%3D%3D%3D%3D%3D%22&amp;key=AIzaSyAy9VVXHSpS2IJpptzYtGbLP3-3_l0aBk4</t>
  </si>
  <si>
    <t>http:///batch?%24ct=multipart%2Fmixed%3B%20boundary%3D%22%3D%3D%3D%3D%3Dpzi6locqs0nv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;permission;permissionid;picture;picture�;rpermissions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,permission,permissionid,picture,picture�,rpermissions,thumbnailversion,workspaceids</t>
  </si>
  <si>
    <t>http:///batch?%24ct=multipart%2Fmixed%3B%20boundary%3D%22%3D%3D%3D%3D%3D8wfk84lgt5ub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http:///batch?%24ct=multipart%2Fmixed%3B%20boundary%3D%22%3D%3D%3D%3D%3Dybfq79xeck3e%3D%3D%3D%3D%3D%22&amp;key=AIzaSyAy9VVXHSpS2IJpptzYtGbLP3-3_l0aBk4</t>
  </si>
  <si>
    <t>http:///batch?%24ct=multipart%2Fmixed%3B%20boundary%3D%22%3D%3D%3D%3D%3Dti2fqd48o5ho%3D%3D%3D%3D%3D%22&amp;key=AIzaSyAy9VVXHSpS2IJpptzYtGbLP3-3_l0aBk4</t>
  </si>
  <si>
    <t>http:///batch?%24ct=multipart%2Fmixed%3B%20boundary%3D%22%3D%3D%3D%3D%3Dbfajcenjchzz%3D%3D%3D%3D%3D%22&amp;key=AIzaSyAy9VVXHSpS2IJpptzYtGbLP3-3_l0aBk4</t>
  </si>
  <si>
    <t>http:///batch?%24ct=multipart%2Fmixed%3B%20boundary%3D%22%3D%3D%3D%3D%3Da5ms5nbzz8t%3D%3D%3D%3D%3D%22&amp;key=AIzaSyAy9VVXHSpS2IJpptzYtGbLP3-3_l0aBk4</t>
  </si>
  <si>
    <t>http:///batch?%24ct=multipart%2Fmixed%3B%20boundary%3D%22%3D%3D%3D%3D%3D2hvh64gowjw9%3D%3D%3D%3D%3D%22&amp;key=AIzaSyAy9VVXHSpS2IJpptzYtGbLP3-3_l0aBk4</t>
  </si>
  <si>
    <t>http:///batch?%24ct=multipart%2Fmixed%3B%20boundary%3D%22%3D%3D%3D%3D%3Dmgl0lawfrmt4%3D%3D%3D%3D%3D%22&amp;key=AIzaSyAy9VVXHSpS2IJpptzYtGbLP3-3_l0aBk4</t>
  </si>
  <si>
    <t>"other�;0;0.441;0.697];0];12.38;12646.955000000162;12663.899999999558;12795.82499999924;12804.770000000644;12859.769999999116;12863.695000000007;12871.644999999262;12875.64999999995;12877.119999999195;12879.134999999224;12880.904999999984;12896.94000000054;235.04999999931897;258.42999999986205;281.0300000001007;284.7299999993993;29.727];3;33.627];39.64500000074622;39.98999999930675;40.979999999763095;41.77499999968859;45.51499999979569;52.59499999920081;59.74500000047556;71.67499999923166;8.861;["https://clients4.google.com/invalidation/lcs/client?service=appscommonstorage&amp;xpc=%7b%22cn%22%3a%227p89pjljnb%22%2c%22ppu%22%3a%22https%3a%2f%2fdrive.google.com%2frobots.txt%22%2c%22lpu%22%3a%22https%3a%2f%2fclients4.google.co;["https://drive.google.com/_/drive_fe/_/js/k=drive_fe.main.pt_br.jntnxbugcby.o/am=mbrqmmai_cx4iqam/d=0/ct=zgms/rs=afb8gszfd2loirz0m-naf3s_r6qqpftyjw/m=sy10p;cloudsearch;config;gapi_iframes;googleapis_client;https://blobcomments-pa.clients6.google.com/v1/metadata?docid=1r7tvfpep0xzzqfswos_wwj4ei</t>
  </si>
  <si>
    <t>http://"other�,0,0.441,0.697],0],12.38,12646.955000000162,12663.899999999558,12795.82499999924,12804.770000000644,12859.769999999116,12863.695000000007,12871.644999999262,12875.64999999995,12877.119999999195,12879.134999999224,12880.904999999984,12896.94000000054,235.04999999931897,258.42999999986205,281.0300000001007,284.7299999993993,29.727],3,33.627],39.64500000074622,39.98999999930675,40.979999999763095,41.77499999968859,45.51499999979569,52.59499999920081,59.74500000047556,71.67499999923166,8.861,["https://clients4.google.com/invalidation/lcs/client?service=appscommonstorage&amp;xpc=%7b%22cn%22%3a%227p89pjljnb%22%2c%22ppu%22%3a%22https%3a%2f%2fdrive.google.com%2frobots.txt%22%2c%22lpu%22%3a%22https%3a%2f%2fclients4.google.co,["https://drive.google.com/_/drive_fe/_/js/k=drive_fe.main.pt_br.jntnxbugcby.o/am=mbrqmmai_cx4iqam/d=0/ct=zgms/rs=afb8gszfd2loirz0m-naf3s_r6qqpftyjw/m=sy10p,cloudsearch,config,gapi_iframes,googleapis_client,https://blobcomments-pa.clients6.google.com/v1/metadata?docid=1r7tvfpep0xzzqfswos</t>
  </si>
  <si>
    <t>"other�;0;0.441;0.697];0]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135.08499999989;13158.214999999473;13337.059999999838;14;15;1578319680425000;1578319681228000;1];2.457;200];235.04999999931897;257.050000000163;258.42999999986205;2805;2805];281.0300000001007;284.7299999993993;29.727];293.24499999893305;3;310.27499999981956;33.627];39.64500000074622;39.98999999930675;40.979999999763095;41.77499999968859;45.51499999979569;52.59499999920081;571.8799999995099;59.74500000047556;6.178]]]];634.2900000017835;679.3300000008458;71.67499999923166;8;8.861;91025];91125;["https://clients4.google.com/invalidation/lcs/client?service=appscommonstorage&amp;xpc=%7b%22cn%22%3a%227p89pjljnb%22%2c%22ppu%22%3a%22https%3a%2f%2fdrive.google.com%2frobots.txt%22%2c%22lpu%22%3a%22https</t>
  </si>
  <si>
    <t>http://"other�,0,0.441,0.697],0]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135.08499999989,13158.214999999473,13337.059999999838,14,15,1578319680425000,1578319681228000,1],2.457,200],235.04999999931897,257.050000000163,258.42999999986205,2805,2805],281.0300000001007,284.7299999993993,29.727],293.24499999893305,3,310.27499999981956,33.627],39.64500000074622,39.98999999930675,40.979999999763095,41.77499999968859,45.51499999979569,52.59499999920081,571.8799999995099,59.74500000047556,6.178]]]],634.2900000017835,679.3300000008458,71.67499999923166,8,8.861,91025],91125,["https://clients4.google.com/invalidation/lcs/client?service=appscommonstorage&amp;xpc=%7b%22cn%22%3a%227p89pjljnb%22%2c%22ppu%22%3a%22https%3a%2f%2fdrive.google.com%2frobots.txt%22%2c%22lpu%22%3a%</t>
  </si>
  <si>
    <t>"mozilla/5.0 (windows nt 6.1; win64; x64) applewebkit/537.36 (khtml;"other�;0;0.441;0.697];0];1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135.08499999989;13158.214999999473;13337.059999999838;13700109;13700185;13700563;13700883;13700951;13701139;13701214;13701239;13701298;13701422;13701450;13701458;13701486;13701537;13701577;13701609;13701621;13701633;13701657;13701710;13701749;13701833;13701901;13701906;13701909;1370192;13701957;13701969;13702064;13702068;14;15;1578319666143000;1578319666241424:171408646:1610792476;1578319668695000;1578319680425000;1578319681228000;1578319706968000;1578319706973000;1578319707045000;16;17;18;1];1v3nyr6za0fnwstn3ovgubemdlt5mcwbp;2.457;200];235.04999999931897;257.050000000163;258.42999999986205;2805;2805];281.03000000010</t>
  </si>
  <si>
    <t>http://"mozilla/5.0 (windows nt 6.1; win64; x64) applewebkit/537.36 (khtml,"other�,0,0.441,0.697],0],1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135.08499999989,13158.214999999473,13337.059999999838,13700109,13700185,13700563,13700883,13700951,13701139,13701214,13701239,13701298,13701422,13701450,13701458,13701486,13701537,13701577,13701609,13701621,13701633,13701657,13701710,13701749,13701833,13701901,13701906,13701909,1370192,13701957,13701969,13702064,13702068,14,15,1578319666143000,1578319666241424:171408646:1610792476,1578319668695000,1578319680425000,1578319681228000,1578319706968000,1578319706973000,1578319707045000,16,17,18,1],1v3nyr6za0fnwstn3ovgubemdlt5mcwbp,2.457,200],235.04999999931897,257.050000000163,258.42999999986205,2805,2805],281.0300</t>
  </si>
  <si>
    <t>"mozilla/5.0 (windows nt 6.1; win64; x64) applewebkit/537.36 (khtml;"other�;0;0.441;0.697];0];1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135.08499999989;13158.214999999473;13337.059999999838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906;13701909;1370192;13701921;13701953;13701957;13701969;13702064;13702068;14;15;1578319666143000;1578319666241424:171408646:1610792476;1578319668695000;15</t>
  </si>
  <si>
    <t>http://"mozilla/5.0 (windows nt 6.1; win64; x64) applewebkit/537.36 (khtml,"other�,0,0.441,0.697],0],1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135.08499999989,13158.214999999473,13337.059999999838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1,13701906,13701909,1370192,13701921,13701953,13701957,13701969,13702064,13702068,14,15,1578319666143000,1578319666241424:171408646:1610792476,157831966869</t>
  </si>
  <si>
    <t>http:///batch?%24ct=multipart%2Fmixed%3B%20boundary%3D%22%3D%3D%3D%3D%3D6gts3f3w6uyd%3D%3D%3D%3D%3D%22&amp;key=AIzaSyAy9VVXHSpS2IJpptzYtGbLP3-3_l0aBk4</t>
  </si>
  <si>
    <t>http:///batch?%24ct=multipart%2Fmixed%3B%20boundary%3D%22%3D%3D%3D%3D%3Dhfrmihfdiw1%3D%3D%3D%3D%3D%22&amp;key=AIzaSyAy9VVXHSpS2IJpptzYtGbLP3-3_l0aBk4</t>
  </si>
  <si>
    <t>http:///batch?%24ct=multipart%2Fmixed%3B%20boundary%3D%22%3D%3D%3D%3D%3Da58cldf3top9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9===== content-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9===== content-,per,permissionid,picture,shared,sharedwithmedate,thumbnailversion,title,userpermission(role),workspaceids</t>
  </si>
  <si>
    <t>http:///batch?%24ct=multipart%2Fmixed%3B%20boundary%3D%22%3D%3D%3D%3D%3Dgyhokf5e2d8s%3D%3D%3D%3D%3D%22&amp;key=AIzaSyAy9VVXHSpS2IJpptzYtGbLP3-3_l0aBk4</t>
  </si>
  <si>
    <t>http:///batch?%24ct=multipart%2Fmixed%3B%20boundary%3D%22%3D%3D%3D%3D%3D2uz3cuqtcd5i%3D%3D%3D%3D%3D%22&amp;key=AIzaSyAy9VVXHSpS2IJpptzYtGbLP3-3_l0aBk4</t>
  </si>
  <si>
    <t>http:///batch?%24ct=multipart%2Fmixed%3B%20boundary%3D%22%3D%3D%3D%3D%3Do3l572a78069%3D%3D%3D%3D%3D%22&amp;key=AIzaSyAy9VVXHSpS2IJpptzYtGbLP3-3_l0aBk4</t>
  </si>
  <si>
    <t>3feadccd-f3a4-4611-8482-ac4a487a0e53.tmp</t>
  </si>
  <si>
    <t>\\acsfs\profiles$\vivianalds\Downloads\3feadccd-f3a4-4611-8482-ac4a487a0e53.tmp</t>
  </si>
  <si>
    <t>0317847f-250a-4e7b-9203-38a07c083d50.tmp</t>
  </si>
  <si>
    <t>\\acsfs\profiles$\vivianalds\Downloads\0317847f-250a-4e7b-9203-38a07c083d50.tmp</t>
  </si>
  <si>
    <t>57701558-663f-4f41-b18a-cdff71f352c2.tmp</t>
  </si>
  <si>
    <t>\\acsfs\profiles$\vivianalds\Downloads\57701558-663f-4f41-b18a-cdff71f352c2.tmp</t>
  </si>
  <si>
    <t>4c9ce034-bb5b-45a7-8e35-8bfa86635b96.tmp</t>
  </si>
  <si>
    <t>\\acsfs\profiles$\leonardobb\Downloads\4c9ce034-bb5b-45a7-8e35-8bfa86635b96.tmp</t>
  </si>
  <si>
    <t>andrelps@algartech.com;eliane.martins@bv.com.br;elianegr@bv.algartech.com;lilianls@algartech.com;qualidadealgarbv@algartech.com;robsonams@algartech.com;talmaiardo@algartech.com;</t>
  </si>
  <si>
    <t>andrelps@algartech.com,eliane.martins@bv.com.br,elianegr@bv.algartech.com,lilianls@algartech.com,qualidadealgarbv@algartech.com,robsonams@algartech.com,talmaiardo@algartech.com</t>
  </si>
  <si>
    <t>4C152FD6.tmp</t>
  </si>
  <si>
    <t>\\acsfs\ACS\Gabriel da Silva\Contemporânea\4C152FD6.tmp</t>
  </si>
  <si>
    <t>99007fb1-a131-4ba6-835d-8330a4f41d3d.tmp</t>
  </si>
  <si>
    <t>\\acsfs\profiles$\paulovadc\Downloads\99007fb1-a131-4ba6-835d-8330a4f41d3d.tmp</t>
  </si>
  <si>
    <t>lu261206l55rs.tmp</t>
  </si>
  <si>
    <t>\\acsfs\profiles$\CINTIADCF\lu261206l55rs.tmp</t>
  </si>
  <si>
    <t>\\acsfs\profiles$\CINTIADCF\lu261206l55rs.tmp\</t>
  </si>
  <si>
    <t>\\acsfs\profiles$\CINTIADCF\lu261206l55rs.tmp\META-INF\</t>
  </si>
  <si>
    <t>\\acsfs\profiles$\CINTIADCF\lu261206l55rs.tmp\Thumbnails\</t>
  </si>
  <si>
    <t>c:\users\gabriellycc\downloads\</t>
  </si>
  <si>
    <t>impacto_tech_dez19.xlsx</t>
  </si>
  <si>
    <t>be1c8d8c-bb64-4e8b-bf95-232a13a17591.tmp</t>
  </si>
  <si>
    <t>\\acsfs\profiles$\gabrielafs\Downloads\be1c8d8c-bb64-4e8b-bf95-232a13a17591.tmp</t>
  </si>
  <si>
    <t>439f09dc-c2a5-4d02-8758-e98b85a0ba1b.tmp</t>
  </si>
  <si>
    <t>\\acsfs\profiles$\mariagsg\Downloads\439f09dc-c2a5-4d02-8758-e98b85a0ba1b.tmp</t>
  </si>
  <si>
    <t>http:///batch?%24ct=multipart%2Fmixed%3B%20boundary%3D%22%3D%3D%3D%3D%3Dvnpe1qf8n8m5%3D%3D%3D%3D%3D%22&amp;key=AIzaSyAy9VVXHSpS2IJpptzYtGbLP3-3_l0aBk4</t>
  </si>
  <si>
    <t>http:///batch?%24ct=multipart%2Fmixed%3B%20boundary%3D%22%3D%3D%3D%3D%3D4zc198mywx7o%3D%3D%3D%3D%3D%22&amp;key=AIzaSyAy9VVXHSpS2IJpptzYtGbLP3-3_l0aBk4</t>
  </si>
  <si>
    <t>http:///batch?%24ct=multipart%2Fmixed%3B%20boundary%3D%22%3D%3D%3D%3D%3Dzfnudrlef09%3D%3D%3D%3D%3D%22&amp;key=AIzaSyAy9VVXHSpS2IJpptzYtGbLP3-3_l0aBk4</t>
  </si>
  <si>
    <t>http:///batch?%24ct=multipart%2Fmixed%3B%20boundary%3D%22%3D%3D%3D%3D%3Dnm2nt3tphvpf%3D%3D%3D%3D%3D%22&amp;key=AIzaSyAy9VVXHSpS2IJpptzYtGbLP3-3_l0aBk4</t>
  </si>
  <si>
    <t>http:///batch?%24ct=multipart%2Fmixed%3B%20boundary%3D%22%3D%3D%3D%3D%3Dsw517ejvn8xn%3D%3D%3D%3D%3D%22&amp;key=AIzaSyAy9VVXHSpS2IJpptzYtGbLP3-3_l0aBk4</t>
  </si>
  <si>
    <t>http:///batch?%24ct=multipart%2Fmixed%3B%20boundary%3D%22%3D%3D%3D%3D%3Dohcp3t9p3cip%3D%3D%3D%3D%3D%22&amp;key=AIzaSyAy9VVXHSpS2IJpptzYtGbLP3-3_l0aBk4</t>
  </si>
  <si>
    <t>http:///batch?%24ct=multipart%2Fmixed%3B%20boundary%3D%22%3D%3D%3D%3D%3Dc2wamopu8uuy%3D%3D%3D%3D%3D%22&amp;key=AIzaSyAy9VVXHSpS2IJpptzYtGbLP3-3_l0aBk4</t>
  </si>
  <si>
    <t>http:///batch?%24ct=multipart%2Fmixed%3B%20boundary%3D%22%3D%3D%3D%3D%3Degdvmj1n34y3%3D%3D%3D%3D%3D%22&amp;key=AIzaSyAy9VVXHSpS2IJpptzYtGbLP3-3_l0aBk4</t>
  </si>
  <si>
    <t>http:///batch?%24ct=multipart%2Fmixed%3B%20boundary%3D%22%3D%3D%3D%3D%3D1346mq3qt2xr%3D%3D%3D%3D%3D%22&amp;key=AIzaSyAy9VVXHSpS2IJpptzYtGbLP3-3_l0aBk4</t>
  </si>
  <si>
    <t>http:///batch?%24ct=multipart%2Fmixed%3B%20boundary%3D%22%3D%3D%3D%3D%3D4d196fk2kpl9%3D%3D%3D%3D%3D%22&amp;key=AIzaSyAy9VVXHSpS2IJpptzYtGbLP3-3_l0aBk4</t>
  </si>
  <si>
    <t>http:///batch?%24ct=multipart%2Fmixed%3B%20boundary%3D%22%3D%3D%3D%3D%3De48jrw56zizg%3D%3D%3D%3D%3D%22&amp;key=AIzaSyAy9VVXHSpS2IJpptzYtGbLP3-3_l0aBk4</t>
  </si>
  <si>
    <t>http:///batch?%24ct=multipart%2Fmixed%3B%20boundary%3D%22%3D%3D%3D%3D%3Dfrrf0nqyutau%3D%3D%3D%3D%3D%22&amp;key=AIzaSyAy9VVXHSpS2IJpptzYtGbLP3-3_l0aBk4</t>
  </si>
  <si>
    <t>http:///batch?%24ct=multipart%2Fmixed%3B%20boundary%3D%22%3D%3D%3D%3D%3Df2ux495jkh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9===== content-;per;permissionid;picture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9===== content-,per,permissionid,picture,shared,sharedwithmedate,thumbnailversion,title,userpermission(role),userpermission(role)�,workspaceids</t>
  </si>
  <si>
    <t>http:///batch?%24ct=multipart%2Fmixed%3B%20boundary%3D%22%3D%3D%3D%3D%3Dfipclqii3kvq%3D%3D%3D%3D%3D%22&amp;key=AIzaSyAy9VVXHSpS2IJpptzYtGbLP3-3_l0aBk4</t>
  </si>
  <si>
    <t>http:///batch?%24ct=multipart%2Fmixed%3B%20boundary%3D%22%3D%3D%3D%3D%3D95p74uiy74u0%3D%3D%3D%3D%3D%22&amp;key=AIzaSyAy9VVXHSpS2IJpptzYtGbLP3-3_l0aBk4</t>
  </si>
  <si>
    <t>http:///batch?%24ct=multipart%2Fmixed%3B%20boundary%3D%22%3D%3D%3D%3D%3Dew3l1zrn6hq5%3D%3D%3D%3D%3D%22&amp;key=AIzaSyAy9VVXHSpS2IJpptzYtGbLP3-3_l0aBk4</t>
  </si>
  <si>
    <t>http:///batch?%24ct=multipart%2Fmixed%3B%20boundary%3D%22%3D%3D%3D%3D%3D8gw78sxow9iv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9===== content-;per;permission;permissionid;picture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9===== content-,per,permission,permissionid,picture,shared,sharedwithmedate,thumbnailversion,title,userpermission(role),userpermission(role)�,workspaceids</t>
  </si>
  <si>
    <t>http:///batch?%24ct=multipart%2Fmixed%3B%20boundary%3D%22%3D%3D%3D%3D%3D4rg0jpgsywsm%3D%3D%3D%3D%3D%22&amp;key=AIzaSyAy9VVXHSpS2IJpptzYtGbLP3-3_l0aBk4</t>
  </si>
  <si>
    <t>http:///batch?%24ct=multipart%2Fmixed%3B%20boundary%3D%22%3D%3D%3D%3D%3Dqgujkf2f9784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9===== content-;per;permiss;permission;permissionid;picture;rpermissions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9===== content-,per,permiss,permission,permissionid,picture,rpermissions,shared,sharedwithmedate,thumbnailversion,title,userpermission(role),userpermission(role)�,workspaceids</t>
  </si>
  <si>
    <t>http:///batch?%24ct=multipart%2Fmixed%3B%20boundary%3D%22%3D%3D%3D%3D%3Ds9b0htf2ht3w%3D%3D%3D%3D%3D%22&amp;key=AIzaSyAy9VVXHSpS2IJpptzYtGbLP3-3_l0aBk4</t>
  </si>
  <si>
    <t>http:///batch?%24ct=multipart%2Fmixed%3B%20boundary%3D%22%3D%3D%3D%3D%3D8fkdpphp2k3e%3D%3D%3D%3D%3D%22&amp;key=AIzaSyAy9VVXHSpS2IJpptzYtGbLP3-3_l0aBk4</t>
  </si>
  <si>
    <t>http:///batch?%24ct=multipart%2Fmixed%3B%20boundary%3D%22%3D%3D%3D%3D%3D85tacvv4s6uq%3D%3D%3D%3D%3D%22&amp;key=AIzaSyAy9VVXHSpS2IJpptzYtGbLP3-3_l0aBk4</t>
  </si>
  <si>
    <t>http:///batch?%24ct=multipart%2Fmixed%3B%20boundary%3D%22%3D%3D%3D%3D%3Dsr45432p1n56%3D%3D%3D%3D%3D%22&amp;key=AIzaSyAy9VVXHSpS2IJpptzYtGbLP3-3_l0aBk4</t>
  </si>
  <si>
    <t>http:///batch?%24ct=multipart%2Fmixed%3B%20boundary%3D%22%3D%3D%3D%3D%3Dqwm0vfwubrxy%3D%3D%3D%3D%3D%22&amp;key=AIzaSyAy9VVXHSpS2IJpptzYtGbLP3-3_l0aBk4</t>
  </si>
  <si>
    <t>"mozilla/5.0 (windows nt 6.1; win64; x64) applewebkit/537.36 (khtml;"other�;0;0.441;0.491;0.491];0.668;0.697];0];1;1149.8400000000402;12.38;12.854]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.636;130.87499999892316;13135.08499999989;13158.214999999473;13337.059999999838;137.141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906;13701909;1370192;13701921;13701953;13701957;13701969;13702064;13702068;</t>
  </si>
  <si>
    <t>http://"mozilla/5.0 (windows nt 6.1; win64; x64) applewebkit/537.36 (khtml,"other�,0,0.441,0.491,0.491],0.668,0.697],0],1,1149.8400000000402,12.38,12.854]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.636,130.87499999892316,13135.08499999989,13158.214999999473,13337.059999999838,137.141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1,13701906,13701909,1370192,13701921,13701953,13701957,13701969,13702064,13</t>
  </si>
  <si>
    <t>"mozilla/5.0 (windows nt 6.1; win64; x64) applewebkit/537.36 (khtml;"other�;0;0.441;0.491;0.491];0.668;0.697];0];1;1149.8400000000402;1171.700000000783;1179.9300000002404;12.38;12.854];1200.26999999936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.636;130.87499999892316;13135.08499999989;13158.214999999473;13337.059999999838;1336.3499999995838;137.141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</t>
  </si>
  <si>
    <t>http://"mozilla/5.0 (windows nt 6.1; win64; x64) applewebkit/537.36 (khtml,"other�,0,0.441,0.491,0.491],0.668,0.697],0],1,1149.8400000000402,1171.700000000783,1179.9300000002404,12.38,12.854],1200.26999999936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.636,130.87499999892316,13135.08499999989,13158.214999999473,13337.059999999838,1336.3499999995838,137.141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</t>
  </si>
  <si>
    <t>http:///batch?%24ct=multipart%2Fmixed%3B%20boundary%3D%22%3D%3D%3D%3D%3D1tcwcwaihjq0%3D%3D%3D%3D%3D%22&amp;key=AIzaSyAy9VVXHSpS2IJpptzYtGbLP3-3_l0aBk4</t>
  </si>
  <si>
    <t>http:///batch?%24ct=multipart%2Fmixed%3B%20boundary%3D%22%3D%3D%3D%3D%3D6n8psvqj8q4b%3D%3D%3D%3D%3D%22&amp;key=AIzaSyAy9VVXHSpS2IJpptzYtGbLP3-3_l0aBk4</t>
  </si>
  <si>
    <t>http:///batch?%24ct=multipart%2Fmixed%3B%20boundary%3D%22%3D%3D%3D%3D%3Dxmc61g3pga6b%3D%3D%3D%3D%3D%22&amp;key=AIzaSyAy9VVXHSpS2IJpptzYtGbLP3-3_l0aBk4</t>
  </si>
  <si>
    <t>ancestorhasaugmentedpermissions;bdd8fd6bf75961a358e1830286_u x-goog-authuser: 0 --=====xmc61g3pga6b=====-- 99�Ωg�5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bdd8fd6bf75961a358e1830286_u x-goog-authuser: 0 --=====xmc61g3pga6b=====-- 99�Ωg�5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hn0lzvyrtlqs%3D%3D%3D%3D%3D%22&amp;key=AIzaSyAy9VVXHSpS2IJpptzYtGbLP3-3_l0aBk4</t>
  </si>
  <si>
    <t>http:///batch?%24ct=multipart%2Fmixed%3B%20boundary%3D%22%3D%3D%3D%3D%3D4l35epqi0w4%3D%3D%3D%3D%3D%22&amp;key=AIzaSyAy9VVXHSpS2IJpptzYtGbLP3-3_l0aBk4</t>
  </si>
  <si>
    <t>http:///batch?%24ct=multipart%2Fmixed%3B%20boundary%3D%22%3D%3D%3D%3D%3Dk3o4eayu6z9t%3D%3D%3D%3D%3D%22&amp;key=AIzaSyAy9VVXHSpS2IJpptzYtGbLP3-3_l0aBk4</t>
  </si>
  <si>
    <t>6b78a288-fd0b-44a5-aad0-860cc0baff1e.tmp</t>
  </si>
  <si>
    <t>\\acsfs\profiles$\vivianalds\Downloads\6b78a288-fd0b-44a5-aad0-860cc0baff1e.tmp</t>
  </si>
  <si>
    <t>e2d6dfe2-da4e-4a57-8f0c-d5bc313d06d5.tmp</t>
  </si>
  <si>
    <t>\\acsfs\profiles$\luanaagl\Downloads\e2d6dfe2-da4e-4a57-8f0c-d5bc313d06d5.tmp</t>
  </si>
  <si>
    <t>06c9dd96-b0f4-4244-954a-6696543b60a1.tmp</t>
  </si>
  <si>
    <t>\\acsfs\profiles$\luanaagl\Downloads\06c9dd96-b0f4-4244-954a-6696543b60a1.tmp</t>
  </si>
  <si>
    <t>6bc55e65-27d4-46c2-bab5-56fd1ee59988.tmp</t>
  </si>
  <si>
    <t>\\acsfs\profiles$\matheushds\Downloads\6bc55e65-27d4-46c2-bab5-56fd1ee59988.tmp</t>
  </si>
  <si>
    <t>82fbd27a-90a9-4da7-8bc3-b441b8d6c2d1.tmp</t>
  </si>
  <si>
    <t>\\acsfs\profiles$\inarajst\Downloads\82fbd27a-90a9-4da7-8bc3-b441b8d6c2d1.tmp</t>
  </si>
  <si>
    <t>http:///batch?%24ct=multipart%2Fmixed%3B%20boundary%3D%22%3D%3D%3D%3D%3Dtmxgn88mc130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srkxnowkfiouoreruerkwhewsc47flhcofjsrtukf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srkxnowkfiouoreruerkwhewsc47flhcofjsrtukf,thumbnailversion,title,userpermission(role),workspaceids</t>
  </si>
  <si>
    <t>http:///batch?%24ct=multipart%2Fmixed%3B%20boundary%3D%22%3D%3D%3D%3D%3D8zwx25my7fdh%3D%3D%3D%3D%3D%22&amp;key=AIzaSyAy9VVXHSpS2IJpptzYtGbLP3-3_l0aBk4</t>
  </si>
  <si>
    <t>http:///batch?%24ct=multipart%2Fmixed%3B%20boundary%3D%22%3D%3D%3D%3D%3Drdlec6b9ujgn%3D%3D%3D%3D%3D%22&amp;key=AIzaSyAy9VVXHSpS2IJpptzYtGbLP3-3_l0aBk4</t>
  </si>
  <si>
    <t>5e618a4c-e359-48c2-b801-f13e16619588.tmp</t>
  </si>
  <si>
    <t>\\acsfs\profiles$\luanaagl\Downloads\5e618a4c-e359-48c2-b801-f13e16619588.tmp</t>
  </si>
  <si>
    <t>045227fe-8b34-41b3-9de6-a04ec694e4e2.tmp</t>
  </si>
  <si>
    <t>\\acsfs\profiles$\luanaagl\Downloads\045227fe-8b34-41b3-9de6-a04ec694e4e2.tmp</t>
  </si>
  <si>
    <t>0bb5c1af-bf93-4ac4-bf40-e6aa573b8155.tmp</t>
  </si>
  <si>
    <t>\\acsfs\profiles$\luanaagl\Downloads\0bb5c1af-bf93-4ac4-bf40-e6aa573b8155.tmp</t>
  </si>
  <si>
    <t>lu97481504f.tmp</t>
  </si>
  <si>
    <t>\\acsfs\profiles$\Flaviojmm\My Documents\lu97481504f.tmp</t>
  </si>
  <si>
    <t>\\acsfs\profiles$\Flaviojmm\My Documents\lu97481504f.tmp\</t>
  </si>
  <si>
    <t>\\acsfs\profiles$\Flaviojmm\My Documents\lu97481504f.tmp\META-INF\</t>
  </si>
  <si>
    <t>\\acsfs\profiles$\Flaviojmm\My Documents\lu97481504f.tmp\Thumbnails\</t>
  </si>
  <si>
    <t>2f654322-237e-4ed2-9920-bb8369e24a97.tmp</t>
  </si>
  <si>
    <t>\\acsfs\profiles$\lorrainerdl\Downloads\2f654322-237e-4ed2-9920-bb8369e24a97.tmp</t>
  </si>
  <si>
    <t>218AF645.tmp</t>
  </si>
  <si>
    <t>\\acsfs\ACS\Gabriel da Silva\Contemporânea\218AF645.tmp</t>
  </si>
  <si>
    <t>http:///batch?%24ct=multipart%2Fmixed%3B%20boundary%3D%22%3D%3D%3D%3D%3Djig8z32xtuel%3D%3D%3D%3D%3D%22&amp;key=AIzaSyAy9VVXHSpS2IJpptzYtGbLP3-3_l0aBk4</t>
  </si>
  <si>
    <t>http:///batch?%24ct=multipart%2Fmixed%3B%20boundary%3D%22%3D%3D%3D%3D%3Ddpixot1bqsy3%3D%3D%3D%3D%3D%22&amp;key=AIzaSyAy9VVXHSpS2IJpptzYtGbLP3-3_l0aBk4</t>
  </si>
  <si>
    <t>http:///batch?%24ct=multipart%2Fmixed%3B%20boundary%3D%22%3D%3D%3D%3D%3Dl5zi11cfnwr5%3D%3D%3D%3D%3D%22&amp;key=AIzaSyAy9VVXHSpS2IJpptzYtGbLP3-3_l0aBk4</t>
  </si>
  <si>
    <t>http:///batch?%24ct=multipart%2Fmixed%3B%20boundary%3D%22%3D%3D%3D%3D%3Ds5o7g7tfi7jj%3D%3D%3D%3D%3D%22&amp;key=AIzaSyAy9VVXHSpS2IJpptzYtGbLP3-3_l0aBk4</t>
  </si>
  <si>
    <t>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re;quotabytesused;shar;shareable;shared;sharedwithmedate;subscribe;thumbnailversion;title;userpermission(role);workspaceids;</t>
  </si>
  <si>
    <t>http://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,shareable,shared,sharedwithmedate,subscribe,thumbnailversion,title,userpermission(role),workspaceids</t>
  </si>
  <si>
    <t>KIT_PRE_DESLIG_PEDIDO_DEMISSAO_INDENIZADO_98786_MICHELE RODRIGUES DE SOUSA.pdf</t>
  </si>
  <si>
    <t>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,shareable,shared,sharedwithmedate,subscribe,thumbnailversion,title,userpermission(role),workspaceids</t>
  </si>
  <si>
    <t>http://drive.google.com/upload/drive/v2internal/files?uploadType=multipart&amp;supportsTeamDrives=tru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</t>
  </si>
  <si>
    <t>http:///batch?%24ct=multipart%2Fmixed%3B%20boundary%3D%22%3D%3D%3D%3D%3Dkkfjhw5jh03d%3D%3D%3D%3D%3D%22&amp;key=AIzaSyAy9VVXHSpS2IJpptzYtGbLP3-3_l0aBk4</t>
  </si>
  <si>
    <t>http:///batch?%24ct=multipart%2Fmixed%3B%20boundary%3D%22%3D%3D%3D%3D%3Dh5c11ann1irz%3D%3D%3D%3D%3D%22&amp;key=AIzaSyAy9VVXHSpS2IJpptzYtGbLP3-3_l0aBk4</t>
  </si>
  <si>
    <t>http:///batch?%24ct=multipart%2Fmixed%3B%20boundary%3D%22%3D%3D%3D%3D%3D4bptk45ffzr6%3D%3D%3D%3D%3D%22&amp;key=AIzaSyAy9VVXHSpS2IJpptzYtGbLP3-3_l0aBk4</t>
  </si>
  <si>
    <t>ancest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;picture;quotabytesused;rpermissions;shar;shareable;shared;sharedwithmedate;subscribe;thumbnailversion;title;userpermission(role);workspaceids;</t>
  </si>
  <si>
    <t>http://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,picture,quotabytesused,rpermissions,shar,shareable,shared,sharedwithmedate,subscribe,thumbnailversion,title,userpermission(role),workspaceids</t>
  </si>
  <si>
    <t>http:///batch?%24ct=multipart%2Fmixed%3B%20boundary%3D%22%3D%3D%3D%3D%3Delte8bia5a4f%3D%3D%3D%3D%3D%22&amp;key=AIzaSyAy9VVXHSpS2IJpptzYtGbLP3-3_l0aBk4</t>
  </si>
  <si>
    <t>http:///batch?%24ct=multipart%2Fmixed%3B%20boundary%3D%22%3D%3D%3D%3D%3Doyqhm7gds8t8%3D%3D%3D%3D%3D%22&amp;key=AIzaSyAy9VVXHSpS2IJpptzYtGbLP3-3_l0aBk4</t>
  </si>
  <si>
    <t>http:///batch?%24ct=multipart%2Fmixed%3B%20boundary%3D%22%3D%3D%3D%3D%3Dmpnavhe2m2j%3D%3D%3D%3D%3D%22&amp;key=AIzaSyAy9VVXHSpS2IJpptzYtGbLP3-3_l0aBk4</t>
  </si>
  <si>
    <t>\\acsfs\profiles$\marcellewdl\Downloads\WavesAudio.MaxxAudioProforDell2019_fh4rh281wavaa!App\</t>
  </si>
  <si>
    <t>\\acsfs\profiles$\marcellewdl\Downloads\WavesAudio.MaxxAudioProforDell2019_fh4rh281wavaa!App\desktop.ini</t>
  </si>
  <si>
    <t>\\acsfs\profiles$\marcellewdl\Downloads\WavesAudio.MaxxAudioProforDell2019_fh4rh281wavaa!App\LocalFolder.txt</t>
  </si>
  <si>
    <t>petterson.rodrigues@tlpservicos.com.br;</t>
  </si>
  <si>
    <t>C:\A2\PAULAO\TIM\REGIONAL TIM\</t>
  </si>
  <si>
    <t>Contratadas Rede Externa TRJ (1).xlsx</t>
  </si>
  <si>
    <t>petterson.rodrigues@tlpservicos.com.br</t>
  </si>
  <si>
    <t>c:\users\camillarl\downloads\</t>
  </si>
  <si>
    <t>kit_pre_deslig_disp_sem_justa_causa_ind_101088_thiago abdao ferreira souza.pdf</t>
  </si>
  <si>
    <t>5a2fbdf5-fe30-4ecc-a7cf-5bea11c4d3b8.tmp</t>
  </si>
  <si>
    <t>\\acsfs\profiles$\dhiulliananads\Downloads\5a2fbdf5-fe30-4ecc-a7cf-5bea11c4d3b8.tmp</t>
  </si>
  <si>
    <t>810fe17f-50ad-4bbb-8a48-5886a8da0104.tmp</t>
  </si>
  <si>
    <t>\\acsfs\profiles$\lorrainerdl\Downloads\810fe17f-50ad-4bbb-8a48-5886a8da0104.tmp</t>
  </si>
  <si>
    <t>6F7ECAE0.tmp</t>
  </si>
  <si>
    <t>\\acsfs\ACS\Gabriel da Silva\Contemporânea\6F7ECAE0.tmp</t>
  </si>
  <si>
    <t>E9EA9717.tmp</t>
  </si>
  <si>
    <t>\\acsfs\ACS\Gabriel da Silva\Contemporânea\E9EA9717.tmp</t>
  </si>
  <si>
    <t>3551991A.tmp</t>
  </si>
  <si>
    <t>\\acsfs\ACS\Gabriel da Silva\Contemporânea\3551991A.tmp</t>
  </si>
  <si>
    <t>BE34E2D9.tmp</t>
  </si>
  <si>
    <t>\\acsfs\ACS\Gabriel da Silva\Contemporânea\BE34E2D9.tmp</t>
  </si>
  <si>
    <t>78-2B-CB-C1-04-45</t>
  </si>
  <si>
    <t>VOTORANTS-FB033</t>
  </si>
  <si>
    <t>andrelps@algartech.com;supervisaobancovotorantim@algartech.com;vitor.accorsi@bv.com.br;</t>
  </si>
  <si>
    <t>andrelps@algartech.com,supervisaobancovotorantim@algartech.com,vitor.accorsi@bv.com.br</t>
  </si>
  <si>
    <t>lu166683u8jdi.tmp</t>
  </si>
  <si>
    <t>\\acsfs\profiles$\ALEXANDREMM\lu166683u8jdi.tmp</t>
  </si>
  <si>
    <t>\\acsfs\profiles$\ALEXANDREMM\lu166683u8jdi.tmp\</t>
  </si>
  <si>
    <t>\\acsfs\profiles$\ALEXANDREMM\lu166683u8jdi.tmp\META-INF\</t>
  </si>
  <si>
    <t>\\acsfs\profiles$\ALEXANDREMM\lu166683u8jdi.tmp\Thumbnails\</t>
  </si>
  <si>
    <t>lu166683u8jdl.tmp</t>
  </si>
  <si>
    <t>\\acsfs\profiles$\ALEXANDREMM\lu166683u8jdl.tmp</t>
  </si>
  <si>
    <t>\\acsfs\profiles$\ALEXANDREMM\lu166683u8jdl.tmp\</t>
  </si>
  <si>
    <t>\\acsfs\profiles$\ALEXANDREMM\lu166683u8jdl.tmp\META-INF\</t>
  </si>
  <si>
    <t>\\acsfs\profiles$\ALEXANDREMM\lu166683u8jdl.tmp\Thumbnails\</t>
  </si>
  <si>
    <t>bb66cf0f-937d-4c6c-97c1-27c50a781359.tmp</t>
  </si>
  <si>
    <t>\\acsfs\profiles$\kellzylenneasr\Downloads\bb66cf0f-937d-4c6c-97c1-27c50a781359.tmp</t>
  </si>
  <si>
    <t>http:///batch?%24ct=multipart%2Fmixed%3B%20boundary%3D%22%3D%3D%3D%3D%3D3xijj8ep36li%3D%3D%3D%3D%3D%22&amp;key=AIzaSyAy9VVXHSpS2IJpptzYtGbLP3-3_l0aBk4</t>
  </si>
  <si>
    <t>ancest;containsunsubscribedchildren;displayname;domain;emailaddress;filesize;id);lastmodifyinguser(kind;lastviewedbymedate;modifiedbymedate;ontainsunsubscribedchildren;owners(kind;permissionid;pictu;picture;rpermissions;workspaceids;</t>
  </si>
  <si>
    <t>http://ancest,containsunsubscribedchildren,displayname,domain,emailaddress,filesize,id),lastmodifyinguser(kind,lastviewedbymedate,modifiedbymedate,ontainsunsubscribedchildren,owners(kind,permissionid,pictu,picture,rpermissions,workspaceids</t>
  </si>
  <si>
    <t>http:///batch?%24ct=multipart%2Fmixed%3B%20boundary%3D%22%3D%3D%3D%3D%3D8lisq66r61l9%3D%3D%3D%3D%3D%22&amp;key=AIzaSyAy9VVXHSpS2IJpptzYtGbLP3-3_l0aBk4</t>
  </si>
  <si>
    <t>93a5163f-6b87-4f9e-818e-6783281f05a1.tmp</t>
  </si>
  <si>
    <t>\\acsfs\profiles$\lorrainerdl\Downloads\93a5163f-6b87-4f9e-818e-6783281f05a1.tmp</t>
  </si>
  <si>
    <t>46966aa5-b3c5-48a4-85e3-e3b58c2624b8.tmp</t>
  </si>
  <si>
    <t>\\acsfs\profiles$\lorrainerdl\Downloads\46966aa5-b3c5-48a4-85e3-e3b58c2624b8.tmp</t>
  </si>
  <si>
    <t>3e6da8e9-779c-48af-bac1-a8c63065061e.tmp</t>
  </si>
  <si>
    <t>\\acsfs\profiles$\lorrainerdl\Downloads\3e6da8e9-779c-48af-bac1-a8c63065061e.tmp</t>
  </si>
  <si>
    <t>efdd1266-3fea-4488-bcc4-cd0763e666eb.tmp</t>
  </si>
  <si>
    <t>\\acsfs\profiles$\ERICALSR\Downloads\efdd1266-3fea-4488-bcc4-cd0763e666eb.tmp</t>
  </si>
  <si>
    <t>65755d65-3a90-4dd3-935a-ada5360fd556.tmp</t>
  </si>
  <si>
    <t>\\acsfs\profiles$\gabriellalpr\Downloads\65755d65-3a90-4dd3-935a-ada5360fd556.tmp</t>
  </si>
  <si>
    <t>d0eff1f1-1d30-4e84-836a-a5a831317832.tmp</t>
  </si>
  <si>
    <t>\\acsfs\profiles$\THYAGOSP\Downloads\d0eff1f1-1d30-4e84-836a-a5a831317832.tmp</t>
  </si>
  <si>
    <t>eee431ce-9915-4b78-8f46-86121994fe74.tmp</t>
  </si>
  <si>
    <t>\\acsfs\profiles$\mariagsg\Downloads\eee431ce-9915-4b78-8f46-86121994fe74.tmp</t>
  </si>
  <si>
    <t>Nova Precificação - ALGAR - v2b - 2020.xlsx</t>
  </si>
  <si>
    <t>58078668-792b-4268-a925-c6da4c33defb.tmp</t>
  </si>
  <si>
    <t>\\acsfs\profiles$\luanaagl\Downloads\58078668-792b-4268-a925-c6da4c33defb.tmp</t>
  </si>
  <si>
    <t>lu97481504o.tmp</t>
  </si>
  <si>
    <t>\\acsfs\profiles$\Flaviojmm\My Documents\lu97481504o.tmp</t>
  </si>
  <si>
    <t>7b2677be-a6cb-4a21-9c54-30090791a150.tmp</t>
  </si>
  <si>
    <t>\\acsfs\profiles$\lorrainerdl\Downloads\7b2677be-a6cb-4a21-9c54-30090791a150.tmp</t>
  </si>
  <si>
    <t>1f5d440d-c276-4a56-9526-a99c664dd0dc.tmp</t>
  </si>
  <si>
    <t>\\acsfs\profiles$\lorrainerdl\Downloads\1f5d440d-c276-4a56-9526-a99c664dd0dc.tmp</t>
  </si>
  <si>
    <t>437a364f-c7a3-4bac-8d68-a9087401412e.tmp</t>
  </si>
  <si>
    <t>\\acsfs\profiles$\paulovadc\Downloads\437a364f-c7a3-4bac-8d68-a9087401412e.tmp</t>
  </si>
  <si>
    <t>\\acsfs\deptos\Operacao\PCP\5 - Comum\PLANEJAMENTO BV\14 - ACOMPANHAMENTO\1 - REPORT ACOMPANHAMENTO\2020\1 - JANEIRO\FINANCEIRA\</t>
  </si>
  <si>
    <t>\\acsfs\deptos\Operacao\PCP\5 - Comum\PLANEJAMENTO BV\14 - ACOMPANHAMENTO\1 - REPORT ACOMPANHAMENTO\2020\1 - JANEIRO\FINANCEIRA\REPORT ACOMPANHAMENTO - BV - JANEIRO.xlsb</t>
  </si>
  <si>
    <t>d8ada3fd-6dd8-4405-8f01-46827fdd44e9.tmp</t>
  </si>
  <si>
    <t>\\acsfs\profiles$\luanarda\Downloads\d8ada3fd-6dd8-4405-8f01-46827fdd44e9.tmp</t>
  </si>
  <si>
    <t>f9007761-fddc-49e5-b708-35bca96445f7.tmp</t>
  </si>
  <si>
    <t>\\acsfs\profiles$\ALYNYA\Downloads\f9007761-fddc-49e5-b708-35bca96445f7.tmp</t>
  </si>
  <si>
    <t>cb0a4b41-1a45-45af-8a71-66e9d4b29d3e.tmp</t>
  </si>
  <si>
    <t>\\acsfs\profiles$\lorraynevam\Downloads\cb0a4b41-1a45-45af-8a71-66e9d4b29d3e.tmp</t>
  </si>
  <si>
    <t>c462b907-9c3c-4721-83ff-2acbbaa6f38e.tmp</t>
  </si>
  <si>
    <t>\\acsfs\profiles$\jhonatadss\Downloads\c462b907-9c3c-4721-83ff-2acbbaa6f38e.tmp</t>
  </si>
  <si>
    <t>http:///batch?%24ct=multipart%2Fmixed%3B%20boundary%3D%22%3D%3D%3D%3D%3Ds1bud3iwnur7%3D%3D%3D%3D%3D%22&amp;key=AIzaSyAy9VVXHSpS2IJpptzYtGbLP3-3_l0aBk4</t>
  </si>
  <si>
    <t>http:///batch?%24ct=multipart%2Fmixed%3B%20boundary%3D%22%3D%3D%3D%3D%3D92k7w5jsag0s%3D%3D%3D%3D%3D%22&amp;key=AIzaSyAy9VVXHSpS2IJpptzYtGbLP3-3_l0aBk4</t>
  </si>
  <si>
    <t>http:///batch?%24ct=multipart%2Fmixed%3B%20boundary%3D%22%3D%3D%3D%3D%3Dtm28rwfl31t8%3D%3D%3D%3D%3D%22&amp;key=AIzaSyAy9VVXHSpS2IJpptzYtGbLP3-3_l0aBk4</t>
  </si>
  <si>
    <t>http:///batch?%24ct=multipart%2Fmixed%3B%20boundary%3D%22%3D%3D%3D%3D%3Di8swqoniw11t%3D%3D%3D%3D%3D%22&amp;key=AIzaSyAy9VVXHSpS2IJpptzYtGbLP3-3_l0aBk4</t>
  </si>
  <si>
    <t>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lncm68k94vq2%3D%3D%3D%3D%3D%22&amp;key=AIzaSyAy9VVXHSpS2IJpptzYtGbLP3-3_l0aBk4</t>
  </si>
  <si>
    <t>http:///batch?%24ct=multipart%2Fmixed%3B%20boundary%3D%22%3D%3D%3D%3D%3D6hniwz9b2cgu%3D%3D%3D%3D%3D%22&amp;key=AIzaSyAy9VVXHSpS2IJpptzYtGbLP3-3_l0aBk4</t>
  </si>
  <si>
    <t>http:///batch?%24ct=multipart%2Fmixed%3B%20boundary%3D%22%3D%3D%3D%3D%3D8lc9zipkx55i%3D%3D%3D%3D%3D%22&amp;key=AIzaSyAy9VVXHSpS2IJpptzYtGbLP3-3_l0aBk4</t>
  </si>
  <si>
    <t>http:///batch?%24ct=multipart%2Fmixed%3B%20boundary%3D%22%3D%3D%3D%3D%3Dwu7elbm104q2%3D%3D%3D%3D%3D%22&amp;key=AIzaSyAy9VVXHSpS2IJpptzYtGbLP3-3_l0aBk4</t>
  </si>
  <si>
    <t>http:///batch?%24ct=multipart%2Fmixed%3B%20boundary%3D%22%3D%3D%3D%3D%3Dwwkhntqwzwfc%3D%3D%3D%3D%3D%22&amp;key=AIzaSyAy9VVXHSpS2IJpptzYtGbLP3-3_l0aBk4</t>
  </si>
  <si>
    <t>http:///batch?%24ct=multipart%2Fmixed%3B%20boundary%3D%22%3D%3D%3D%3D%3Dueysesi83mqw%3D%3D%3D%3D%3D%22&amp;key=AIzaSyAy9VVXHSpS2IJpptzYtGbLP3-3_l0aBk4</t>
  </si>
  <si>
    <t>http:///batch?%24ct=multipart%2Fmixed%3B%20boundary%3D%22%3D%3D%3D%3D%3Dodzjsqap4hqh%3D%3D%3D%3D%3D%22&amp;key=AIzaSyAy9VVXHSpS2IJpptzYtGbLP3-3_l0aBk4</t>
  </si>
  <si>
    <t>http:///batch?%24ct=multipart%2Fmixed%3B%20boundary%3D%22%3D%3D%3D%3D%3Damrieioj373%3D%3D%3D%3D%3D%22&amp;key=AIzaSyAy9VVXHSpS2IJpptzYtGbLP3-3_l0aBk4</t>
  </si>
  <si>
    <t>ances;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;picture;rpermissions;shared;sharedwithmedate;thumbnailversion;title;userpermission(role);workspaceids;</t>
  </si>
  <si>
    <t>http://ances,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,picture,rpermissions,shared,sharedwithmedate,thumbnailversion,title,userpermission(role),workspaceids</t>
  </si>
  <si>
    <t>http:///batch?%24ct=multipart%2Fmixed%3B%20boundary%3D%22%3D%3D%3D%3D%3Dwwn1r3g3yb6c%3D%3D%3D%3D%3D%22&amp;key=AIzaSyAy9VVXHSpS2IJpptzYtGbLP3-3_l0aBk4</t>
  </si>
  <si>
    <t>http:///batch?%24ct=multipart%2Fmixed%3B%20boundary%3D%22%3D%3D%3D%3D%3D3wap5kxxw838%3D%3D%3D%3D%3D%22&amp;key=AIzaSyAy9VVXHSpS2IJpptzYtGbLP3-3_l0aBk4</t>
  </si>
  <si>
    <t>http:///batch?%24ct=multipart%2Fmixed%3B%20boundary%3D%22%3D%3D%3D%3D%3Dgfulkh8w5v4p%3D%3D%3D%3D%3D%22&amp;key=AIzaSyAy9VVXHSpS2IJpptzYtGbLP3-3_l0aBk4</t>
  </si>
  <si>
    <t>http:///batch?%24ct=multipart%2Fmixed%3B%20boundary%3D%22%3D%3D%3D%3D%3Dkd5ftekbd10x%3D%3D%3D%3D%3D%22&amp;key=AIzaSyAy9VVXHSpS2IJpptzYtGbLP3-3_l0aBk4</t>
  </si>
  <si>
    <t>http:///batch?%24ct=multipart%2Fmixed%3B%20boundary%3D%22%3D%3D%3D%3D%3Dgjfzb56zsqct%3D%3D%3D%3D%3D%22&amp;key=AIzaSyAy9VVXHSpS2IJpptzYtGbLP3-3_l0aBk4</t>
  </si>
  <si>
    <t>http:///batch?%24ct=multipart%2Fmixed%3B%20boundary%3D%22%3D%3D%3D%3D%3D1kfsoafh49uk%3D%3D%3D%3D%3D%22&amp;key=AIzaSyAy9VVXHSpS2IJpptzYtGbLP3-3_l0aBk4</t>
  </si>
  <si>
    <t>http:///batch?%24ct=multipart%2Fmixed%3B%20boundary%3D%22%3D%3D%3D%3D%3Dir10ydpikske%3D%3D%3D%3D%3D%22&amp;key=AIzaSyAy9VVXHSpS2IJpptzYtGbLP3-3_l0aBk4</t>
  </si>
  <si>
    <t>http:///batch?%24ct=multipart%2Fmixed%3B%20boundary%3D%22%3D%3D%3D%3D%3Ds6pgr1imvo56%3D%3D%3D%3D%3D%22&amp;key=AIzaSyAy9VVXHSpS2IJpptzYtGbLP3-3_l0aBk4</t>
  </si>
  <si>
    <t>10.200.32.241</t>
  </si>
  <si>
    <t>D0-94-66-DB-62-BE</t>
  </si>
  <si>
    <t>TI-D06M</t>
  </si>
  <si>
    <t>isabelladab</t>
  </si>
  <si>
    <t>\\acsfs\DEPTOS\TI Corporativa\07 - SGSI\02-Equipe-SI\Laudos\</t>
  </si>
  <si>
    <t>Registro de Plano de ação - Historico com solicitante - ATUALIZADO (1).xlsx</t>
  </si>
  <si>
    <t>\\acsfs\profiles$\Flaviojmm\My Documents\lu97481504o.tmp\</t>
  </si>
  <si>
    <t>d5e60cf4-2724-4db4-911f-3d1c0364a460.tmp</t>
  </si>
  <si>
    <t>\\acsfs\profiles$\rafaelamsv\Downloads\d5e60cf4-2724-4db4-911f-3d1c0364a460.tmp</t>
  </si>
  <si>
    <t>\\acsfs\profiles$\Flaviojmm\My Documents\lu97481504o.tmp\META-INF\</t>
  </si>
  <si>
    <t>\\acsfs\profiles$\Flaviojmm\My Documents\lu97481504o.tmp\Thumbnails\</t>
  </si>
  <si>
    <t>lu97481504t.tmp</t>
  </si>
  <si>
    <t>\\acsfs\profiles$\Flaviojmm\My Documents\lu97481504t.tmp</t>
  </si>
  <si>
    <t>\\acsfs\profiles$\Flaviojmm\My Documents\lu97481504t.tmp\</t>
  </si>
  <si>
    <t>\\acsfs\profiles$\Flaviojmm\My Documents\lu97481504t.tmp\META-INF\</t>
  </si>
  <si>
    <t>\\acsfs\profiles$\Flaviojmm\My Documents\lu97481504t.tmp\Thumbnails\</t>
  </si>
  <si>
    <t>1b5f463e-18a8-4b67-9267-1e3442250258.tmp</t>
  </si>
  <si>
    <t>\\acsfs\profiles$\lorraynevam\Downloads\1b5f463e-18a8-4b67-9267-1e3442250258.tmp</t>
  </si>
  <si>
    <t>http:///batch?%24ct=multipart%2Fmixed%3B%20boundary%3D%22%3D%3D%3D%3D%3Doslrprs60f33%3D%3D%3D%3D%3D%22&amp;key=AIzaSyAy9VVXHSpS2IJpptzYtGbLP3-3_l0aBk4</t>
  </si>
  <si>
    <t>ancestorhasaugmentedpe;containsunsubscribedchildren;displayname;domain;emailaddres;emailaddress;filesize;id);lastmodifyinguser(kind;lastviewedbymedate;modifiedbymedate;ontainsunsubscribedchildren;owners(kind;permissionid;picture;rpermissions;workspaceids;</t>
  </si>
  <si>
    <t>http://ancestorhasaugmentedpe,containsunsubscribedchildren,displayname,domain,emailaddres,emailaddress,filesize,id),lastmodifyinguser(kind,lastviewedbymedate,modifiedbymedate,ontainsunsubscribedchildren,owners(kind,permissionid,picture,rpermissions,workspaceids</t>
  </si>
  <si>
    <t>http:///batch?%24ct=multipart%2Fmixed%3B%20boundary%3D%22%3D%3D%3D%3D%3Dojdlzaswrxtd%3D%3D%3D%3D%3D%22&amp;key=AIzaSyAy9VVXHSpS2IJpptzYtGbLP3-3_l0aBk4</t>
  </si>
  <si>
    <t>ancestorhasaugmentedpe;ancestorhasaugmentedpermissions;containsunsubscribedchildren;displayname;domain;emailaddres;emailaddress;explicitlytrashed;filesize;hasth;hasthumbnail;hasvisitorpermissions;id;id);items(kind;ken;lastmodifyinguser(kind;lastviewedbymedate;mimet;modifiedbymedate;modifieddate;ontainsunsubscribedchildren;owners(kind;permissionid;picture;rpermissions;shared;sharedwithmedate;thumbnailversion;title;userpermission(role);workspaceids;</t>
  </si>
  <si>
    <t>http://ancestorhasaugmentedpe,ancestorhasaugmentedpermissions,containsunsubscribedchildren,displayname,domain,emailaddres,emailaddress,explicitlytrashed,filesize,hasth,hasthumbnail,hasvisitorpermissions,id,id),items(kind,ken,lastmodifyinguser(kind,lastviewedbymedate,mimet,modifiedbymedate,modifieddate,ontainsunsubscribedchildren,owners(kind,permissionid,picture,rpermissions,shared,sharedwithmedate,thumbnailversion,title,userpermission(role),workspaceids</t>
  </si>
  <si>
    <t>Cópia de Pasta4.xlsx</t>
  </si>
  <si>
    <t>ancestorhasaugmentedpe,ancestorhasaugmentedpermissions,containsunsubscribedchildren,displayname,domain,emailaddres,emailaddress,explicitlytrashed,filesize,hasth,hasthumbnail,hasvisitorpermissions,id,id),items(kind,ken,lastmodifyinguser(kind,lastviewedbymedate,mimet,modifiedbymedate,modifieddate,ontainsunsubscribedchildren,owners(kind,permissionid,picture,rpermissions,shared,sharedwithmedate,thumbnailversion,title,userpermission(role),workspaceids</t>
  </si>
  <si>
    <t>ancestorhasaugmentedpe;ancestorhasaugmentedpermissions;containsunsubscribedchildren;displayname;domain;emailaddres;emailaddress;explicitlytrashed;file(kind;fileid;filesize;hasth;hasthumbnail;hasvisitorpermissions;id;id);items(deleted;items(kind;ken;kind;lastmodifyinguser(kind;lastviewedbymedate;mimet;modifiedbymedate;modifieddate;ontainsunsubscribedchildren;owners(kind;per;permissionid;picture;rpermissions;shared;sharedwithmedate;thumbnailversion;title;userpermission(role);workspaceids;</t>
  </si>
  <si>
    <t>http://ancestorhasaugmentedpe,ancestorhasaugmentedpermissions,containsunsubscribedchildren,displayname,domain,emailaddres,emailaddress,explicitlytrashed,file(kind,fileid,filesize,hasth,hasthumbnail,hasvisitorpermissions,id,id),items(deleted,items(kind,ken,kind,lastmodifyinguser(kind,lastviewedbymedate,mimet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vydckivwus1d%3D%3D%3D%3D%3D%22&amp;key=AIzaSyAy9VVXHSpS2IJpptzYtGbLP3-3_l0aBk4</t>
  </si>
  <si>
    <t>http:///batch?%24ct=multipart%2Fmixed%3B%20boundary%3D%22%3D%3D%3D%3D%3Dn3tkcwwvsz70%3D%3D%3D%3D%3D%22&amp;key=AIzaSyAy9VVXHSpS2IJpptzYtGbLP3-3_l0aBk4</t>
  </si>
  <si>
    <t>mail.google.com/_/upload?authuser=0&amp;dcp=asu-n&amp;upload_id=AEnB2UpGPvE5YTVLIPc0LSuQVh6JvRI84FO8jeMDFSuG1-9ayhqRC7w244Ok7wpqI1FAZgkaYZ7r_krfIa7oI_wGGYq95EyeNcnOC2JpWKWqZmJ7wNkI1Qg&amp;upload_protocol=resumable</t>
  </si>
  <si>
    <t>brunowp@algartech.com;humbertopj@algartech.com;leandrolds@algartech.com;lucianarba@algartech.com;patriciaars@algartech.com;ricardobal@algartech.com;</t>
  </si>
  <si>
    <t>\\acsfs\deptos\CAS - Coordenação de Arquitetura de Soluções\Projetos\2020\Unica\225399 - TRIBANCO - Readequação Contrato Operação Única\Preço\</t>
  </si>
  <si>
    <t>225399 - Readequação Contrato UNICA Plan Precificacao C019 B019.xlsb</t>
  </si>
  <si>
    <t>brunowp@algartech.com,humbertopj@algartech.com,leandrolds@algartech.com,lucianarba@algartech.com,patriciaars@algartech.com,ricardobal@algartech.com</t>
  </si>
  <si>
    <t>\\acsfs\deptos\CAS - Coordenação de Arquitetura de Soluções\Projetos\2020\Unica\225399 - TRIBANCO - Readequação Contrato Operação Única\Preço\225399 - Readequação Contrato UNICA Plan Precificacao C019 B019.xlsb\</t>
  </si>
  <si>
    <t>FC-01-7C-B3-BD-FD</t>
  </si>
  <si>
    <t>"mimetype":"appl,ance,ancestorhasaugmentedpermissions,containsunsubscribedchildren,displayname,domain,emailaddress,emepo' in parents&amp;fields=kind,emepo?opendrive=false&amp;reason=102&amp;synctype=0&amp;errorrecovery=false&amp;fields=kind,emepo?opendrive=false&amp;reason=1412&amp;synctype=0&amp;errorrecovery=false&amp;fields=kind,exp,file(kind,fileid,filesize,hasthumbnail,hasvisitorpermissions,id,id),items(deleted,items(kind,ken,kind,lastmodifyinguser(kind,lastviewedbymedate,mod,modifiedbymedate,modifieddate,nextpagetoken,ontainsunsubscribedchildren,owners(kind,per,permi,permiss,permissionid,pic,pict,pictu,picture,rpermissions,s",shared,sharedwithmedate,thumbnailversion,title,userpermission(role),workspaceids</t>
  </si>
  <si>
    <t>BANCO BRADESCO CARTOES - DEZEMBRO.xlsx</t>
  </si>
  <si>
    <t>"mimetype":"appl,ance,ancest,ancestorhasaugmentedpermissions,con,containsunsubscribedchildren,displayname,domain,emailaddress,emepo' in parents&amp;fields=kind,emepo?opendrive=false&amp;reason=102&amp;synctype=0&amp;errorrecovery=false&amp;fields=kind,emepo?opendrive=false&amp;reason=1412&amp;synctype=0&amp;errorrecovery=false&amp;fields=kind,es - dezembro' and title contains 'xlsx' and trashed = false and '1jdftaecncn8z2oig__im_iisvccemepo' in parents&amp;fields=kind,exp,file(kind,fileid,filesize,hasthumbnail,hasvisitorpermissions,id,id),items(deleted,items(kind,ken,kind,lastmodifyinguser(kind,lastviewedbymedate,mod,modifiedbymedate,modifieddate,nextpagetoken,ontainsunsubscribedchildren,owners(kind,per,permi,permiss,permissionid,pic,pict,pictu,picture,picture�,rpermissions,s",shared,sharedwithmedate,thumbnailversion,title,userpermission(role),workspaceids</t>
  </si>
  <si>
    <t>JULIANA - RECISÃO.zip</t>
  </si>
  <si>
    <t>C:\Users\robsonams\Desktop\JULIANA - RECISÃO.zip\</t>
  </si>
  <si>
    <t>JULIANA - RECISÇO.pdf</t>
  </si>
  <si>
    <t>https://algar.folhasinergyrh.com.br/rescisao/upload?id=0&amp;idsolicitacao=18175&amp;idprerescisao=0</t>
  </si>
  <si>
    <t>06/01/2020;</t>
  </si>
  <si>
    <t>https://06/01/2020</t>
  </si>
  <si>
    <t>https://algar.folhasinergyrh.com.br/rescisao/upload?id=0&amp;idsolicitacao=0&amp;idprerescisao=1659</t>
  </si>
  <si>
    <t>\\acsfs\dsti\Precificações\09 - TESTES\2019\11 - Novembro\Comparativos GAT\</t>
  </si>
  <si>
    <t>\\acsfs\dsti\Precificações\09 - TESTES\2019\11 - Novembro\Comparativos GAT\214269_Bradesco_SD_Cenário_01_24_JR_(C018_B018)_v3 - bp novo.xlsb\</t>
  </si>
  <si>
    <t>mail.google.com/_/upload?authuser=0&amp;dcp=asu-n&amp;upload_id=AEnB2UpHc15e_MsYbUX_ED9iRTJEolnj5WvVQEKMTcGGEmtbTv6VF2mTjMxMmm8EaL_nXLlxKjdeMt_iLuiuz4RVcPbii1L_pw&amp;upload_protocol=resumable</t>
  </si>
  <si>
    <t>\\acsfs\dsti\Precificações\09 - TESTES\2019\11 - Novembro\Comparativos GAT\217469-IBM_Michelin_Atual_2020_(C018_B018).xlsb\</t>
  </si>
  <si>
    <t>Formulário Solicitações de Férias Irregulares JAN 2020.xls</t>
  </si>
  <si>
    <t>lu97481504y.tmp</t>
  </si>
  <si>
    <t>\\acsfs\profiles$\Flaviojmm\My Documents\lu97481504y.tmp</t>
  </si>
  <si>
    <t>\\acsfs\profiles$\Flaviojmm\My Documents\lu97481504y.tmp\</t>
  </si>
  <si>
    <t>\\acsfs\profiles$\Flaviojmm\My Documents\lu97481504y.tmp\META-INF\</t>
  </si>
  <si>
    <t>\\acsfs\profiles$\Flaviojmm\My Documents\lu97481504y.tmp\Thumbnails\</t>
  </si>
  <si>
    <t>23bbf44f-1dcf-43fc-b9f4-8a56ce3d0826.tmp</t>
  </si>
  <si>
    <t>\\acsfs\profiles$\matheushds\Downloads\23bbf44f-1dcf-43fc-b9f4-8a56ce3d0826.tmp</t>
  </si>
  <si>
    <t>fd769010-5ac3-4d56-9dfd-27cd6690bb74.tmp</t>
  </si>
  <si>
    <t>\\acsfs\profiles$\quindaizaagds\Downloads\fd769010-5ac3-4d56-9dfd-27cd6690bb74.tmp</t>
  </si>
  <si>
    <t>43320d3a-3ef9-4434-b4ea-428aa138143e.tmp</t>
  </si>
  <si>
    <t>\\acsfs\profiles$\gabrielafs\Downloads\43320d3a-3ef9-4434-b4ea-428aa138143e.tmp</t>
  </si>
  <si>
    <t>4edf91af-c23b-4714-b3b8-1fdd03fe779a.tmp</t>
  </si>
  <si>
    <t>\\acsfs\profiles$\lorenabmc\Downloads\4edf91af-c23b-4714-b3b8-1fdd03fe779a.tmp</t>
  </si>
  <si>
    <t>10.211.3.96</t>
  </si>
  <si>
    <t>T:\02 - FATURAMENTO\Base GAT\GAT - Planejamento e Gestao\Relatorio Base - GAT\Lista Clientes GAT\</t>
  </si>
  <si>
    <t>formulário - feedback registrado erica.doc</t>
  </si>
  <si>
    <t>formulário - feedback registrado luana.doc</t>
  </si>
  <si>
    <t>formulário - feedback registrado natalia.doc</t>
  </si>
  <si>
    <t>formulário - feedback registrado quindaiza.doc</t>
  </si>
  <si>
    <t>5881fd0d-90fc-496b-a508-ee701faf2778.tmp</t>
  </si>
  <si>
    <t>\\acsfs\profiles$\ROZENCAM\Downloads\5881fd0d-90fc-496b-a508-ee701faf2778.tmp</t>
  </si>
  <si>
    <t>\\acsfs\profiles$\brendavdoa\Downloads\</t>
  </si>
  <si>
    <t>a67d9e3f-8b30-48c8-a658-ab6d00c09bba.tmp</t>
  </si>
  <si>
    <t>\\acsfs\profiles$\brendavdoa\Downloads\a67d9e3f-8b30-48c8-a658-ab6d00c09bba.tmp</t>
  </si>
  <si>
    <t>leonardofdsa_admin</t>
  </si>
  <si>
    <t>C:\Users\andersonrm\Contacts\</t>
  </si>
  <si>
    <t>C:\Users\andersonrm\Documents\</t>
  </si>
  <si>
    <t>C:\Users\andersonrm\Downloads\</t>
  </si>
  <si>
    <t>C:\Users\andersonrm\Favorites\</t>
  </si>
  <si>
    <t>C:\Users\andersonrm\Links\</t>
  </si>
  <si>
    <t>C:\Users\andersonrm\Music\</t>
  </si>
  <si>
    <t>C:\Users\andersonrm\Pictures\</t>
  </si>
  <si>
    <t>C:\Users\andersonrm\Saved Games\</t>
  </si>
  <si>
    <t>C:\Users\andersonrm\Searches\</t>
  </si>
  <si>
    <t>C:\Users\andersonrm\Videos\</t>
  </si>
  <si>
    <t>C:\Users\andersonrm\Favorites\Links\</t>
  </si>
  <si>
    <t>C:\Users\andersonrm\Favorites\Links for Brasil\</t>
  </si>
  <si>
    <t>C:\Users\arthurfr\Contacts\</t>
  </si>
  <si>
    <t>C:\Users\arthurfr\Desktop\</t>
  </si>
  <si>
    <t>C:\Users\arthurfr\Documents\</t>
  </si>
  <si>
    <t>C:\Users\arthurfr\Downloads\</t>
  </si>
  <si>
    <t>C:\Users\arthurfr\Favorites\</t>
  </si>
  <si>
    <t>a14efd2d-08ed-4d6f-8048-c140e6eb5b45.tmp</t>
  </si>
  <si>
    <t>\\acsfs\profiles$\lorrainerdl\Downloads\a14efd2d-08ed-4d6f-8048-c140e6eb5b45.tmp</t>
  </si>
  <si>
    <t>C:\Users\arthurfr\Links\</t>
  </si>
  <si>
    <t>C:\Users\arthurfr\Music\</t>
  </si>
  <si>
    <t>C:\Users\arthurfr\Pictures\</t>
  </si>
  <si>
    <t>C:\Users\arthurfr\Saved Games\</t>
  </si>
  <si>
    <t>C:\Users\arthurfr\Searches\</t>
  </si>
  <si>
    <t>C:\Users\arthurfr\Videos\</t>
  </si>
  <si>
    <t>C:\Users\arthurfr\Favorites\Links\</t>
  </si>
  <si>
    <t>C:\Users\arthurfr\Favorites\Links for Brasil\</t>
  </si>
  <si>
    <t>mail.google.com/_/upload?authuser=1&amp;dcp=asu-n&amp;upload_id=AEnB2UqRoWdgPfMRpWDyoWp0ObX_aA8gCCFqUcj0T7WLGrtM118wyvZgE7wod5hcgQwF1YggdQPpnlvdhjcrk6adOhbjnY2u4A&amp;upload_protocol=resumable</t>
  </si>
  <si>
    <t>C:\_Marco Tulio\0 - Coach\2 - Qualidade\02 - Gerencial\09 - Rateio\2019\201912 Dezembro\</t>
  </si>
  <si>
    <t>ESFORÇO - Dezembro.xlsm</t>
  </si>
  <si>
    <t>a53d5f68-b8f3-4d4d-8951-6db64635aee7.tmp</t>
  </si>
  <si>
    <t>\\acsfs\profiles$\larissaad\Downloads\a53d5f68-b8f3-4d4d-8951-6db64635aee7.tmp</t>
  </si>
  <si>
    <t>ee43da61-cc81-4bb7-a728-2468ffde7f8b.tmp</t>
  </si>
  <si>
    <t>\\acsfs\profiles$\gabrielafs\Downloads\ee43da61-cc81-4bb7-a728-2468ffde7f8b.tmp</t>
  </si>
  <si>
    <t>.~lock.RENEG BV - Venc 08.01.2020.ods#</t>
  </si>
  <si>
    <t>\\acsfs\profiles$\LUCASBS\RENEG BV\.~lock.RENEG BV - Venc 08.01.2020.ods#</t>
  </si>
  <si>
    <t>lu91924cls1.tmp</t>
  </si>
  <si>
    <t>\\acsfs\profiles$\LUCASBS\RENEG BV\lu91924cls1.tmp</t>
  </si>
  <si>
    <t>\\acsfs\profiles$\LUCASBS\RENEG BV\lu91924cls1.tmp\</t>
  </si>
  <si>
    <t>\\acsfs\profiles$\LUCASBS\RENEG BV\lu91924cls1.tmp\META-INF\</t>
  </si>
  <si>
    <t>\\acsfs\profiles$\LUCASBS\RENEG BV\lu91924cls1.tmp\Thumbnails\</t>
  </si>
  <si>
    <t>carlosfn@algartech.com;marissaar@algartech.com;saramfg@algartech.com;victorhsr@algartech.com;</t>
  </si>
  <si>
    <t>carlosfn@algartech.com,marissaar@algartech.com,saramfg@algartech.com,victorhsr@algartech.com</t>
  </si>
  <si>
    <t>10.200.58.65</t>
  </si>
  <si>
    <t>classificacao-de-atendimento_5e134aef3eefc.csv</t>
  </si>
  <si>
    <t>mail.google.com/_/upload?authuser=1&amp;dcp=asu-n&amp;upload_id=AEnB2Up4Wjuq4qrJHuFh7Tt8LNmK7k-qRWg920Ix5MmD7Dw9kVi2LsUVEzct4QQB-fFyuhLJNkUqNYhsDyfCEAmSjPcU6elAdg&amp;upload_protocol=resumable</t>
  </si>
  <si>
    <t>C:\Users\alexsandrodmju\Documents\Documentos\Duda\Sub-Demandas\Categorizações\</t>
  </si>
  <si>
    <t>0e7255b3-95ad-44d0-82bc-2db35e6598dc.tmp</t>
  </si>
  <si>
    <t>\\acsfs\profiles$\lorrainerdl\Downloads\0e7255b3-95ad-44d0-82bc-2db35e6598dc.tmp</t>
  </si>
  <si>
    <t>lu111788tsw397.tmp</t>
  </si>
  <si>
    <t>\\acsfs\profiles$\BRUNAAR\Numero\lu111788tsw397.tmp</t>
  </si>
  <si>
    <t>64d3baa4-1af7-4539-947b-8b3f54b17846.tmp</t>
  </si>
  <si>
    <t>\\acsfs\profiles$\henriquehmdo\Downloads\64d3baa4-1af7-4539-947b-8b3f54b17846.tmp</t>
  </si>
  <si>
    <t>mail.google.com/sync/u/0/i/s?hl=pt-BR&amp;c=592</t>
  </si>
  <si>
    <t>6755be60-fdc7-42b1-8bf2-3fc1ecc9aa18.tmp</t>
  </si>
  <si>
    <t>\\acsfs\profiles$\gabrielarb\Downloads\6755be60-fdc7-42b1-8bf2-3fc1ecc9aa18.tmp</t>
  </si>
  <si>
    <t>lu2060117c0.tmp</t>
  </si>
  <si>
    <t>\\acsfs\profiles$\CLAUDIAJCA\Reneg 18-12\lu2060117c0.tmp</t>
  </si>
  <si>
    <t>2a0cf2db-8dc2-4ccb-adb5-9cc5db559a8c.tmp</t>
  </si>
  <si>
    <t>\\acsfs\profiles$\milenaas\Downloads\2a0cf2db-8dc2-4ccb-adb5-9cc5db559a8c.tmp</t>
  </si>
  <si>
    <t>2d0f4136-82a9-433b-a43b-fe65da6d095a.tmp</t>
  </si>
  <si>
    <t>\\acsfs\profiles$\geovannasm\Downloads\2d0f4136-82a9-433b-a43b-fe65da6d095a.tmp</t>
  </si>
  <si>
    <t>90a5cd80-58a9-4464-a7f5-5d513b94fd37.tmp</t>
  </si>
  <si>
    <t>\\acsfs\profiles$\geovannasm\Downloads\90a5cd80-58a9-4464-a7f5-5d513b94fd37.tmp</t>
  </si>
  <si>
    <t>Gestão de Reajustes 2019 v8.1 20_12 - carlosfn.xlsx</t>
  </si>
  <si>
    <t>44995098-2ece-4aa2-83c0-7eb27062418e.tmp</t>
  </si>
  <si>
    <t>\\acsfs\profiles$\rafaelahpn\Downloads\44995098-2ece-4aa2-83c0-7eb27062418e.tmp</t>
  </si>
  <si>
    <t>fb7c3042-a17b-48e0-bf7d-19f315828d92.tmp</t>
  </si>
  <si>
    <t>\\acsfs\profiles$\rafaelahpn\Downloads\fb7c3042-a17b-48e0-bf7d-19f315828d92.tmp</t>
  </si>
  <si>
    <t>mail.google.com/_/upload?authuser=1&amp;dcp=asu-n&amp;upload_id=AEnB2Uoj-fnmN-tXzGnm4pzKlsgNlkGMvvFSxgnjGK7ptJdv36iTpVESOCDojVuqCzuqi28S2vFXzUyzoiu54lGtCXdPbqrbug&amp;upload_protocol=resumable</t>
  </si>
  <si>
    <t>calendário de governança_2020 (9).xlsx</t>
  </si>
  <si>
    <t>\\acsfs\profiles$\CLAUDIAJCA\Reneg 18-12\lu2060117c0.tmp\</t>
  </si>
  <si>
    <t>\\acsfs\profiles$\CLAUDIAJCA\Reneg 18-12\lu2060117c0.tmp\META-INF\</t>
  </si>
  <si>
    <t>\\acsfs\profiles$\CLAUDIAJCA\Reneg 18-12\lu2060117c0.tmp\Thumbnails\</t>
  </si>
  <si>
    <t>0990f893-9edc-447d-b84c-f02085e32545.tmp</t>
  </si>
  <si>
    <t>\\acsfs\profiles$\adelvinsonle\Downloads\0990f893-9edc-447d-b84c-f02085e32545.tmp</t>
  </si>
  <si>
    <t>deboragr</t>
  </si>
  <si>
    <t>https://udpwfmniceap02/web/guest/home?p_auth=xtco9kyh&amp;p_p_id=58&amp;p_p_lifecycle=1&amp;p_p_state=maximized&amp;p_p_mode=view&amp;savelastpath=0&amp;_58_struts_action=/login/forgot_password</t>
  </si>
  <si>
    <t>http:///batch?%24ct=multipart%2Fmixed%3B%20boundary%3D%22%3D%3D%3D%3D%3D9nmeizkxtc6w%3D%3D%3D%3D%3D%22&amp;key=AIzaSyAy9VVXHSpS2IJpptzYtGbLP3-3_l0aBk4</t>
  </si>
  <si>
    <t>ancestorhasaugmentedpermissions;containsunsubscribedchildren;displayname;domain;emailaddress;explicitlytrashed;filesize;hast;hasthumbnail;hasvisitorpermissions;id;id);items(kind;ken;lastmodifyinguser(kind;lastviewedbymedate;mime;modifiedbymedate;modifieddate;ontainsunsubscribedchildren;owners(kind;permissionid;picture;shared;sharedwithmedate;thumbnailversion;title;userpermission(role);workspaceids;</t>
  </si>
  <si>
    <t>http://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re,shared,sharedwithmedate,thumbnailversion,title,userpermission(role),workspaceids</t>
  </si>
  <si>
    <t>C:\Users\gustavodsil\Desktop\Excel\</t>
  </si>
  <si>
    <t>EQUIPE GUSTAVO CRBV.xlsx</t>
  </si>
  <si>
    <t>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re,shared,sharedwithmedate,thumbnailversion,title,userpermission(role),workspaceids</t>
  </si>
  <si>
    <t>ancest;ancestorhasaugmentedpermissions;containsunsubscribedchildren;displayname;domain;emailaddress;explicitlytrashed;filesize;hast;hasthumbnail;hasvisitorpermissions;id;id);items(kind;ken;lastmodifyinguser(kind;lastviewedbymedate;mime;modifiedbymedate;modifieddate;ontainsunsubscribedchildren;owners(kind;permissionid;pictu;picture;rpermissions;shared;sharedwithmedate;thumbnailversion;title;userpermission(role);workspaceids;</t>
  </si>
  <si>
    <t>http://ancest,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n4onqobjhh3s%3D%3D%3D%3D%3D%22&amp;key=AIzaSyAy9VVXHSpS2IJpptzYtGbLP3-3_l0aBk4</t>
  </si>
  <si>
    <t>afdf4e05-12c1-4de1-b88b-ef117312eaab.tmp</t>
  </si>
  <si>
    <t>\\acsfs\profiles$\rafaelahpn\Downloads\afdf4e05-12c1-4de1-b88b-ef117312eaab.tmp</t>
  </si>
  <si>
    <t>7203e64c-a60e-45ea-8eff-c1858694f22c.tmp</t>
  </si>
  <si>
    <t>\\acsfs\profiles$\rafaelahpn\Downloads\7203e64c-a60e-45ea-8eff-c1858694f22c.tmp</t>
  </si>
  <si>
    <t>andrelpsa@algartech.com;joaogvc@algartech.com;josiascdsj@algartech.com;leonardoao@algartech.com;marianadjc@algartech.com;maristelavodq@bv.algartech.com;paulacn@algartech.com;planejamentodeoperacoesetrafego@bv.com.br;qualidadealgarbv@algartech.com;rafaelggs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planejamentodeoperacoesetrafego@bv.com.br,qualidadealgarbv@algartech.com,rafaelggs@algartech.com,supervisaobancovotorantim@algartech.com,taysdss@algartech.com,thiagolrc@bv.algartech.com,viniciussg@algartech.com</t>
  </si>
  <si>
    <t>5c60b497-58c5-46cf-ab59-8db8a0966303.tmp</t>
  </si>
  <si>
    <t>\\acsfs\profiles$\lucasqdss\Downloads\5c60b497-58c5-46cf-ab59-8db8a0966303.tmp</t>
  </si>
  <si>
    <t>lu111788tsw39b.tmp</t>
  </si>
  <si>
    <t>\\acsfs\profiles$\BRUNAAR\Numero\lu111788tsw39b.tmp</t>
  </si>
  <si>
    <t>5c7f1d7c-4dd8-4968-a5a8-65e94434a2ab.tmp</t>
  </si>
  <si>
    <t>\\acsfs\profiles$\sarahbal\Downloads\5c7f1d7c-4dd8-4968-a5a8-65e94434a2ab.tmp</t>
  </si>
  <si>
    <t>731e318c-5e5d-4cb3-8f3a-c2c2b1fcf39b.tmp</t>
  </si>
  <si>
    <t>\\acsfs\profiles$\rafaelahpn\Downloads\731e318c-5e5d-4cb3-8f3a-c2c2b1fcf39b.tmp</t>
  </si>
  <si>
    <t>2bbda549-3bdf-4480-bb1e-de62305323ac.tmp</t>
  </si>
  <si>
    <t>\\acsfs\profiles$\ALYNYA\Downloads\2bbda549-3bdf-4480-bb1e-de62305323ac.tmp</t>
  </si>
  <si>
    <t>\\acsfs\DEPTOS\EDUCACAO EMPRESARIAL\2 - Operações\</t>
  </si>
  <si>
    <t>WEDERSON BRUNO ALVES DOS REIS (23583).contact</t>
  </si>
  <si>
    <t>\\acsfs\profiles$\wedersonbadr\Contacts\WEDERSON BRUNO ALVES DOS REIS (23583).contact</t>
  </si>
  <si>
    <t>77b9a0d5-7c19-42ff-9ab8-cceb0d5d7a82.tmp</t>
  </si>
  <si>
    <t>\\acsfs\profiles$\sarahbal\Downloads\77b9a0d5-7c19-42ff-9ab8-cceb0d5d7a82.tmp</t>
  </si>
  <si>
    <t>fbfb3698-6483-4e72-97bd-843cc5867655.tmp</t>
  </si>
  <si>
    <t>\\acsfs\profiles$\gabrielaff\Downloads\fbfb3698-6483-4e72-97bd-843cc5867655.tmp</t>
  </si>
  <si>
    <t>83938463-6f0a-4681-a5d0-27b60e69af20.tmp</t>
  </si>
  <si>
    <t>\\acsfs\profiles$\geovannasm\Downloads\83938463-6f0a-4681-a5d0-27b60e69af20.tmp</t>
  </si>
  <si>
    <t>81e154d4-264e-466e-9c8a-6bf9c1ef413e.tmp</t>
  </si>
  <si>
    <t>\\acsfs\profiles$\laianear\Downloads\81e154d4-264e-466e-9c8a-6bf9c1ef413e.tmp</t>
  </si>
  <si>
    <t>0ecc2df6-4463-4179-a1b7-a76a6dc11b56.tmp</t>
  </si>
  <si>
    <t>\\acsfs\profiles$\geovannasm\Downloads\0ecc2df6-4463-4179-a1b7-a76a6dc11b56.tmp</t>
  </si>
  <si>
    <t>4b854069-7e60-4cce-8276-633ef22bfc73.tmp</t>
  </si>
  <si>
    <t>\\acsfs\profiles$\geovannasm\Downloads\4b854069-7e60-4cce-8276-633ef22bfc73.tmp</t>
  </si>
  <si>
    <t>mail.google.com/sync/u/0/i/s?hl=pt-BR&amp;c=686</t>
  </si>
  <si>
    <t>4700c801-bf9a-4dac-b293-47aa671a7cf7.tmp</t>
  </si>
  <si>
    <t>\\acsfs\profiles$\laianear\Downloads\4700c801-bf9a-4dac-b293-47aa671a7cf7.tmp</t>
  </si>
  <si>
    <t>http:///batch?%24ct=multipart%2Fmixed%3B%20boundary%3D%22%3D%3D%3D%3D%3Dc4wrhgg75kdi%3D%3D%3D%3D%3D%22&amp;key=AIzaSyAy9VVXHSpS2IJpptzYtGbLP3-3_l0aBk4</t>
  </si>
  <si>
    <t>http:///batch?%24ct=multipart%2Fmixed%3B%20boundary%3D%22%3D%3D%3D%3D%3D8zr1bvaer4ov%3D%3D%3D%3D%3D%22&amp;key=AIzaSyAy9VVXHSpS2IJpptzYtGbLP3-3_l0aBk4</t>
  </si>
  <si>
    <t>ancest;ancestorhasaugmentedpermissions;containsunsubscribedchildren;displayname;domain;emailaddress;explicitlytrashed;filesize;has;hasthumbnail;hasvisitorpermissions;id;id);items(kind;ken;lastmodifyinguser(kind;lastviewedbymedate;mim;modifiedbymedate;modifieddate;ontainsunsubscribedchildren;owners(kind;permissionid;pictu;picture;rpermissions;shared;sharedwithmedate;thumbnailversion;title;userpermission(role);workspaceids;</t>
  </si>
  <si>
    <t>http://ancest,ancestorhasaugmentedpermissions,containsunsubscribedchildren,displayname,domain,emailaddress,explicitlytrashed,filesize,has,hasthumbnail,hasvisitorpermissions,id,id),items(kind,ken,lastmodifyinguser(kind,lastviewedbymedate,mim,modifiedbymedate,modifieddate,ontainsunsubscribedchildren,owners(kind,permissionid,pictu,picture,rpermissions,shared,sharedwithmedate,thumbnailversion,title,userpermission(role),workspaceids</t>
  </si>
  <si>
    <t>OUROCARD FACIL VISA.pdf</t>
  </si>
  <si>
    <t>ancest,ancestorhasaugmentedpermissions,containsunsubscribedchildren,displayname,domain,emailaddress,explicitlytrashed,filesize,has,hasthumbnail,hasvisitorpermissions,id,id),items(kind,ken,lastmodifyinguser(kind,lastviewedbymedate,mim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smfmpuc9oynt%3D%3D%3D%3D%3D%22&amp;key=AIzaSyAy9VVXHSpS2IJpptzYtGbLP3-3_l0aBk4</t>
  </si>
  <si>
    <t>\\acsfs\profiles$\Angelicacldr\My Documents\dbxwc\</t>
  </si>
  <si>
    <t>\\acsfs\profiles$\Angelicacldr\My Documents\dbxwc\dbxwc.xwc</t>
  </si>
  <si>
    <t>33a36cc7-1b6b-449c-8ba0-7e3f3adbca26.tmp</t>
  </si>
  <si>
    <t>\\acsfs\profiles$\anafsb\Downloads\33a36cc7-1b6b-449c-8ba0-7e3f3adbca26.tmp</t>
  </si>
  <si>
    <t>fab90d44-ec35-4ed1-887a-ab9214cf9d23.tmp</t>
  </si>
  <si>
    <t>\\acsfs\profiles$\anafsb\Downloads\fab90d44-ec35-4ed1-887a-ab9214cf9d23.tmp</t>
  </si>
  <si>
    <t>2bba71e9-927c-420e-8354-48f50b9b72af.tmp</t>
  </si>
  <si>
    <t>\\acsfs\profiles$\anafsb\Downloads\2bba71e9-927c-420e-8354-48f50b9b72af.tmp</t>
  </si>
  <si>
    <t>6dfe0e29-9d32-423c-8a85-b04332c3452a.tmp</t>
  </si>
  <si>
    <t>\\acsfs\profiles$\gabriellalpr\Downloads\6dfe0e29-9d32-423c-8a85-b04332c3452a.tmp</t>
  </si>
  <si>
    <t>834f9c0b-d6d6-40be-b52f-9cf9667410e8.tmp</t>
  </si>
  <si>
    <t>\\acsfs\profiles$\BRUNAAR\Downloads\834f9c0b-d6d6-40be-b52f-9cf9667410e8.tmp</t>
  </si>
  <si>
    <t>lu111788tsw39f.tmp</t>
  </si>
  <si>
    <t>\\acsfs\profiles$\BRUNAAR\Numero\lu111788tsw39f.tmp</t>
  </si>
  <si>
    <t>c:\users\gustavodsil\appdata\local\google\chrome\user data\default\file system\030\t\</t>
  </si>
  <si>
    <t>http://cscatende.algarnet.com.br/framework/licenciamento/request/checkconcorrencia.php</t>
  </si>
  <si>
    <t>http:///batch?%24ct=multipart%2Fmixed%3B%20boundary%3D%22%3D%3D%3D%3D%3Din85v42vsht9%3D%3D%3D%3D%3D%22&amp;key=AIzaSyAy9VVXHSpS2IJpptzYtGbLP3-3_l0aBk4</t>
  </si>
  <si>
    <t>http:///batch?%24ct=multipart%2Fmixed%3B%20boundary%3D%22%3D%3D%3D%3D%3Dp4nbgw44xhvc%3D%3D%3D%3D%3D%22&amp;key=AIzaSyAy9VVXHSpS2IJpptzYtGbLP3-3_l0aBk4</t>
  </si>
  <si>
    <t>9db8bb37-c6f4-4b5b-a51a-f58c62e8fe98.tmp</t>
  </si>
  <si>
    <t>\\acsfs\profiles$\anafsb\Downloads\9db8bb37-c6f4-4b5b-a51a-f58c62e8fe98.tmp</t>
  </si>
  <si>
    <t>24eb8ce6-45c3-49f8-8263-0f23071f33a5.tmp</t>
  </si>
  <si>
    <t>\\acsfs\profiles$\brendavdoa\Downloads\24eb8ce6-45c3-49f8-8263-0f23071f33a5.tmp</t>
  </si>
  <si>
    <t>c899439d-69d5-44eb-bfc4-f1a489eebfc5.tmp</t>
  </si>
  <si>
    <t>\\acsfs\profiles$\brendavdoa\Downloads\c899439d-69d5-44eb-bfc4-f1a489eebfc5.tmp</t>
  </si>
  <si>
    <t>c3973e68-db2c-4ba2-a58d-43f76730d1d6.tmp</t>
  </si>
  <si>
    <t>\\acsfs\profiles$\gabrielarb\Downloads\c3973e68-db2c-4ba2-a58d-43f76730d1d6.tmp</t>
  </si>
  <si>
    <t>455c4f54-6763-4964-88a7-11ba52b19d30.tmp</t>
  </si>
  <si>
    <t>\\acsfs\profiles$\gabrielarb\Downloads\455c4f54-6763-4964-88a7-11ba52b19d30.tmp</t>
  </si>
  <si>
    <t>23086ab2-1e96-4196-9d5b-25fc65c3834a.tmp</t>
  </si>
  <si>
    <t>\\acsfs\profiles$\marcosvnds\Downloads\23086ab2-1e96-4196-9d5b-25fc65c3834a.tmp</t>
  </si>
  <si>
    <t>91b063b2-fd44-43d4-8e6f-8014d512ea05.tmp</t>
  </si>
  <si>
    <t>\\acsfs\profiles$\marcosvnds\Downloads\91b063b2-fd44-43d4-8e6f-8014d512ea05.tmp</t>
  </si>
  <si>
    <t>906f616e-2a8b-41eb-830c-76b929dc2e61.tmp</t>
  </si>
  <si>
    <t>\\acsfs\profiles$\marcosvnds\Downloads\906f616e-2a8b-41eb-830c-76b929dc2e61.tmp</t>
  </si>
  <si>
    <t>a1143d31-109d-491d-a51c-86dbd45e3bb9.tmp</t>
  </si>
  <si>
    <t>\\acsfs\profiles$\marcosvnds\Downloads\a1143d31-109d-491d-a51c-86dbd45e3bb9.tmp</t>
  </si>
  <si>
    <t>87f3310b-dcb8-41c8-bc68-da10deab10ec.tmp</t>
  </si>
  <si>
    <t>\\acsfs\profiles$\marcosvnds\Downloads\87f3310b-dcb8-41c8-bc68-da10deab10ec.tmp</t>
  </si>
  <si>
    <t>90a5a855-a664-41d6-a07a-ddf7e2d27904.tmp</t>
  </si>
  <si>
    <t>\\acsfs\profiles$\laianear\Downloads\90a5a855-a664-41d6-a07a-ddf7e2d27904.tmp</t>
  </si>
  <si>
    <t>http:///batch?%24ct=multipart%2Fmixed%3B%20boundary%3D%22%3D%3D%3D%3D%3D8vukzpnvtabc%3D%3D%3D%3D%3D%22&amp;key=AIzaSyAy9VVXHSpS2IJpptzYtGbLP3-3_l0aBk4</t>
  </si>
  <si>
    <t>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95ea8888-d447-4574-9611-55e5f3a08351.tmp</t>
  </si>
  <si>
    <t>\\acsfs\profiles$\anafsb\Downloads\95ea8888-d447-4574-9611-55e5f3a08351.tmp</t>
  </si>
  <si>
    <t>b22c1de5-6ad1-47e3-a046-f98667f9ed47.tmp</t>
  </si>
  <si>
    <t>\\acsfs\profiles$\anafsb\Downloads\b22c1de5-6ad1-47e3-a046-f98667f9ed47.tmp</t>
  </si>
  <si>
    <t>d51e4563-e925-46a0-b45e-c496665d56d6.tmp</t>
  </si>
  <si>
    <t>\\acsfs\profiles$\regisedsj\Downloads\d51e4563-e925-46a0-b45e-c496665d56d6.tmp</t>
  </si>
  <si>
    <t>8ffa64dd-f354-4cd9-bdab-6747f79df579.tmp</t>
  </si>
  <si>
    <t>\\acsfs\profiles$\regisedsj\Downloads\8ffa64dd-f354-4cd9-bdab-6747f79df579.tmp</t>
  </si>
  <si>
    <t>76054172-17de-4449-af88-fab35bceee71.tmp</t>
  </si>
  <si>
    <t>\\acsfs\profiles$\leydianeamd\Downloads\76054172-17de-4449-af88-fab35bceee71.tmp</t>
  </si>
  <si>
    <t>Não confirmado 352858.crdownload</t>
  </si>
  <si>
    <t>\\acsfs\profiles$\leydianeamd\Downloads\Não confirmado 352858.crdownload</t>
  </si>
  <si>
    <t>12df33ad-9f86-4918-93e8-a2b3c1688fac.tmp</t>
  </si>
  <si>
    <t>\\acsfs\profiles$\leydianeamd\Downloads\12df33ad-9f86-4918-93e8-a2b3c1688fac.tmp</t>
  </si>
  <si>
    <t>fde4df69-3ab5-4eae-9a97-950f778992b4.tmp</t>
  </si>
  <si>
    <t>\\acsfs\profiles$\marcosvnds\Downloads\fde4df69-3ab5-4eae-9a97-950f778992b4.tmp</t>
  </si>
  <si>
    <t>afd743f7-f8b6-43a4-b720-171639aa4a93.tmp</t>
  </si>
  <si>
    <t>\\acsfs\profiles$\marcosvnds\Downloads\afd743f7-f8b6-43a4-b720-171639aa4a93.tmp</t>
  </si>
  <si>
    <t>cd15b387-24bf-424c-b0c2-d8a33e22d2a2.tmp</t>
  </si>
  <si>
    <t>\\acsfs\profiles$\marcosvnds\Downloads\cd15b387-24bf-424c-b0c2-d8a33e22d2a2.tmp</t>
  </si>
  <si>
    <t>~$ofertas_2210.xlsx</t>
  </si>
  <si>
    <t>\\acsfs\ACS\Gabriel da Silva\Contemporânea\VENDAS\~$ofertas_2210.xlsx</t>
  </si>
  <si>
    <t>~$consideracoes Rel BV.xlsx</t>
  </si>
  <si>
    <t>\\acsfs\ACS\Gabriel da Silva\Contemporânea\VENDAS\~$consideracoes Rel BV.xlsx</t>
  </si>
  <si>
    <t>660edf1b-6b6f-445a-a458-c339a959180d.tmp</t>
  </si>
  <si>
    <t>\\acsfs\profiles$\gabrielsma\Downloads\660edf1b-6b6f-445a-a458-c339a959180d.tmp</t>
  </si>
  <si>
    <t>Não confirmado 190655.crdownload</t>
  </si>
  <si>
    <t>\\acsfs\ACS\Gabriel da Silva\Contemporânea\VENDAS\Não confirmado 190655.crdownload</t>
  </si>
  <si>
    <t>Painel_Janeiro_2020.xlsx:Zone.Identifier</t>
  </si>
  <si>
    <t>\\acsfs\ACS\Gabriel da Silva\Contemporânea\VENDAS\Painel_Janeiro_2020.xlsx:Zone.Identifier</t>
  </si>
  <si>
    <t>e13b8c62-e536-49ae-a432-0ab005e6ed23.tmp</t>
  </si>
  <si>
    <t>\\acsfs\profiles$\gabrielsma\Downloads\e13b8c62-e536-49ae-a432-0ab005e6ed23.tmp</t>
  </si>
  <si>
    <t>798916af-12ab-4519-9dff-d32931054551.tmp</t>
  </si>
  <si>
    <t>\\acsfs\profiles$\gabrielsma\Downloads\798916af-12ab-4519-9dff-d32931054551.tmp</t>
  </si>
  <si>
    <t>Não confirmado 400826.crdownload</t>
  </si>
  <si>
    <t>\\acsfs\ACS\Gabriel da Silva\Contemporânea\VENDAS\Não confirmado 400826.crdownload</t>
  </si>
  <si>
    <t>Novo Relatório de Vendas.Jan20.zip:Zone.Identifier</t>
  </si>
  <si>
    <t>\\acsfs\ACS\Gabriel da Silva\Contemporânea\VENDAS\Novo Relatório de Vendas.Jan20.zip:Zone.Identifier</t>
  </si>
  <si>
    <t>bd9afba4-2738-4ad8-9fb4-f1f04c40a7f3.tmp</t>
  </si>
  <si>
    <t>\\acsfs\profiles$\rafaelahpn\Downloads\bd9afba4-2738-4ad8-9fb4-f1f04c40a7f3.tmp</t>
  </si>
  <si>
    <t>leonardoao@algartech.com;marianadjc@algartech.com;thiagordu@algartech.com;</t>
  </si>
  <si>
    <t>leonardoao@algartech.com,marianadjc@algartech.com,thiagordu@algartech.com</t>
  </si>
  <si>
    <t>mail.google.com/sync/u/0/i/s?hl=pt-BR&amp;c=705</t>
  </si>
  <si>
    <t>mail.google.com/sync/u/0/i/s?hl=pt-BR&amp;c=710</t>
  </si>
  <si>
    <t>mail.google.com/sync/u/0/i/s?hl=pt-BR&amp;c=712</t>
  </si>
  <si>
    <t>mail.google.com/sync/u/0/i/s?hl=pt-BR&amp;c=748</t>
  </si>
  <si>
    <t>OPERACAO - NEXT (1).xlsx</t>
  </si>
  <si>
    <t>36a9da2c-5eeb-4c71-a3d8-df22932eb484.tmp</t>
  </si>
  <si>
    <t>\\acsfs\profiles$\adelvinsonle\Downloads\36a9da2c-5eeb-4c71-a3d8-df22932eb484.tmp</t>
  </si>
  <si>
    <t>lu111788tsw39j.tmp</t>
  </si>
  <si>
    <t>\\acsfs\profiles$\BRUNAAR\Numero\lu111788tsw39j.tmp</t>
  </si>
  <si>
    <t>lu111788tsw39n.tmp</t>
  </si>
  <si>
    <t>\\acsfs\profiles$\BRUNAAR\Numero\lu111788tsw39n.tmp</t>
  </si>
  <si>
    <t>3AE365B2.tmp</t>
  </si>
  <si>
    <t>\\acsfs\ACS\Gabriel da Silva\Contemporânea\3AE365B2.tmp</t>
  </si>
  <si>
    <t>ED66E751.tmp</t>
  </si>
  <si>
    <t>\\acsfs\ACS\Gabriel da Silva\Contemporânea\ED66E751.tmp</t>
  </si>
  <si>
    <t>9E588EDC.tmp</t>
  </si>
  <si>
    <t>\\acsfs\ACS\Gabriel da Silva\Contemporânea\9E588EDC.tmp</t>
  </si>
  <si>
    <t>~$BDBV.xlsm</t>
  </si>
  <si>
    <t>\\acsfs\ACS\Gabriel da Silva\Contemporânea\~$BDBV.xlsm</t>
  </si>
  <si>
    <t>9690e47e-ffb2-4678-9307-2298a6c9d94c.tmp</t>
  </si>
  <si>
    <t>\\acsfs\profiles$\ERICALSR\Downloads\9690e47e-ffb2-4678-9307-2298a6c9d94c.tmp</t>
  </si>
  <si>
    <t>karolynecj@algartech.com.br;leonardoao@algartech.com;marianadjc@algartech.com;thiagordu@algartech.com;</t>
  </si>
  <si>
    <t>karolynecj@algartech.com.br,leonardoao@algartech.com,marianadjc@algartech.com,thiagordu@algartech.com</t>
  </si>
  <si>
    <t>a9a19b46-f0f3-4d8f-bfbf-86555e287b85.tmp</t>
  </si>
  <si>
    <t>\\acsfs\profiles$\leticiala\Downloads\a9a19b46-f0f3-4d8f-bfbf-86555e287b85.tmp</t>
  </si>
  <si>
    <t>lu62232azc4gv.tmp</t>
  </si>
  <si>
    <t>\\acsfs\profiles$\ALYNYA\My Documents\lu62232azc4gv.tmp</t>
  </si>
  <si>
    <t>\\acsfs\profiles$\ALYNYA\My Documents\lu62232azc4gv.tmp\</t>
  </si>
  <si>
    <t>\\acsfs\profiles$\ALYNYA\My Documents\lu62232azc4gv.tmp\META-INF\</t>
  </si>
  <si>
    <t>\\acsfs\profiles$\ALYNYA\My Documents\lu62232azc4gv.tmp\Thumbnails\</t>
  </si>
  <si>
    <t>3bb90812-629f-447f-98dd-0c27614ef19b.tmp</t>
  </si>
  <si>
    <t>\\acsfs\profiles$\gabrielarb\Downloads\3bb90812-629f-447f-98dd-0c27614ef19b.tmp</t>
  </si>
  <si>
    <t>\\acsfs\profiles$\ciceraads\Contacts\</t>
  </si>
  <si>
    <t>CICERA ALEXANDRA DOS SANTOS (26365).contact</t>
  </si>
  <si>
    <t>\\acsfs\profiles$\ciceraads\Contacts\CICERA ALEXANDRA DOS SANTOS (26365).contact</t>
  </si>
  <si>
    <t>\\acsfs\profiles$\ciceraads\My Documents\My Videos\</t>
  </si>
  <si>
    <t>\\acsfs\profiles$\ciceraads\My Documents\My Videos\desktop.ini</t>
  </si>
  <si>
    <t>\\acsfs\profiles$\ciceraads\My Documents\My Pictures\</t>
  </si>
  <si>
    <t>\\acsfs\profiles$\ciceraads\My Documents\My Pictures\desktop.ini</t>
  </si>
  <si>
    <t>\\acsfs\profiles$\ciceraads\Contacts\desktop.ini</t>
  </si>
  <si>
    <t>\\acsfs\profiles$\ciceraads\Favorites\</t>
  </si>
  <si>
    <t>\\acsfs\profiles$\ciceraads\Favorites\desktop.ini</t>
  </si>
  <si>
    <t>\\acsfs\profiles$\ciceraads\My Documents\My Music\</t>
  </si>
  <si>
    <t>\\acsfs\profiles$\ciceraads\My Documents\My Music\desktop.ini</t>
  </si>
  <si>
    <t>\\acsfs\profiles$\ciceraads\Searches\</t>
  </si>
  <si>
    <t>\\acsfs\profiles$\ciceraads\Searches\desktop.ini</t>
  </si>
  <si>
    <t>\\acsfs\profiles$\ciceraads\Downloads\desktop.ini</t>
  </si>
  <si>
    <t>\\acsfs\profiles$\ciceraads\My Documents\</t>
  </si>
  <si>
    <t>\\acsfs\profiles$\ciceraads\My Documents\desktop.ini</t>
  </si>
  <si>
    <t>\\acsfs\profiles$\ciceraads\Saved Games\</t>
  </si>
  <si>
    <t>\\acsfs\profiles$\ciceraads\Saved Games\desktop.ini</t>
  </si>
  <si>
    <t>\\acsfs\profiles$\ciceraads\Favorites\Links for Brasil\</t>
  </si>
  <si>
    <t>\\acsfs\profiles$\ciceraads\Favorites\Links for Brasil\desktop.ini</t>
  </si>
  <si>
    <t>\\acsfs\profiles$\ciceraads\Favorites\Links for Brasil\Microsoft Brasil.url</t>
  </si>
  <si>
    <t>lu111788tsw39r.tmp</t>
  </si>
  <si>
    <t>\\acsfs\profiles$\BRUNAAR\Numero\lu111788tsw39r.tmp</t>
  </si>
  <si>
    <t>0468fc08-12b9-4010-a316-b07b73085368.tmp</t>
  </si>
  <si>
    <t>\\acsfs\profiles$\LAISLG\Downloads\0468fc08-12b9-4010-a316-b07b73085368.tmp</t>
  </si>
  <si>
    <t>http:///batch?%24ct=multipart%2Fmixed%3B%20boundary%3D%22%3D%3D%3D%3D%3Dtahpljuh9e8g%3D%3D%3D%3D%3D%22&amp;key=AIzaSyAy9VVXHSpS2IJpptzYtGbLP3-3_l0aBk4</t>
  </si>
  <si>
    <t>http:///batch?%24ct=multipart%2Fmixed%3B%20boundary%3D%22%3D%3D%3D%3D%3Djk4nlfbek5j4%3D%3D%3D%3D%3D%22&amp;key=AIzaSyAy9VVXHSpS2IJpptzYtGbLP3-3_l0aBk4</t>
  </si>
  <si>
    <t>http:///batch?%24ct=multipart%2Fmixed%3B%20boundary%3D%22%3D%3D%3D%3D%3D6gu4g7qnl107%3D%3D%3D%3D%3D%22&amp;key=AIzaSyAy9VVXHSpS2IJpptzYtGbLP3-3_l0aBk4</t>
  </si>
  <si>
    <t>http:///batch?%24ct=multipart%2Fmixed%3B%20boundary%3D%22%3D%3D%3D%3D%3Dxnqpkbe9di0y%3D%3D%3D%3D%3D%22&amp;key=AIzaSyAy9VVXHSpS2IJpptzYtGbLP3-3_l0aBk4</t>
  </si>
  <si>
    <t>3f87a7f91c4d2e6f1cae0006abad1213e_u x-goog-authuser: 0 --=====xnqpkbe9di0y=====--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3f87a7f91c4d2e6f1cae0006abad1213e_u x-goog-authuser: 0 --=====xnqpkbe9di0y=====-- 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gwox7e7cq1py%3D%3D%3D%3D%3D%22&amp;key=AIzaSyAy9VVXHSpS2IJpptzYtGbLP3-3_l0aBk4</t>
  </si>
  <si>
    <t>http:///batch?%24ct=multipart%2Fmixed%3B%20boundary%3D%22%3D%3D%3D%3D%3Dv5xkkb2284u1%3D%3D%3D%3D%3D%22&amp;key=AIzaSyAy9VVXHSpS2IJpptzYtGbLP3-3_l0aBk4</t>
  </si>
  <si>
    <t>http:///batch?%24ct=multipart%2Fmixed%3B%20boundary%3D%22%3D%3D%3D%3D%3Dilv8xtaivn7o%3D%3D%3D%3D%3D%22&amp;key=AIzaSyAy9VVXHSpS2IJpptzYtGbLP3-3_l0aBk4</t>
  </si>
  <si>
    <t>http:///batch?%24ct=multipart%2Fmixed%3B%20boundary%3D%22%3D%3D%3D%3D%3D6k239xjr2cmp%3D%3D%3D%3D%3D%22&amp;key=AIzaSyAy9VVXHSpS2IJpptzYtGbLP3-3_l0aBk4</t>
  </si>
  <si>
    <t>http:///batch?%24ct=multipart%2Fmixed%3B%20boundary%3D%22%3D%3D%3D%3D%3Dqg4ei9l6xxkd%3D%3D%3D%3D%3D%22&amp;key=AIzaSyAy9VVXHSpS2IJpptzYtGbLP3-3_l0aBk4</t>
  </si>
  <si>
    <t>http:///batch?%24ct=multipart%2Fmixed%3B%20boundary%3D%22%3D%3D%3D%3D%3D9diu1eot06t6%3D%3D%3D%3D%3D%22&amp;key=AIzaSyAy9VVXHSpS2IJpptzYtGbLP3-3_l0aBk4</t>
  </si>
  <si>
    <t>http:///batch?%24ct=multipart%2Fmixed%3B%20boundary%3D%22%3D%3D%3D%3D%3Dp3cjaqv6vb1%3D%3D%3D%3D%3D%22&amp;key=AIzaSyAy9VVXHSpS2IJpptzYtGbLP3-3_l0aBk4</t>
  </si>
  <si>
    <t>55eeab09-9cbf-4852-a325-89c16ead1159.tmp</t>
  </si>
  <si>
    <t>\\acsfs\profiles$\leonardobb\Downloads\55eeab09-9cbf-4852-a325-89c16ead1159.tmp</t>
  </si>
  <si>
    <t>8a4c985b-8531-4697-a9e1-8a4ad542e7a8.tmp</t>
  </si>
  <si>
    <t>\\acsfs\profiles$\gabrielaff\Downloads\8a4c985b-8531-4697-a9e1-8a4ad542e7a8.tmp</t>
  </si>
  <si>
    <t>cddfd942-27dc-4685-a7cd-99e05dbbaa5d.tmp</t>
  </si>
  <si>
    <t>\\acsfs\profiles$\leticiala\Downloads\cddfd942-27dc-4685-a7cd-99e05dbbaa5d.tmp</t>
  </si>
  <si>
    <t>\\acsfs\profiles$\ciceraads\Favorites\Links for Brasil\Windows Brasil.url</t>
  </si>
  <si>
    <t>\\acsfs\profiles$\ciceraads\Favorites\Links for Brasil\MSN Brasil.url</t>
  </si>
  <si>
    <t>1dcd8e9f-e8eb-4928-a218-d199365fcca3.tmp</t>
  </si>
  <si>
    <t>\\acsfs\profiles$\nayarasds\Downloads\1dcd8e9f-e8eb-4928-a218-d199365fcca3.tmp</t>
  </si>
  <si>
    <t>http:///batch?%24ct=multipart%2Fmixed%3B%20boundary%3D%22%3D%3D%3D%3D%3Dc4ky59otqwd3%3D%3D%3D%3D%3D%22&amp;key=AIzaSyAy9VVXHSpS2IJpptzYtGbLP3-3_l0aBk4</t>
  </si>
  <si>
    <t>http:///batch?%24ct=multipart%2Fmixed%3B%20boundary%3D%22%3D%3D%3D%3D%3D4oz6eruehh5h%3D%3D%3D%3D%3D%22&amp;key=AIzaSyAy9VVXHSpS2IJpptzYtGbLP3-3_l0aBk4</t>
  </si>
  <si>
    <t>http:///batch?%24ct=multipart%2Fmixed%3B%20boundary%3D%22%3D%3D%3D%3D%3Ds1yq0iyh8uq%3D%3D%3D%3D%3D%22&amp;key=AIzaSyAy9VVXHSpS2IJpptzYtGbLP3-3_l0aBk4</t>
  </si>
  <si>
    <t>http:///batch?%24ct=multipart%2Fmixed%3B%20boundary%3D%22%3D%3D%3D%3D%3Ddnsme77zicxd%3D%3D%3D%3D%3D%22&amp;key=AIzaSyAy9VVXHSpS2IJpptzYtGbLP3-3_l0aBk4</t>
  </si>
  <si>
    <t>http:///batch?%24ct=multipart%2Fmixed%3B%20boundary%3D%22%3D%3D%3D%3D%3D576irt3llahl%3D%3D%3D%3D%3D%22&amp;key=AIzaSyAy9VVXHSpS2IJpptzYtGbLP3-3_l0aBk4</t>
  </si>
  <si>
    <t>http:///batch?%24ct=multipart%2Fmixed%3B%20boundary%3D%22%3D%3D%3D%3D%3Dmspdv3nrurfg%3D%3D%3D%3D%3D%22&amp;key=AIzaSyAy9VVXHSpS2IJpptzYtGbLP3-3_l0aBk4</t>
  </si>
  <si>
    <t>recisão Thiago.zip</t>
  </si>
  <si>
    <t>C:\Users\camillarl\Desktop\recisão Thiago.zip\</t>
  </si>
  <si>
    <t>recisÆo Thiago.pdf</t>
  </si>
  <si>
    <t>https://algar.folhasinergyrh.com.br/rescisao/upload?id=0&amp;idsolicitacao=18232&amp;idprerescisao=0</t>
  </si>
  <si>
    <t>lu97481505b.tmp</t>
  </si>
  <si>
    <t>\\acsfs\profiles$\Flaviojmm\My Documents\lu97481505b.tmp</t>
  </si>
  <si>
    <t>\\acsfs\profiles$\Flaviojmm\My Documents\lu97481505b.tmp\</t>
  </si>
  <si>
    <t>\\acsfs\profiles$\Flaviojmm\My Documents\lu97481505b.tmp\META-INF\</t>
  </si>
  <si>
    <t>\\acsfs\profiles$\Flaviojmm\My Documents\lu97481505b.tmp\Thumbnails\</t>
  </si>
  <si>
    <t>wagnerhad</t>
  </si>
  <si>
    <t>\\acsfs\ACS\Gabriel da Silva\Contemporânea\BDBV\6B2047AB.tmp\</t>
  </si>
  <si>
    <t>\\acsfs\ACS\Gabriel da Silva\Contemporânea\BDBV\6B2047AB.tmp\:Zone.Identifier:$DATA</t>
  </si>
  <si>
    <t>f99eb4d7-2953-4b86-ab99-a7e088236369.tmp</t>
  </si>
  <si>
    <t>\\acsfs\profiles$\gabriellalpr\Downloads\f99eb4d7-2953-4b86-ab99-a7e088236369.tmp</t>
  </si>
  <si>
    <t>http:///batch?%24ct=multipart%2Fmixed%3B%20boundary%3D%22%3D%3D%3D%3D%3Dqnjri4owrrhe%3D%3D%3D%3D%3D%22&amp;key=AIzaSyAy9VVXHSpS2IJpptzYtGbLP3-3_l0aBk4</t>
  </si>
  <si>
    <t>http:///batch?%24ct=multipart%2Fmixed%3B%20boundary%3D%22%3D%3D%3D%3D%3Dqa7vaxmd6zfz%3D%3D%3D%3D%3D%22&amp;key=AIzaSyAy9VVXHSpS2IJpptzYtGbLP3-3_l0aBk4</t>
  </si>
  <si>
    <t>http:///batch?%24ct=multipart%2Fmixed%3B%20boundary%3D%22%3D%3D%3D%3D%3Df9yao5pfeour%3D%3D%3D%3D%3D%22&amp;key=AIzaSyAy9VVXHSpS2IJpptzYtGbLP3-3_l0aBk4</t>
  </si>
  <si>
    <t>http:///batch?%24ct=multipart%2Fmixed%3B%20boundary%3D%22%3D%3D%3D%3D%3Dusa1ps37eqbf%3D%3D%3D%3D%3D%22&amp;key=AIzaSyAy9VVXHSpS2IJpptzYtGbLP3-3_l0aBk4</t>
  </si>
  <si>
    <t>http:///batch?%24ct=multipart%2Fmixed%3B%20boundary%3D%22%3D%3D%3D%3D%3Dm9pvvh5piaq8%3D%3D%3D%3D%3D%22&amp;key=AIzaSyAy9VVXHSpS2IJpptzYtGbLP3-3_l0aBk4</t>
  </si>
  <si>
    <t>http:///batch?%24ct=multipart%2Fmixed%3B%20boundary%3D%22%3D%3D%3D%3D%3De5b7yzengemy%3D%3D%3D%3D%3D%22&amp;key=AIzaSyAy9VVXHSpS2IJpptzYtGbLP3-3_l0aBk4</t>
  </si>
  <si>
    <t>http://sdcatalogo.algartech.com:8080/usm/documents?&amp;sh=ybgrdasckchhkirfqdgr00yxm2c=&amp;portal=true&amp;sp=rriif</t>
  </si>
  <si>
    <t>Dados Colaboradores_Parceiros_ALGAR VF.xls</t>
  </si>
  <si>
    <t>d0ddc76f-29e1-47e4-9039-83c30dad0a65.tmp</t>
  </si>
  <si>
    <t>\\acsfs\profiles$\laylaams\Downloads\d0ddc76f-29e1-47e4-9039-83c30dad0a65.tmp</t>
  </si>
  <si>
    <t>de8314c7-cbb8-4f2d-96f1-b301c2fb025f.tmp</t>
  </si>
  <si>
    <t>\\acsfs\profiles$\matheushds\Downloads\de8314c7-cbb8-4f2d-96f1-b301c2fb025f.tmp</t>
  </si>
  <si>
    <t>trataBaseVoz.xlsm</t>
  </si>
  <si>
    <t>\\acsfs\ACS\Gabriel da Silva\Contemporânea\NPS\NPS_Voz\trataBaseVoz.xlsm</t>
  </si>
  <si>
    <t>http:///batch?%24ct=multipart%2Fmixed%3B%20boundary%3D%22%3D%3D%3D%3D%3Diaudyrjxbal4%3D%3D%3D%3D%3D%22&amp;key=AIzaSyAy9VVXHSpS2IJpptzYtGbLP3-3_l0aBk4</t>
  </si>
  <si>
    <t>http:///batch?%24ct=multipart%2Fmixed%3B%20boundary%3D%22%3D%3D%3D%3D%3Des4cr5rktxk5%3D%3D%3D%3D%3D%22&amp;key=AIzaSyAy9VVXHSpS2IJpptzYtGbLP3-3_l0aBk4</t>
  </si>
  <si>
    <t>http:///batch?%24ct=multipart%2Fmixed%3B%20boundary%3D%22%3D%3D%3D%3D%3Dm15rr99zyns3%3D%3D%3D%3D%3D%22&amp;key=AIzaSyAy9VVXHSpS2IJpptzYtGbLP3-3_l0aBk4</t>
  </si>
  <si>
    <t>lu91924clsp.tmp</t>
  </si>
  <si>
    <t>\\acsfs\profiles$\LUCASBS\RENEG BV\lu91924clsp.tmp</t>
  </si>
  <si>
    <t>\\acsfs\profiles$\LUCASBS\RENEG BV\lu91924clsp.tmp\</t>
  </si>
  <si>
    <t>\\acsfs\profiles$\LUCASBS\RENEG BV\lu91924clsp.tmp\META-INF\</t>
  </si>
  <si>
    <t>\\acsfs\profiles$\LUCASBS\RENEG BV\lu91924clsp.tmp\Thumbnails\</t>
  </si>
  <si>
    <t>ecab13e6-88fb-40ae-a6d1-19ad6a82abd9.tmp</t>
  </si>
  <si>
    <t>\\acsfs\profiles$\laylaams\Downloads\ecab13e6-88fb-40ae-a6d1-19ad6a82abd9.tmp</t>
  </si>
  <si>
    <t>lu2260dfa7.tmp</t>
  </si>
  <si>
    <t>\\acsfs\profiles$\laylaams\My Documents\lu2260dfa7.tmp</t>
  </si>
  <si>
    <t>\\acsfs\profiles$\laylaams\My Documents\lu2260dfa7.tmp\</t>
  </si>
  <si>
    <t>\\acsfs\profiles$\laylaams\My Documents\lu2260dfa7.tmp\META-INF\</t>
  </si>
  <si>
    <t>\\acsfs\profiles$\laylaams\My Documents\lu2260dfa7.tmp\Thumbnails\</t>
  </si>
  <si>
    <t>lu2060117ch.tmp</t>
  </si>
  <si>
    <t>\\acsfs\profiles$\CLAUDIAJCA\Reneg 18-12\lu2060117ch.tmp</t>
  </si>
  <si>
    <t>\\acsfs\profiles$\CLAUDIAJCA\Reneg 18-12\lu2060117ch.tmp\</t>
  </si>
  <si>
    <t>\\acsfs\profiles$\CLAUDIAJCA\Reneg 18-12\lu2060117ch.tmp\META-INF\</t>
  </si>
  <si>
    <t>\\acsfs\profiles$\CLAUDIAJCA\Reneg 18-12\lu2060117ch.tmp\Thumbnails\</t>
  </si>
  <si>
    <t>\\acsfs\Deptos\EDUCACAO EMPRESARIAL\KÉSIA\Ligações 1º Ciclo - Janeiro 2020\</t>
  </si>
  <si>
    <t>ANDREA PAULA DA SILVA GOMES_1_6773760293185062027_1_32.wav</t>
  </si>
  <si>
    <t>\\acsfs\Deptos\EDUCACAO EMPRESARIAL\KÉSIA\Ligações 1º Ciclo - Janeiro 2020\ANDREA PAULA DA SILVA GOMES_1_6773760293185062027_1_32.wav</t>
  </si>
  <si>
    <t>lu145166npsc.tmp</t>
  </si>
  <si>
    <t>\\acsfs\profiles$\VIVIANALDS\My Documents\lu145166npsc.tmp</t>
  </si>
  <si>
    <t>\\acsfs\profiles$\VIVIANALDS\My Documents\lu145166npsc.tmp\</t>
  </si>
  <si>
    <t>\\acsfs\profiles$\VIVIANALDS\My Documents\lu145166npsc.tmp\META-INF\</t>
  </si>
  <si>
    <t>\\acsfs\profiles$\VIVIANALDS\My Documents\lu145166npsc.tmp\Thumbnails\</t>
  </si>
  <si>
    <t>042a287e-d182-4292-834f-37a30779d36f.tmp</t>
  </si>
  <si>
    <t>\\acsfs\profiles$\leonardobb\Downloads\042a287e-d182-4292-834f-37a30779d36f.tmp</t>
  </si>
  <si>
    <t>9b50faa8-b80b-4273-b95b-2ea2d15d88bb.tmp</t>
  </si>
  <si>
    <t>\\acsfs\profiles$\luanaagl\Downloads\9b50faa8-b80b-4273-b95b-2ea2d15d88bb.tmp</t>
  </si>
  <si>
    <t>cea885b4-1187-4e97-a6c1-e6a4309145be.tmp</t>
  </si>
  <si>
    <t>\\acsfs\profiles$\rafaelahpn\Downloads\cea885b4-1187-4e97-a6c1-e6a4309145be.tmp</t>
  </si>
  <si>
    <t>ccbb5846-3240-47e9-8928-a74d2619a23a.tmp</t>
  </si>
  <si>
    <t>\\acsfs\profiles$\inarajst\Downloads\ccbb5846-3240-47e9-8928-a74d2619a23a.tmp</t>
  </si>
  <si>
    <t>Contato Reneg Vencimento 08-01.zip</t>
  </si>
  <si>
    <t>\\acsfs\profiles$\CLAUDIAJCA\Reneg 18-12\Contato Reneg Vencimento 08-01.zip</t>
  </si>
  <si>
    <t>\\acsfs\profiles$\CLAUDIAJCA\Reneg 18-12\Contato Reneg Vencimento 08-01.zip\</t>
  </si>
  <si>
    <t>Contato Reneg Vencimento 08-01.ods</t>
  </si>
  <si>
    <t>\\acsfs\profiles$\CLAUDIAJCA\Reneg 18-12\Contato Reneg Vencimento 08-01.zip\Contato Reneg Vencimento 08-01.ods\</t>
  </si>
  <si>
    <t>\\acsfs\profiles$\CLAUDIAJCA\Reneg 18-12\Contato Reneg Vencimento 08-01.zip\Contato Reneg Vencimento 08-01.ods\META-INF\</t>
  </si>
  <si>
    <t>\\acsfs\profiles$\CLAUDIAJCA\Reneg 18-12\Contato Reneg Vencimento 08-01.zip\Contato Reneg Vencimento 08-01.ods\Thumbnails\</t>
  </si>
  <si>
    <t>Contato Reneg Vencimento 08-01 (2).zip</t>
  </si>
  <si>
    <t>\\acsfs\profiles$\CLAUDIAJCA\Reneg 18-12\Contato Reneg Vencimento 08-01 (2).zip</t>
  </si>
  <si>
    <t>\\acsfs\profiles$\CLAUDIAJCA\Reneg 18-12\Contato Reneg Vencimento 08-01 (2).zip\</t>
  </si>
  <si>
    <t>\\acsfs\profiles$\CLAUDIAJCA\Reneg 18-12\Contato Reneg Vencimento 08-01 (2).zip\Contato Reneg Vencimento 08-01.ods\</t>
  </si>
  <si>
    <t>\\acsfs\profiles$\CLAUDIAJCA\Reneg 18-12\Contato Reneg Vencimento 08-01 (2).zip\Contato Reneg Vencimento 08-01.ods\META-INF\</t>
  </si>
  <si>
    <t>\\acsfs\profiles$\CLAUDIAJCA\Reneg 18-12\Contato Reneg Vencimento 08-01 (2).zip\Contato Reneg Vencimento 08-01.ods\Thumbnails\</t>
  </si>
  <si>
    <t>mail.google.com/_/upload?authuser=0&amp;dcp=asu-n&amp;upload_id=AEnB2UpwUqIbUdm_rzqxEpm-gCt28OPDpLQCmoVK1kCHzN6AQ_myWMQdCBwVwtnDgplU-0AjgV_qlrRvIEVKJZ5anFSIRsGE4A&amp;upload_protocol=resumable</t>
  </si>
  <si>
    <t>Distribuição - Auditores - 1ª Semana.xls</t>
  </si>
  <si>
    <t>\\acsfs\Deptos\EDUCACAO EMPRESARIAL\KÉSIA\276C2D4C.tmp\</t>
  </si>
  <si>
    <t>\\acsfs\Deptos\EDUCACAO EMPRESARIAL\KÉSIA\276C2D4C.tmp\:Zone.Identifier:$DATA</t>
  </si>
  <si>
    <t>http:///batch?%24ct=multipart%2Fmixed%3B%20boundary%3D%22%3D%3D%3D%3D%3D2m067tfwz6wf%3D%3D%3D%3D%3D%22&amp;key=AIzaSyAy9VVXHSpS2IJpptzYtGbLP3-3_l0aBk4</t>
  </si>
  <si>
    <t>http:///batch?%24ct=multipart%2Fmixed%3B%20boundary%3D%22%3D%3D%3D%3D%3Dd2hbk9astlez%3D%3D%3D%3D%3D%22&amp;key=AIzaSyAy9VVXHSpS2IJpptzYtGbLP3-3_l0aBk4</t>
  </si>
  <si>
    <t>http:///batch?%24ct=multipart%2Fmixed%3B%20boundary%3D%22%3D%3D%3D%3D%3Daswa8ahvfel6%3D%3D%3D%3D%3D%22&amp;key=AIzaSyAy9VVXHSpS2IJpptzYtGbLP3-3_l0aBk4</t>
  </si>
  <si>
    <t>http:///batch?%24ct=multipart%2Fmixed%3B%20boundary%3D%22%3D%3D%3D%3D%3Dz5m2fb635iko%3D%3D%3D%3D%3D%22&amp;key=AIzaSyAy9VVXHSpS2IJpptzYtGbLP3-3_l0aBk4</t>
  </si>
  <si>
    <t>http:///batch?%24ct=multipart%2Fmixed%3B%20boundary%3D%22%3D%3D%3D%3D%3Dcezgc847sm7c%3D%3D%3D%3D%3D%22&amp;key=AIzaSyAy9VVXHSpS2IJpptzYtGbLP3-3_l0aBk4</t>
  </si>
  <si>
    <t>lu91924clsu.tmp</t>
  </si>
  <si>
    <t>\\acsfs\profiles$\LUCASBS\RENEG BV\lu91924clsu.tmp</t>
  </si>
  <si>
    <t>\\acsfs\profiles$\LUCASBS\RENEG BV\lu91924clsu.tmp\</t>
  </si>
  <si>
    <t>\\acsfs\profiles$\LUCASBS\RENEG BV\lu91924clsu.tmp\META-INF\</t>
  </si>
  <si>
    <t>\\acsfs\profiles$\LUCASBS\RENEG BV\lu91924clsu.tmp\Thumbnails\</t>
  </si>
  <si>
    <t>625ef52d-08a7-43a0-b324-5aa2247bb045.tmp</t>
  </si>
  <si>
    <t>\\acsfs\profiles$\karinarm\Downloads\625ef52d-08a7-43a0-b324-5aa2247bb045.tmp</t>
  </si>
  <si>
    <t>5abcf59a-1e95-41ad-9401-40f1142a5754.tmp</t>
  </si>
  <si>
    <t>\\acsfs\profiles$\brendavdoa\Downloads\5abcf59a-1e95-41ad-9401-40f1142a5754.tmp</t>
  </si>
  <si>
    <t>lu97481505o.tmp</t>
  </si>
  <si>
    <t>\\acsfs\profiles$\Flaviojmm\My Documents\lu97481505o.tmp</t>
  </si>
  <si>
    <t>Fechamento Dezembro_ UCB e VALE</t>
  </si>
  <si>
    <t>Dezembro_ VALE e UCB.xlsm</t>
  </si>
  <si>
    <t>\\acsfs\ACS\Gabriel da Silva\Contemporânea\NPS\EC4088D3.tmp\</t>
  </si>
  <si>
    <t>\\acsfs\ACS\Gabriel da Silva\Contemporânea\NPS\EC4088D3.tmp\:Zone.Identifier:$DATA</t>
  </si>
  <si>
    <t>\\acsfs\ACS\Gabriel da Silva\Contemporânea\NPS\NPS CONSIGNADO.xlsx\</t>
  </si>
  <si>
    <t>\\acsfs\ACS\Gabriel da Silva\Contemporânea\NPS\NPS CONSIGNADO.xlsx</t>
  </si>
  <si>
    <t>\\acsfs\ACS\Gabriel da Silva\Contemporânea\NPS\</t>
  </si>
  <si>
    <t>NPS CONSIGNADO.xlsx</t>
  </si>
  <si>
    <t>c8dfc7a0-4dad-429e-826b-85ee837351ad.tmp</t>
  </si>
  <si>
    <t>\\acsfs\profiles$\paulovadc\Downloads\c8dfc7a0-4dad-429e-826b-85ee837351ad.tmp</t>
  </si>
  <si>
    <t>1e38cff9-de38-487f-a6a7-d2ed3210e06d.tmp</t>
  </si>
  <si>
    <t>\\acsfs\profiles$\jalilebds\Downloads\1e38cff9-de38-487f-a6a7-d2ed3210e06d.tmp</t>
  </si>
  <si>
    <t>.~lock.Contato Reneg Vencimento 08-01 Env Adilson.ods#</t>
  </si>
  <si>
    <t>\\acsfs\profiles$\CLAUDIAJCA\Reneg 18-12\.~lock.Contato Reneg Vencimento 08-01 Env Adilson.ods#</t>
  </si>
  <si>
    <t>lu150447fbra.tmp</t>
  </si>
  <si>
    <t>\\acsfs\profiles$\CLAUDIAJCA\Reneg 18-12\lu150447fbra.tmp</t>
  </si>
  <si>
    <t>5829;</t>
  </si>
  <si>
    <t>https://5829</t>
  </si>
  <si>
    <t>442ba9c5-a439-4949-a18e-15256201aa6a.tmp</t>
  </si>
  <si>
    <t>\\acsfs\profiles$\brendavdoa\Downloads\442ba9c5-a439-4949-a18e-15256201aa6a.tmp</t>
  </si>
  <si>
    <t>\\acsfs\profiles$\Flaviojmm\My Documents\lu97481505o.tmp\</t>
  </si>
  <si>
    <t>\\acsfs\profiles$\Flaviojmm\My Documents\lu97481505o.tmp\META-INF\</t>
  </si>
  <si>
    <t>\\acsfs\profiles$\Flaviojmm\My Documents\lu97481505o.tmp\Thumbnails\</t>
  </si>
  <si>
    <t>lu97481505t.tmp</t>
  </si>
  <si>
    <t>\\acsfs\profiles$\Flaviojmm\My Documents\lu97481505t.tmp</t>
  </si>
  <si>
    <t>\\acsfs\profiles$\Flaviojmm\My Documents\lu97481505t.tmp\</t>
  </si>
  <si>
    <t>\\acsfs\profiles$\Flaviojmm\My Documents\lu97481505t.tmp\META-INF\</t>
  </si>
  <si>
    <t>\\acsfs\profiles$\Flaviojmm\My Documents\lu97481505t.tmp\Thumbnails\</t>
  </si>
  <si>
    <t>\\acsfs\ACS\Gabriel da Silva\Contemporânea\NPS\5F64A386.tmp\</t>
  </si>
  <si>
    <t>\\acsfs\ACS\Gabriel da Silva\Contemporânea\NPS\5F64A386.tmp\:Zone.Identifier:$DATA</t>
  </si>
  <si>
    <t>lu79481asj7o.tmp</t>
  </si>
  <si>
    <t>\\acsfs\profiles$\jalilebds\Downloads\lu79481asj7o.tmp</t>
  </si>
  <si>
    <t>\\acsfs\profiles$\CLAUDIAJCA\Reneg 18-12\lu150447fbra.tmp\</t>
  </si>
  <si>
    <t>\\acsfs\profiles$\CLAUDIAJCA\Reneg 18-12\lu150447fbra.tmp\META-INF\</t>
  </si>
  <si>
    <t>\\acsfs\profiles$\CLAUDIAJCA\Reneg 18-12\lu150447fbra.tmp\Thumbnails\</t>
  </si>
  <si>
    <t>Contato Reneg Vencimento 08-01 Env Adilson.zip</t>
  </si>
  <si>
    <t>\\acsfs\profiles$\CLAUDIAJCA\Reneg 18-12\Contato Reneg Vencimento 08-01 Env Adilson.zip</t>
  </si>
  <si>
    <t>\\acsfs\profiles$\CLAUDIAJCA\Reneg 18-12\Contato Reneg Vencimento 08-01 Env Adilson.zip\</t>
  </si>
  <si>
    <t>Contato Reneg Vencimento 08-01 Env Adilson.ods</t>
  </si>
  <si>
    <t>\\acsfs\profiles$\CLAUDIAJCA\Reneg 18-12\Contato Reneg Vencimento 08-01 Env Adilson.zip\Contato Reneg Vencimento 08-01 Env Adilson.ods\</t>
  </si>
  <si>
    <t>\\acsfs\profiles$\CLAUDIAJCA\Reneg 18-12\Contato Reneg Vencimento 08-01 Env Adilson.zip\Contato Reneg Vencimento 08-01 Env Adilson.ods\META-INF\</t>
  </si>
  <si>
    <t>\\acsfs\profiles$\CLAUDIAJCA\Reneg 18-12\Contato Reneg Vencimento 08-01 Env Adilson.zip\Contato Reneg Vencimento 08-01 Env Adilson.ods\Thumbnails\</t>
  </si>
  <si>
    <t>PEDRO HENRIQUE ALMEIDA BATISTA_1_6775169892861686445_1_32.wav</t>
  </si>
  <si>
    <t>\\acsfs\Deptos\EDUCACAO EMPRESARIAL\KÉSIA\Ligações 1º Ciclo - Janeiro 2020\PEDRO HENRIQUE ALMEIDA BATISTA_1_6775169892861686445_1_32.wav</t>
  </si>
  <si>
    <t>945cf95a-2e08-44ce-b095-230720a931f5.tmp</t>
  </si>
  <si>
    <t>\\acsfs\profiles$\marcosvnds\Downloads\945cf95a-2e08-44ce-b095-230720a931f5.tmp</t>
  </si>
  <si>
    <t>Karen Jane Santos Silva (21).contact</t>
  </si>
  <si>
    <t>\\acsfs\profiles$\KARENJSS\Contacts\Karen Jane Santos Silva (21).contact</t>
  </si>
  <si>
    <t>bcb675ab-3e66-432d-aff9-eadec4d4d759.tmp</t>
  </si>
  <si>
    <t>\\acsfs\profiles$\leonardobb\Downloads\bcb675ab-3e66-432d-aff9-eadec4d4d759.tmp</t>
  </si>
  <si>
    <t>.~lock.RENEG BV - Venc 08.01.2020 Teste.ods#</t>
  </si>
  <si>
    <t>\\acsfs\profiles$\LUCASBS\RENEG BV\.~lock.RENEG BV - Venc 08.01.2020 Teste.ods#</t>
  </si>
  <si>
    <t>lu91924clsz.tmp</t>
  </si>
  <si>
    <t>\\acsfs\profiles$\LUCASBS\RENEG BV\lu91924clsz.tmp</t>
  </si>
  <si>
    <t>\\acsfs\profiles$\LUCASBS\RENEG BV\lu91924clsz.tmp\</t>
  </si>
  <si>
    <t>\\acsfs\profiles$\LUCASBS\RENEG BV\lu91924clsz.tmp\META-INF\</t>
  </si>
  <si>
    <t>\\acsfs\profiles$\LUCASBS\RENEG BV\lu91924clsz.tmp\Thumbnails\</t>
  </si>
  <si>
    <t>lu91924clt4.tmp</t>
  </si>
  <si>
    <t>\\acsfs\profiles$\LUCASBS\RENEG BV\lu91924clt4.tmp</t>
  </si>
  <si>
    <t>\\acsfs\profiles$\LUCASBS\RENEG BV\lu91924clt4.tmp\</t>
  </si>
  <si>
    <t>\\acsfs\profiles$\LUCASBS\RENEG BV\lu91924clt4.tmp\META-INF\</t>
  </si>
  <si>
    <t>\\acsfs\profiles$\LUCASBS\RENEG BV\lu91924clt4.tmp\Thumbnails\</t>
  </si>
  <si>
    <t>9ecb933c-ffca-4916-8eb6-56a3d5166954.tmp</t>
  </si>
  <si>
    <t>\\acsfs\profiles$\milenaas\Downloads\9ecb933c-ffca-4916-8eb6-56a3d5166954.tmp</t>
  </si>
  <si>
    <t>3639c0ba-bd70-4dbc-8a06-ce0a8fade0b7.tmp</t>
  </si>
  <si>
    <t>\\acsfs\profiles$\KARENJSS\Downloads\3639c0ba-bd70-4dbc-8a06-ce0a8fade0b7.tmp</t>
  </si>
  <si>
    <t>a7f138c0-2f70-45b9-bd53-0c4960136f3f.tmp</t>
  </si>
  <si>
    <t>\\acsfs\profiles$\KARENJSS\Downloads\a7f138c0-2f70-45b9-bd53-0c4960136f3f.tmp</t>
  </si>
  <si>
    <t>138954f5-e804-4728-ba0d-ac49269fae95.tmp</t>
  </si>
  <si>
    <t>\\acsfs\profiles$\KARENJSS\Downloads\138954f5-e804-4728-ba0d-ac49269fae95.tmp</t>
  </si>
  <si>
    <t>lu91924cltc.tmp</t>
  </si>
  <si>
    <t>\\acsfs\profiles$\LUCASBS\Planilhas\lu91924cltc.tmp</t>
  </si>
  <si>
    <t>lu91924cltl.tmp</t>
  </si>
  <si>
    <t>\\acsfs\profiles$\LUCASBS\Planilhas\lu91924cltl.tmp</t>
  </si>
  <si>
    <t>lu91924cltr.tmp</t>
  </si>
  <si>
    <t>\\acsfs\profiles$\LUCASBS\Planilhas\lu91924cltr.tmp</t>
  </si>
  <si>
    <t>lu91924clu0.tmp</t>
  </si>
  <si>
    <t>\\acsfs\profiles$\LUCASBS\Planilhas\lu91924clu0.tmp</t>
  </si>
  <si>
    <t>.~lock.Vendas 11.12.2019.xlsx#</t>
  </si>
  <si>
    <t>\\acsfs\profiles$\LUCASBS\Planilhas\.~lock.Vendas 11.12.2019.xlsx#</t>
  </si>
  <si>
    <t>lu91924clua.tmp</t>
  </si>
  <si>
    <t>\\acsfs\profiles$\LUCASBS\Planilhas\lu91924clua.tmp</t>
  </si>
  <si>
    <t>248f8f61-4ee8-4bdf-8288-031d45d172a0.tmp</t>
  </si>
  <si>
    <t>\\acsfs\profiles$\georgendsq\Downloads\248f8f61-4ee8-4bdf-8288-031d45d172a0.tmp</t>
  </si>
  <si>
    <t>10e8fc36-622f-494f-9fd4-bbc8033df6ba.tmp</t>
  </si>
  <si>
    <t>\\acsfs\profiles$\georgendsq\Downloads\10e8fc36-622f-494f-9fd4-bbc8033df6ba.tmp</t>
  </si>
  <si>
    <t>71d32c9d-4adb-47e9-b223-0b881d20ebb4.tmp</t>
  </si>
  <si>
    <t>\\acsfs\profiles$\georgendsq\Downloads\71d32c9d-4adb-47e9-b223-0b881d20ebb4.tmp</t>
  </si>
  <si>
    <t>b72cbe92-e79e-4a5e-b83f-97155dd12976.tmp</t>
  </si>
  <si>
    <t>\\acsfs\profiles$\ingridsm\Downloads\b72cbe92-e79e-4a5e-b83f-97155dd12976.tmp</t>
  </si>
  <si>
    <t>aae72323-864b-4d4d-bf4e-5e22cc62cbb5.tmp</t>
  </si>
  <si>
    <t>\\acsfs\profiles$\brendadsl\Downloads\aae72323-864b-4d4d-bf4e-5e22cc62cbb5.tmp</t>
  </si>
  <si>
    <t>5af0a6dc-030e-471f-b2a9-66136aceecff.tmp</t>
  </si>
  <si>
    <t>\\acsfs\profiles$\brendadsl\Downloads\5af0a6dc-030e-471f-b2a9-66136aceecff.tmp</t>
  </si>
  <si>
    <t>66dad5b3-40c8-4936-94bd-c583ebaf9fb0.tmp</t>
  </si>
  <si>
    <t>\\acsfs\profiles$\brendadsl\Downloads\66dad5b3-40c8-4936-94bd-c583ebaf9fb0.tmp</t>
  </si>
  <si>
    <t>9cb0a452-a551-4ba5-8e49-28a2362dbb25.tmp</t>
  </si>
  <si>
    <t>\\acsfs\profiles$\brendadsl\Downloads\9cb0a452-a551-4ba5-8e49-28a2362dbb25.tmp</t>
  </si>
  <si>
    <t>cb1ad038-40b0-4400-bc10-d09ad0f003bf.tmp</t>
  </si>
  <si>
    <t>\\acsfs\profiles$\brendadsl\Downloads\cb1ad038-40b0-4400-bc10-d09ad0f003bf.tmp</t>
  </si>
  <si>
    <t>ad69ea31-a2f7-4766-a858-c021686774c3.tmp</t>
  </si>
  <si>
    <t>\\acsfs\profiles$\brendadsl\Downloads\ad69ea31-a2f7-4766-a858-c021686774c3.tmp</t>
  </si>
  <si>
    <t>07e494cc-79e5-41ef-a6a1-6b57e29326a0.tmp</t>
  </si>
  <si>
    <t>\\acsfs\profiles$\luanarda\Downloads\07e494cc-79e5-41ef-a6a1-6b57e29326a0.tmp</t>
  </si>
  <si>
    <t>fe987b63-4eb2-4e86-883c-a24e2ec25ca3.tmp</t>
  </si>
  <si>
    <t>\\acsfs\profiles$\joycemmdl\Downloads\fe987b63-4eb2-4e86-883c-a24e2ec25ca3.tmp</t>
  </si>
  <si>
    <t>73bf52b8-209e-463a-afc0-bda3df43be7a.tmp</t>
  </si>
  <si>
    <t>\\acsfs\profiles$\gabrielafs\Downloads\73bf52b8-209e-463a-afc0-bda3df43be7a.tmp</t>
  </si>
  <si>
    <t>878b83aa-d67a-4d0a-901e-4bc5287177c8.tmp</t>
  </si>
  <si>
    <t>\\acsfs\profiles$\marcosvnds\Downloads\878b83aa-d67a-4d0a-901e-4bc5287177c8.tmp</t>
  </si>
  <si>
    <t>.~lock.Retenção de Seguros.xlsx#</t>
  </si>
  <si>
    <t>\\acsfs\profiles$\LUCASBS\Planilhas\.~lock.Retenção de Seguros.xlsx#</t>
  </si>
  <si>
    <t>lu91924cluj.tmp</t>
  </si>
  <si>
    <t>\\acsfs\profiles$\LUCASBS\Planilhas\lu91924cluj.tmp</t>
  </si>
  <si>
    <t>lu91924clur.tmp</t>
  </si>
  <si>
    <t>\\acsfs\profiles$\LUCASBS\Planilhas\lu91924clur.tmp</t>
  </si>
  <si>
    <t>\\acsfs\profiles$\LUCASBS\Novo Documento de Texto.txt</t>
  </si>
  <si>
    <t>lu91924cluu.tmp</t>
  </si>
  <si>
    <t>\\acsfs\profiles$\LUCASBS\RENEG BV\lu91924cluu.tmp</t>
  </si>
  <si>
    <t>\\acsfs\profiles$\LUCASBS\RENEG BV\lu91924cluu.tmp\</t>
  </si>
  <si>
    <t>\\acsfs\profiles$\LUCASBS\RENEG BV\lu91924cluu.tmp\META-INF\</t>
  </si>
  <si>
    <t>\\acsfs\profiles$\LUCASBS\RENEG BV\lu91924cluu.tmp\Thumbnails\</t>
  </si>
  <si>
    <t>79db02b7-1e4c-4ce4-bbf4-dc6b564bc396.tmp</t>
  </si>
  <si>
    <t>\\acsfs\profiles$\andrezacapf\Downloads\79db02b7-1e4c-4ce4-bbf4-dc6b564bc396.tmp</t>
  </si>
  <si>
    <t>ae95c9aa-e905-48fd-b9d9-252ec80d88b6.tmp</t>
  </si>
  <si>
    <t>\\acsfs\profiles$\andrezacapf\Downloads\ae95c9aa-e905-48fd-b9d9-252ec80d88b6.tmp</t>
  </si>
  <si>
    <t>95de1f85-be8d-4340-8d04-671e882a2cab.tmp</t>
  </si>
  <si>
    <t>\\acsfs\profiles$\andrezacapf\Downloads\95de1f85-be8d-4340-8d04-671e882a2cab.tmp</t>
  </si>
  <si>
    <t>4f6c280f-b6df-4ca7-9025-ca5cadfc4f74.tmp</t>
  </si>
  <si>
    <t>\\acsfs\profiles$\andrezacapf\Downloads\4f6c280f-b6df-4ca7-9025-ca5cadfc4f74.tmp</t>
  </si>
  <si>
    <t>8222d54d-667f-4004-b426-c164a9083c06.tmp</t>
  </si>
  <si>
    <t>\\acsfs\profiles$\andrezacapf\Downloads\8222d54d-667f-4004-b426-c164a9083c06.tmp</t>
  </si>
  <si>
    <t>2805d126-abba-4c7a-b8eb-e6ee93b1ffdb.tmp</t>
  </si>
  <si>
    <t>\\acsfs\profiles$\andrezacapf\Downloads\2805d126-abba-4c7a-b8eb-e6ee93b1ffdb.tmp</t>
  </si>
  <si>
    <t>265028d1-3784-4bd1-abbd-d90506a58870.tmp</t>
  </si>
  <si>
    <t>\\acsfs\profiles$\andrezacapf\Downloads\265028d1-3784-4bd1-abbd-d90506a58870.tmp</t>
  </si>
  <si>
    <t>c94deabc-5c03-4155-bd09-93788cf9d29c.tmp</t>
  </si>
  <si>
    <t>\\acsfs\profiles$\georgendsq\Downloads\c94deabc-5c03-4155-bd09-93788cf9d29c.tmp</t>
  </si>
  <si>
    <t>2cd487db-0414-43d5-91ed-5be3c1402c0c.tmp</t>
  </si>
  <si>
    <t>\\acsfs\profiles$\georgendsq\Downloads\2cd487db-0414-43d5-91ed-5be3c1402c0c.tmp</t>
  </si>
  <si>
    <t>58322669-3d67-4183-8b44-21c898dec912.tmp</t>
  </si>
  <si>
    <t>\\acsfs\profiles$\georgendsq\Downloads\58322669-3d67-4183-8b44-21c898dec912.tmp</t>
  </si>
  <si>
    <t>a1cb7b2d-c7fd-45a7-ae49-78e16df6c5cc.tmp</t>
  </si>
  <si>
    <t>\\acsfs\profiles$\ingridsm\Downloads\a1cb7b2d-c7fd-45a7-ae49-78e16df6c5cc.tmp</t>
  </si>
  <si>
    <t>a96ea310-022b-4530-b8cd-d8b092301ded.tmp</t>
  </si>
  <si>
    <t>\\acsfs\profiles$\ingridsm\Downloads\a96ea310-022b-4530-b8cd-d8b092301ded.tmp</t>
  </si>
  <si>
    <t>lu228442gowaq.tmp</t>
  </si>
  <si>
    <t>\\acsfs\profiles$\dhiulliananads\My Documents\lu228442gowaq.tmp</t>
  </si>
  <si>
    <t>\\acsfs\profiles$\dhiulliananads\My Documents\lu228442gowaq.tmp\</t>
  </si>
  <si>
    <t>\\acsfs\profiles$\dhiulliananads\My Documents\lu228442gowaq.tmp\META-INF\</t>
  </si>
  <si>
    <t>b32974bd-e5c4-4374-8165-0be7c02fb626.tmp</t>
  </si>
  <si>
    <t>\\acsfs\profiles$\gabrielamdp\Downloads\b32974bd-e5c4-4374-8165-0be7c02fb626.tmp</t>
  </si>
  <si>
    <t>96a8cddd-9a24-488b-88fd-893e99e99a2a.tmp</t>
  </si>
  <si>
    <t>\\acsfs\profiles$\gabrielamdp\Downloads\96a8cddd-9a24-488b-88fd-893e99e99a2a.tmp</t>
  </si>
  <si>
    <t>ef70f395-09ae-40a4-ae8e-54512a23e239.tmp</t>
  </si>
  <si>
    <t>\\acsfs\profiles$\gabrielamdp\Downloads\ef70f395-09ae-40a4-ae8e-54512a23e239.tmp</t>
  </si>
  <si>
    <t>855346b9-3c96-4379-9b46-11176fbd105d.tmp</t>
  </si>
  <si>
    <t>\\acsfs\profiles$\joycemmdl\Downloads\855346b9-3c96-4379-9b46-11176fbd105d.tmp</t>
  </si>
  <si>
    <t>\\acsfs\profiles$\dhiulliananads\My Documents\lu228442gowaq.tmp\Thumbnails\</t>
  </si>
  <si>
    <t>lu228442gowax.tmp</t>
  </si>
  <si>
    <t>\\acsfs\profiles$\dhiulliananads\My Documents\lu228442gowax.tmp</t>
  </si>
  <si>
    <t>\\acsfs\profiles$\dhiulliananads\My Documents\lu228442gowax.tmp\</t>
  </si>
  <si>
    <t>\\acsfs\profiles$\dhiulliananads\My Documents\lu228442gowax.tmp\META-INF\</t>
  </si>
  <si>
    <t>\\acsfs\profiles$\dhiulliananads\My Documents\lu228442gowax.tmp\Thumbnails\</t>
  </si>
  <si>
    <t>db7e5e6f-4b4e-4642-9608-f520acb0df81.tmp</t>
  </si>
  <si>
    <t>\\acsfs\profiles$\luanaagl\Downloads\db7e5e6f-4b4e-4642-9608-f520acb0df81.tmp</t>
  </si>
  <si>
    <t>a5e38a6a-3fe1-41d4-b321-c5cda1999785.tmp</t>
  </si>
  <si>
    <t>\\acsfs\profiles$\KARENJSS\Downloads\a5e38a6a-3fe1-41d4-b321-c5cda1999785.tmp</t>
  </si>
  <si>
    <t>lu974815062.tmp</t>
  </si>
  <si>
    <t>\\acsfs\profiles$\Flaviojmm\My Documents\lu974815062.tmp</t>
  </si>
  <si>
    <t>\\acsfs\profiles$\Flaviojmm\My Documents\lu974815062.tmp\</t>
  </si>
  <si>
    <t>\\acsfs\profiles$\Flaviojmm\My Documents\lu974815062.tmp\META-INF\</t>
  </si>
  <si>
    <t>\\acsfs\profiles$\Flaviojmm\My Documents\lu974815062.tmp\Thumbnails\</t>
  </si>
  <si>
    <t>06a497bc-d4e6-4ac1-87a2-08df76060bd7.tmp</t>
  </si>
  <si>
    <t>\\acsfs\profiles$\brendadsl\Downloads\06a497bc-d4e6-4ac1-87a2-08df76060bd7.tmp</t>
  </si>
  <si>
    <t>9e9aa8ac-d4b3-4159-ac36-0e2d3a50da9f.tmp</t>
  </si>
  <si>
    <t>\\acsfs\profiles$\quindaizaagds\Downloads\9e9aa8ac-d4b3-4159-ac36-0e2d3a50da9f.tmp</t>
  </si>
  <si>
    <t>f50c15a2-d4a8-4a99-92b5-727d20520fa3.tmp</t>
  </si>
  <si>
    <t>\\acsfs\profiles$\edicarlosdl\Downloads\f50c15a2-d4a8-4a99-92b5-727d20520fa3.tmp</t>
  </si>
  <si>
    <t>936d5b6f-6bf6-4d18-b345-731e3e99d65e.tmp</t>
  </si>
  <si>
    <t>\\acsfs\profiles$\edicarlosdl\Downloads\936d5b6f-6bf6-4d18-b345-731e3e99d65e.tmp</t>
  </si>
  <si>
    <t>5d1a11bc-a63d-4509-b34f-d747690b5e13.tmp</t>
  </si>
  <si>
    <t>\\acsfs\profiles$\gabrielafs\Downloads\5d1a11bc-a63d-4509-b34f-d747690b5e13.tmp</t>
  </si>
  <si>
    <t>1a8f810a-d2c9-45e5-9aec-c327b056d01f.tmp</t>
  </si>
  <si>
    <t>\\acsfs\profiles$\regisadsa\Downloads\1a8f810a-d2c9-45e5-9aec-c327b056d01f.tmp</t>
  </si>
  <si>
    <t>a85dc119-68d1-41b6-b746-925b2276f3fc.tmp</t>
  </si>
  <si>
    <t>\\acsfs\profiles$\regisadsa\Downloads\a85dc119-68d1-41b6-b746-925b2276f3fc.tmp</t>
  </si>
  <si>
    <t>835fcfd2-f79d-4430-8bdd-617805fe1a5a.tmp</t>
  </si>
  <si>
    <t>\\acsfs\profiles$\regisadsa\Downloads\835fcfd2-f79d-4430-8bdd-617805fe1a5a.tmp</t>
  </si>
  <si>
    <t>lu91924cluz.tmp</t>
  </si>
  <si>
    <t>\\acsfs\profiles$\LUCASBS\RENEG BV\lu91924cluz.tmp</t>
  </si>
  <si>
    <t>\\acsfs\profiles$\LUCASBS\RENEG BV\lu91924cluz.tmp\</t>
  </si>
  <si>
    <t>\\acsfs\profiles$\LUCASBS\RENEG BV\lu91924cluz.tmp\META-INF\</t>
  </si>
  <si>
    <t>\\acsfs\profiles$\LUCASBS\RENEG BV\lu91924cluz.tmp\Thumbnails\</t>
  </si>
  <si>
    <t>812ddd42-c8f5-4fdf-ba51-bb4a40d74f15.tmp</t>
  </si>
  <si>
    <t>\\acsfs\profiles$\sarahbal\Downloads\812ddd42-c8f5-4fdf-ba51-bb4a40d74f15.tmp</t>
  </si>
  <si>
    <t>edb8fc8f-1d57-47ee-9fc0-afea653bbffc.tmp</t>
  </si>
  <si>
    <t>\\acsfs\profiles$\gabrielafs\Downloads\edb8fc8f-1d57-47ee-9fc0-afea653bbffc.tmp</t>
  </si>
  <si>
    <t>b08c0c1c-fb67-46a7-af0a-372df816514a.tmp</t>
  </si>
  <si>
    <t>\\acsfs\profiles$\KARENJSS\Downloads\b08c0c1c-fb67-46a7-af0a-372df816514a.tmp</t>
  </si>
  <si>
    <t>11dfe1a1-3ab8-4f53-98e7-21fd4c25f3ba.tmp</t>
  </si>
  <si>
    <t>\\acsfs\profiles$\nathaliarmr\Downloads\11dfe1a1-3ab8-4f53-98e7-21fd4c25f3ba.tmp</t>
  </si>
  <si>
    <t>8fc8eda6-848d-47b0-b5ae-5491eb27fdc9.tmp</t>
  </si>
  <si>
    <t>\\acsfs\profiles$\gabrielhca\Downloads\8fc8eda6-848d-47b0-b5ae-5491eb27fdc9.tmp</t>
  </si>
  <si>
    <t>1a6a3e50-75a1-4a35-9910-2a36c4e580e7.tmp</t>
  </si>
  <si>
    <t>\\acsfs\profiles$\karinarm\Downloads\1a6a3e50-75a1-4a35-9910-2a36c4e580e7.tmp</t>
  </si>
  <si>
    <t>26a588a0-d70b-4f0a-b203-236f29febba5.tmp</t>
  </si>
  <si>
    <t>\\acsfs\profiles$\ingridsm\Downloads\26a588a0-d70b-4f0a-b203-236f29febba5.tmp</t>
  </si>
  <si>
    <t>045f3f4c-087e-4c3c-bb45-c027b002ecb3.tmp</t>
  </si>
  <si>
    <t>\\acsfs\profiles$\gabrielamdp\Downloads\045f3f4c-087e-4c3c-bb45-c027b002ecb3.tmp</t>
  </si>
  <si>
    <t>9b4fdc2f-e805-489d-ad2a-35396ed671d6.tmp</t>
  </si>
  <si>
    <t>\\acsfs\profiles$\gabrielamdp\Downloads\9b4fdc2f-e805-489d-ad2a-35396ed671d6.tmp</t>
  </si>
  <si>
    <t>$IPHG94V.txt</t>
  </si>
  <si>
    <t>\\acsfs\profiles$\ERICALSR\My Documents\$RECYCLE.BIN\$IPHG94V.txt</t>
  </si>
  <si>
    <t>lu79481asj7r.tmp</t>
  </si>
  <si>
    <t>\\acsfs\profiles$\jalilebds\Downloads\lu79481asj7r.tmp</t>
  </si>
  <si>
    <t>d2f4aa84-b64d-4bc9-a2b3-2ca298b2680e.tmp</t>
  </si>
  <si>
    <t>\\acsfs\profiles$\gabriellalpr\Downloads\d2f4aa84-b64d-4bc9-a2b3-2ca298b2680e.tmp</t>
  </si>
  <si>
    <t>PHILIPE GONCALVES SANTOS FERREIRA_1_6773639119272747512_1_32.wav</t>
  </si>
  <si>
    <t>\\acsfs\Deptos\EDUCACAO EMPRESARIAL\KÉSIA\Ligações 1º Ciclo - Janeiro 2020\PHILIPE GONCALVES SANTOS FERREIRA_1_6773639119272747512_1_32.wav</t>
  </si>
  <si>
    <t>58d5d913-4a66-4c3a-bddd-3ddeaee2dadf.tmp</t>
  </si>
  <si>
    <t>\\acsfs\profiles$\wenderbnm\Downloads\58d5d913-4a66-4c3a-bddd-3ddeaee2dadf.tmp</t>
  </si>
  <si>
    <t>c:\users\marianerdo\downloads\</t>
  </si>
  <si>
    <t>banco de dados - operaÇÃo (2).xlsx</t>
  </si>
  <si>
    <t>.~lock.isabelle 06.01 1.ods#</t>
  </si>
  <si>
    <t>\\acsfs\profiles$\ISABELLEGTDS\Nova pasta\.~lock.isabelle 06.01 1.ods#</t>
  </si>
  <si>
    <t>lu715209l069v.tmp</t>
  </si>
  <si>
    <t>\\acsfs\profiles$\ISABELLEGTDS\Nova pasta\lu715209l069v.tmp</t>
  </si>
  <si>
    <t>\\acsfs\profiles$\ISABELLEGTDS\Nova pasta\lu715209l069v.tmp\</t>
  </si>
  <si>
    <t>\\acsfs\profiles$\ISABELLEGTDS\Nova pasta\lu715209l069v.tmp\META-INF\</t>
  </si>
  <si>
    <t>\\acsfs\profiles$\ISABELLEGTDS\Nova pasta\lu715209l069v.tmp\Thumbnails\</t>
  </si>
  <si>
    <t>lu715209l06a0.tmp</t>
  </si>
  <si>
    <t>\\acsfs\profiles$\ISABELLEGTDS\Nova pasta\lu715209l06a0.tmp</t>
  </si>
  <si>
    <t>\\acsfs\profiles$\ISABELLEGTDS\Nova pasta\lu715209l06a0.tmp\</t>
  </si>
  <si>
    <t>\\acsfs\profiles$\ISABELLEGTDS\Nova pasta\lu715209l06a0.tmp\META-INF\</t>
  </si>
  <si>
    <t>\\acsfs\profiles$\ISABELLEGTDS\Nova pasta\lu715209l06a0.tmp\Thumbnails\</t>
  </si>
  <si>
    <t>ac5090f2-8282-402d-b572-cdd797c1ef23.tmp</t>
  </si>
  <si>
    <t>\\acsfs\profiles$\sarahbal\Downloads\ac5090f2-8282-402d-b572-cdd797c1ef23.tmp</t>
  </si>
  <si>
    <t>ffeab2e3-b248-4f71-ad09-85c912c54624.tmp</t>
  </si>
  <si>
    <t>\\acsfs\profiles$\gabrielaff\Downloads\ffeab2e3-b248-4f71-ad09-85c912c54624.tmp</t>
  </si>
  <si>
    <t>5a93a456-29d0-4011-8cea-064a990e4eda.tmp</t>
  </si>
  <si>
    <t>\\acsfs\profiles$\gabrielamdp\Downloads\5a93a456-29d0-4011-8cea-064a990e4eda.tmp</t>
  </si>
  <si>
    <t>57db284c-da8f-42fa-a29f-56e05b0880dc.tmp</t>
  </si>
  <si>
    <t>\\acsfs\profiles$\gabrielamdp\Downloads\57db284c-da8f-42fa-a29f-56e05b0880dc.tmp</t>
  </si>
  <si>
    <t>lu97481506b.tmp</t>
  </si>
  <si>
    <t>\\acsfs\profiles$\Flaviojmm\My Documents\lu97481506b.tmp</t>
  </si>
  <si>
    <t>\\acsfs\profiles$\Flaviojmm\My Documents\lu97481506b.tmp\</t>
  </si>
  <si>
    <t>\\acsfs\profiles$\Flaviojmm\My Documents\lu97481506b.tmp\META-INF\</t>
  </si>
  <si>
    <t>\\acsfs\profiles$\Flaviojmm\My Documents\lu97481506b.tmp\Thumbnails\</t>
  </si>
  <si>
    <t>\\acsfs\ACS\Gabriel da Silva\Contemporânea\NPS\7665B5C.tmp\</t>
  </si>
  <si>
    <t>\\acsfs\ACS\Gabriel da Silva\Contemporânea\NPS\7665B5C.tmp\:Zone.Identifier:$DATA</t>
  </si>
  <si>
    <t>\\acsfs\ACS\Gabriel da Silva\Contemporânea\NPS\NPS SAC.xlsx\</t>
  </si>
  <si>
    <t>\\acsfs\ACS\Gabriel da Silva\Contemporânea\NPS\NPS SAC.xlsx</t>
  </si>
  <si>
    <t>\\acsfs\ACS\Gabriel da Silva\Contemporânea\NPS\56B28743.tmp\</t>
  </si>
  <si>
    <t>\\acsfs\ACS\Gabriel da Silva\Contemporânea\NPS\56B28743.tmp\:Zone.Identifier:$DATA</t>
  </si>
  <si>
    <t>lu79481asj7u.tmp</t>
  </si>
  <si>
    <t>\\acsfs\profiles$\jalilebds\Downloads\lu79481asj7u.tmp</t>
  </si>
  <si>
    <t>10.200.67.152</t>
  </si>
  <si>
    <t>74-86-7A-FB-18-CB</t>
  </si>
  <si>
    <t>VOTORANT-MB011</t>
  </si>
  <si>
    <t>REGIS AUGUSTO DA SILVA ABREU (20335).contact</t>
  </si>
  <si>
    <t>\\acsfs\profiles$\regisadsa\Contacts\REGIS AUGUSTO DA SILVA ABREU (20335).contact</t>
  </si>
  <si>
    <t>C:\Users\ericacdosc\Desktop\LATAM\Revisão_LP_LATAM (VF_Holding).pptx\</t>
  </si>
  <si>
    <t>lu91924clv8.tmp</t>
  </si>
  <si>
    <t>\\acsfs\profiles$\LUCASBS\RENEG BV\lu91924clv8.tmp</t>
  </si>
  <si>
    <t>\\acsfs\profiles$\LUCASBS\RENEG BV\lu91924clv8.tmp\</t>
  </si>
  <si>
    <t>\\acsfs\profiles$\LUCASBS\RENEG BV\lu91924clv8.tmp\META-INF\</t>
  </si>
  <si>
    <t>\\acsfs\profiles$\LUCASBS\RENEG BV\lu91924clv8.tmp\Thumbnails\</t>
  </si>
  <si>
    <t>52acf5bb-d8f8-480a-b1ff-20609d9be596.tmp</t>
  </si>
  <si>
    <t>\\acsfs\profiles$\KARENDSR\Downloads\52acf5bb-d8f8-480a-b1ff-20609d9be596.tmp</t>
  </si>
  <si>
    <t>b65d0499-d018-4415-98a4-92e26de8fff4.tmp</t>
  </si>
  <si>
    <t>\\acsfs\profiles$\ingridsm\Downloads\b65d0499-d018-4415-98a4-92e26de8fff4.tmp</t>
  </si>
  <si>
    <t>0ce45f9a-a39c-4f9b-af7d-dbaa274abe96.tmp</t>
  </si>
  <si>
    <t>\\acsfs\profiles$\ingridsm\Downloads\0ce45f9a-a39c-4f9b-af7d-dbaa274abe96.tmp</t>
  </si>
  <si>
    <t>\\acsfs\ACS\Gabriel da Silva\Contemporânea\NPS\E59E1AB6.tmp\</t>
  </si>
  <si>
    <t>\\acsfs\ACS\Gabriel da Silva\Contemporânea\NPS\E59E1AB6.tmp\:Zone.Identifier:$DATA</t>
  </si>
  <si>
    <t>\\acsfs\profiles$\alinepp\Contacts\</t>
  </si>
  <si>
    <t>ALINE PEREIRA PORFIRIO (13335).contact</t>
  </si>
  <si>
    <t>\\acsfs\profiles$\alinepp\Contacts\ALINE PEREIRA PORFIRIO (13335).contact</t>
  </si>
  <si>
    <t>\\acsfs\profiles$\alinepp\My Documents\My Videos\</t>
  </si>
  <si>
    <t>\\acsfs\profiles$\alinepp\My Documents\My Videos\desktop.ini</t>
  </si>
  <si>
    <t>\\acsfs\profiles$\alinepp\My Documents\My Pictures\desktop.ini</t>
  </si>
  <si>
    <t>\\acsfs\profiles$\alinepp\Contacts\desktop.ini</t>
  </si>
  <si>
    <t>\\acsfs\profiles$\alinepp\Favorites\</t>
  </si>
  <si>
    <t>\\acsfs\profiles$\alinepp\Favorites\desktop.ini</t>
  </si>
  <si>
    <t>\\acsfs\profiles$\alinepp\My Documents\My Music\</t>
  </si>
  <si>
    <t>\\acsfs\profiles$\alinepp\My Documents\My Music\desktop.ini</t>
  </si>
  <si>
    <t>\\acsfs\profiles$\alinepp\Searches\</t>
  </si>
  <si>
    <t>\\acsfs\profiles$\alinepp\Searches\desktop.ini</t>
  </si>
  <si>
    <t>\\acsfs\profiles$\alinepp\Downloads\desktop.ini</t>
  </si>
  <si>
    <t>\\acsfs\profiles$\alinepp\My Documents\</t>
  </si>
  <si>
    <t>\\acsfs\profiles$\alinepp\My Documents\desktop.ini</t>
  </si>
  <si>
    <t>\\acsfs\profiles$\alinepp\Saved Games\</t>
  </si>
  <si>
    <t>\\acsfs\profiles$\alinepp\Saved Games\desktop.ini</t>
  </si>
  <si>
    <t>\\acsfs\profiles$\alinepp\Favorites\Links for Brasil\</t>
  </si>
  <si>
    <t>\\acsfs\profiles$\alinepp\Favorites\Links for Brasil\desktop.ini</t>
  </si>
  <si>
    <t>\\acsfs\profiles$\alinepp\Favorites\Links for Brasil\Microsoft Brasil.url</t>
  </si>
  <si>
    <t>\\acsfs\profiles$\alinepp\Favorites\Links for Brasil\Windows Brasil.url</t>
  </si>
  <si>
    <t>\\acsfs\profiles$\alinepp\Favorites\Links for Brasil\MSN Brasil.url</t>
  </si>
  <si>
    <t>27c4164a-9e71-4851-b651-dfde96d52ceb.tmp</t>
  </si>
  <si>
    <t>\\acsfs\profiles$\alinepp\Downloads\27c4164a-9e71-4851-b651-dfde96d52ceb.tmp</t>
  </si>
  <si>
    <t>a3fd187a-40fe-4542-adcf-0f7e29c242ac.tmp</t>
  </si>
  <si>
    <t>\\acsfs\profiles$\alinepp\Downloads\a3fd187a-40fe-4542-adcf-0f7e29c242ac.tmp</t>
  </si>
  <si>
    <t>b92f3a98-9473-4638-aab7-79f0dd0ebd40.tmp</t>
  </si>
  <si>
    <t>\\acsfs\profiles$\inarajst\Downloads\b92f3a98-9473-4638-aab7-79f0dd0ebd40.tmp</t>
  </si>
  <si>
    <t>288c0e86-6c6a-491c-9496-d350ed705391.tmp</t>
  </si>
  <si>
    <t>\\acsfs\profiles$\inarajst\Downloads\288c0e86-6c6a-491c-9496-d350ed705391.tmp</t>
  </si>
  <si>
    <t>74864bc9-93f1-4299-a0e5-df9383bdc9b4.tmp</t>
  </si>
  <si>
    <t>\\acsfs\profiles$\brendadsl\Downloads\74864bc9-93f1-4299-a0e5-df9383bdc9b4.tmp</t>
  </si>
  <si>
    <t>10.200.58.105</t>
  </si>
  <si>
    <t>C:\Users\luanasdsa\AppData\Local\Temp\ENC_ Base de Categorização (LOG) - IMPORTANTE.msg\s133\</t>
  </si>
  <si>
    <t>Finalizações CORRENTISTA 27.08.2019 - amostra.xlsx</t>
  </si>
  <si>
    <t>1dfc817d-9f73-4609-b1cf-51ee1e313171.tmp</t>
  </si>
  <si>
    <t>\\acsfs\profiles$\lorraynevam\Downloads\1dfc817d-9f73-4609-b1cf-51ee1e313171.tmp</t>
  </si>
  <si>
    <t>QUINDAIZA APARECIDA GUEDES DA SILVA_1_6774823632598283497_1_32.wav</t>
  </si>
  <si>
    <t>\\acsfs\Deptos\EDUCACAO EMPRESARIAL\KÉSIA\Ligações 1º Ciclo - Janeiro 2020\QUINDAIZA APARECIDA GUEDES DA SILVA_1_6774823632598283497_1_32.wav</t>
  </si>
  <si>
    <t>Modelo Monitoria - 3º ciclo - Cópia.txt</t>
  </si>
  <si>
    <t>\\acsfs\Deptos\EDUCACAO EMPRESARIAL\KÉSIA\Modelo Monitoria - 3º ciclo - Cópia.txt</t>
  </si>
  <si>
    <t>\\acsfs\DEPTOS\Operacao\PCP\5 - Comum\ACOMPANHAMENTO AMEX\10- Acompanhamento PF\BACKOFFICE PF\01-BO_AGENCIAS\02 - PAINEL IMPRODUTIVIDADE\2019\12 - Dezembro\</t>
  </si>
  <si>
    <t>Painel de Improdutividade Agências - Dezembro - Fechamento.xlsx</t>
  </si>
  <si>
    <t>lu160601062x4.tmp</t>
  </si>
  <si>
    <t>\\acsfs\profiles$\marcellewdl\My Documents\lu160601062x4.tmp</t>
  </si>
  <si>
    <t>\\acsfs\profiles$\marcellewdl\My Documents\lu160601062x4.tmp\</t>
  </si>
  <si>
    <t>\\acsfs\profiles$\marcellewdl\My Documents\lu160601062x4.tmp\META-INF\</t>
  </si>
  <si>
    <t>\\acsfs\profiles$\marcellewdl\My Documents\lu160601062x4.tmp\Thumbnails\</t>
  </si>
  <si>
    <t>HENRIQUE CASSIANO OLIVEIRA (13).contact</t>
  </si>
  <si>
    <t>\\acsfs\profiles$\henriqueco\Contacts\HENRIQUE CASSIANO OLIVEIRA (13).contact</t>
  </si>
  <si>
    <t>\\acsfs\profiles$\henriqueco\Saved Games\</t>
  </si>
  <si>
    <t>\\acsfs\profiles$\HENRIQUECO\Favorites\Links for Brasil\</t>
  </si>
  <si>
    <t>\\acsfs\profiles$\HENRIQUECO\Favorites\Links for Brasil\desktop.ini</t>
  </si>
  <si>
    <t>\\acsfs\profiles$\HENRIQUECO\Favorites\Links for Brasil\Microsoft Brasil.url</t>
  </si>
  <si>
    <t>\\acsfs\profiles$\HENRIQUECO\Favorites\Links for Brasil\Windows Brasil.url</t>
  </si>
  <si>
    <t>\\acsfs\profiles$\HENRIQUECO\Favorites\Links for Brasil\MSN Brasil.url</t>
  </si>
  <si>
    <t>lu97481506g.tmp</t>
  </si>
  <si>
    <t>\\acsfs\profiles$\Flaviojmm\My Documents\lu97481506g.tmp</t>
  </si>
  <si>
    <t>\\acsfs\profiles$\Flaviojmm\My Documents\lu97481506g.tmp\</t>
  </si>
  <si>
    <t>\\acsfs\profiles$\Flaviojmm\My Documents\lu97481506g.tmp\META-INF\</t>
  </si>
  <si>
    <t>\\acsfs\profiles$\Flaviojmm\My Documents\lu97481506g.tmp\Thumbnails\</t>
  </si>
  <si>
    <t>8c94240e-2132-422a-918c-89e8d2437530.tmp</t>
  </si>
  <si>
    <t>\\acsfs\profiles$\alinepp\Downloads\8c94240e-2132-422a-918c-89e8d2437530.tmp</t>
  </si>
  <si>
    <t>1b932abd-cbce-47e7-8b92-a99943616837.tmp</t>
  </si>
  <si>
    <t>\\acsfs\profiles$\alinepp\Downloads\1b932abd-cbce-47e7-8b92-a99943616837.tmp</t>
  </si>
  <si>
    <t>7d646a25-b8e9-475e-ade1-ae30411b0208.tmp</t>
  </si>
  <si>
    <t>\\acsfs\profiles$\alinepp\Downloads\7d646a25-b8e9-475e-ade1-ae30411b0208.tmp</t>
  </si>
  <si>
    <t>fa935319-545a-4586-a641-fb58e612342d.tmp</t>
  </si>
  <si>
    <t>\\acsfs\profiles$\larissaad\Downloads\fa935319-545a-4586-a641-fb58e612342d.tmp</t>
  </si>
  <si>
    <t>b78408f3-7a63-4893-9cc6-c58669689d13.tmp</t>
  </si>
  <si>
    <t>\\acsfs\profiles$\matheusmax\Downloads\b78408f3-7a63-4893-9cc6-c58669689d13.tmp</t>
  </si>
  <si>
    <t>f620a275-b5e8-4d7e-a4cf-7520e0f8137c.tmp</t>
  </si>
  <si>
    <t>\\acsfs\profiles$\matheusmax\Downloads\f620a275-b5e8-4d7e-a4cf-7520e0f8137c.tmp</t>
  </si>
  <si>
    <t>\\acsfs\Deptos\EDUCACAO EMPRESARIAL\KÉSIA\A36A9D3A.tmp\</t>
  </si>
  <si>
    <t>\\acsfs\Deptos\EDUCACAO EMPRESARIAL\KÉSIA\A36A9D3A.tmp\:Zone.Identifier:$DATA</t>
  </si>
  <si>
    <t>5c70a4b0-8341-4030-a76a-9044e23ddda1.tmp</t>
  </si>
  <si>
    <t>\\acsfs\profiles$\lorraynevam\Downloads\5c70a4b0-8341-4030-a76a-9044e23ddda1.tmp</t>
  </si>
  <si>
    <t>\\acsfs\profiles$\lorraynevam\Downloads\5c70a4b0-8341-4030-a76a-9044e23ddda1.tmp\</t>
  </si>
  <si>
    <t>\\acsfs\profiles$\lorraynevam\Downloads\5c70a4b0-8341-4030-a76a-9044e23ddda1.tmp\META-INF\</t>
  </si>
  <si>
    <t>\\acsfs\profiles$\lorraynevam\Downloads\5c70a4b0-8341-4030-a76a-9044e23ddda1.tmp\Thumbnails\</t>
  </si>
  <si>
    <t>.~lock.Controle de vendas (1).ods#</t>
  </si>
  <si>
    <t>\\acsfs\profiles$\lorraynevam\Downloads\.~lock.Controle de vendas (1).ods#</t>
  </si>
  <si>
    <t>\\acsfs\DEPTOS\Operacao\PCP\5 - Comum\ACOMPANHAMENTO AMEX\10- Acompanhamento PF\BACKOFFICE PF\04-CONTROLES INTERNOS\04 - PAINEL IMPRODUTIVIDADE\2019\12 - Dezembro\</t>
  </si>
  <si>
    <t>Painel de Improdutividade - Controles Internos - Dezembro - Fechamento.xlsx</t>
  </si>
  <si>
    <t>343db5c4-a48f-4fd1-912e-67c0e6e0915b.tmp</t>
  </si>
  <si>
    <t>\\acsfs\profiles$\laylaams\Downloads\343db5c4-a48f-4fd1-912e-67c0e6e0915b.tmp</t>
  </si>
  <si>
    <t>f21383a9-c8a8-4563-b67f-e7521976d01c.tmp</t>
  </si>
  <si>
    <t>\\acsfs\profiles$\laylaams\Downloads\f21383a9-c8a8-4563-b67f-e7521976d01c.tmp</t>
  </si>
  <si>
    <t>92d79e99-915c-46f7-8978-aae332898f27.tmp</t>
  </si>
  <si>
    <t>\\acsfs\profiles$\victorgl\Downloads\92d79e99-915c-46f7-8978-aae332898f27.tmp</t>
  </si>
  <si>
    <t>6373a71f-5300-443d-b0e4-a91748da5379.tmp</t>
  </si>
  <si>
    <t>\\acsfs\profiles$\sarahbal\Downloads\6373a71f-5300-443d-b0e4-a91748da5379.tmp</t>
  </si>
  <si>
    <t>mail.google.com/_/upload?authuser=0&amp;dcp=asu-n&amp;upload_id=AEnB2UrIHeUWw9OrP_ESQP5K-dc3fYzycfyuszmsEXEcaLR5pHMvjIu3eQ9ALb2eXSqsUKkX-4ehidQ6ZBULZDE8O3K2hIcL2A&amp;upload_protocol=resumable</t>
  </si>
  <si>
    <t>D:\AlgarTech\Planejamento_Engenharia\Opex\2020 - Solicitacoes\Hitachi-HUS-VM-Brocade\</t>
  </si>
  <si>
    <t>Formulário Compra - Proposta Comercial Renovação de Contrato de Manutenção - ALGAR TI - 2020 v3 - Hitachi.xlsx</t>
  </si>
  <si>
    <t>ALEXANDRE MILHOMEM MARACAIPE_1_6773626784126674235_1_32.wav</t>
  </si>
  <si>
    <t>\\acsfs\Deptos\EDUCACAO EMPRESARIAL\KÉSIA\Ligações 1º Ciclo - Janeiro 2020\ALEXANDRE MILHOMEM MARACAIPE_1_6773626784126674235_1_32.wav</t>
  </si>
  <si>
    <t>6ce7e9c2-5b81-41b4-87aa-49905f622415.tmp</t>
  </si>
  <si>
    <t>\\acsfs\profiles$\philipegsf\Downloads\6ce7e9c2-5b81-41b4-87aa-49905f622415.tmp</t>
  </si>
  <si>
    <t>IMG_1065.jpg</t>
  </si>
  <si>
    <t>IMG_1068.jpg</t>
  </si>
  <si>
    <t>IMG_1066.jpg</t>
  </si>
  <si>
    <t>IMG_1067.jpg</t>
  </si>
  <si>
    <t>e1d5093a-d3bb-47d5-a70f-cfc15ac97dd4.tmp</t>
  </si>
  <si>
    <t>\\acsfs\profiles$\gabrielamdp\Downloads\e1d5093a-d3bb-47d5-a70f-cfc15ac97dd4.tmp</t>
  </si>
  <si>
    <t>f4e19b90-5207-42ec-90ea-1b55d394c6e3.tmp</t>
  </si>
  <si>
    <t>\\acsfs\profiles$\gabrielamdp\Downloads\f4e19b90-5207-42ec-90ea-1b55d394c6e3.tmp</t>
  </si>
  <si>
    <t>dfa5c642-0a0a-425c-9f5d-72a26d8e4e6c.tmp</t>
  </si>
  <si>
    <t>\\acsfs\profiles$\gabrielamdp\Downloads\dfa5c642-0a0a-425c-9f5d-72a26d8e4e6c.tmp</t>
  </si>
  <si>
    <t>6c71e63a-305d-4294-bcef-a74f9beaf995.tmp</t>
  </si>
  <si>
    <t>\\acsfs\profiles$\gabrielamdp\Downloads\6c71e63a-305d-4294-bcef-a74f9beaf995.tmp</t>
  </si>
  <si>
    <t>9f10931a-4c8f-4606-9671-c0044abaed53.tmp</t>
  </si>
  <si>
    <t>\\acsfs\profiles$\victorgl\Downloads\9f10931a-4c8f-4606-9671-c0044abaed53.tmp</t>
  </si>
  <si>
    <t>7f0aedf2-be14-40bd-8719-b56047d50005.tmp</t>
  </si>
  <si>
    <t>\\acsfs\profiles$\philipegsf\Downloads\7f0aedf2-be14-40bd-8719-b56047d50005.tmp</t>
  </si>
  <si>
    <t>9ad9ba55-2513-4d4d-ae38-61396bfaed26.tmp</t>
  </si>
  <si>
    <t>\\acsfs\profiles$\regisadsa\Downloads\9ad9ba55-2513-4d4d-ae38-61396bfaed26.tmp</t>
  </si>
  <si>
    <t>d1ead487-3954-4abe-83b8-3c152dd71cd0.tmp</t>
  </si>
  <si>
    <t>\\acsfs\profiles$\regisadsa\Downloads\d1ead487-3954-4abe-83b8-3c152dd71cd0.tmp</t>
  </si>
  <si>
    <t>638fa8d7-4083-4cd9-a37b-daabe011a62e.tmp</t>
  </si>
  <si>
    <t>\\acsfs\profiles$\luanaagl\Downloads\638fa8d7-4083-4cd9-a37b-daabe011a62e.tmp</t>
  </si>
  <si>
    <t>e463308b-d6f4-4002-aac4-4c5d98afccf1.tmp</t>
  </si>
  <si>
    <t>\\acsfs\profiles$\luanaagl\Downloads\e463308b-d6f4-4002-aac4-4c5d98afccf1.tmp</t>
  </si>
  <si>
    <t>8ed6ce96-4d6c-4873-b67a-aa1c76f53fbb.tmp</t>
  </si>
  <si>
    <t>\\acsfs\profiles$\luanaagl\Downloads\8ed6ce96-4d6c-4873-b67a-aa1c76f53fbb.tmp</t>
  </si>
  <si>
    <t>21511483-502a-4c77-8492-1c982db39958.tmp</t>
  </si>
  <si>
    <t>\\acsfs\profiles$\luanaagl\Downloads\21511483-502a-4c77-8492-1c982db39958.tmp</t>
  </si>
  <si>
    <t>b24968f9-92b8-4455-b91d-c950a5be68b4.tmp</t>
  </si>
  <si>
    <t>\\acsfs\profiles$\gabrielamdp\Downloads\b24968f9-92b8-4455-b91d-c950a5be68b4.tmp</t>
  </si>
  <si>
    <t>ea6ceaca-b030-4b45-ba7b-54b430faa703.tmp</t>
  </si>
  <si>
    <t>\\acsfs\profiles$\vivianibfs\Downloads\ea6ceaca-b030-4b45-ba7b-54b430faa703.tmp</t>
  </si>
  <si>
    <t>aee63d7f-bf28-4ee2-bac1-68f37602844f.tmp</t>
  </si>
  <si>
    <t>\\acsfs\profiles$\vivianibfs\Downloads\aee63d7f-bf28-4ee2-bac1-68f37602844f.tmp</t>
  </si>
  <si>
    <t>6cbabbdc-c30a-4fba-8b06-8e5297dc59ab.tmp</t>
  </si>
  <si>
    <t>\\acsfs\profiles$\vivianibfs\Downloads\6cbabbdc-c30a-4fba-8b06-8e5297dc59ab.tmp</t>
  </si>
  <si>
    <t>610a8342-7382-4782-80e1-f35cdde9637d.tmp</t>
  </si>
  <si>
    <t>\\acsfs\profiles$\vivianibfs\Downloads\610a8342-7382-4782-80e1-f35cdde9637d.tmp</t>
  </si>
  <si>
    <t>lu97481506l.tmp</t>
  </si>
  <si>
    <t>\\acsfs\profiles$\Flaviojmm\My Documents\lu97481506l.tmp</t>
  </si>
  <si>
    <t>\\acsfs\profiles$\Flaviojmm\My Documents\lu97481506l.tmp\</t>
  </si>
  <si>
    <t>\\acsfs\profiles$\Flaviojmm\My Documents\lu97481506l.tmp\META-INF\</t>
  </si>
  <si>
    <t>\\acsfs\profiles$\Flaviojmm\My Documents\lu97481506l.tmp\Thumbnails\</t>
  </si>
  <si>
    <t>lu97481506q.tmp</t>
  </si>
  <si>
    <t>\\acsfs\profiles$\Flaviojmm\My Documents\lu97481506q.tmp</t>
  </si>
  <si>
    <t>\\acsfs\profiles$\Flaviojmm\My Documents\lu97481506q.tmp\</t>
  </si>
  <si>
    <t>\\acsfs\profiles$\Flaviojmm\My Documents\lu97481506q.tmp\META-INF\</t>
  </si>
  <si>
    <t>\\acsfs\profiles$\Flaviojmm\My Documents\lu97481506q.tmp\Thumbnails\</t>
  </si>
  <si>
    <t>e6c9fdb0-6a4c-48cc-9bb2-924fc66b6613.tmp</t>
  </si>
  <si>
    <t>\\acsfs\profiles$\brunalas\Downloads\e6c9fdb0-6a4c-48cc-9bb2-924fc66b6613.tmp</t>
  </si>
  <si>
    <t>lu79481asj7x.tmp</t>
  </si>
  <si>
    <t>\\acsfs\profiles$\jalilebds\Downloads\lu79481asj7x.tmp</t>
  </si>
  <si>
    <t>lu91924clvl.tmp</t>
  </si>
  <si>
    <t>\\acsfs\profiles$\LUCASBS\RENEG BV\lu91924clvl.tmp</t>
  </si>
  <si>
    <t>\\acsfs\profiles$\LUCASBS\RENEG BV\lu91924clvl.tmp\</t>
  </si>
  <si>
    <t>\\acsfs\profiles$\LUCASBS\RENEG BV\lu91924clvl.tmp\META-INF\</t>
  </si>
  <si>
    <t>\\acsfs\profiles$\LUCASBS\RENEG BV\lu91924clvl.tmp\Thumbnails\</t>
  </si>
  <si>
    <t>.~lock.RENEG BV - Venc 08.01.2020 - Lucas.ods#</t>
  </si>
  <si>
    <t>\\acsfs\profiles$\LUCASBS\RENEG BV\Consolidado\.~lock.RENEG BV - Venc 08.01.2020 - Lucas.ods#</t>
  </si>
  <si>
    <t>lu11136ddw19.tmp</t>
  </si>
  <si>
    <t>\\acsfs\profiles$\LUCASBS\RENEG BV\Consolidado\lu11136ddw19.tmp</t>
  </si>
  <si>
    <t>\\acsfs\profiles$\LUCASBS\RENEG BV\Consolidado\lu11136ddw19.tmp\</t>
  </si>
  <si>
    <t>\\acsfs\profiles$\LUCASBS\RENEG BV\Consolidado\lu11136ddw19.tmp\META-INF\</t>
  </si>
  <si>
    <t>\\acsfs\profiles$\LUCASBS\RENEG BV\Consolidado\lu11136ddw19.tmp\Thumbnails\</t>
  </si>
  <si>
    <t>lu2732dellx.tmp</t>
  </si>
  <si>
    <t>\\acsfs\profiles$\LUCASBS\RENEG BV\Consolidado\lu2732dellx.tmp</t>
  </si>
  <si>
    <t>\\acsfs\profiles$\LUCASBS\RENEG BV\Consolidado\lu2732dellx.tmp\</t>
  </si>
  <si>
    <t>\\acsfs\profiles$\LUCASBS\RENEG BV\Consolidado\lu2732dellx.tmp\META-INF\</t>
  </si>
  <si>
    <t>\\acsfs\profiles$\LUCASBS\RENEG BV\Consolidado\lu2732dellx.tmp\Thumbnails\</t>
  </si>
  <si>
    <t>11123;</t>
  </si>
  <si>
    <t>https://11123</t>
  </si>
  <si>
    <t>281fd8dd-f3e7-4e36-90df-2ceb385d54a5.tmp</t>
  </si>
  <si>
    <t>\\acsfs\profiles$\karinarm\Downloads\281fd8dd-f3e7-4e36-90df-2ceb385d54a5.tmp</t>
  </si>
  <si>
    <t>55fdb986-74a4-49f8-a81d-aed173391472.tmp</t>
  </si>
  <si>
    <t>\\acsfs\profiles$\henriqueco\Downloads\55fdb986-74a4-49f8-a81d-aed173391472.tmp</t>
  </si>
  <si>
    <t>a3652fa5-b9cf-45f6-ba82-2f5083f7f5d6.tmp</t>
  </si>
  <si>
    <t>\\acsfs\profiles$\henriqueco\Downloads\a3652fa5-b9cf-45f6-ba82-2f5083f7f5d6.tmp</t>
  </si>
  <si>
    <t>3e6a2c79-22c9-493c-8aa8-a905235b30d8.tmp</t>
  </si>
  <si>
    <t>\\acsfs\profiles$\henriqueco\Downloads\3e6a2c79-22c9-493c-8aa8-a905235b30d8.tmp</t>
  </si>
  <si>
    <t>d27031d4-82fa-4310-a01b-e31af44903d4.tmp</t>
  </si>
  <si>
    <t>\\acsfs\profiles$\JOAOVAL\Downloads\d27031d4-82fa-4310-a01b-e31af44903d4.tmp</t>
  </si>
  <si>
    <t>4c5d1543-3fde-4f40-8f8e-166bdc251539.tmp</t>
  </si>
  <si>
    <t>\\acsfs\profiles$\mariajra\Downloads\4c5d1543-3fde-4f40-8f8e-166bdc251539.tmp</t>
  </si>
  <si>
    <t>f419ce5d-0835-4878-9a5b-b4a2e9b998eb.tmp</t>
  </si>
  <si>
    <t>\\acsfs\profiles$\vivianibfs\Downloads\f419ce5d-0835-4878-9a5b-b4a2e9b998eb.tmp</t>
  </si>
  <si>
    <t>ac0747b6-2f71-4b7f-bea2-8c14cdae83e0.tmp</t>
  </si>
  <si>
    <t>\\acsfs\profiles$\vivianibfs\Downloads\ac0747b6-2f71-4b7f-bea2-8c14cdae83e0.tmp</t>
  </si>
  <si>
    <t>a2f7ce8a-9a82-46a3-9cfb-e7d13ea80e96.tmp</t>
  </si>
  <si>
    <t>\\acsfs\profiles$\brunalas\Downloads\a2f7ce8a-9a82-46a3-9cfb-e7d13ea80e96.tmp</t>
  </si>
  <si>
    <t>100014066415799;</t>
  </si>
  <si>
    <t>https://100014066415799</t>
  </si>
  <si>
    <t>Relatorio de Vendas - Auditoria BV Cartoes (Janeiro) - Cópia.xlsx</t>
  </si>
  <si>
    <t>\\acsfs\DEPTOS\Operacao\Banco_Votorantim\Qualidade\Anderson\Jose\Atualizado\Relatorio de Vendas - Auditoria BV Cartoes (Janeiro) - Cópia.xlsx</t>
  </si>
  <si>
    <t>patriciaars@algartech.com;</t>
  </si>
  <si>
    <t>\\acsfs\dsti\Precificações\09 - TESTES\2020\01 - Janeiro\Erros\</t>
  </si>
  <si>
    <t>\\acsfs\dsti\Precificações\09 - TESTES\2020\01 - Janeiro\Erros\Plan Precificacao C018 B018.xlsb\</t>
  </si>
  <si>
    <t>mail.google.com/_/upload?authuser=0&amp;dcp=asu-n&amp;upload_id=AEnB2UrTVe3KVqXihUBJK7Hx14UgHdxDxN1y8Y3INwPKB6P0gqJkvXXPJYSvfSLiAdeGzs8RZaMwcQCcSPf0vWVJAPBMPqXf0w&amp;upload_protocol=resumable</t>
  </si>
  <si>
    <t>Plan Precificacao C019 B019.xlsb</t>
  </si>
  <si>
    <t>\\acsfs\dsti\Precificações\09 - TESTES\2020\01 - Janeiro\Erros\Plan Precificacao C019 B019.xlsb\</t>
  </si>
  <si>
    <t>c5150a06-20e8-4197-9158-18c3bbb0a412.tmp</t>
  </si>
  <si>
    <t>\\acsfs\profiles$\luanaagl\Downloads\c5150a06-20e8-4197-9158-18c3bbb0a412.tmp</t>
  </si>
  <si>
    <t>mail.google.com/_/upload?authuser=0&amp;dcp=asu-n&amp;upload_id=AEnB2UpwUxJY9fao3PzFjlGUk3jeLT71OcEBlW4SRBRuuNAsFeElpElzgadEUU728Z1SgsB7uOfHHnvvEqx1drUQ-CCGvhZdlW8rY5TRZ9wjeUt-3NK0twQ&amp;upload_protocol=resumable</t>
  </si>
  <si>
    <t>C:\Users\ericacdosc\Desktop\Nimbus\Entregas 02-01\</t>
  </si>
  <si>
    <t>Relatório Inventário FA Corp Consolidado_atualizado_Software_Nov19.xlsb</t>
  </si>
  <si>
    <t>SAGE BRASIL SOFTWARE S.A.xls</t>
  </si>
  <si>
    <t>lu2732delm2.tmp</t>
  </si>
  <si>
    <t>\\acsfs\profiles$\LUCASBS\RENEG BV\Consolidado\lu2732delm2.tmp</t>
  </si>
  <si>
    <t>\\acsfs\profiles$\LUCASBS\RENEG BV\Consolidado\lu2732delm2.tmp\</t>
  </si>
  <si>
    <t>\\acsfs\profiles$\LUCASBS\RENEG BV\Consolidado\lu2732delm2.tmp\META-INF\</t>
  </si>
  <si>
    <t>\\acsfs\profiles$\LUCASBS\RENEG BV\Consolidado\lu2732delm2.tmp\Thumbnails\</t>
  </si>
  <si>
    <t>8f9da411-f1c2-4795-a1af-2bb2d26096e3.tmp</t>
  </si>
  <si>
    <t>\\acsfs\profiles$\brendavdoa\Downloads\8f9da411-f1c2-4795-a1af-2bb2d26096e3.tmp</t>
  </si>
  <si>
    <t>f197bce1-393a-44dc-91b8-ccb7beb6ce20.tmp</t>
  </si>
  <si>
    <t>\\acsfs\profiles$\fabianafv\Downloads\f197bce1-393a-44dc-91b8-ccb7beb6ce20.tmp</t>
  </si>
  <si>
    <t>caf6de32-6f01-4296-8dbe-be6ea37c553e.tmp</t>
  </si>
  <si>
    <t>\\acsfs\profiles$\fabianobmf\Downloads\caf6de32-6f01-4296-8dbe-be6ea37c553e.tmp</t>
  </si>
  <si>
    <t>lu261206l55sm.tmp</t>
  </si>
  <si>
    <t>\\acsfs\profiles$\CINTIADCF\lu261206l55sm.tmp</t>
  </si>
  <si>
    <t>\\acsfs\profiles$\CINTIADCF\lu261206l55sm.tmp\</t>
  </si>
  <si>
    <t>\\acsfs\profiles$\CINTIADCF\lu261206l55sm.tmp\META-INF\</t>
  </si>
  <si>
    <t>\\acsfs\profiles$\CINTIADCF\lu261206l55sm.tmp\Thumbnails\</t>
  </si>
  <si>
    <t>70cc0166-2f63-4831-af5a-484cea7c192d.tmp</t>
  </si>
  <si>
    <t>\\acsfs\profiles$\cintiadjl\Downloads\70cc0166-2f63-4831-af5a-484cea7c192d.tmp</t>
  </si>
  <si>
    <t>2a78f0a7-ec67-4879-adcd-a37680c38c98.tmp</t>
  </si>
  <si>
    <t>\\acsfs\profiles$\LAISLG\Downloads\2a78f0a7-ec67-4879-adcd-a37680c38c98.tmp</t>
  </si>
  <si>
    <t>1b601ecf-ca17-41d7-840f-16dc39e573b7.tmp</t>
  </si>
  <si>
    <t>\\acsfs\profiles$\LAISLG\Downloads\1b601ecf-ca17-41d7-840f-16dc39e573b7.tmp</t>
  </si>
  <si>
    <t>106c5348-6912-4da5-9087-207da59858ad.tmp</t>
  </si>
  <si>
    <t>\\acsfs\profiles$\cintiadjl\Downloads\106c5348-6912-4da5-9087-207da59858ad.tmp</t>
  </si>
  <si>
    <t>c050d4c5-1ae0-4a9d-8998-d0061e2b1dd4.tmp</t>
  </si>
  <si>
    <t>\\acsfs\profiles$\philipegsf\Downloads\c050d4c5-1ae0-4a9d-8998-d0061e2b1dd4.tmp</t>
  </si>
  <si>
    <t>lu2732delm7.tmp</t>
  </si>
  <si>
    <t>\\acsfs\profiles$\LUCASBS\RENEG BV\Consolidado\lu2732delm7.tmp</t>
  </si>
  <si>
    <t>\\acsfs\profiles$\LUCASBS\RENEG BV\Consolidado\lu2732delm7.tmp\</t>
  </si>
  <si>
    <t>\\acsfs\profiles$\LUCASBS\RENEG BV\Consolidado\lu2732delm7.tmp\META-INF\</t>
  </si>
  <si>
    <t>\\acsfs\profiles$\LUCASBS\RENEG BV\Consolidado\lu2732delm7.tmp\Thumbnails\</t>
  </si>
  <si>
    <t>bfd909d9-5591-40d2-9841-5373a6c03660.tmp</t>
  </si>
  <si>
    <t>\\acsfs\profiles$\rafaelacdoc\Downloads\bfd909d9-5591-40d2-9841-5373a6c03660.tmp</t>
  </si>
  <si>
    <t>01c3bb7a-2300-41ca-bba2-0fd33f4e74ff.tmp</t>
  </si>
  <si>
    <t>\\acsfs\profiles$\rafaelacdoc\Downloads\01c3bb7a-2300-41ca-bba2-0fd33f4e74ff.tmp</t>
  </si>
  <si>
    <t>1ff8a3b0-f6ec-473c-9911-82122532194c.tmp</t>
  </si>
  <si>
    <t>\\acsfs\profiles$\fabianafv\Downloads\1ff8a3b0-f6ec-473c-9911-82122532194c.tmp</t>
  </si>
  <si>
    <t>c896a002-ca8e-4510-a449-e19b680952a2.tmp</t>
  </si>
  <si>
    <t>\\acsfs\profiles$\fabianobmf\Downloads\c896a002-ca8e-4510-a449-e19b680952a2.tmp</t>
  </si>
  <si>
    <t>100014136373615;</t>
  </si>
  <si>
    <t>https://100014136373615</t>
  </si>
  <si>
    <t>832e03f5-d50f-461b-a949-b3efd63748ff.tmp</t>
  </si>
  <si>
    <t>\\acsfs\profiles$\brendadsl\Downloads\832e03f5-d50f-461b-a949-b3efd63748ff.tmp</t>
  </si>
  <si>
    <t>RAFAELA MARQUES SOUZA VALIM_1_6775136340577159913_1_32.wav</t>
  </si>
  <si>
    <t>\\acsfs\Deptos\EDUCACAO EMPRESARIAL\KÉSIA\Ligações 1º Ciclo - Janeiro 2020\RAFAELA MARQUES SOUZA VALIM_1_6775136340577159913_1_32.wav</t>
  </si>
  <si>
    <t>6b01e160-0a7b-4873-84c4-6596b1b74ccd.tmp</t>
  </si>
  <si>
    <t>\\acsfs\profiles$\cintiadjl\Downloads\6b01e160-0a7b-4873-84c4-6596b1b74ccd.tmp</t>
  </si>
  <si>
    <t>310bddfa-3457-4c14-8dde-329071e898d1.tmp</t>
  </si>
  <si>
    <t>\\acsfs\profiles$\cintiadjl\Downloads\310bddfa-3457-4c14-8dde-329071e898d1.tmp</t>
  </si>
  <si>
    <t>Relatorio de Vendas - Auditoria BV Cartoes (Janeiro) -cliente.xlsx</t>
  </si>
  <si>
    <t>\\acsfs\DEPTOS\Operacao\Banco_Votorantim\Qualidade\Anderson\Jose\Atualizado\Relatorio de Vendas - Auditoria BV Cartoes (Janeiro) -cliente.xlsx</t>
  </si>
  <si>
    <t>Relatorio de Vendas - Auditoria BV Cartoes (Janeiro) -cliente - Cópia.xlsx</t>
  </si>
  <si>
    <t>\\acsfs\DEPTOS\Operacao\Banco_Votorantim\Qualidade\Anderson\Jose\Atualizado\Relatorio de Vendas - Auditoria BV Cartoes (Janeiro) -cliente - Cópia.xlsx</t>
  </si>
  <si>
    <t>Relatorio de Vendas - Auditoria BV Cartoes (Janeiro) -correto - cliente - Cópia.xlsx</t>
  </si>
  <si>
    <t>\\acsfs\DEPTOS\Operacao\Banco_Votorantim\Qualidade\Anderson\Jose\Atualizado\Relatorio de Vendas - Auditoria BV Cartoes (Janeiro) -correto - cliente - Cópia.xlsx</t>
  </si>
  <si>
    <t>GABRIELA FERREIRA SILVA (17206).contact</t>
  </si>
  <si>
    <t>\\acsfs\profiles$\gabrielafs\Contacts\GABRIELA FERREIRA SILVA (17206).contact</t>
  </si>
  <si>
    <t>ec6bfe22-cf9e-4969-bac0-c058f4ba4c4b.tmp</t>
  </si>
  <si>
    <t>\\acsfs\profiles$\regisedsj\Downloads\ec6bfe22-cf9e-4969-bac0-c058f4ba4c4b.tmp</t>
  </si>
  <si>
    <t>lu97481506z.tmp</t>
  </si>
  <si>
    <t>\\acsfs\profiles$\Flaviojmm\My Documents\lu97481506z.tmp</t>
  </si>
  <si>
    <t>\\acsfs\profiles$\Flaviojmm\My Documents\lu97481506z.tmp\</t>
  </si>
  <si>
    <t>\\acsfs\profiles$\Flaviojmm\My Documents\lu97481506z.tmp\META-INF\</t>
  </si>
  <si>
    <t>\\acsfs\profiles$\Flaviojmm\My Documents\lu97481506z.tmp\Thumbnails\</t>
  </si>
  <si>
    <t>6b357acb-08f2-4204-8877-18734e3595dd.tmp</t>
  </si>
  <si>
    <t>\\acsfs\profiles$\inarajst\Downloads\6b357acb-08f2-4204-8877-18734e3595dd.tmp</t>
  </si>
  <si>
    <t>c1ef5e6a-26f8-4d30-8a28-55c778c3f0b8.tmp</t>
  </si>
  <si>
    <t>\\acsfs\profiles$\inarajst\Downloads\c1ef5e6a-26f8-4d30-8a28-55c778c3f0b8.tmp</t>
  </si>
  <si>
    <t>44d2623f-fc84-4439-9da8-5948897749e3.tmp</t>
  </si>
  <si>
    <t>\\acsfs\profiles$\larissaad\Downloads\44d2623f-fc84-4439-9da8-5948897749e3.tmp</t>
  </si>
  <si>
    <t>3cba9824-b317-461a-8570-d8d42dabd50d.tmp</t>
  </si>
  <si>
    <t>\\acsfs\profiles$\larissaad\Downloads\3cba9824-b317-461a-8570-d8d42dabd50d.tmp</t>
  </si>
  <si>
    <t>\\acsfs\profiles$\fernandofs\My Documents\My Pictures\</t>
  </si>
  <si>
    <t>\\acsfs\profiles$\fernandofs\My Documents\My Videos\desktop.ini</t>
  </si>
  <si>
    <t>\\acsfs\profiles$\fernandofs\My Documents\My Videos\</t>
  </si>
  <si>
    <t>\\acsfs\profiles$\fernandofs\My Documents\My Music\</t>
  </si>
  <si>
    <t>\\acsfs\profiles$\fernandofs\My Documents\My Pictures\desktop.ini</t>
  </si>
  <si>
    <t>\\acsfs\profiles$\fernandofs\Contacts\</t>
  </si>
  <si>
    <t>\\acsfs\profiles$\fernandofs\Contacts\desktop.ini</t>
  </si>
  <si>
    <t>\\acsfs\profiles$\fernandofs\My Documents\</t>
  </si>
  <si>
    <t>\\acsfs\profiles$\fernandofs\Favorites\desktop.ini</t>
  </si>
  <si>
    <t>\\acsfs\profiles$\fernandofs\My Documents\My Music\desktop.ini</t>
  </si>
  <si>
    <t>\\acsfs\profiles$\fernandofs\Searches\</t>
  </si>
  <si>
    <t>\\acsfs\profiles$\fernandofs\Searches\desktop.ini</t>
  </si>
  <si>
    <t>\\acsfs\profiles$\fernandofs\Downloads\desktop.ini</t>
  </si>
  <si>
    <t>\\acsfs\profiles$\fernandofs\Favorites\</t>
  </si>
  <si>
    <t>\\acsfs\profiles$\fernandofs\My Documents\desktop.ini</t>
  </si>
  <si>
    <t>\\acsfs\profiles$\fernandofs\Saved Games\desktop.ini</t>
  </si>
  <si>
    <t>Relatorio de Vendas - Auditoria BV Cartoes (Janeiro) -correto - cliente.xlsx</t>
  </si>
  <si>
    <t>\\acsfs\DEPTOS\Operacao\Banco_Votorantim\Qualidade\Anderson\Jose\Atualizado\Relatorio de Vendas - Auditoria BV Cartoes (Janeiro) -correto - cliente.xlsx</t>
  </si>
  <si>
    <t>Relatorio de Vendas - Auditoria BV Cartoes (Janeiro) -correto - supervisor.xlsx</t>
  </si>
  <si>
    <t>\\acsfs\DEPTOS\Operacao\Banco_Votorantim\Qualidade\Anderson\Jose\Atualizado\Relatorio de Vendas - Auditoria BV Cartoes (Janeiro) -correto - supervisor.xlsx</t>
  </si>
  <si>
    <t>e573a207-fe70-4725-a8f8-74fe13ea468b.tmp</t>
  </si>
  <si>
    <t>\\acsfs\profiles$\gabrielafs\Downloads\e573a207-fe70-4725-a8f8-74fe13ea468b.tmp</t>
  </si>
  <si>
    <t>39fcb403-2ffa-4d88-a1db-74fa4c9c75dd.tmp</t>
  </si>
  <si>
    <t>\\acsfs\profiles$\gabrielafs\Downloads\39fcb403-2ffa-4d88-a1db-74fa4c9c75dd.tmp</t>
  </si>
  <si>
    <t>14708186-87eb-4a32-beb2-8800b5e3d308.tmp</t>
  </si>
  <si>
    <t>\\acsfs\profiles$\gabrielafs\Downloads\14708186-87eb-4a32-beb2-8800b5e3d308.tmp</t>
  </si>
  <si>
    <t>654c7b10-35c6-4a7d-b60a-a3f2fd568647.tmp</t>
  </si>
  <si>
    <t>\\acsfs\profiles$\henriqueco\Downloads\654c7b10-35c6-4a7d-b60a-a3f2fd568647.tmp</t>
  </si>
  <si>
    <t>8bd751d7-91e3-40c1-8e58-d6ef5d173577.tmp</t>
  </si>
  <si>
    <t>\\acsfs\profiles$\victorgl\Downloads\8bd751d7-91e3-40c1-8e58-d6ef5d173577.tmp</t>
  </si>
  <si>
    <t>516814d2-161a-4f1b-a759-07f6e818c522.tmp</t>
  </si>
  <si>
    <t>\\acsfs\profiles$\regisedsj\Downloads\516814d2-161a-4f1b-a759-07f6e818c522.tmp</t>
  </si>
  <si>
    <t>\\acsfs\profiles$\DANIELMLDS\ronaldo\</t>
  </si>
  <si>
    <t>danielmlds.txt</t>
  </si>
  <si>
    <t>\\acsfs\profiles$\DANIELMLDS\ronaldo\danielmlds.txt</t>
  </si>
  <si>
    <t>6197c2c4-d5b3-4f4b-afde-230c7c31da88.tmp</t>
  </si>
  <si>
    <t>\\acsfs\profiles$\matheushds\Downloads\6197c2c4-d5b3-4f4b-afde-230c7c31da88.tmp</t>
  </si>
  <si>
    <t>\\acsfs\profiles$\FLAVIOJMM\My Documents\.~lock.Reneg Vcto 08-01 Flavio.ods#</t>
  </si>
  <si>
    <t>9cf1e585-1a35-48c7-a986-18be68f7223d.tmp</t>
  </si>
  <si>
    <t>\\acsfs\profiles$\regisadsa\Downloads\9cf1e585-1a35-48c7-a986-18be68f7223d.tmp</t>
  </si>
  <si>
    <t>173e9e7a-8efb-4864-993d-f5e2162f88ae.tmp</t>
  </si>
  <si>
    <t>\\acsfs\profiles$\regisadsa\Downloads\173e9e7a-8efb-4864-993d-f5e2162f88ae.tmp</t>
  </si>
  <si>
    <t>4798e0a5-5c71-4609-b6c1-b106c38307c5.tmp</t>
  </si>
  <si>
    <t>\\acsfs\profiles$\regisadsa\Downloads\4798e0a5-5c71-4609-b6c1-b106c38307c5.tmp</t>
  </si>
  <si>
    <t>lu79481asj85.tmp</t>
  </si>
  <si>
    <t>\\acsfs\profiles$\jalilebds\Downloads\lu79481asj85.tmp</t>
  </si>
  <si>
    <t>fb9aa190-7a83-488f-b0c8-4d1165aba1e0.tmp</t>
  </si>
  <si>
    <t>\\acsfs\profiles$\edicarlosdl\Downloads\fb9aa190-7a83-488f-b0c8-4d1165aba1e0.tmp</t>
  </si>
  <si>
    <t>9fe1183b-c6c1-4d0a-b038-218fb52820e2.tmp</t>
  </si>
  <si>
    <t>\\acsfs\profiles$\rosileiam\Downloads\9fe1183b-c6c1-4d0a-b038-218fb52820e2.tmp</t>
  </si>
  <si>
    <t>996c08e7-2c6e-46d0-80d8-7a8e76ebd6f8.tmp</t>
  </si>
  <si>
    <t>\\acsfs\profiles$\fernandofs\Downloads\996c08e7-2c6e-46d0-80d8-7a8e76ebd6f8.tmp</t>
  </si>
  <si>
    <t>3111ba44-f2a7-433b-b8b1-9d07335ed1fe.tmp</t>
  </si>
  <si>
    <t>\\acsfs\profiles$\fernandofs\Downloads\3111ba44-f2a7-433b-b8b1-9d07335ed1fe.tmp</t>
  </si>
  <si>
    <t>65652450-a0e0-4e89-ac18-1a3036ace0f7.tmp</t>
  </si>
  <si>
    <t>\\acsfs\profiles$\philipegsf\Downloads\65652450-a0e0-4e89-ac18-1a3036ace0f7.tmp</t>
  </si>
  <si>
    <t>28eaf998-fbd7-4341-9de8-e4c31ffadc3e.tmp</t>
  </si>
  <si>
    <t>\\acsfs\profiles$\wenderbnm\Downloads\28eaf998-fbd7-4341-9de8-e4c31ffadc3e.tmp</t>
  </si>
  <si>
    <t>89026bcd-0149-440d-aaef-a5657df88803.tmp</t>
  </si>
  <si>
    <t>\\acsfs\profiles$\andreapdsg\Downloads\89026bcd-0149-440d-aaef-a5657df88803.tmp</t>
  </si>
  <si>
    <t>3ab2c766-9bea-4faf-945a-9146eb44bbae.tmp</t>
  </si>
  <si>
    <t>\\acsfs\profiles$\andreapdsg\Downloads\3ab2c766-9bea-4faf-945a-9146eb44bbae.tmp</t>
  </si>
  <si>
    <t>lu715209l06ap.tmp</t>
  </si>
  <si>
    <t>\\acsfs\profiles$\ISABELLEGTDS\Nova pasta\lu715209l06ap.tmp</t>
  </si>
  <si>
    <t>\\acsfs\profiles$\ISABELLEGTDS\Nova pasta\lu715209l06ap.tmp\</t>
  </si>
  <si>
    <t>\\acsfs\profiles$\ISABELLEGTDS\Nova pasta\lu715209l06ap.tmp\META-INF\</t>
  </si>
  <si>
    <t>\\acsfs\profiles$\ISABELLEGTDS\Nova pasta\lu715209l06ap.tmp\Thumbnails\</t>
  </si>
  <si>
    <t>d39e9522-88df-4fde-b6a9-c5d946a12f85.tmp</t>
  </si>
  <si>
    <t>\\acsfs\profiles$\brendavdoa\Downloads\d39e9522-88df-4fde-b6a9-c5d946a12f85.tmp</t>
  </si>
  <si>
    <t>\\acsfs\ACS\Gabriel da Silva\Contemporânea\NPS\NPS CRBV.xlsb\</t>
  </si>
  <si>
    <t>\\acsfs\ACS\Gabriel da Silva\Contemporânea\NPS\NPS CRBV.xlsb</t>
  </si>
  <si>
    <t>a8db8d74-3c58-4eed-b70b-664f458b3e35.tmp</t>
  </si>
  <si>
    <t>\\acsfs\profiles$\alinepp\Downloads\a8db8d74-3c58-4eed-b70b-664f458b3e35.tmp</t>
  </si>
  <si>
    <t>9e7cd254-3861-48f2-9b69-d5cb5a43a193.tmp</t>
  </si>
  <si>
    <t>\\acsfs\profiles$\regisadsa\Downloads\9e7cd254-3861-48f2-9b69-d5cb5a43a193.tmp</t>
  </si>
  <si>
    <t>ec52f0e3-5066-44f1-a070-69a9a6314d25.tmp</t>
  </si>
  <si>
    <t>\\acsfs\profiles$\regisadsa\Downloads\ec52f0e3-5066-44f1-a070-69a9a6314d25.tmp</t>
  </si>
  <si>
    <t>b12de240-017f-4973-bbed-ff5b9b89b9ba.tmp</t>
  </si>
  <si>
    <t>\\acsfs\profiles$\gabrielarb\Downloads\b12de240-017f-4973-bbed-ff5b9b89b9ba.tmp</t>
  </si>
  <si>
    <t>86f6bd09-b5c8-404b-8818-3933e9d8abb1.tmp</t>
  </si>
  <si>
    <t>\\acsfs\profiles$\matheusmax\Downloads\86f6bd09-b5c8-404b-8818-3933e9d8abb1.tmp</t>
  </si>
  <si>
    <t>karolinasr@algartech.com;paulohm@algartech.com;</t>
  </si>
  <si>
    <t>C:\Users\rodrigormc\Desktop\Daily\01-Janeiro2020\</t>
  </si>
  <si>
    <t>Daily Unificado_Janeiro2020.xlsx</t>
  </si>
  <si>
    <t>karolinasr@algartech.com,paulohm@algartech.com</t>
  </si>
  <si>
    <t>ed9316af-9818-471b-9edc-d68894ea9b75.tmp</t>
  </si>
  <si>
    <t>\\acsfs\profiles$\rosileiam\Downloads\ed9316af-9818-471b-9edc-d68894ea9b75.tmp</t>
  </si>
  <si>
    <t>XLOG_vanessacgs_06012020_083006.log</t>
  </si>
  <si>
    <t>\\acsfs\profiles$\vanessacgs\My Documents\xworkcenter\logs\XLOG_vanessacgs_06012020_083006.log</t>
  </si>
  <si>
    <t>RELATORIO VENDAS 06-01.png</t>
  </si>
  <si>
    <t>\\acsfs\DEPTOS\Operacao\Banco_Votorantim\Qualidade\Anderson\Jose\Atualizado\RELATORIO VENDAS 06-01.png</t>
  </si>
  <si>
    <t>f8d19430-3729-4f65-a4e8-3be3ecaa797d.tmp</t>
  </si>
  <si>
    <t>\\acsfs\profiles$\leonardobb\Downloads\f8d19430-3729-4f65-a4e8-3be3ecaa797d.tmp</t>
  </si>
  <si>
    <t>3add186a-e397-4ac2-96ca-0906f7182de5.tmp</t>
  </si>
  <si>
    <t>\\acsfs\profiles$\laurandos\Downloads\3add186a-e397-4ac2-96ca-0906f7182de5.tmp</t>
  </si>
  <si>
    <t>lu79481asj88.tmp</t>
  </si>
  <si>
    <t>\\acsfs\profiles$\jalilebds\Downloads\lu79481asj88.tmp</t>
  </si>
  <si>
    <t>lu79481asj8b.tmp</t>
  </si>
  <si>
    <t>\\acsfs\profiles$\jalilebds\Downloads\lu79481asj8b.tmp</t>
  </si>
  <si>
    <t>25edea59-46c8-49b3-8cd7-4c8e4d54ad9f.tmp</t>
  </si>
  <si>
    <t>\\acsfs\profiles$\gabrielafs\Downloads\25edea59-46c8-49b3-8cd7-4c8e4d54ad9f.tmp</t>
  </si>
  <si>
    <t>df0d07d5-0e5c-40e0-a84c-309fc245ab9a.tmp</t>
  </si>
  <si>
    <t>\\acsfs\profiles$\gabrielafs\Downloads\df0d07d5-0e5c-40e0-a84c-309fc245ab9a.tmp</t>
  </si>
  <si>
    <t>d22f9b65-9a85-4eac-81e4-3be8eab8f05d.tmp</t>
  </si>
  <si>
    <t>\\acsfs\profiles$\gabrielafs\Downloads\d22f9b65-9a85-4eac-81e4-3be8eab8f05d.tmp</t>
  </si>
  <si>
    <t>0099a360-aeeb-4a0e-aef3-507f3f865e28.tmp</t>
  </si>
  <si>
    <t>\\acsfs\profiles$\gabrielafs\Downloads\0099a360-aeeb-4a0e-aef3-507f3f865e28.tmp</t>
  </si>
  <si>
    <t>ROZENCA MAIOLINO_1_6773614324426549077_1_32.wav</t>
  </si>
  <si>
    <t>\\acsfs\Deptos\EDUCACAO EMPRESARIAL\KÉSIA\Ligações 1º Ciclo - Janeiro 2020\ROZENCA MAIOLINO_1_6773614324426549077_1_32.wav</t>
  </si>
  <si>
    <t>79eb5651-f0fe-47d3-bc4e-6866334c1b2f.tmp</t>
  </si>
  <si>
    <t>\\acsfs\profiles$\LAISLG\Downloads\79eb5651-f0fe-47d3-bc4e-6866334c1b2f.tmp</t>
  </si>
  <si>
    <t>edilsonrb@algartech.com;gildaepma@algartech.com;victorhsr@algartech.com;</t>
  </si>
  <si>
    <t>Criação CR -VALE S.A - RATE CARD.xlsx</t>
  </si>
  <si>
    <t>edilsonrb@algartech.com,gildaepma@algartech.com,victorhsr@algartech.com</t>
  </si>
  <si>
    <t>Criação CR -VALE S.A – NOC.xlsx</t>
  </si>
  <si>
    <t>XLOG_ellencds_06012020_065959.log</t>
  </si>
  <si>
    <t>\\acsfs\profiles$\ellencds\My Documents\xworkcenter\logs\XLOG_ellencds_06012020_065959.log</t>
  </si>
  <si>
    <t>290a13e8-d45f-4c05-aa9c-fa448b216b9f.tmp</t>
  </si>
  <si>
    <t>\\acsfs\profiles$\KARENJSS\Downloads\290a13e8-d45f-4c05-aa9c-fa448b216b9f.tmp</t>
  </si>
  <si>
    <t>XLOG_tiagosno_06012020_072710.log</t>
  </si>
  <si>
    <t>\\acsfs\profiles$\tiagosno\My Documents\xworkcenter\logs\XLOG_tiagosno_06012020_072710.log</t>
  </si>
  <si>
    <t>\\acsfs\ACS\Gabriel da Silva\Contemporânea\BDBV\7479C16B.tmp\</t>
  </si>
  <si>
    <t>\\acsfs\ACS\Gabriel da Silva\Contemporânea\BDBV\7479C16B.tmp\:Zone.Identifier:$DATA</t>
  </si>
  <si>
    <t>5f286b41-cfea-4929-8078-ad98db20823e.tmp</t>
  </si>
  <si>
    <t>\\acsfs\profiles$\alinepp\Downloads\5f286b41-cfea-4929-8078-ad98db20823e.tmp</t>
  </si>
  <si>
    <t>XLOG_anacdos_06012020_064622.log</t>
  </si>
  <si>
    <t>\\acsfs\profiles$\anacdos\My Documents\xworkcenter\logs\XLOG_anacdos_06012020_064622.log</t>
  </si>
  <si>
    <t>\\acsfs\profiles$\anacdos\My Documents\dbxwc\</t>
  </si>
  <si>
    <t>\\acsfs\profiles$\anacdos\My Documents\dbxwc\dbxwc.xwc</t>
  </si>
  <si>
    <t>https://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81b787c2-9b59-49b1-8846-5228311e99d3.tmp</t>
  </si>
  <si>
    <t>\\acsfs\profiles$\laurandos\Downloads\81b787c2-9b59-49b1-8846-5228311e99d3.tmp</t>
  </si>
  <si>
    <t>mail.google.com/_/upload?authuser=0&amp;dcp=asu-n&amp;upload_id=AEnB2Ur3FltBs6lGyfvGDNwm72nNjZuYwW3nJ9mNNMLikMKOZxLxZfxNJ-2zlA1uGawHyYjN-uvHE2EAL8U5ABnHsEwh9nUxzze475hk4E06eEtwi6BWxVA&amp;upload_protocol=resumable</t>
  </si>
  <si>
    <t>\\acsfs\deptos\Operacao\Unica\1. Gestão da Área\1.1 Administrativo\1.1.1 Books\</t>
  </si>
  <si>
    <t>BaseBook.xlsb.xlsm</t>
  </si>
  <si>
    <t>Template_BackOffice_Financeiro.xlsx</t>
  </si>
  <si>
    <t>c0ce1aac-5677-49fa-8fb0-5884a5210cea.tmp</t>
  </si>
  <si>
    <t>\\acsfs\profiles$\karinarm\Downloads\c0ce1aac-5677-49fa-8fb0-5884a5210cea.tmp</t>
  </si>
  <si>
    <t>lu112632ts2aaq.tmp</t>
  </si>
  <si>
    <t>\\acsfs\DEPTOS\Operacao\Banco_Votorantim\Supervisao\SUPERS BV CARTÕES\ANA VITORIA\APOIO\lu112632ts2aaq.tmp</t>
  </si>
  <si>
    <t>\\acsfs\DEPTOS\Operacao\Banco_Votorantim\Supervisao\SUPERS BV CARTÕES\ANA VITORIA\APOIO\lu112632ts2aaq.tmp\</t>
  </si>
  <si>
    <t>\\acsfs\DEPTOS\Operacao\Banco_Votorantim\Supervisao\SUPERS BV CARTÕES\ANA VITORIA\APOIO\lu112632ts2aaq.tmp\META-INF\</t>
  </si>
  <si>
    <t>\\acsfs\DEPTOS\Operacao\Banco_Votorantim\Supervisao\SUPERS BV CARTÕES\ANA VITORIA\APOIO\lu112632ts2aaq.tmp\Thumbnails\</t>
  </si>
  <si>
    <t>lu112632ts2aav.tmp</t>
  </si>
  <si>
    <t>\\acsfs\DEPTOS\Operacao\Banco_Votorantim\Supervisao\SUPERS BV CARTÕES\ANA VITORIA\APOIO\lu112632ts2aav.tmp</t>
  </si>
  <si>
    <t>\\acsfs\DEPTOS\Operacao\Banco_Votorantim\Supervisao\SUPERS BV CARTÕES\ANA VITORIA\APOIO\lu112632ts2aav.tmp\</t>
  </si>
  <si>
    <t>\\acsfs\DEPTOS\Operacao\Banco_Votorantim\Supervisao\SUPERS BV CARTÕES\ANA VITORIA\APOIO\lu112632ts2aav.tmp\META-INF\</t>
  </si>
  <si>
    <t>\\acsfs\DEPTOS\Operacao\Banco_Votorantim\Supervisao\SUPERS BV CARTÕES\ANA VITORIA\APOIO\lu112632ts2aav.tmp\Thumbnails\</t>
  </si>
  <si>
    <t>outlook.office.com/owa/service.svc?action=CreateItem&amp;app=Mail&amp;n=678</t>
  </si>
  <si>
    <t>a278df0c-b42f-4c18-a935-8c53d88474a1.tmp</t>
  </si>
  <si>
    <t>\\acsfs\profiles$\KARENJSS\Downloads\a278df0c-b42f-4c18-a935-8c53d88474a1.tmp</t>
  </si>
  <si>
    <t>bbbaf885-dc87-44b6-b664-11cea08e3c03.tmp</t>
  </si>
  <si>
    <t>\\acsfs\profiles$\myllenardl\Downloads\bbbaf885-dc87-44b6-b664-11cea08e3c03.tmp</t>
  </si>
  <si>
    <t>1578327256754000];["cpqbknokfiouimboqgzsn0dj8ovuj;andrelpsa@algartech.com;dg5odkyntc4mza4mtk2odk0naokcnysrag6753kvjcgt6szg sjseq6ddk0nzmxodk4otgwmxh6r3vrytqglxgl";maristelavodq@bv.algartech.com;supervisaobancovotorantim@algartech.com;thiagolrc@bv.algartech.com;</t>
  </si>
  <si>
    <t>1578327256754000],["cpqbknokfiouimboqgzsn0dj8ovuj,andrelpsa@algartech.com,dg5odkyntc4mza4mtk2odk0naokcnysrag6753kvjcgt6szg sjseq6ddk0nzmxodk4otgwmxh6r3vrytqglxgl",maristelavodq@bv.algartech.com,supervisaobancovotorantim@algartech.com,thiagolrc@bv.algartech.com</t>
  </si>
  <si>
    <t>10.201.164.62</t>
  </si>
  <si>
    <t>CLU_34281106_Pedido.PDF.pdf</t>
  </si>
  <si>
    <t>0d5a3028-b080-48ca-a1f1-b0df06541102.tmp</t>
  </si>
  <si>
    <t>\\acsfs\profiles$\karinarm\Downloads\0d5a3028-b080-48ca-a1f1-b0df06541102.tmp</t>
  </si>
  <si>
    <t>rannabg</t>
  </si>
  <si>
    <t>mail.google.com/_/upload?authuser=0&amp;dcp=asu-n&amp;upload_id=AEnB2Uq_FKYfjIeA7iHNOMlCAQ9i-jx7eSVDU2LBWNjrNBV_nNZpDM8PHseb6oK0BJB5vjRmgmtqHlETfqaCV7_2NaDu0WY8QLXMqRl2H283IyMbOJ_gkfQ&amp;upload_protocol=resumable</t>
  </si>
  <si>
    <t>ESFORÇO_VALIDADO Fabi.xlsm</t>
  </si>
  <si>
    <t>990d2f91-5eb0-4f02-b799-90e843679abb.tmp</t>
  </si>
  <si>
    <t>\\acsfs\profiles$\alinepp\Downloads\990d2f91-5eb0-4f02-b799-90e843679abb.tmp</t>
  </si>
  <si>
    <t>4a3e2132-98ff-429e-8bd1-5541b32e318c.tmp</t>
  </si>
  <si>
    <t>\\acsfs\profiles$\joycemmdl\Downloads\4a3e2132-98ff-429e-8bd1-5541b32e318c.tmp</t>
  </si>
  <si>
    <t>34c9a042-03b1-4082-89e3-6f75ca9047bc.tmp</t>
  </si>
  <si>
    <t>\\acsfs\profiles$\joycemmdl\Downloads\34c9a042-03b1-4082-89e3-6f75ca9047bc.tmp</t>
  </si>
  <si>
    <t>9b2a28c8-f80d-47b1-8138-fbb9684e9023.tmp</t>
  </si>
  <si>
    <t>\\acsfs\profiles$\gabrielamdp\Downloads\9b2a28c8-f80d-47b1-8138-fbb9684e9023.tmp</t>
  </si>
  <si>
    <t>c9059f7b-afb1-4695-8984-20c749e07b94.tmp</t>
  </si>
  <si>
    <t>\\acsfs\profiles$\gabrielamdp\Downloads\c9059f7b-afb1-4695-8984-20c749e07b94.tmp</t>
  </si>
  <si>
    <t>698d1eec-7943-4a60-ba28-a5ad66dfecfe.tmp</t>
  </si>
  <si>
    <t>\\acsfs\profiles$\gabrielamdp\Downloads\698d1eec-7943-4a60-ba28-a5ad66dfecfe.tmp</t>
  </si>
  <si>
    <t>1af9a8cb-e50d-4cee-a2a1-dc84d23d6fea.tmp</t>
  </si>
  <si>
    <t>\\acsfs\profiles$\gabrielamdp\Downloads\1af9a8cb-e50d-4cee-a2a1-dc84d23d6fea.tmp</t>
  </si>
  <si>
    <t>639afd59-5de4-462b-b5a2-4769a5afebef.tmp</t>
  </si>
  <si>
    <t>\\acsfs\profiles$\karinarm\Downloads\639afd59-5de4-462b-b5a2-4769a5afebef.tmp</t>
  </si>
  <si>
    <t>77c899ce-47b3-4422-8e3d-2c4bd68eaee1.tmp</t>
  </si>
  <si>
    <t>\\acsfs\profiles$\karinarm\Downloads\77c899ce-47b3-4422-8e3d-2c4bd68eaee1.tmp</t>
  </si>
  <si>
    <t>TMO.xlsm</t>
  </si>
  <si>
    <t>\\acsfs\ACS\Gabriel da Silva\Contemporânea\TMO.xlsm</t>
  </si>
  <si>
    <t>Não confirmado 83364.crdownload</t>
  </si>
  <si>
    <t>\\acsfs\ACS\Gabriel da Silva\Contemporânea\Gen\Não confirmado 83364.crdownload</t>
  </si>
  <si>
    <t>efc3b92d-a570-47af-aafb-e4d89b1a1d1b.tmp</t>
  </si>
  <si>
    <t>\\acsfs\profiles$\jalilebds\Downloads\efc3b92d-a570-47af-aafb-e4d89b1a1d1b.tmp</t>
  </si>
  <si>
    <t>7edd14af-f66d-4827-b956-878426fbbcec.tmp</t>
  </si>
  <si>
    <t>\\acsfs\profiles$\jalilebds\Downloads\7edd14af-f66d-4827-b956-878426fbbcec.tmp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4b0a609e-98b4-45ff-9cfe-ccd0075a65c1.tmp</t>
  </si>
  <si>
    <t>\\acsfs\profiles$\gabrielarb\Downloads\4b0a609e-98b4-45ff-9cfe-ccd0075a65c1.tmp</t>
  </si>
  <si>
    <t>31f49b9d-4c68-4dd4-9394-c532705ad2f3.tmp</t>
  </si>
  <si>
    <t>\\acsfs\profiles$\edicarlosdl\Downloads\31f49b9d-4c68-4dd4-9394-c532705ad2f3.tmp</t>
  </si>
  <si>
    <t>15dcd0af-c2d1-4aa7-9e8d-5a3c3f4bc741.tmp</t>
  </si>
  <si>
    <t>\\acsfs\profiles$\adelvinsonle\Downloads\15dcd0af-c2d1-4aa7-9e8d-5a3c3f4bc741.tmp</t>
  </si>
  <si>
    <t>d6867db8-31a4-4ec7-b4a5-a922123c82fa.tmp</t>
  </si>
  <si>
    <t>\\acsfs\profiles$\LAISLG\Downloads\d6867db8-31a4-4ec7-b4a5-a922123c82fa.tmp</t>
  </si>
  <si>
    <t>2b4f7423-cadf-4d56-896f-bd60dbf8c2c2.tmp</t>
  </si>
  <si>
    <t>\\acsfs\profiles$\nayarasds\Downloads\2b4f7423-cadf-4d56-896f-bd60dbf8c2c2.tmp</t>
  </si>
  <si>
    <t>f703f200-ea76-4f7e-ab71-74b1cee100da.tmp</t>
  </si>
  <si>
    <t>\\acsfs\profiles$\kellzylenneasr\Downloads\f703f200-ea76-4f7e-ab71-74b1cee100da.tmp</t>
  </si>
  <si>
    <t>0cd56654-c466-4376-b2a0-6603a6cfa1ba.tmp</t>
  </si>
  <si>
    <t>\\acsfs\profiles$\wenderbnm\Downloads\0cd56654-c466-4376-b2a0-6603a6cfa1ba.tmp</t>
  </si>
  <si>
    <t>872f6d61-0561-45d3-856f-694a6ce0ae19.tmp</t>
  </si>
  <si>
    <t>\\acsfs\profiles$\wenderbnm\Downloads\872f6d61-0561-45d3-856f-694a6ce0ae19.tmp</t>
  </si>
  <si>
    <t>3cb6c156-f364-482c-b49d-fdc85ffaa9b0.tmp</t>
  </si>
  <si>
    <t>\\acsfs\profiles$\gabrielamdp\Downloads\3cb6c156-f364-482c-b49d-fdc85ffaa9b0.tmp</t>
  </si>
  <si>
    <t>67b0f2f8-aa84-4f74-bc8e-8527b4d9bfc9.tmp</t>
  </si>
  <si>
    <t>\\acsfs\profiles$\gabrielamdp\Downloads\67b0f2f8-aa84-4f74-bc8e-8527b4d9bfc9.tmp</t>
  </si>
  <si>
    <t>e8fe3be8-0770-40a4-8735-ea4e145703a2.tmp</t>
  </si>
  <si>
    <t>\\acsfs\profiles$\gabrielamdp\Downloads\e8fe3be8-0770-40a4-8735-ea4e145703a2.tmp</t>
  </si>
  <si>
    <t>e4fda391-f6de-4369-8c9a-79f1a9069695.tmp</t>
  </si>
  <si>
    <t>\\acsfs\profiles$\matheushds\Downloads\e4fda391-f6de-4369-8c9a-79f1a9069695.tmp</t>
  </si>
  <si>
    <t>\\udpavonfs01\AVON\00 - ACOMPANHAMENTO AVON\04 - BACKOFFICE CORNERSTONE\2020\01.2020\MÁSCARA\</t>
  </si>
  <si>
    <t>Acompanhamento Backoffice Cornerstone JAN.202.xlsx</t>
  </si>
  <si>
    <t>\\udpavonfs01\AVON\00 - ACOMPANHAMENTO AVON\04 - BACKOFFICE CORNERSTONE\2020\01.2020\MÁSCARA\Acompanhamento Backoffice Cornerstone JAN.202.xlsx</t>
  </si>
  <si>
    <t>ae122d05-c441-4aa8-a138-197026d875f2.tmp</t>
  </si>
  <si>
    <t>\\acsfs\profiles$\vivianibfs\Downloads\ae122d05-c441-4aa8-a138-197026d875f2.tmp</t>
  </si>
  <si>
    <t>e55837be-f756-4c90-87f4-4610570268ea.tmp</t>
  </si>
  <si>
    <t>\\acsfs\profiles$\vivianibfs\Downloads\e55837be-f756-4c90-87f4-4610570268ea.tmp</t>
  </si>
  <si>
    <t>84169e79-2403-42d2-9add-8f33c1ec053e.tmp</t>
  </si>
  <si>
    <t>\\acsfs\profiles$\LAISLG\Downloads\84169e79-2403-42d2-9add-8f33c1ec053e.tmp</t>
  </si>
  <si>
    <t>C:\Users\hewertontr\OneDrive - Grupo Algar\Transição Escopo B\Acompanhamento\</t>
  </si>
  <si>
    <t>Book de Premissas Operacionais 0907.xlsx</t>
  </si>
  <si>
    <t>9e1c8b59-a16b-4896-ac8c-0586d7f500b3.tmp</t>
  </si>
  <si>
    <t>\\acsfs\profiles$\henriqueco\Downloads\9e1c8b59-a16b-4896-ac8c-0586d7f500b3.tmp</t>
  </si>
  <si>
    <t>031ea0ec-3fd1-4a23-a932-116fa81c1e3d.tmp</t>
  </si>
  <si>
    <t>\\acsfs\profiles$\laylaams\Downloads\031ea0ec-3fd1-4a23-a932-116fa81c1e3d.tmp</t>
  </si>
  <si>
    <t>mail.google.com/_/upload?authuser=3&amp;dcp=asu-n&amp;upload_id=AEnB2Uo3cJQ8qvaOlcH-6Y4jbI_MCBTe6-_Zd9Bw0m1Vizp8B6ywJSg_UyJaAYSxBJ4RCsqE9nv4EflU0tCWofwRbA8FsO3ysw&amp;upload_protocol=resumable</t>
  </si>
  <si>
    <t>Passo a Passo - Fechamento Financeiro.xlsx</t>
  </si>
  <si>
    <t>outlook.office.com/owa/service.svc?action=CreateItem&amp;app=Mail&amp;n=708</t>
  </si>
  <si>
    <t>outlook.office.com/owa/service.svc?action=UpdateItem&amp;app=Mail&amp;n=713</t>
  </si>
  <si>
    <t>7d948a6a-d39a-40c4-a6ed-59df04c7935f.tmp</t>
  </si>
  <si>
    <t>\\acsfs\profiles$\fabianafv\Downloads\7d948a6a-d39a-40c4-a6ed-59df04c7935f.tmp</t>
  </si>
  <si>
    <t>7b53bc78-3981-4a30-b1ce-a1859829222c.tmp</t>
  </si>
  <si>
    <t>\\acsfs\profiles$\fabianobmf\Downloads\7b53bc78-3981-4a30-b1ce-a1859829222c.tmp</t>
  </si>
  <si>
    <t>lu6428kqr1.tmp</t>
  </si>
  <si>
    <t>\\acsfs\profiles$\jalilebds\Downloads\lu6428kqr1.tmp</t>
  </si>
  <si>
    <t>lu6428kqr4.tmp</t>
  </si>
  <si>
    <t>\\acsfs\profiles$\jalilebds\Downloads\lu6428kqr4.tmp</t>
  </si>
  <si>
    <t>lu6428kqr7.tmp</t>
  </si>
  <si>
    <t>\\acsfs\profiles$\jalilebds\Downloads\lu6428kqr7.tmp</t>
  </si>
  <si>
    <t>69b3e283-13a2-4cdb-8dea-f93b2dcb545c.tmp</t>
  </si>
  <si>
    <t>\\acsfs\profiles$\luanaagl\Downloads\69b3e283-13a2-4cdb-8dea-f93b2dcb545c.tmp</t>
  </si>
  <si>
    <t>mail.google.com/_/upload?authuser=0&amp;dcp=asu-n&amp;upload_id=AEnB2UpgEn-rmkMCH64SzIJpj2bQOk6jkgi1BFN0qg2mjrtkxtj_btoReajrD-Tn4iGroSj9HUd209Td_7qhmcPCo2Rm60108w&amp;upload_protocol=resumable</t>
  </si>
  <si>
    <t>DESCONEXÃO.xls</t>
  </si>
  <si>
    <t>5fa1fad1-f8ec-4f6d-96ba-73cf6fc12a63.tmp</t>
  </si>
  <si>
    <t>\\acsfs\profiles$\myllenardl\Downloads\5fa1fad1-f8ec-4f6d-96ba-73cf6fc12a63.tmp</t>
  </si>
  <si>
    <t>dd8b0942-4086-4fae-a295-0744f1cd5dfe.tmp</t>
  </si>
  <si>
    <t>\\acsfs\profiles$\geovannasm\Downloads\dd8b0942-4086-4fae-a295-0744f1cd5dfe.tmp</t>
  </si>
  <si>
    <t>lu112632ts2ab8.tmp</t>
  </si>
  <si>
    <t>\\acsfs\DEPTOS\Operacao\Banco_Votorantim\Supervisao\SUPERS BV CARTÕES\ANA VITORIA\APOIO\lu112632ts2ab8.tmp</t>
  </si>
  <si>
    <t>217ef477-6dd3-455d-b675-2da13e3128a2.tmp</t>
  </si>
  <si>
    <t>\\acsfs\profiles$\fabianafv\Downloads\217ef477-6dd3-455d-b675-2da13e3128a2.tmp</t>
  </si>
  <si>
    <t>db851aee-4871-4680-839e-43bf236210af.tmp</t>
  </si>
  <si>
    <t>\\acsfs\profiles$\fabianobmf\Downloads\db851aee-4871-4680-839e-43bf236210af.tmp</t>
  </si>
  <si>
    <t>lu6428kqra.tmp</t>
  </si>
  <si>
    <t>\\acsfs\profiles$\jalilebds\Downloads\lu6428kqra.tmp</t>
  </si>
  <si>
    <t>lu6428kqrd.tmp</t>
  </si>
  <si>
    <t>\\acsfs\profiles$\jalilebds\Downloads\lu6428kqrd.tmp</t>
  </si>
  <si>
    <t>lu6428kqrg.tmp</t>
  </si>
  <si>
    <t>\\acsfs\profiles$\jalilebds\Downloads\lu6428kqrg.tmp</t>
  </si>
  <si>
    <t>lu6428kqrj.tmp</t>
  </si>
  <si>
    <t>\\acsfs\profiles$\jalilebds\Downloads\lu6428kqrj.tmp</t>
  </si>
  <si>
    <t>cpc-controldeskavon@algartech.com;joseasn@algartech.com;viniciussg@algartech.com;</t>
  </si>
  <si>
    <t>cpc-controldeskavon@algartech.com,joseasn@algartech.com,viniciussg@algartech.com</t>
  </si>
  <si>
    <t>5557c947-838e-4222-bbe3-d8b3098283a7.tmp</t>
  </si>
  <si>
    <t>\\acsfs\profiles$\matheusmax\Downloads\5557c947-838e-4222-bbe3-d8b3098283a7.tmp</t>
  </si>
  <si>
    <t>THYAGO SANTANA PASETTO_1_6774706246847117912_1_32.wav</t>
  </si>
  <si>
    <t>\\acsfs\Deptos\EDUCACAO EMPRESARIAL\KÉSIA\Ligações 1º Ciclo - Janeiro 2020\THYAGO SANTANA PASETTO_1_6774706246847117912_1_32.wav</t>
  </si>
  <si>
    <t>helieldfs@algartech.com;</t>
  </si>
  <si>
    <t>\\acsfs\DEPTOS\Controladoria\Planejamento\Reuniões Mensais\2019\Acompanhamento DAF\2019\Justificativas variaçoes\12.2019\</t>
  </si>
  <si>
    <t>bbb629b7-a8a4-4dc3-bebc-db5365c54596.tmp</t>
  </si>
  <si>
    <t>\\acsfs\profiles$\luanaagl\Downloads\bbb629b7-a8a4-4dc3-bebc-db5365c54596.tmp</t>
  </si>
  <si>
    <t>4ea22da3-dd64-493b-953c-efa2613fe9e9.tmp</t>
  </si>
  <si>
    <t>\\acsfs\profiles$\welidicdj\Downloads\4ea22da3-dd64-493b-953c-efa2613fe9e9.tmp</t>
  </si>
  <si>
    <t>459517f8-a30d-4d84-a429-100e6594a7c8.tmp</t>
  </si>
  <si>
    <t>\\acsfs\profiles$\welidicdj\Downloads\459517f8-a30d-4d84-a429-100e6594a7c8.tmp</t>
  </si>
  <si>
    <t>d09f7ca4-3150-407a-a3c3-28200b9e3bd6.tmp</t>
  </si>
  <si>
    <t>\\acsfs\profiles$\JOAOVAL\Downloads\d09f7ca4-3150-407a-a3c3-28200b9e3bd6.tmp</t>
  </si>
  <si>
    <t>xdocxValidacao_0601.xlsx</t>
  </si>
  <si>
    <t>\\acsfs\ACS\Gabriel da Silva\Contemporânea\Acessos\xdocxValidacao_0601.xlsx</t>
  </si>
  <si>
    <t>lu6428kqrm.tmp</t>
  </si>
  <si>
    <t>\\acsfs\profiles$\jalilebds\Downloads\lu6428kqrm.tmp</t>
  </si>
  <si>
    <t>lu6428kqrp.tmp</t>
  </si>
  <si>
    <t>\\acsfs\profiles$\jalilebds\Downloads\lu6428kqrp.tmp</t>
  </si>
  <si>
    <t>95ce6fa5-84b3-49d9-8328-e57e90d89f03.tmp</t>
  </si>
  <si>
    <t>\\acsfs\profiles$\fernandofs\Downloads\95ce6fa5-84b3-49d9-8328-e57e90d89f03.tmp</t>
  </si>
  <si>
    <t>adc8f9de-27ef-4913-938c-6a33867398b4.tmp</t>
  </si>
  <si>
    <t>\\acsfs\profiles$\leonardobb\Downloads\adc8f9de-27ef-4913-938c-6a33867398b4.tmp</t>
  </si>
  <si>
    <t>f38151fc-43d3-4da4-8c35-d714b809fbe3.tmp</t>
  </si>
  <si>
    <t>\\acsfs\profiles$\gabrielarb\Downloads\f38151fc-43d3-4da4-8c35-d714b809fbe3.tmp</t>
  </si>
  <si>
    <t>a856e6e8-879e-44c7-8caf-e9a22ded6d2d.tmp</t>
  </si>
  <si>
    <t>\\acsfs\profiles$\gabrielarb\Downloads\a856e6e8-879e-44c7-8caf-e9a22ded6d2d.tmp</t>
  </si>
  <si>
    <t>34fa503a-3c9a-4846-b761-b929e72cf561.tmp</t>
  </si>
  <si>
    <t>\\acsfs\profiles$\gabrielarb\Downloads\34fa503a-3c9a-4846-b761-b929e72cf561.tmp</t>
  </si>
  <si>
    <t>d75a05fb-a870-4cd2-b023-66bbaee40e6e.tmp</t>
  </si>
  <si>
    <t>\\acsfs\profiles$\gabrielarb\Downloads\d75a05fb-a870-4cd2-b023-66bbaee40e6e.tmp</t>
  </si>
  <si>
    <t>52ef7487-ffdb-4524-b8f8-4ab5f84f5539.tmp</t>
  </si>
  <si>
    <t>\\acsfs\profiles$\gabrielarb\Downloads\52ef7487-ffdb-4524-b8f8-4ab5f84f5539.tmp</t>
  </si>
  <si>
    <t>d36dd091-531a-42c7-91b8-8c44ef97309e.tmp</t>
  </si>
  <si>
    <t>\\acsfs\profiles$\gabrielarb\Downloads\d36dd091-531a-42c7-91b8-8c44ef97309e.tmp</t>
  </si>
  <si>
    <t>daadb491-f20d-406c-b0ce-6c11dc5ee345.tmp</t>
  </si>
  <si>
    <t>\\acsfs\profiles$\adelvinsonle\Downloads\daadb491-f20d-406c-b0ce-6c11dc5ee345.tmp</t>
  </si>
  <si>
    <t>mail.google.com/_/upload?authuser=1&amp;dcp=asu-n&amp;upload_id=AEnB2Up5ym3SjXOUCCL4Y7hwkuU4yfUvsUQeKzFQ7IMrop28XQdgP7HshvKdAClJeBN1XzNMQEUtpd5cmQTHB0cY-zzOhKERSQ&amp;upload_protocol=resumable</t>
  </si>
  <si>
    <t>Matheus Control.xlsx</t>
  </si>
  <si>
    <t>f7c130f9-0ade-42e1-b729-e7b5786368a5.tmp</t>
  </si>
  <si>
    <t>\\acsfs\profiles$\rafaelacdoc\Downloads\f7c130f9-0ade-42e1-b729-e7b5786368a5.tmp</t>
  </si>
  <si>
    <t>lu108180u90c76.tmp</t>
  </si>
  <si>
    <t>\\acsfs\DEPTOS\Operacao\Banco_Votorantim\Supervisao\SUPERS BV CARTÕES\ANA VITORIA\APOIO\lu108180u90c76.tmp</t>
  </si>
  <si>
    <t>ab3de6c1-3dff-4fa6-b14c-22b8235f8104.tmp</t>
  </si>
  <si>
    <t>\\acsfs\profiles$\fabianobmf\Downloads\ab3de6c1-3dff-4fa6-b14c-22b8235f8104.tmp</t>
  </si>
  <si>
    <t>f29af2ee-91aa-49e9-b6f3-9ec07bf5cfb3.tmp</t>
  </si>
  <si>
    <t>\\acsfs\profiles$\fabianobmf\Downloads\f29af2ee-91aa-49e9-b6f3-9ec07bf5cfb3.tmp</t>
  </si>
  <si>
    <t>e4337852-d73b-414c-94a8-9693766f0195.tmp</t>
  </si>
  <si>
    <t>\\acsfs\profiles$\gabrielarb\Downloads\e4337852-d73b-414c-94a8-9693766f0195.tmp</t>
  </si>
  <si>
    <t>ffbafc76-755e-4b2a-b04c-cd48df834f4c.tmp</t>
  </si>
  <si>
    <t>\\acsfs\profiles$\gabrielarb\Downloads\ffbafc76-755e-4b2a-b04c-cd48df834f4c.tmp</t>
  </si>
  <si>
    <t>6056c7f1-7aa2-44e1-92b4-5ba64def28dd.tmp</t>
  </si>
  <si>
    <t>\\acsfs\profiles$\gabrielarb\Downloads\6056c7f1-7aa2-44e1-92b4-5ba64def28dd.tmp</t>
  </si>
  <si>
    <t>48c432ab-5562-4fd2-9bb4-31695a217d14.tmp</t>
  </si>
  <si>
    <t>\\acsfs\profiles$\gabrielarb\Downloads\48c432ab-5562-4fd2-9bb4-31695a217d14.tmp</t>
  </si>
  <si>
    <t>77fb724a-f86b-4826-aa0e-63881c39ebe6.tmp</t>
  </si>
  <si>
    <t>\\acsfs\profiles$\gabrielarb\Downloads\77fb724a-f86b-4826-aa0e-63881c39ebe6.tmp</t>
  </si>
  <si>
    <t>407fc74c-62ea-45a5-9afa-4cc30623b937.tmp</t>
  </si>
  <si>
    <t>\\acsfs\profiles$\gabrielarb\Downloads\407fc74c-62ea-45a5-9afa-4cc30623b937.tmp</t>
  </si>
  <si>
    <t>3b993eb0-a571-46af-a347-336f7e61b8c4.tmp</t>
  </si>
  <si>
    <t>\\acsfs\profiles$\gabrielarb\Downloads\3b993eb0-a571-46af-a347-336f7e61b8c4.tmp</t>
  </si>
  <si>
    <t>8c173067-3775-4299-9dd0-747e9c06259d.tmp</t>
  </si>
  <si>
    <t>\\acsfs\profiles$\gabrielarb\Downloads\8c173067-3775-4299-9dd0-747e9c06259d.tmp</t>
  </si>
  <si>
    <t>4c8f68c9-9cca-4ae8-a4f6-1f4db3d1b401.tmp</t>
  </si>
  <si>
    <t>\\acsfs\profiles$\gabrielarb\Downloads\4c8f68c9-9cca-4ae8-a4f6-1f4db3d1b401.tmp</t>
  </si>
  <si>
    <t>IMG-20200106-WA0011.jpg</t>
  </si>
  <si>
    <t>bf5e5730-3426-4e84-98a3-2de07190454d.tmp</t>
  </si>
  <si>
    <t>\\acsfs\profiles$\fernandofs\Downloads\bf5e5730-3426-4e84-98a3-2de07190454d.tmp</t>
  </si>
  <si>
    <t>\\acsfs\Deptos\CAS - Coordenação de Arquitetura de Soluções\Projetos\2019\KPMG\213410 - Renovação 2020\2. Desenho da Solução\</t>
  </si>
  <si>
    <t>Modelo Erlan - KPMG_Periodo 4.xlsx</t>
  </si>
  <si>
    <t>3524b466-8cdc-48de-8b45-7fa1620c0a79.tmp</t>
  </si>
  <si>
    <t>\\acsfs\profiles$\cintiadjl\Downloads\3524b466-8cdc-48de-8b45-7fa1620c0a79.tmp</t>
  </si>
  <si>
    <t>9a56ca1f-cba8-4cbc-a774-c535af12fa97.tmp</t>
  </si>
  <si>
    <t>\\acsfs\profiles$\cintiadjl\Downloads\9a56ca1f-cba8-4cbc-a774-c535af12fa97.tmp</t>
  </si>
  <si>
    <t>2d063d82-0718-4a18-a5d6-1f238bb451d4.tmp</t>
  </si>
  <si>
    <t>\\acsfs\profiles$\leonardobb\Downloads\2d063d82-0718-4a18-a5d6-1f238bb451d4.tmp</t>
  </si>
  <si>
    <t>b1be66a4-2b50-4b03-9b45-5d0ed5bf3a7b.tmp</t>
  </si>
  <si>
    <t>\\acsfs\profiles$\gabrielamdp\Downloads\b1be66a4-2b50-4b03-9b45-5d0ed5bf3a7b.tmp</t>
  </si>
  <si>
    <t>0ce83190-fd86-4c3b-b9c5-452e9873fb53.tmp</t>
  </si>
  <si>
    <t>\\acsfs\profiles$\gabrielamdp\Downloads\0ce83190-fd86-4c3b-b9c5-452e9873fb53.tmp</t>
  </si>
  <si>
    <t>48c25998-92d4-40a4-aaf4-65e515a14757.tmp</t>
  </si>
  <si>
    <t>\\acsfs\profiles$\ingridsm\Downloads\48c25998-92d4-40a4-aaf4-65e515a14757.tmp</t>
  </si>
  <si>
    <t>5297a1de-ddc7-4b03-8cfb-1cff7049f5d6.tmp</t>
  </si>
  <si>
    <t>\\acsfs\profiles$\ingridsm\Downloads\5297a1de-ddc7-4b03-8cfb-1cff7049f5d6.tmp</t>
  </si>
  <si>
    <t>cbfee97b-de07-4f0f-8188-305c34ff8efc.tmp</t>
  </si>
  <si>
    <t>\\acsfs\profiles$\brendadsl\Downloads\cbfee97b-de07-4f0f-8188-305c34ff8efc.tmp</t>
  </si>
  <si>
    <t>1370c086-89b0-47ab-b502-d9151eb57e0d.tmp</t>
  </si>
  <si>
    <t>\\acsfs\profiles$\gabrielarb\Downloads\1370c086-89b0-47ab-b502-d9151eb57e0d.tmp</t>
  </si>
  <si>
    <t>741cb745-e7ec-4799-925e-45690844d853.tmp</t>
  </si>
  <si>
    <t>\\acsfs\profiles$\gabrielarb\Downloads\741cb745-e7ec-4799-925e-45690844d853.tmp</t>
  </si>
  <si>
    <t>VALERIA SENA DE ARAUJO_1_6775088228353509834_1_32.wav</t>
  </si>
  <si>
    <t>\\acsfs\Deptos\EDUCACAO EMPRESARIAL\KÉSIA\Ligações 1º Ciclo - Janeiro 2020\VALERIA SENA DE ARAUJO_1_6775088228353509834_1_32.wav</t>
  </si>
  <si>
    <t>9040756f-cf21-49ac-b991-625c559c9703.tmp</t>
  </si>
  <si>
    <t>\\acsfs\profiles$\fernandofs\Downloads\9040756f-cf21-49ac-b991-625c559c9703.tmp</t>
  </si>
  <si>
    <t>fa8e9f41-0e05-4a53-95e4-4367860b98a4.tmp</t>
  </si>
  <si>
    <t>\\acsfs\profiles$\cintiadjl\Downloads\fa8e9f41-0e05-4a53-95e4-4367860b98a4.tmp</t>
  </si>
  <si>
    <t>3ca4be16-7163-4b85-8075-f6c5afe3b7ef.tmp</t>
  </si>
  <si>
    <t>\\acsfs\profiles$\gabrielhca\Downloads\3ca4be16-7163-4b85-8075-f6c5afe3b7ef.tmp</t>
  </si>
  <si>
    <t>b152f455-aebf-41ec-956f-975f805e5954.tmp</t>
  </si>
  <si>
    <t>\\acsfs\profiles$\gabrielhca\Downloads\b152f455-aebf-41ec-956f-975f805e5954.tmp</t>
  </si>
  <si>
    <t>4a383e2f-43b6-404a-ae00-c5f731c806ad.tmp</t>
  </si>
  <si>
    <t>\\acsfs\profiles$\leonardobb\Downloads\4a383e2f-43b6-404a-ae00-c5f731c806ad.tmp</t>
  </si>
  <si>
    <t>b9a0b60a-8d21-4d9d-aea7-825bd87db97f.tmp</t>
  </si>
  <si>
    <t>\\acsfs\profiles$\leonardobb\Downloads\b9a0b60a-8d21-4d9d-aea7-825bd87db97f.tmp</t>
  </si>
  <si>
    <t>0786990b-1db0-43ea-b55c-5caed5870037.tmp</t>
  </si>
  <si>
    <t>\\acsfs\profiles$\leonardobb\Downloads\0786990b-1db0-43ea-b55c-5caed5870037.tmp</t>
  </si>
  <si>
    <t>f4235263-72a0-4bbf-8717-ef8ae5c5eba2.tmp</t>
  </si>
  <si>
    <t>\\acsfs\profiles$\leonardobb\Downloads\f4235263-72a0-4bbf-8717-ef8ae5c5eba2.tmp</t>
  </si>
  <si>
    <t>2e6c33fc-1c49-49ec-8b5e-d592b1d6ebec.tmp</t>
  </si>
  <si>
    <t>\\acsfs\profiles$\KARENDSR\Downloads\2e6c33fc-1c49-49ec-8b5e-d592b1d6ebec.tmp</t>
  </si>
  <si>
    <t>3e859c4e-267c-4ed3-8f34-eef74e28d444.tmp</t>
  </si>
  <si>
    <t>\\acsfs\profiles$\regisedsj\Downloads\3e859c4e-267c-4ed3-8f34-eef74e28d444.tmp</t>
  </si>
  <si>
    <t>3d771632-b548-4a40-9984-3d5941d23367.tmp</t>
  </si>
  <si>
    <t>\\acsfs\profiles$\fabianafv\Downloads\3d771632-b548-4a40-9984-3d5941d23367.tmp</t>
  </si>
  <si>
    <t>05c9a037-adc9-46ae-ba06-040326a3a509.tmp</t>
  </si>
  <si>
    <t>\\acsfs\profiles$\fabianafv\Downloads\05c9a037-adc9-46ae-ba06-040326a3a509.tmp</t>
  </si>
  <si>
    <t>e3f8ad9b-7ccd-45e9-89ec-ad39a281fa2d.tmp</t>
  </si>
  <si>
    <t>\\acsfs\profiles$\fabianafv\Downloads\e3f8ad9b-7ccd-45e9-89ec-ad39a281fa2d.tmp</t>
  </si>
  <si>
    <t>13341f23-eda1-4e84-92fe-6942ad54969f.tmp</t>
  </si>
  <si>
    <t>\\acsfs\profiles$\leticiala\Downloads\13341f23-eda1-4e84-92fe-6942ad54969f.tmp</t>
  </si>
  <si>
    <t>a1398cc9-959f-459d-9b6b-a4174cd483b3.tmp</t>
  </si>
  <si>
    <t>\\acsfs\profiles$\leticiala\Downloads\a1398cc9-959f-459d-9b6b-a4174cd483b3.tmp</t>
  </si>
  <si>
    <t>\\udpavonfs01\AVON\00 - ACOMPANHAMENTO AVON\04 - BACKOFFICE CORNERSTONE\2020\01.2020\MÁSCARA\Acompanhamento Backoffice Cornerstone JAN.20.xlsx</t>
  </si>
  <si>
    <t>\\udpavonfs01\AVON\00 - ACOMPANHAMENTO AVON\04 - BACKOFFICE CORNERSTONE\2020\01.2020\RELATORIO\02.01.2020\Acompanhamento Backoffice Cornerstone JAN.20.xlsx</t>
  </si>
  <si>
    <t>C:\Users\TEMP.ACS.001\Downloads\</t>
  </si>
  <si>
    <t>image2020-01-06-153941.pdf</t>
  </si>
  <si>
    <t>\\acsfs\DEPTOS\EDUCACAO EMPRESARIAL\2 - Operações\0 - BV\.PROVAS E ARQUIVOS DE TREINAMENTO\Formação CDC Haruna 02-12\Listas de presenças\image2020-01-06-153941.pdf</t>
  </si>
  <si>
    <t>\\acsfs\DEPTOS\EDUCACAO EMPRESARIAL\2 - Operações\0 - BV\.PROVAS E ARQUIVOS DE TREINAMENTO\Formação CDC Haruna 02-12\Listas de presenças\image2020-01-06-153941.pdf\</t>
  </si>
  <si>
    <t>\\acsfs\DEPTOS\EDUCACAO EMPRESARIAL\2 - Operações\0 - BV\.PROVAS E ARQUIVOS DE TREINAMENTO\Formação CDC Haruna 02-12\Listas de presenças\image2020-01-06-153941.pdf\:Zone.Identifier:$DATA</t>
  </si>
  <si>
    <t>b2aabfd7-62f3-4801-b72e-8a3f3fd3cf77.tmp</t>
  </si>
  <si>
    <t>\\acsfs\profiles$\larissaad\Downloads\b2aabfd7-62f3-4801-b72e-8a3f3fd3cf77.tmp</t>
  </si>
  <si>
    <t>2e053302-ea0e-47fd-8a42-a8b4b3ec222d.tmp</t>
  </si>
  <si>
    <t>\\acsfs\profiles$\larissaad\Downloads\2e053302-ea0e-47fd-8a42-a8b4b3ec222d.tmp</t>
  </si>
  <si>
    <t>d965e5ff-b741-45bb-af8d-a454e4c271c9.tmp</t>
  </si>
  <si>
    <t>\\acsfs\profiles$\gabrielarb\Downloads\d965e5ff-b741-45bb-af8d-a454e4c271c9.tmp</t>
  </si>
  <si>
    <t>b9c5ced4-1c1a-457f-ae2e-5bea858a0059.tmp</t>
  </si>
  <si>
    <t>\\acsfs\profiles$\gabrielarb\Downloads\b9c5ced4-1c1a-457f-ae2e-5bea858a0059.tmp</t>
  </si>
  <si>
    <t>679fefed-2049-4ec7-aafd-3cd1e8045b3a.tmp</t>
  </si>
  <si>
    <t>\\acsfs\profiles$\gabrielarb\Downloads\679fefed-2049-4ec7-aafd-3cd1e8045b3a.tmp</t>
  </si>
  <si>
    <t>XLOG_vanessacgs_06012020_154508.log</t>
  </si>
  <si>
    <t>\\acsfs\profiles$\vanessacgs\My Documents\xworkcenter\logs\XLOG_vanessacgs_06012020_154508.log</t>
  </si>
  <si>
    <t>6d13cce4-5f0f-4bc8-9284-3095b4cc42bd.tmp</t>
  </si>
  <si>
    <t>\\acsfs\profiles$\gabrielhca\Downloads\6d13cce4-5f0f-4bc8-9284-3095b4cc42bd.tmp</t>
  </si>
  <si>
    <t>cb9fb407-9bb4-4f63-8b75-40cac096041c.tmp</t>
  </si>
  <si>
    <t>\\acsfs\profiles$\leonardobb\Downloads\cb9fb407-9bb4-4f63-8b75-40cac096041c.tmp</t>
  </si>
  <si>
    <t>1ad65b47-3035-4334-a25d-f3d094b93d19.tmp</t>
  </si>
  <si>
    <t>\\acsfs\profiles$\gabrielamdp\Downloads\1ad65b47-3035-4334-a25d-f3d094b93d19.tmp</t>
  </si>
  <si>
    <t>image2020-01-06-143250.pdf</t>
  </si>
  <si>
    <t>\\acsfs\DEPTOS\EDUCACAO EMPRESARIAL\2 - Operações\0 - BV\.PROVAS E ARQUIVOS DE TREINAMENTO\Formação CDC Haruna 02-12\Provas\Prova 08 - CRBV\image2020-01-06-143250.pdf</t>
  </si>
  <si>
    <t>\\acsfs\DEPTOS\EDUCACAO EMPRESARIAL\2 - Operações\0 - BV\.PROVAS E ARQUIVOS DE TREINAMENTO\Formação CDC Haruna 02-12\Provas\Prova 08 - CRBV\image2020-01-06-143250.pdf\</t>
  </si>
  <si>
    <t>\\acsfs\DEPTOS\EDUCACAO EMPRESARIAL\2 - Operações\0 - BV\.PROVAS E ARQUIVOS DE TREINAMENTO\Formação CDC Haruna 02-12\Provas\Prova 08 - CRBV\image2020-01-06-143250.pdf\:Zone.Identifier:$DATA</t>
  </si>
  <si>
    <t>85365c7a-e91b-4b57-b3d9-9eee58a1c941.tmp</t>
  </si>
  <si>
    <t>\\acsfs\profiles$\gabrielarb\Downloads\85365c7a-e91b-4b57-b3d9-9eee58a1c941.tmp</t>
  </si>
  <si>
    <t>40f8faff-3049-4a39-a630-5c80c4e60611.tmp</t>
  </si>
  <si>
    <t>\\acsfs\profiles$\fernandofs\Downloads\40f8faff-3049-4a39-a630-5c80c4e60611.tmp</t>
  </si>
  <si>
    <t>lu12720f8n1.tmp</t>
  </si>
  <si>
    <t>\\acsfs\profiles$\victoriaksr\Downloads\lu12720f8n1.tmp</t>
  </si>
  <si>
    <t>e64c260f-bfd6-4289-874a-027c0b0bf119.tmp</t>
  </si>
  <si>
    <t>\\acsfs\profiles$\ingridsm\Downloads\e64c260f-bfd6-4289-874a-027c0b0bf119.tmp</t>
  </si>
  <si>
    <t>1b597561-ea73-4f97-8a2f-0c52a2bdb327.tmp</t>
  </si>
  <si>
    <t>\\acsfs\profiles$\alinepp\Downloads\1b597561-ea73-4f97-8a2f-0c52a2bdb327.tmp</t>
  </si>
  <si>
    <t>74c97bc8-050e-41f2-9d4a-0d2e39e4a753.tmp</t>
  </si>
  <si>
    <t>\\acsfs\profiles$\gabrielarb\Downloads\74c97bc8-050e-41f2-9d4a-0d2e39e4a753.tmp</t>
  </si>
  <si>
    <t>lu12720f8n7.tmp</t>
  </si>
  <si>
    <t>\\acsfs\profiles$\victoriaksr\Downloads\lu12720f8n7.tmp</t>
  </si>
  <si>
    <t>C:\Users\guilhermeaso\AppData\Local\Temp\chrome_drag23076_1424115976\</t>
  </si>
  <si>
    <t>11. COTY- SAVOY ( FATURAMENTO Janeiro)_v1.xlsx</t>
  </si>
  <si>
    <t>\\acsfs\profiles$\julianeas\My Documents\$RECYCLE.BIN\</t>
  </si>
  <si>
    <t>$IHLCDQ8.txt</t>
  </si>
  <si>
    <t>\\acsfs\profiles$\julianeas\My Documents\$RECYCLE.BIN\$IHLCDQ8.txt</t>
  </si>
  <si>
    <t>$IMMP7YX.txt</t>
  </si>
  <si>
    <t>\\acsfs\profiles$\julianeas\My Documents\$RECYCLE.BIN\$IMMP7YX.txt</t>
  </si>
  <si>
    <t>Fechamento Dezembro_ UNE e Casos Especiais</t>
  </si>
  <si>
    <t>\\acsfs\profiles$\anafaes\Contacts\</t>
  </si>
  <si>
    <t>ANA FLAVIA ALVES E SILVA (6827).contact</t>
  </si>
  <si>
    <t>\\acsfs\profiles$\anafaes\Contacts\ANA FLAVIA ALVES E SILVA (6827).contact</t>
  </si>
  <si>
    <t>\\acsfs\profiles$\anafaes\My Documents\My Videos\</t>
  </si>
  <si>
    <t>\\acsfs\profiles$\anafaes\My Documents\My Videos\desktop.ini</t>
  </si>
  <si>
    <t>\\acsfs\profiles$\anafaes\My Documents\My Pictures\</t>
  </si>
  <si>
    <t>\\acsfs\profiles$\anafaes\My Documents\My Pictures\desktop.ini</t>
  </si>
  <si>
    <t>\\acsfs\profiles$\anafaes\Contacts\desktop.ini</t>
  </si>
  <si>
    <t>\\acsfs\profiles$\anafaes\Favorites\</t>
  </si>
  <si>
    <t>\\acsfs\profiles$\anafaes\Favorites\desktop.ini</t>
  </si>
  <si>
    <t>\\acsfs\profiles$\anafaes\My Documents\My Music\</t>
  </si>
  <si>
    <t>\\acsfs\profiles$\anafaes\My Documents\My Music\desktop.ini</t>
  </si>
  <si>
    <t>\\acsfs\profiles$\anafaes\Searches\</t>
  </si>
  <si>
    <t>\\acsfs\profiles$\anafaes\Searches\desktop.ini</t>
  </si>
  <si>
    <t>\\acsfs\profiles$\anafaes\Downloads\desktop.ini</t>
  </si>
  <si>
    <t>\\acsfs\profiles$\anafaes\My Documents\</t>
  </si>
  <si>
    <t>\\acsfs\profiles$\anafaes\My Documents\desktop.ini</t>
  </si>
  <si>
    <t>\\acsfs\profiles$\anafaes\Saved Games\</t>
  </si>
  <si>
    <t>\\acsfs\profiles$\anafaes\Saved Games\desktop.ini</t>
  </si>
  <si>
    <t>\\acsfs\profiles$\anafaes\Favorites\Links for Brasil\</t>
  </si>
  <si>
    <t>\\acsfs\profiles$\anafaes\Favorites\Links for Brasil\desktop.ini</t>
  </si>
  <si>
    <t>\\acsfs\profiles$\anafaes\Favorites\Links for Brasil\Microsoft Brasil.url</t>
  </si>
  <si>
    <t>\\acsfs\profiles$\anafaes\Favorites\Links for Brasil\Windows Brasil.url</t>
  </si>
  <si>
    <t>\\acsfs\profiles$\anafaes\Favorites\Links for Brasil\MSN Brasil.url</t>
  </si>
  <si>
    <t>cfc8b85b-d91c-4cf2-bcf5-fcf0fd14af2f.tmp</t>
  </si>
  <si>
    <t>\\acsfs\profiles$\laurandos\Downloads\cfc8b85b-d91c-4cf2-bcf5-fcf0fd14af2f.tmp</t>
  </si>
  <si>
    <t>3f654063-dbf0-44bc-9064-d1136ab6bf0b.tmp</t>
  </si>
  <si>
    <t>\\acsfs\profiles$\laurandos\Downloads\3f654063-dbf0-44bc-9064-d1136ab6bf0b.tmp</t>
  </si>
  <si>
    <t>f4cac60a-1f45-4719-b5a1-d99e6c734d98.tmp</t>
  </si>
  <si>
    <t>\\acsfs\profiles$\laurandos\Downloads\f4cac60a-1f45-4719-b5a1-d99e6c734d98.tmp</t>
  </si>
  <si>
    <t>65703815-4863-4c32-8b22-44df676fb58d.tmp</t>
  </si>
  <si>
    <t>\\acsfs\profiles$\matheusmax\Downloads\65703815-4863-4c32-8b22-44df676fb58d.tmp</t>
  </si>
  <si>
    <t>WENDER BRUNO NUNES MENESES_1_6775113414041736281_1_32.wav</t>
  </si>
  <si>
    <t>\\acsfs\Deptos\EDUCACAO EMPRESARIAL\KÉSIA\Ligações 1º Ciclo - Janeiro 2020\WENDER BRUNO NUNES MENESES_1_6775113414041736281_1_32.wav</t>
  </si>
  <si>
    <t>7d493077-3114-4e22-b0f2-efefff4de407.tmp</t>
  </si>
  <si>
    <t>\\acsfs\profiles$\gabrielarb\Downloads\7d493077-3114-4e22-b0f2-efefff4de407.tmp</t>
  </si>
  <si>
    <t>e35e5f89-8065-44b1-92ba-b3329fa62240.tmp</t>
  </si>
  <si>
    <t>\\acsfs\profiles$\anafaes\Downloads\e35e5f89-8065-44b1-92ba-b3329fa62240.tmp</t>
  </si>
  <si>
    <t>d8016ce0-54c0-4abc-bf24-30fceb5dc954.tmp</t>
  </si>
  <si>
    <t>\\acsfs\profiles$\anafaes\Downloads\d8016ce0-54c0-4abc-bf24-30fceb5dc954.tmp</t>
  </si>
  <si>
    <t>ae38f70e-ef6c-41c2-b470-e67dec98e3e6.tmp</t>
  </si>
  <si>
    <t>\\acsfs\profiles$\anafaes\Downloads\ae38f70e-ef6c-41c2-b470-e67dec98e3e6.tmp</t>
  </si>
  <si>
    <t>20385499-21a9-4a7a-9262-8395aa436e9a.tmp</t>
  </si>
  <si>
    <t>\\acsfs\profiles$\anafaes\Downloads\20385499-21a9-4a7a-9262-8395aa436e9a.tmp</t>
  </si>
  <si>
    <t>090a0efb-0b84-4662-b4bd-f91144bdfe54.tmp</t>
  </si>
  <si>
    <t>\\acsfs\profiles$\lorrainerdl\Downloads\090a0efb-0b84-4662-b4bd-f91144bdfe54.tmp</t>
  </si>
  <si>
    <t>40abc8ee-49a3-4c67-8a40-946aa451175a.tmp</t>
  </si>
  <si>
    <t>\\acsfs\profiles$\lorrainerdl\Downloads\40abc8ee-49a3-4c67-8a40-946aa451175a.tmp</t>
  </si>
  <si>
    <t>10.200.32.250</t>
  </si>
  <si>
    <t>pauladbab</t>
  </si>
  <si>
    <t>C:\Users\pauladbab\Downloads\</t>
  </si>
  <si>
    <t>3uyuw===== co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missionid,picture,shared,sharedwithmedate,thumbnailversion,title,userpermission(role),workspaceids</t>
  </si>
  <si>
    <t>c3829f95-6447-468b-89ce-b48ce653bb96.tmp</t>
  </si>
  <si>
    <t>\\acsfs\profiles$\philipegsf\Downloads\c3829f95-6447-468b-89ce-b48ce653bb96.tmp</t>
  </si>
  <si>
    <t>65f56487-7bea-409d-b0d8-03944c195428.tmp</t>
  </si>
  <si>
    <t>\\acsfs\profiles$\gabrielarb\Downloads\65f56487-7bea-409d-b0d8-03944c195428.tmp</t>
  </si>
  <si>
    <t>10c27721-4759-4767-a939-2bf03c760a3f.tmp</t>
  </si>
  <si>
    <t>\\acsfs\profiles$\gabrielarb\Downloads\10c27721-4759-4767-a939-2bf03c760a3f.tmp</t>
  </si>
  <si>
    <t>f9a718f6-3088-44fd-82a1-4697950ebcc4.tmp</t>
  </si>
  <si>
    <t>\\acsfs\profiles$\gabrielarb\Downloads\f9a718f6-3088-44fd-82a1-4697950ebcc4.tmp</t>
  </si>
  <si>
    <t>5c8eed1e-7c7a-474b-8498-a9e438f5c360.tmp</t>
  </si>
  <si>
    <t>\\acsfs\profiles$\gabrielarb\Downloads\5c8eed1e-7c7a-474b-8498-a9e438f5c360.tmp</t>
  </si>
  <si>
    <t>bcabcef9-0280-475e-97a6-747fc0c20be4.tmp</t>
  </si>
  <si>
    <t>\\acsfs\profiles$\andreapdsg\Downloads\bcabcef9-0280-475e-97a6-747fc0c20be4.tmp</t>
  </si>
  <si>
    <t>mail.google.com/_/upload?authuser=0&amp;dcp=asu-n&amp;upload_id=AEnB2UqJ83sRXZZXDMqPp2c2Tio33LvwBNnV7JZ5GktV_kmSQ-QtcgRkIorTOQwIkQ06mFzwMp7N2mCCBQGUE9YL4uviYt1Z4Q&amp;upload_protocol=resumable</t>
  </si>
  <si>
    <t>filiperve@algartech.com;janepo@algartech.com;marcotb@algartech.com;marcusgm@algartech.com;</t>
  </si>
  <si>
    <t>C:\Users\fabianacscg\Desktop\Contratos\Whirlpool\</t>
  </si>
  <si>
    <t>Rechamada por Operador - Dezembro - Gondin.xlsb</t>
  </si>
  <si>
    <t>filiperve@algartech.com,janepo@algartech.com,marcotb@algartech.com,marcusgm@algartech.com</t>
  </si>
  <si>
    <t>Cópia de REPORT ACOMPANHAMENTO - BV - JANEIRO.xlsb</t>
  </si>
  <si>
    <t>\\acsfs\deptos\Operacao\PCP\5 - Comum\PLANEJAMENTO BV\14 - ACOMPANHAMENTO\1 - REPORT ACOMPANHAMENTO\2020\1 - JANEIRO\FINANCEIRA\Cópia de REPORT ACOMPANHAMENTO - BV - JANEIRO.xlsb</t>
  </si>
  <si>
    <t>\\udpavonfs01\AVON\00 - ACOMPANHAMENTO AVON\04 - BACKOFFICE CORNERSTONE\2020\01.2020\RELATORIO\02.01.2020\</t>
  </si>
  <si>
    <t>cea9b296-85f8-4c3b-8da5-3b287b68cca8.tmp</t>
  </si>
  <si>
    <t>\\acsfs\profiles$\gabrielarb\Downloads\cea9b296-85f8-4c3b-8da5-3b287b68cca8.tmp</t>
  </si>
  <si>
    <t>b70ade24-09cb-4fda-881c-37d0fc49db29.tmp</t>
  </si>
  <si>
    <t>\\acsfs\profiles$\gabrielarb\Downloads\b70ade24-09cb-4fda-881c-37d0fc49db29.tmp</t>
  </si>
  <si>
    <t>\\acsfs\ACS\Suporte à Operações\02 - Faturamento\2019\12 - Dezembro\NEXT\</t>
  </si>
  <si>
    <t>Memória de Cálculo Faturamento novembro_2019_ativo.xlsx</t>
  </si>
  <si>
    <t>C:\Users\robertacmf\Desktop\Telefonia NEXT Novembro.7z\</t>
  </si>
  <si>
    <t>Telefonia NEXT Novembro.xlsx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</t>
  </si>
  <si>
    <t>calendário de governança_2020.xlsx</t>
  </si>
  <si>
    <t>15c1051d-4124-47fe-b70f-f0dcca32ec77.tmp</t>
  </si>
  <si>
    <t>\\acsfs\profiles$\leonardobb\Downloads\15c1051d-4124-47fe-b70f-f0dcca32ec77.tmp</t>
  </si>
  <si>
    <t>5fe32d0c-e375-405d-a0bb-daf2d5be68b4.tmp</t>
  </si>
  <si>
    <t>\\acsfs\profiles$\leonardobb\Downloads\5fe32d0c-e375-405d-a0bb-daf2d5be68b4.tmp</t>
  </si>
  <si>
    <t>259d6800-c266-4391-a8a4-b73f038ee622.tmp</t>
  </si>
  <si>
    <t>\\acsfs\profiles$\leonardobb\Downloads\259d6800-c266-4391-a8a4-b73f038ee622.tmp</t>
  </si>
  <si>
    <t>85829d51-b7bd-4dd7-87f1-ec8ae3f7eee5.tmp</t>
  </si>
  <si>
    <t>\\acsfs\profiles$\leonardobb\Downloads\85829d51-b7bd-4dd7-87f1-ec8ae3f7eee5.tmp</t>
  </si>
  <si>
    <t>19939037-12ed-4f12-9544-e43cfa89e230.tmp</t>
  </si>
  <si>
    <t>\\acsfs\profiles$\leonardobb\Downloads\19939037-12ed-4f12-9544-e43cfa89e230.tmp</t>
  </si>
  <si>
    <t>d7142a87-25a1-42cb-8ebc-6d36901ecdad.tmp</t>
  </si>
  <si>
    <t>\\acsfs\profiles$\ingridsm\Downloads\d7142a87-25a1-42cb-8ebc-6d36901ecdad.tmp</t>
  </si>
  <si>
    <t>0c89945c-ca08-4848-ad3b-372a08105817.tmp</t>
  </si>
  <si>
    <t>\\acsfs\profiles$\ingridsm\Downloads\0c89945c-ca08-4848-ad3b-372a08105817.tmp</t>
  </si>
  <si>
    <t>fc733e65-d481-4509-a420-c9416dbcf9cc.tmp</t>
  </si>
  <si>
    <t>\\acsfs\profiles$\alinepp\Downloads\fc733e65-d481-4509-a420-c9416dbcf9cc.tmp</t>
  </si>
  <si>
    <t>796deb3c-3d0d-40f9-b113-a7e5333962fd.tmp</t>
  </si>
  <si>
    <t>\\acsfs\profiles$\leticiala\Downloads\796deb3c-3d0d-40f9-b113-a7e5333962fd.tmp</t>
  </si>
  <si>
    <t>lu528808of2vl.tmp</t>
  </si>
  <si>
    <t>\\acsfs\profiles$\lorraynevam\Downloads\lu528808of2vl.tmp</t>
  </si>
  <si>
    <t>\\acsfs\profiles$\lorraynevam\Downloads\lu528808of2vl.tmp\</t>
  </si>
  <si>
    <t>\\acsfs\profiles$\lorraynevam\Downloads\lu528808of2vl.tmp\META-INF\</t>
  </si>
  <si>
    <t>\\acsfs\profiles$\lorraynevam\Downloads\lu528808of2vl.tmp\Thumbnails\</t>
  </si>
  <si>
    <t>4047b7cc-b045-4c1c-a037-f8eb2d9e1f9e.tmp</t>
  </si>
  <si>
    <t>\\acsfs\profiles$\leonardobb\Downloads\4047b7cc-b045-4c1c-a037-f8eb2d9e1f9e.tmp</t>
  </si>
  <si>
    <t>a19e2834-fcfb-49af-927b-ed8685c8af50.tmp</t>
  </si>
  <si>
    <t>\\acsfs\profiles$\karinarm\Downloads\a19e2834-fcfb-49af-927b-ed8685c8af50.tmp</t>
  </si>
  <si>
    <t>10.200.67.2</t>
  </si>
  <si>
    <t>78-2B-CB-C1-04-88</t>
  </si>
  <si>
    <t>VOTORANT-LB005</t>
  </si>
  <si>
    <t>dc46ad75-7471-4599-9d1b-d31cc981ee9c.tmp</t>
  </si>
  <si>
    <t>\\acsfs\profiles$\layonmof\Downloads\dc46ad75-7471-4599-9d1b-d31cc981ee9c.tmp</t>
  </si>
  <si>
    <t>1b67e221-9baf-4985-910f-c797bee1bde5.tmp</t>
  </si>
  <si>
    <t>\\acsfs\profiles$\layonmof\Downloads\1b67e221-9baf-4985-910f-c797bee1bde5.tmp</t>
  </si>
  <si>
    <t>\\acsfs\ACS\Gabriel da Silva\Contemporânea\BDBV\7390FB2B.tmp\</t>
  </si>
  <si>
    <t>\\acsfs\ACS\Gabriel da Silva\Contemporânea\BDBV\7390FB2B.tmp\:Zone.Identifier:$DATA</t>
  </si>
  <si>
    <t>9a2eae2f-6f29-4b60-9d85-913d7199dd9c.tmp</t>
  </si>
  <si>
    <t>\\acsfs\profiles$\alinepp\Downloads\9a2eae2f-6f29-4b60-9d85-913d7199dd9c.tmp</t>
  </si>
  <si>
    <t>9b4f72d3-4aec-401a-9c3d-4b70bdd82930.tmp</t>
  </si>
  <si>
    <t>\\acsfs\profiles$\alinepp\Downloads\9b4f72d3-4aec-401a-9c3d-4b70bdd82930.tmp</t>
  </si>
  <si>
    <t>79c395f5-3ea3-4318-9bb6-ca0323dc677e.tmp</t>
  </si>
  <si>
    <t>\\acsfs\profiles$\leticiala\Downloads\79c395f5-3ea3-4318-9bb6-ca0323dc677e.tmp</t>
  </si>
  <si>
    <t>b15ff2b4-ec5b-4438-b2d1-1f8a50ac007d.tmp</t>
  </si>
  <si>
    <t>\\acsfs\profiles$\brendadsl\Downloads\b15ff2b4-ec5b-4438-b2d1-1f8a50ac007d.tmp</t>
  </si>
  <si>
    <t>b9219152-9e1d-449f-a167-b8e5af166c6d.tmp</t>
  </si>
  <si>
    <t>\\acsfs\profiles$\adelvinsonle\Downloads\b9219152-9e1d-449f-a167-b8e5af166c6d.tmp</t>
  </si>
  <si>
    <t>Modelo Monitoria - 1º ciclo - Janeiro 2020.txt</t>
  </si>
  <si>
    <t>\\acsfs\Deptos\EDUCACAO EMPRESARIAL\KÉSIA\Modelo Monitoria - 1º ciclo - Janeiro 2020.txt</t>
  </si>
  <si>
    <t>SOBRE AVISO - 2020.xlsx</t>
  </si>
  <si>
    <t>9d8be01d-5cfd-482c-924e-c898c36b8976.tmp</t>
  </si>
  <si>
    <t>\\acsfs\profiles$\henriqueco\Downloads\9d8be01d-5cfd-482c-924e-c898c36b8976.tmp</t>
  </si>
  <si>
    <t>10.200.35.209</t>
  </si>
  <si>
    <t>Base Qlikview</t>
  </si>
  <si>
    <t>BASE_QLIKVIEW.xlsx</t>
  </si>
  <si>
    <t>378ec079-4010-4a03-a315-583741736aca.tmp</t>
  </si>
  <si>
    <t>\\acsfs\profiles$\karinarm\Downloads\378ec079-4010-4a03-a315-583741736aca.tmp</t>
  </si>
  <si>
    <t>f0615104-0c3b-4740-9338-ae72cb0b0615.tmp</t>
  </si>
  <si>
    <t>\\acsfs\profiles$\karinarm\Downloads\f0615104-0c3b-4740-9338-ae72cb0b0615.tmp</t>
  </si>
  <si>
    <t>ESFORÇO_VALIDAR.xlsm</t>
  </si>
  <si>
    <t>be3aab82-8871-4dac-9dda-54d5e430fa0c.tmp</t>
  </si>
  <si>
    <t>\\acsfs\profiles$\adelvinsonle\Downloads\be3aab82-8871-4dac-9dda-54d5e430fa0c.tmp</t>
  </si>
  <si>
    <t>SUBSTITUIÇÃO DE PROTOCOLOS.docx</t>
  </si>
  <si>
    <t>\\acsfs\Deptos\EDUCACAO EMPRESARIAL\KÉSIA\SUBSTITUIÇÃO DE PROTOCOLOS.docx</t>
  </si>
  <si>
    <t>3dcb17ca-9075-4df6-80de-a3d6fdcf0293.tmp</t>
  </si>
  <si>
    <t>\\acsfs\profiles$\ciceraads\Downloads\3dcb17ca-9075-4df6-80de-a3d6fdcf0293.tmp</t>
  </si>
  <si>
    <t>55308d75-8e95-4432-b354-c698ef9402b3.tmp</t>
  </si>
  <si>
    <t>\\acsfs\profiles$\andrezacapf\Downloads\55308d75-8e95-4432-b354-c698ef9402b3.tmp</t>
  </si>
  <si>
    <t>dc23aed7-0611-4369-8c32-800c8f5c9f38.tmp</t>
  </si>
  <si>
    <t>\\acsfs\profiles$\andrezacapf\Downloads\dc23aed7-0611-4369-8c32-800c8f5c9f38.tmp</t>
  </si>
  <si>
    <t>cb11dae0-3c59-48ac-b404-0dfa7021f43e.tmp</t>
  </si>
  <si>
    <t>\\acsfs\profiles$\andrezacapf\Downloads\cb11dae0-3c59-48ac-b404-0dfa7021f43e.tmp</t>
  </si>
  <si>
    <t>333adb2f-fae1-4e2c-9d5d-e556c6017f07.tmp</t>
  </si>
  <si>
    <t>\\acsfs\profiles$\andrezacapf\Downloads\333adb2f-fae1-4e2c-9d5d-e556c6017f07.tmp</t>
  </si>
  <si>
    <t>31d017f9-0c30-4479-ab68-ff3d8ec15cd0.tmp</t>
  </si>
  <si>
    <t>\\acsfs\profiles$\marcelacdss\Downloads\31d017f9-0c30-4479-ab68-ff3d8ec15cd0.tmp</t>
  </si>
  <si>
    <t>a5c569d8-90eb-4e5c-bc03-ed4267b6bc46.tmp</t>
  </si>
  <si>
    <t>\\acsfs\profiles$\marcelacdss\Downloads\a5c569d8-90eb-4e5c-bc03-ed4267b6bc46.tmp</t>
  </si>
  <si>
    <t>4d9e43b9-9625-433f-bb3e-36101f905ad5.tmp</t>
  </si>
  <si>
    <t>\\acsfs\profiles$\marcelacdss\Downloads\4d9e43b9-9625-433f-bb3e-36101f905ad5.tmp</t>
  </si>
  <si>
    <t>ancestorhasaugmentedpermissions;containsunsubscribedchildren;displayname;domain;emailaddress;exp;explicitlytrashed;file(kind;fileid;filesize;hasthumbnail;hasvisitorpermissions;id;id);items(deleted;items(kind;ken;ken=aa2cq0ghxulpkumdp8xqa_x50xav:1578340923712&amp;buildlabel=drive.web-frontend_20191211.00_p104;kind;lastmodify;lastmodifyinguser(kind;lastviewedbymedate;mimetype;modifiedbymedate;modifieddate;ontainsunsubscribedchildren;owners(kind;permi;permission;permissionid;picture;picture�;quota;rpermissions;shared;sharedwithmedate;thumbnailversion;title;userpermission(role);workspaceids;</t>
  </si>
  <si>
    <t>Certificações_Prudential atualizado.xlsx</t>
  </si>
  <si>
    <t>ancestorhasaugmentedpermissions,containsunsubscribedchildren,displayname,domain,emailaddress,exp,explicitlytrashed,file(kind,fileid,filesize,hasthumbnail,hasvisitorpermissions,id,id),items(deleted,items(kind,ken,ken=aa2cq0ghxulpkumdp8xqa_x50xav:1578340923712&amp;buildlabel=drive.web-frontend_20191211.00_p104,kind,lastmodify,lastmodifyinguser(kind,lastviewedbymedate,mimetype,modifiedbymedate,modifieddate,ontainsunsubscribedchildren,owners(kind,permi,permission,permissionid,picture,picture�,quota,rpermissions,shared,sharedwithmedate,thumbnailversion,title,userpermission(role),workspaceids</t>
  </si>
  <si>
    <t>mail.google.com/_/upload?authuser=0&amp;dcp=asu-n&amp;upload_id=AEnB2Uqw8l6tOzkR01xkUjDJC3GGLrf9ks_AMgCp6QEl5XcWqWwxFqxgEWR3XVA9FQgxUSO1rS0SRIRi1WYABKTv0mhXwzcDZfsKR8Vtg6VXYZZJDe0MSMA&amp;upload_protocol=resumable</t>
  </si>
  <si>
    <t>C:\Users\edilsonrb\Documents\02.Trabalho\86.ANO.2020\01.CLIENTES\01.PRUDENTIAL\01.JANEIRO\02.TREINAMENTOS\</t>
  </si>
  <si>
    <t>Cópia de Objetivos 2º semestre 2019_V2.xlsx</t>
  </si>
  <si>
    <t>8733d543-d163-4086-a051-e2d411523950.tmp</t>
  </si>
  <si>
    <t>\\acsfs\profiles$\myllenardl\Downloads\8733d543-d163-4086-a051-e2d411523950.tmp</t>
  </si>
  <si>
    <t>24fa7aa1-be85-46a7-afc5-15044f076efc.tmp</t>
  </si>
  <si>
    <t>\\acsfs\profiles$\danielta\Downloads\24fa7aa1-be85-46a7-afc5-15044f076efc.tmp</t>
  </si>
  <si>
    <t>b0a84771-dce1-46bc-953c-9be4a5158518.tmp</t>
  </si>
  <si>
    <t>\\acsfs\profiles$\henriqueco\Downloads\b0a84771-dce1-46bc-953c-9be4a5158518.tmp</t>
  </si>
  <si>
    <t>5030401b-afe1-4c6d-93c6-67bc915daed8.tmp</t>
  </si>
  <si>
    <t>\\acsfs\profiles$\andrezacapf\Downloads\5030401b-afe1-4c6d-93c6-67bc915daed8.tmp</t>
  </si>
  <si>
    <t>3047e8c6-6142-4768-af63-2a355fb4625d.tmp</t>
  </si>
  <si>
    <t>\\acsfs\profiles$\andrezacapf\Downloads\3047e8c6-6142-4768-af63-2a355fb4625d.tmp</t>
  </si>
  <si>
    <t>115e6486-57d9-4a7d-8574-3bc9bb0c1369.tmp</t>
  </si>
  <si>
    <t>\\acsfs\profiles$\fabianafv\Downloads\115e6486-57d9-4a7d-8574-3bc9bb0c1369.tmp</t>
  </si>
  <si>
    <t>71ea3c90-1d3d-411f-8ea2-da38f46249bc.tmp</t>
  </si>
  <si>
    <t>\\acsfs\profiles$\marcelacdss\Downloads\71ea3c90-1d3d-411f-8ea2-da38f46249bc.tmp</t>
  </si>
  <si>
    <t>Não confirmado 205091.crdownload</t>
  </si>
  <si>
    <t>\\acsfs\profiles$\marcelacdss\Downloads\Não confirmado 205091.crdownload</t>
  </si>
  <si>
    <t>13969197-d167-4b9f-b72c-fe699ed02730.tmp</t>
  </si>
  <si>
    <t>\\acsfs\profiles$\marcelacdss\Downloads\13969197-d167-4b9f-b72c-fe699ed02730.tmp</t>
  </si>
  <si>
    <t>f3605c1d-81f9-4c89-9593-6bdec271d1b1.tmp</t>
  </si>
  <si>
    <t>\\acsfs\profiles$\marcelacdss\Downloads\f3605c1d-81f9-4c89-9593-6bdec271d1b1.tmp</t>
  </si>
  <si>
    <t>3d3192ec-4d27-4274-86e2-a29ef1941d74.tmp</t>
  </si>
  <si>
    <t>\\acsfs\profiles$\marcelacdss\Downloads\3d3192ec-4d27-4274-86e2-a29ef1941d74.tmp</t>
  </si>
  <si>
    <t>100014122394468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22394468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2103689a-acfd-430c-8af5-c2e6542fd82b.tmp</t>
  </si>
  <si>
    <t>\\acsfs\profiles$\danielta\Downloads\2103689a-acfd-430c-8af5-c2e6542fd82b.tmp</t>
  </si>
  <si>
    <t>fe9aac9d-6fe1-4311-a51f-b4e6c65731f1.tmp</t>
  </si>
  <si>
    <t>\\acsfs\profiles$\marcelacdss\Downloads\fe9aac9d-6fe1-4311-a51f-b4e6c65731f1.tmp</t>
  </si>
  <si>
    <t>ef095bcd-ad57-45e2-88f3-d3a41309cad1.tmp</t>
  </si>
  <si>
    <t>\\acsfs\profiles$\joycemmdl\Downloads\ef095bcd-ad57-45e2-88f3-d3a41309cad1.tmp</t>
  </si>
  <si>
    <t>e481cb49-41d9-4549-a589-932bd62ed962.tmp</t>
  </si>
  <si>
    <t>\\acsfs\profiles$\joycemmdl\Downloads\e481cb49-41d9-4549-a589-932bd62ed962.tmp</t>
  </si>
  <si>
    <t>thaismo@algartech.com;</t>
  </si>
  <si>
    <t>Fechamento</t>
  </si>
  <si>
    <t>Acompanhamento CRC Amex e CRC VMC - Dezembro.zip\</t>
  </si>
  <si>
    <t>Acompanhamento CRC Amex e CRC VMC - Dezembro.xlsb</t>
  </si>
  <si>
    <t>thaismo@algartech.com</t>
  </si>
  <si>
    <t>216bcd51-bb73-4b4b-b03c-ee0a192f9e67.tmp</t>
  </si>
  <si>
    <t>\\acsfs\profiles$\kamilamrc\Downloads\216bcd51-bb73-4b4b-b03c-ee0a192f9e67.tmp</t>
  </si>
  <si>
    <t>48c15b15-6b30-4896-9319-5c0ec305013a.tmp</t>
  </si>
  <si>
    <t>\\acsfs\profiles$\leticiala\Downloads\48c15b15-6b30-4896-9319-5c0ec305013a.tmp</t>
  </si>
  <si>
    <t>b58b352d-0e43-4b2e-82a5-f38a20cc5572.tmp</t>
  </si>
  <si>
    <t>\\acsfs\profiles$\henriquehmdo\Downloads\b58b352d-0e43-4b2e-82a5-f38a20cc5572.tmp</t>
  </si>
  <si>
    <t>1631a2de-61de-4cc9-937e-33ae74248f0b.JPG</t>
  </si>
  <si>
    <t>508da70e-83ee-4937-9727-ce0930091c3b.tmp</t>
  </si>
  <si>
    <t>\\acsfs\profiles$\andrezacapf\Downloads\508da70e-83ee-4937-9727-ce0930091c3b.tmp</t>
  </si>
  <si>
    <t>XLOG_andrezacapf_06012020_135411.log</t>
  </si>
  <si>
    <t>\\acsfs\profiles$\andrezacapf\My Documents\xworkcenter\logs\XLOG_andrezacapf_06012020_135411.log</t>
  </si>
  <si>
    <t>9db5d930-ce02-4a61-a862-72a5f5ccce7a.tmp</t>
  </si>
  <si>
    <t>\\acsfs\profiles$\andrezacapf\Downloads\9db5d930-ce02-4a61-a862-72a5f5ccce7a.tmp</t>
  </si>
  <si>
    <t>a13f6b58-f765-48b1-8181-21eb9692b632.tmp</t>
  </si>
  <si>
    <t>\\acsfs\profiles$\andrezacapf\Downloads\a13f6b58-f765-48b1-8181-21eb9692b632.tmp</t>
  </si>
  <si>
    <t>632ac8af-f151-4c47-8ca4-d89db13ed5b0.tmp</t>
  </si>
  <si>
    <t>\\acsfs\profiles$\marcelacdss\Downloads\632ac8af-f151-4c47-8ca4-d89db13ed5b0.tmp</t>
  </si>
  <si>
    <t>cb8efeef-86f7-4f6e-806b-164e8eecd700.tmp</t>
  </si>
  <si>
    <t>\\acsfs\profiles$\marcelacdss\Downloads\cb8efeef-86f7-4f6e-806b-164e8eecd700.tmp</t>
  </si>
  <si>
    <t>d821e502-eb48-4965-b17e-74de0f99ad42.tmp</t>
  </si>
  <si>
    <t>\\acsfs\profiles$\philipegsf\Downloads\d821e502-eb48-4965-b17e-74de0f99ad42.tmp</t>
  </si>
  <si>
    <t>8f98ada3-5505-431d-8fe7-5d7643d17b05.tmp</t>
  </si>
  <si>
    <t>\\acsfs\profiles$\andrezacapf\Downloads\8f98ada3-5505-431d-8fe7-5d7643d17b05.tmp</t>
  </si>
  <si>
    <t>c3a29897-abc4-4737-b07f-46708779c4b9.tmp</t>
  </si>
  <si>
    <t>\\acsfs\profiles$\andrezacapf\Downloads\c3a29897-abc4-4737-b07f-46708779c4b9.tmp</t>
  </si>
  <si>
    <t>360e1ea2-f3d4-4369-9975-d86a8af1c481.tmp</t>
  </si>
  <si>
    <t>\\acsfs\profiles$\andrezacapf\Downloads\360e1ea2-f3d4-4369-9975-d86a8af1c481.tmp</t>
  </si>
  <si>
    <t>02c3475a-07d0-4946-bb9c-1e9c51dfe9fd.tmp</t>
  </si>
  <si>
    <t>\\acsfs\profiles$\andrezacapf\Downloads\02c3475a-07d0-4946-bb9c-1e9c51dfe9fd.tmp</t>
  </si>
  <si>
    <t>dba4008b-5d11-4b43-9dd3-587465498d51.tmp</t>
  </si>
  <si>
    <t>\\acsfs\profiles$\andrezacapf\Downloads\dba4008b-5d11-4b43-9dd3-587465498d51.tmp</t>
  </si>
  <si>
    <t>b4f0e1e4-734b-4aed-91da-2bd7954636f4.tmp</t>
  </si>
  <si>
    <t>\\acsfs\profiles$\andrezacapf\Downloads\b4f0e1e4-734b-4aed-91da-2bd7954636f4.tmp</t>
  </si>
  <si>
    <t>15a401d8-86af-4927-bbac-5f6c91ee7108.tmp</t>
  </si>
  <si>
    <t>\\acsfs\profiles$\andrezacapf\Downloads\15a401d8-86af-4927-bbac-5f6c91ee7108.tmp</t>
  </si>
  <si>
    <t>10.200.58.115</t>
  </si>
  <si>
    <t>Horas 2019- agosto - Copia.xlsx</t>
  </si>
  <si>
    <t>64fc35e5-89a3-4ac2-8602-2bce8ff35f3f.tmp</t>
  </si>
  <si>
    <t>\\acsfs\profiles$\layonmof\Downloads\64fc35e5-89a3-4ac2-8602-2bce8ff35f3f.tmp</t>
  </si>
  <si>
    <t>67c307c8-f0fd-4417-9b8c-1343808b3a5b.tmp</t>
  </si>
  <si>
    <t>\\acsfs\profiles$\layonmof\Downloads\67c307c8-f0fd-4417-9b8c-1343808b3a5b.tmp</t>
  </si>
  <si>
    <t>\\acsfs\ACS\Gabriel da Silva\Contemporânea\BDBV\844D5182.tmp\</t>
  </si>
  <si>
    <t>\\acsfs\ACS\Gabriel da Silva\Contemporânea\BDBV\844D5182.tmp\:Zone.Identifier:$DATA</t>
  </si>
  <si>
    <t>11901609-631e-4ab6-8dd5-e04ea4d6ab19.tmp</t>
  </si>
  <si>
    <t>\\acsfs\profiles$\leticiala\Downloads\11901609-631e-4ab6-8dd5-e04ea4d6ab19.tmp</t>
  </si>
  <si>
    <t>fa02119a-352b-4864-b8ab-58c6aa02ed66.tmp</t>
  </si>
  <si>
    <t>\\acsfs\profiles$\leticiala\Downloads\fa02119a-352b-4864-b8ab-58c6aa02ed66.tmp</t>
  </si>
  <si>
    <t>d4bb4917-1fee-454b-b826-28c6163b28f5.tmp</t>
  </si>
  <si>
    <t>\\acsfs\profiles$\marcelacdss\Downloads\d4bb4917-1fee-454b-b826-28c6163b28f5.tmp</t>
  </si>
  <si>
    <t>Nathalia Oliveira Souza (13).contact</t>
  </si>
  <si>
    <t>\\acsfs\profiles$\nathaliaos\Contacts\Nathalia Oliveira Souza (13).contact</t>
  </si>
  <si>
    <t>dc277105-33bd-4506-bb38-f78083b1cd76.tmp</t>
  </si>
  <si>
    <t>\\acsfs\profiles$\nathaliaos\Downloads\dc277105-33bd-4506-bb38-f78083b1cd76.tmp</t>
  </si>
  <si>
    <t>3c69d3e9-f4aa-4fa0-a31d-940fe9b46bf7.tmp</t>
  </si>
  <si>
    <t>\\acsfs\profiles$\nathaliaos\Downloads\3c69d3e9-f4aa-4fa0-a31d-940fe9b46bf7.tmp</t>
  </si>
  <si>
    <t>eba6e450-7bdf-4b0f-9ca7-3a949b9137c5.tmp</t>
  </si>
  <si>
    <t>\\acsfs\profiles$\layonmof\Downloads\eba6e450-7bdf-4b0f-9ca7-3a949b9137c5.tmp</t>
  </si>
  <si>
    <t>2401a94e-e325-41a2-820f-a0434c446115.tmp</t>
  </si>
  <si>
    <t>\\acsfs\profiles$\layonmof\Downloads\2401a94e-e325-41a2-820f-a0434c446115.tmp</t>
  </si>
  <si>
    <t>f1fe8603-c48a-48ed-8d31-3a026e8c7316.tmp</t>
  </si>
  <si>
    <t>\\acsfs\profiles$\layonmof\Downloads\f1fe8603-c48a-48ed-8d31-3a026e8c7316.tmp</t>
  </si>
  <si>
    <t>a35bdae6-a52a-4068-8a5c-25556bebcb81.tmp</t>
  </si>
  <si>
    <t>\\acsfs\profiles$\layonmof\Downloads\a35bdae6-a52a-4068-8a5c-25556bebcb81.tmp</t>
  </si>
  <si>
    <t>eda83a11-642f-4ae2-a17e-47d6869de3cd.tmp</t>
  </si>
  <si>
    <t>\\acsfs\profiles$\layonmof\Downloads\eda83a11-642f-4ae2-a17e-47d6869de3cd.tmp</t>
  </si>
  <si>
    <t>\\acsfs\ACS\Gabriel da Silva\Contemporânea\Acessos\8F9E8C53.tmp\</t>
  </si>
  <si>
    <t>\\acsfs\ACS\Gabriel da Silva\Contemporânea\Acessos\8F9E8C53.tmp\:Zone.Identifier:$DATA</t>
  </si>
  <si>
    <t>Escalas Novatos</t>
  </si>
  <si>
    <t>Escala Pausas Corporate.xlsx</t>
  </si>
  <si>
    <t>a692b4d5-36b9-4c93-8b4d-7fa6a07f6c90.tmp</t>
  </si>
  <si>
    <t>\\acsfs\profiles$\layonmof\Downloads\a692b4d5-36b9-4c93-8b4d-7fa6a07f6c90.tmp</t>
  </si>
  <si>
    <t>a0332b2a-40a4-43e8-b6a2-2135a7fafadd.tmp</t>
  </si>
  <si>
    <t>\\acsfs\profiles$\layonmof\Downloads\a0332b2a-40a4-43e8-b6a2-2135a7fafadd.tmp</t>
  </si>
  <si>
    <t>d3f23b79-0cef-4808-bb5c-28ae9ba78f83.tmp</t>
  </si>
  <si>
    <t>\\acsfs\profiles$\fabianobmf\Downloads\d3f23b79-0cef-4808-bb5c-28ae9ba78f83.tmp</t>
  </si>
  <si>
    <t>8dab5652-49aa-430e-ac4b-f57aa16cb28f.tmp</t>
  </si>
  <si>
    <t>\\acsfs\profiles$\nathaliaos\Downloads\8dab5652-49aa-430e-ac4b-f57aa16cb28f.tmp</t>
  </si>
  <si>
    <t>218f1621-d7c7-4a4a-8bfe-f3a33a52ac4a.tmp</t>
  </si>
  <si>
    <t>\\acsfs\profiles$\layonmof\Downloads\218f1621-d7c7-4a4a-8bfe-f3a33a52ac4a.tmp</t>
  </si>
  <si>
    <t>1f68ec2e-7b71-4b54-94a7-c0cf434f7369.tmp</t>
  </si>
  <si>
    <t>\\acsfs\profiles$\layonmof\Downloads\1f68ec2e-7b71-4b54-94a7-c0cf434f7369.tmp</t>
  </si>
  <si>
    <t>519fd7b7-fae1-4bd5-9f4d-33d1be7ef1b2.tmp</t>
  </si>
  <si>
    <t>\\acsfs\profiles$\layonmof\Downloads\519fd7b7-fae1-4bd5-9f4d-33d1be7ef1b2.tmp</t>
  </si>
  <si>
    <t>5945d0c5-4f02-4e6a-b2d4-dc79c7079459.tmp</t>
  </si>
  <si>
    <t>\\acsfs\profiles$\layonmof\Downloads\5945d0c5-4f02-4e6a-b2d4-dc79c7079459.tmp</t>
  </si>
  <si>
    <t>95f31c42-fbb8-4d9d-9ef1-d6c2c255d343.tmp</t>
  </si>
  <si>
    <t>\\acsfs\profiles$\layonmof\Downloads\95f31c42-fbb8-4d9d-9ef1-d6c2c255d343.tmp</t>
  </si>
  <si>
    <t>lu166683u8jds.tmp</t>
  </si>
  <si>
    <t>\\acsfs\profiles$\ALEXANDREMM\lu166683u8jds.tmp</t>
  </si>
  <si>
    <t>\\acsfs\profiles$\ALEXANDREMM\lu166683u8jds.tmp\</t>
  </si>
  <si>
    <t>\\acsfs\profiles$\ALEXANDREMM\lu166683u8jds.tmp\META-INF\</t>
  </si>
  <si>
    <t>\\acsfs\profiles$\ALEXANDREMM\lu166683u8jds.tmp\Thumbnails\</t>
  </si>
  <si>
    <t>463039c0-c647-4786-937b-7d342382efc3.tmp</t>
  </si>
  <si>
    <t>\\acsfs\profiles$\leandromsa\Downloads\463039c0-c647-4786-937b-7d342382efc3.tmp</t>
  </si>
  <si>
    <t>\\acsfs\profiles$\sorayadsr\Documents\</t>
  </si>
  <si>
    <t>\\acsfs\profiles$\sorayadsr\Documents\LINKS SAC.CONSIGNADO.txt</t>
  </si>
  <si>
    <t>ff50b457-7a6e-449c-a23a-e2ea62bdd6ca.tmp</t>
  </si>
  <si>
    <t>\\acsfs\profiles$\taylaedoa\Downloads\ff50b457-7a6e-449c-a23a-e2ea62bdd6ca.tmp</t>
  </si>
  <si>
    <t>79f8061e-3a46-4995-b723-3562de76f3d5.tmp</t>
  </si>
  <si>
    <t>\\acsfs\profiles$\matheushds\Downloads\79f8061e-3a46-4995-b723-3562de76f3d5.tmp</t>
  </si>
  <si>
    <t>4f22f46b-6031-4f80-8dad-3cadf8e33781.tmp</t>
  </si>
  <si>
    <t>\\acsfs\profiles$\matheushds\Downloads\4f22f46b-6031-4f80-8dad-3cadf8e33781.tmp</t>
  </si>
  <si>
    <t>dd1bb453-1fad-46d9-89f9-410673dff97b.tmp</t>
  </si>
  <si>
    <t>\\acsfs\profiles$\layonmof\Downloads\dd1bb453-1fad-46d9-89f9-410673dff97b.tmp</t>
  </si>
  <si>
    <t>4e6cf46c-e8ce-487f-9452-9dc45c87d37b.tmp</t>
  </si>
  <si>
    <t>\\acsfs\profiles$\layonmof\Downloads\4e6cf46c-e8ce-487f-9452-9dc45c87d37b.tmp</t>
  </si>
  <si>
    <t>7fb65ce4-5d0f-4a78-8428-b75c71fe64c0.tmp</t>
  </si>
  <si>
    <t>\\acsfs\profiles$\leonardocb\Downloads\7fb65ce4-5d0f-4a78-8428-b75c71fe64c0.tmp</t>
  </si>
  <si>
    <t>ec6d7049-3c25-48ca-a47e-9bd9949e2b59.tmp</t>
  </si>
  <si>
    <t>\\acsfs\profiles$\leonardocb\Downloads\ec6d7049-3c25-48ca-a47e-9bd9949e2b59.tmp</t>
  </si>
  <si>
    <t>100014136373615;100014239771614;</t>
  </si>
  <si>
    <t>https://100014136373615,100014239771614</t>
  </si>
  <si>
    <t>bb24ff9c-6d24-4f3c-a63a-48adb8d6eac8.tmp</t>
  </si>
  <si>
    <t>\\acsfs\profiles$\leandromsa\Downloads\bb24ff9c-6d24-4f3c-a63a-48adb8d6eac8.tmp</t>
  </si>
  <si>
    <t>0b5401b1-3350-4c69-8388-0da04b1f186c.tmp</t>
  </si>
  <si>
    <t>\\acsfs\profiles$\henriquehmdo\Downloads\0b5401b1-3350-4c69-8388-0da04b1f186c.tmp</t>
  </si>
  <si>
    <t>b4a676cb-da7e-47b6-8391-e104b4236c5a.tmp</t>
  </si>
  <si>
    <t>\\acsfs\profiles$\henriqueco\Downloads\b4a676cb-da7e-47b6-8391-e104b4236c5a.tmp</t>
  </si>
  <si>
    <t>574e5116-1a7a-412f-aafa-cacac2ab5796.tmp</t>
  </si>
  <si>
    <t>\\acsfs\profiles$\taylaedoa\Downloads\574e5116-1a7a-412f-aafa-cacac2ab5796.tmp</t>
  </si>
  <si>
    <t>c54329a7-118d-40d6-96cf-2cf58d86df11.tmp</t>
  </si>
  <si>
    <t>\\acsfs\profiles$\matheushds\Downloads\c54329a7-118d-40d6-96cf-2cf58d86df11.tmp</t>
  </si>
  <si>
    <t>4ae0f977-0d20-4d16-a3cf-abe95b4ee70c.tmp</t>
  </si>
  <si>
    <t>\\acsfs\profiles$\matheushds\Downloads\4ae0f977-0d20-4d16-a3cf-abe95b4ee70c.tmp</t>
  </si>
  <si>
    <t>4e1600a4-c226-47e3-8d5d-9ea168ff4302.tmp</t>
  </si>
  <si>
    <t>\\acsfs\profiles$\layonmof\Downloads\4e1600a4-c226-47e3-8d5d-9ea168ff4302.tmp</t>
  </si>
  <si>
    <t>4e01e1e4-c552-4a93-babc-e418779c1496.tmp</t>
  </si>
  <si>
    <t>\\acsfs\profiles$\layonmof\Downloads\4e01e1e4-c552-4a93-babc-e418779c1496.tmp</t>
  </si>
  <si>
    <t>4924570a-c54b-4a45-acfe-0a617b42fb7d.tmp</t>
  </si>
  <si>
    <t>\\acsfs\profiles$\Adrieledgc\Downloads\4924570a-c54b-4a45-acfe-0a617b42fb7d.tmp</t>
  </si>
  <si>
    <t>dfd63e78-c0c8-4372-a254-05beabc12467.tmp</t>
  </si>
  <si>
    <t>\\acsfs\profiles$\Adrieledgc\Downloads\dfd63e78-c0c8-4372-a254-05beabc12467.tmp</t>
  </si>
  <si>
    <t>088a1ef0-9b52-41b6-a514-e2bab02a5332.tmp</t>
  </si>
  <si>
    <t>\\acsfs\profiles$\Adrieledgc\Downloads\088a1ef0-9b52-41b6-a514-e2bab02a5332.tmp</t>
  </si>
  <si>
    <t>05c3c961-5767-4c07-a5c5-f47d80ea2bf6.tmp</t>
  </si>
  <si>
    <t>\\acsfs\profiles$\Adrieledgc\Downloads\05c3c961-5767-4c07-a5c5-f47d80ea2bf6.tmp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10.200.58.93</t>
  </si>
  <si>
    <t>122019_Relatorio_Despesa V5.xlsb</t>
  </si>
  <si>
    <t>mail.google.com/_/upload?authuser=0&amp;dcp=asu-n&amp;upload_id=AEnB2Upi98RCCMYEqWNUBUs6u1zS7rr5L7Gga7T5D5JiTeM4ZgiNNEfJdeDQNvWFDXo4XBFeyAba92KfTk04dAjI5fzSSgtWFA&amp;upload_protocol=resumable</t>
  </si>
  <si>
    <t>122019_Relatorio_Indiretos V5.xlsb</t>
  </si>
  <si>
    <t>10.200.58.114</t>
  </si>
  <si>
    <t>C:\Users\heliorg\OneDrive - Grupo Algar\Squad\URAs\10 - Avon\</t>
  </si>
  <si>
    <t>Volumetria por skill Avon_Com filtro de RA.xlsx</t>
  </si>
  <si>
    <t>b0b28806-627d-42c2-ba80-a28c94b82d3a.tmp</t>
  </si>
  <si>
    <t>\\acsfs\profiles$\fernandofs\Downloads\b0b28806-627d-42c2-ba80-a28c94b82d3a.tmp</t>
  </si>
  <si>
    <t>ad3f6a6e-0562-4221-850f-aac76da14fd0.tmp</t>
  </si>
  <si>
    <t>\\acsfs\profiles$\matheushds\Downloads\ad3f6a6e-0562-4221-850f-aac76da14fd0.tmp</t>
  </si>
  <si>
    <t>46dc37f2-267a-4603-90bf-14b23b844552.tmp</t>
  </si>
  <si>
    <t>\\acsfs\profiles$\matheushds\Downloads\46dc37f2-267a-4603-90bf-14b23b844552.tmp</t>
  </si>
  <si>
    <t>fe24aeed-86b3-4246-9a69-76d8e59732fc.tmp</t>
  </si>
  <si>
    <t>\\acsfs\profiles$\layonmof\Downloads\fe24aeed-86b3-4246-9a69-76d8e59732fc.tmp</t>
  </si>
  <si>
    <t>49a8847a-bd86-444e-bf48-05989cf36d1e.tmp</t>
  </si>
  <si>
    <t>\\acsfs\profiles$\layonmof\Downloads\49a8847a-bd86-444e-bf48-05989cf36d1e.tmp</t>
  </si>
  <si>
    <t>03-01 RELATORIO DE LOGIN AVON - Cópia.xlsm</t>
  </si>
  <si>
    <t>\\acsfs\deptos\Operacao\PCP\5 - Comum\CONTROL DESK\2 - DAC2\Control Desk AVON\Relatorios\Status de login\2020\03-01 RELATORIO DE LOGIN AVON - Cópia.xlsm</t>
  </si>
  <si>
    <t>481aeda1-3853-4d0d-95fc-edd863f89dd7.tmp</t>
  </si>
  <si>
    <t>\\acsfs\profiles$\joycemmdl\Downloads\481aeda1-3853-4d0d-95fc-edd863f89dd7.tmp</t>
  </si>
  <si>
    <t>Não confirmado 519902.crdownload</t>
  </si>
  <si>
    <t>\\acsfs\profiles$\joycemmdl\Downloads\Não confirmado 519902.crdownload</t>
  </si>
  <si>
    <t>0113a991-ae23-42a4-8fda-77c3272e4345.tmp</t>
  </si>
  <si>
    <t>\\acsfs\profiles$\joycemmdl\Downloads\0113a991-ae23-42a4-8fda-77c3272e4345.tmp</t>
  </si>
  <si>
    <t>63be62b1-b40c-409c-84f0-bff7f4789c31.tmp</t>
  </si>
  <si>
    <t>\\acsfs\profiles$\cintiadjl\Downloads\63be62b1-b40c-409c-84f0-bff7f4789c31.tmp</t>
  </si>
  <si>
    <t>C:\Users\lucianafaa\OneDrive - Grupo Algar\2019\home\2020\</t>
  </si>
  <si>
    <t>Home Office PROJETOS - Janeiro (1).xlsx</t>
  </si>
  <si>
    <t>de6c7035-e516-4d38-9a3d-efe923923f7a.tmp</t>
  </si>
  <si>
    <t>\\acsfs\profiles$\layonmof\Downloads\de6c7035-e516-4d38-9a3d-efe923923f7a.tmp</t>
  </si>
  <si>
    <t>be71aea1-ae57-43af-8f43-924eccce46c4.tmp</t>
  </si>
  <si>
    <t>\\acsfs\profiles$\layonmof\Downloads\be71aea1-ae57-43af-8f43-924eccce46c4.tmp</t>
  </si>
  <si>
    <t>8ce95215-0f21-4c80-b136-03c280027389.tmp</t>
  </si>
  <si>
    <t>\\acsfs\profiles$\layonmof\Downloads\8ce95215-0f21-4c80-b136-03c280027389.tmp</t>
  </si>
  <si>
    <t>lu251885tw4c9.tmp</t>
  </si>
  <si>
    <t>\\acsfs\profiles$\regisedsj\My Documents\lu251885tw4c9.tmp</t>
  </si>
  <si>
    <t>\\acsfs\profiles$\regisedsj\My Documents\lu251885tw4c9.tmp\</t>
  </si>
  <si>
    <t>\\acsfs\profiles$\regisedsj\My Documents\lu251885tw4c9.tmp\META-INF\</t>
  </si>
  <si>
    <t>\\acsfs\profiles$\regisedsj\My Documents\lu251885tw4c9.tmp\Thumbnails\</t>
  </si>
  <si>
    <t>bac3efdd-2965-4b9c-a93a-2189bf24e93d.tmp</t>
  </si>
  <si>
    <t>\\acsfs\profiles$\gabrielsma\Downloads\bac3efdd-2965-4b9c-a93a-2189bf24e93d.tmp</t>
  </si>
  <si>
    <t>Não confirmado 696154.crdownload</t>
  </si>
  <si>
    <t>\\acsfs\ACS\Gabriel da Silva\Contemporânea\Gen\Não confirmado 696154.crdownload</t>
  </si>
  <si>
    <t>Dados turma inicial.xlsx:Zone.Identifier</t>
  </si>
  <si>
    <t>\\acsfs\ACS\Gabriel da Silva\Contemporânea\Gen\Dados turma inicial.xlsx:Zone.Identifier</t>
  </si>
  <si>
    <t>1a4b1f45-20b8-4b0b-b907-d2337a771a60.tmp</t>
  </si>
  <si>
    <t>\\acsfs\profiles$\joycemmdl\Downloads\1a4b1f45-20b8-4b0b-b907-d2337a771a60.tmp</t>
  </si>
  <si>
    <t>andrelps@algartech.com;andrelpsa@algartech.com;bvs-gestorescentral@bv.com.br;camillarl@algartech.com;eliane.martins@bv.com.br;elianegr@bv.algartech.com;gilson.santos@neobpo.com.br;jose.gomes@bv.com.br;mirianppb@algartech.com;qualidadealgarbv@algartech.com;talmaiardo@algartech.com;willian.alves@neobpo.com.br;</t>
  </si>
  <si>
    <t>andrelps@algartech.com,andrelpsa@algartech.com,bvs-gestorescentral@bv.com.br,camillarl@algartech.com,eliane.martins@bv.com.br,elianegr@bv.algartech.com,gilson.santos@neobpo.com.br,jose.gomes@bv.com.br,mirianppb@algartech.com,qualidadealgarbv@algartech.com,talmaiardo@algartech.com,willian.alves@neobpo.com.br</t>
  </si>
  <si>
    <t>andrelps@algartech.com;camillarl@algartech.com;elianegr@bv.algartech.com;mirianppb@algartech.com;qualidadealgarbv@algartech.com;talmaiardo@algartech.com;</t>
  </si>
  <si>
    <t>andrelps@algartech.com,camillarl@algartech.com,elianegr@bv.algartech.com,mirianppb@algartech.com,qualidadealgarbv@algartech.com,talmaiardo@algartech.com</t>
  </si>
  <si>
    <t>mail.google.com/_/upload?authuser=1&amp;dcp=asu-n&amp;upload_id=AEnB2UpyAKxxRtja4WAXoqlbqKfVQFyyDWQD0jlEsc-4pYA4pFAbAbTsfzdsK8yXcCyFv1BWgWooEexkz1rC57M3AQDnrzh8lA&amp;upload_protocol=resumable</t>
  </si>
  <si>
    <t>Casos a Expurgar NPS.xlsx</t>
  </si>
  <si>
    <t>59c45bf8-31aa-4f1a-aa48-f25f2233e116.tmp</t>
  </si>
  <si>
    <t>\\acsfs\profiles$\layonmof\Downloads\59c45bf8-31aa-4f1a-aa48-f25f2233e116.tmp</t>
  </si>
  <si>
    <t>da23941d-be47-4ec3-8adc-40aaa9823ec4.tmp</t>
  </si>
  <si>
    <t>\\acsfs\profiles$\layonmof\Downloads\da23941d-be47-4ec3-8adc-40aaa9823ec4.tmp</t>
  </si>
  <si>
    <t>935b937e-de09-49a9-8471-71ad4124a8cd.tmp</t>
  </si>
  <si>
    <t>\\acsfs\profiles$\layonmof\Downloads\935b937e-de09-49a9-8471-71ad4124a8cd.tmp</t>
  </si>
  <si>
    <t>f897d109-292e-41a3-b12e-c8b28f08cf6f.tmp</t>
  </si>
  <si>
    <t>\\acsfs\profiles$\layonmof\Downloads\f897d109-292e-41a3-b12e-c8b28f08cf6f.tmp</t>
  </si>
  <si>
    <t>f27e48e8-fe7f-4f52-96b7-b981939411aa.tmp</t>
  </si>
  <si>
    <t>\\acsfs\profiles$\layonmof\Downloads\f27e48e8-fe7f-4f52-96b7-b981939411aa.tmp</t>
  </si>
  <si>
    <t>35d908d0-93b4-4b23-9737-8176206e0b9a.tmp</t>
  </si>
  <si>
    <t>\\acsfs\profiles$\alinepp\Downloads\35d908d0-93b4-4b23-9737-8176206e0b9a.tmp</t>
  </si>
  <si>
    <t>4354f551-a3f0-42d8-8f6d-4ef9858d5d43.tmp</t>
  </si>
  <si>
    <t>\\acsfs\profiles$\alinepp\Downloads\4354f551-a3f0-42d8-8f6d-4ef9858d5d43.tmp</t>
  </si>
  <si>
    <t>8706853b-454d-4126-b1b0-318e7a6bb7a5.tmp</t>
  </si>
  <si>
    <t>\\acsfs\profiles$\alinepp\Downloads\8706853b-454d-4126-b1b0-318e7a6bb7a5.tmp</t>
  </si>
  <si>
    <t>3a2bd68d-fff7-4ad2-8a98-eea7f01b7e6b.tmp</t>
  </si>
  <si>
    <t>\\acsfs\profiles$\laurandos\Downloads\3a2bd68d-fff7-4ad2-8a98-eea7f01b7e6b.tmp</t>
  </si>
  <si>
    <t>b7bbf62e-8034-45f1-bd3a-ebb8c0a6e92b.tmp</t>
  </si>
  <si>
    <t>\\acsfs\profiles$\leandromsa\Downloads\b7bbf62e-8034-45f1-bd3a-ebb8c0a6e92b.tmp</t>
  </si>
  <si>
    <t>b4862f62-db62-49d1-9290-31ac30d4ab3d.tmp</t>
  </si>
  <si>
    <t>\\acsfs\profiles$\nathaliaos\Downloads\b4862f62-db62-49d1-9290-31ac30d4ab3d.tmp</t>
  </si>
  <si>
    <t>8a53888c-3bfa-4fa6-aad8-d4bf33b61770.tmp</t>
  </si>
  <si>
    <t>\\acsfs\profiles$\mariajaf\Downloads\8a53888c-3bfa-4fa6-aad8-d4bf33b61770.tmp</t>
  </si>
  <si>
    <t>df3333ba-d010-4a6d-af18-25ad7c58a5ca.tmp</t>
  </si>
  <si>
    <t>\\acsfs\profiles$\mariajaf\Downloads\df3333ba-d010-4a6d-af18-25ad7c58a5ca.tmp</t>
  </si>
  <si>
    <t>38a87878-8b3d-4c2e-84c5-47426c477677.tmp</t>
  </si>
  <si>
    <t>\\acsfs\profiles$\layonmof\Downloads\38a87878-8b3d-4c2e-84c5-47426c477677.tmp</t>
  </si>
  <si>
    <t>d570a0ef-edef-4b73-b0d6-23f9fd130b35.tmp</t>
  </si>
  <si>
    <t>\\acsfs\profiles$\layonmof\Downloads\d570a0ef-edef-4b73-b0d6-23f9fd130b35.tmp</t>
  </si>
  <si>
    <t>91774b56-0744-4df4-83b9-a1ac009aa8ef.tmp</t>
  </si>
  <si>
    <t>\\acsfs\profiles$\layonmof\Downloads\91774b56-0744-4df4-83b9-a1ac009aa8ef.tmp</t>
  </si>
  <si>
    <t>95adf528-7586-42e8-acfc-2ff2469e0801.tmp</t>
  </si>
  <si>
    <t>\\acsfs\profiles$\layonmof\Downloads\95adf528-7586-42e8-acfc-2ff2469e0801.tmp</t>
  </si>
  <si>
    <t>9b32f451-d71c-465e-9d56-07c2e113b461.tmp</t>
  </si>
  <si>
    <t>\\acsfs\profiles$\layonmof\Downloads\9b32f451-d71c-465e-9d56-07c2e113b461.tmp</t>
  </si>
  <si>
    <t>0cf588ac-f5bf-4d38-aa9b-c8505618ebe1.tmp</t>
  </si>
  <si>
    <t>\\acsfs\profiles$\layonmof\Downloads\0cf588ac-f5bf-4d38-aa9b-c8505618ebe1.tmp</t>
  </si>
  <si>
    <t>25a54699-7364-4b33-a8d2-0268b9f69ae5.tmp</t>
  </si>
  <si>
    <t>\\acsfs\profiles$\layonmof\Downloads\25a54699-7364-4b33-a8d2-0268b9f69ae5.tmp</t>
  </si>
  <si>
    <t>64c70c33-9da2-4eff-9b0f-ad0f56054648.tmp</t>
  </si>
  <si>
    <t>\\acsfs\profiles$\matheushds\Downloads\64c70c33-9da2-4eff-9b0f-ad0f56054648.tmp</t>
  </si>
  <si>
    <t>1fa4582c-2d87-47e7-bcaa-78f2c3bb4070.tmp</t>
  </si>
  <si>
    <t>\\acsfs\profiles$\alinepp\Downloads\1fa4582c-2d87-47e7-bcaa-78f2c3bb4070.tmp</t>
  </si>
  <si>
    <t>2767bc09-6247-4c0e-9d19-d25a9d416ba7.tmp</t>
  </si>
  <si>
    <t>\\acsfs\profiles$\alinepp\Downloads\2767bc09-6247-4c0e-9d19-d25a9d416ba7.tmp</t>
  </si>
  <si>
    <t>a33084bf-3be0-4d9e-9608-cdbf7fab4491.tmp</t>
  </si>
  <si>
    <t>\\acsfs\profiles$\leonardobb\Downloads\a33084bf-3be0-4d9e-9608-cdbf7fab4491.tmp</t>
  </si>
  <si>
    <t>C:\Users\adilsonloj\Desktop\Bases RENEG\</t>
  </si>
  <si>
    <t>Contatos Reneg Manual Consolidado.xlsx</t>
  </si>
  <si>
    <t>0e067ccd-f573-4ae4-bd93-5fae54d32c3b.tmp</t>
  </si>
  <si>
    <t>\\acsfs\profiles$\layonmof\Downloads\0e067ccd-f573-4ae4-bd93-5fae54d32c3b.tmp</t>
  </si>
  <si>
    <t>fc310565-1e51-4c7b-b347-ba817a3e2684.tmp</t>
  </si>
  <si>
    <t>\\acsfs\profiles$\layonmof\Downloads\fc310565-1e51-4c7b-b347-ba817a3e2684.tmp</t>
  </si>
  <si>
    <t>mail.google.com/_/upload?authuser=0&amp;dcp=asu-n&amp;upload_id=AEnB2UrhVfNCVtzP36gGxDYE-sMMMcCDMNpHG5pCUNvUPbYC9ZKRZBqi_emPrEt3a4hTr3O7u_YIq6fmpAdheFat9vRSV4CM0g&amp;upload_protocol=resumable</t>
  </si>
  <si>
    <t>ivancj@algartech.com;rosilenedlf@algartech.com;</t>
  </si>
  <si>
    <t>Chamada atendida SAC - ECH.xlsx</t>
  </si>
  <si>
    <t>ivancj@algartech.com,rosilenedlf@algartech.com</t>
  </si>
  <si>
    <t>Escala_Janeiro_2020.xlsx</t>
  </si>
  <si>
    <t>61a85068-80fa-479e-bffb-f607d07e5905.tmp</t>
  </si>
  <si>
    <t>\\acsfs\profiles$\alinepp\Downloads\61a85068-80fa-479e-bffb-f607d07e5905.tmp</t>
  </si>
  <si>
    <t>6e344a99-5368-469a-accb-82390ff0cba3.tmp</t>
  </si>
  <si>
    <t>\\acsfs\profiles$\alinepp\Downloads\6e344a99-5368-469a-accb-82390ff0cba3.tmp</t>
  </si>
  <si>
    <t>6873e387-d6ea-480b-824f-cd9a9befb275.tmp</t>
  </si>
  <si>
    <t>\\acsfs\profiles$\fernandofs\Downloads\6873e387-d6ea-480b-824f-cd9a9befb275.tmp</t>
  </si>
  <si>
    <t>10.200.67.177</t>
  </si>
  <si>
    <t>78-2B-CB-C1-04-59</t>
  </si>
  <si>
    <t>VOTORANT-OB006</t>
  </si>
  <si>
    <t>ALINE PEREIRA PORFIRIO (18677).contact</t>
  </si>
  <si>
    <t>\\acsfs\profiles$\alinepp\Contacts\ALINE PEREIRA PORFIRIO (18677).contact</t>
  </si>
  <si>
    <t>b81034ed-8576-4ee2-bac7-5c32a6669ba9.tmp</t>
  </si>
  <si>
    <t>\\acsfs\profiles$\alinepp\Downloads\b81034ed-8576-4ee2-bac7-5c32a6669ba9.tmp</t>
  </si>
  <si>
    <t>aa7fac6b-4f29-4481-9882-1c7eeea10a3d.tmp</t>
  </si>
  <si>
    <t>\\acsfs\profiles$\joycemmdl\Downloads\aa7fac6b-4f29-4481-9882-1c7eeea10a3d.tmp</t>
  </si>
  <si>
    <t>23edb058-737d-48f6-a89c-d87451b0b0cc.tmp</t>
  </si>
  <si>
    <t>\\acsfs\profiles$\joycemmdl\Downloads\23edb058-737d-48f6-a89c-d87451b0b0cc.tmp</t>
  </si>
  <si>
    <t>10.200.67.25</t>
  </si>
  <si>
    <t>74-86-7A-FE-0E-7F</t>
  </si>
  <si>
    <t>VOTORANT-VB021</t>
  </si>
  <si>
    <t>bd0355fb-e1a4-40cf-964b-50d24b89a29c.tmp</t>
  </si>
  <si>
    <t>\\acsfs\profiles$\andressamf\Downloads\bd0355fb-e1a4-40cf-964b-50d24b89a29c.tmp</t>
  </si>
  <si>
    <t>\\acsfs\profiles$\andressamf\Downloads\Q29udHJvbGxlci5QYXl3YXJl (23).ica</t>
  </si>
  <si>
    <t>7f4c71db-3396-4b71-abcd-70fc0d6b4ea0.tmp</t>
  </si>
  <si>
    <t>\\acsfs\profiles$\anafaes\Downloads\7f4c71db-3396-4b71-abcd-70fc0d6b4ea0.tmp</t>
  </si>
  <si>
    <t>78b62df5-2982-44db-83db-16b7c99440c0.tmp</t>
  </si>
  <si>
    <t>\\acsfs\profiles$\matheushds\Downloads\78b62df5-2982-44db-83db-16b7c99440c0.tmp</t>
  </si>
  <si>
    <t>bda5128f-4267-4db5-ba10-aaa346378815.tmp</t>
  </si>
  <si>
    <t>\\acsfs\profiles$\alinepp\Downloads\bda5128f-4267-4db5-ba10-aaa346378815.tmp</t>
  </si>
  <si>
    <t>b5c9fe82-568b-447c-b18d-e7922d5ebfcc.tmp</t>
  </si>
  <si>
    <t>\\acsfs\profiles$\alinepp\Downloads\b5c9fe82-568b-447c-b18d-e7922d5ebfcc.tmp</t>
  </si>
  <si>
    <t>18dcd944-50c2-4991-bd88-40b242491887.tmp</t>
  </si>
  <si>
    <t>\\acsfs\profiles$\alinepp\Downloads\18dcd944-50c2-4991-bd88-40b242491887.tmp</t>
  </si>
  <si>
    <t>68625bc8-341e-402a-a4b3-226823a3547d.tmp</t>
  </si>
  <si>
    <t>\\acsfs\profiles$\alinepp\Downloads\68625bc8-341e-402a-a4b3-226823a3547d.tmp</t>
  </si>
  <si>
    <t>3e6502fa-398c-4458-b294-6a796cd07c3d.tmp</t>
  </si>
  <si>
    <t>\\acsfs\profiles$\andressamf\Downloads\3e6502fa-398c-4458-b294-6a796cd07c3d.tmp</t>
  </si>
  <si>
    <t>8042bc10-8230-4927-808c-e1c16d6c465c.tmp</t>
  </si>
  <si>
    <t>\\acsfs\profiles$\layonmof\Downloads\8042bc10-8230-4927-808c-e1c16d6c465c.tmp</t>
  </si>
  <si>
    <t>8ff7265f-47fd-49e8-ac79-9ffc85904c5b.tmp</t>
  </si>
  <si>
    <t>\\acsfs\profiles$\layonmof\Downloads\8ff7265f-47fd-49e8-ac79-9ffc85904c5b.tmp</t>
  </si>
  <si>
    <t>347ef7ce-2fd4-4a80-81d2-aac1cdcb7c94.tmp</t>
  </si>
  <si>
    <t>\\acsfs\profiles$\marcosvnds\Downloads\347ef7ce-2fd4-4a80-81d2-aac1cdcb7c94.tmp</t>
  </si>
  <si>
    <t>292df08e-df4a-429c-94a3-5f0e4de1e438.tmp</t>
  </si>
  <si>
    <t>\\acsfs\profiles$\marcosvnds\Downloads\292df08e-df4a-429c-94a3-5f0e4de1e438.tmp</t>
  </si>
  <si>
    <t>0efacc45-4617-4256-abac-f5cffb00bd55.tmp</t>
  </si>
  <si>
    <t>\\acsfs\profiles$\ciceraads\Downloads\0efacc45-4617-4256-abac-f5cffb00bd55.tmp</t>
  </si>
  <si>
    <t>d48a206e-68da-4953-a53c-00c60361bd20.tmp</t>
  </si>
  <si>
    <t>\\acsfs\profiles$\ciceraads\Downloads\d48a206e-68da-4953-a53c-00c60361bd20.tmp</t>
  </si>
  <si>
    <t>f53d111a-a84c-470b-9aeb-97808f7bf0ac.tmp</t>
  </si>
  <si>
    <t>\\acsfs\profiles$\ciceraads\Downloads\f53d111a-a84c-470b-9aeb-97808f7bf0ac.tmp</t>
  </si>
  <si>
    <t>df57cc87-d3e3-4935-a996-63ff7211bf81.tmp</t>
  </si>
  <si>
    <t>\\acsfs\profiles$\fabianobmf\Downloads\df57cc87-d3e3-4935-a996-63ff7211bf81.tmp</t>
  </si>
  <si>
    <t>https://caey.fa.us2.oraclecloud.com/crmui/faces/fusewelcome?_adf.ctrl-state=z1txxijq1_5</t>
  </si>
  <si>
    <t>\\acsfs\deptos\CAS - Coordenação de Arquitetura de Soluções\Projetos\2019\SOTREQ\215370 - GRC - SOTREQ NOVO CANAL GOIAS (DDD 85)\Preço\</t>
  </si>
  <si>
    <t>14515ed8-d8ae-4f33-a225-5c5eca57ee00.tmp</t>
  </si>
  <si>
    <t>\\acsfs\profiles$\laurandos\Downloads\14515ed8-d8ae-4f33-a225-5c5eca57ee00.tmp</t>
  </si>
  <si>
    <t>410225a4-aea1-46db-ac3d-6ffa0e6357d0.tmp</t>
  </si>
  <si>
    <t>\\acsfs\profiles$\fabianobmf\Downloads\410225a4-aea1-46db-ac3d-6ffa0e6357d0.tmp</t>
  </si>
  <si>
    <t>\\acsfs\deptos\CAS - Coordenação de Arquitetura de Soluções\Projetos\2019\SOTREQ\215370 - GRC - SOTREQ NOVO CANAL GOIAS (DDD 85)\Preço\215370 - Plan Precificacao C018 B018 - Somente GRC.xlsb\</t>
  </si>
  <si>
    <t>C:\Users\diegorg\Desktop\Lixo\REDIR 6 JAN\REDIR 06_janeiro.pptx\</t>
  </si>
  <si>
    <t>44205104-1452-426b-b482-06af8894f923.tmp</t>
  </si>
  <si>
    <t>\\acsfs\profiles$\marcosvnds\Downloads\44205104-1452-426b-b482-06af8894f923.tmp</t>
  </si>
  <si>
    <t>53098ffc-6279-46fa-bf35-01434613b5b5.tmp</t>
  </si>
  <si>
    <t>\\acsfs\profiles$\gabrielamdp\Downloads\53098ffc-6279-46fa-bf35-01434613b5b5.tmp</t>
  </si>
  <si>
    <t>551bad15-51da-4400-996b-4cd1ac7b4ede.tmp</t>
  </si>
  <si>
    <t>\\acsfs\profiles$\gabrielamdp\Downloads\551bad15-51da-4400-996b-4cd1ac7b4ede.tmp</t>
  </si>
  <si>
    <t>eb871328-0461-4d30-8cd0-517c4009e586.tmp</t>
  </si>
  <si>
    <t>\\acsfs\profiles$\andreapdsg\Downloads\eb871328-0461-4d30-8cd0-517c4009e586.tmp</t>
  </si>
  <si>
    <t>b0eaa174-baa1-4a83-876c-e530a0670c46.tmp</t>
  </si>
  <si>
    <t>\\acsfs\profiles$\ingridsm\Downloads\b0eaa174-baa1-4a83-876c-e530a0670c46.tmp</t>
  </si>
  <si>
    <t>806648c7-77fa-45f0-b826-19f6064e986b.tmp</t>
  </si>
  <si>
    <t>\\acsfs\profiles$\ingridsm\Downloads\806648c7-77fa-45f0-b826-19f6064e986b.tmp</t>
  </si>
  <si>
    <t>f49c9867-ee8d-4fbf-84e6-d7f532a4fbe2.tmp</t>
  </si>
  <si>
    <t>\\acsfs\profiles$\ingridsm\Downloads\f49c9867-ee8d-4fbf-84e6-d7f532a4fbe2.tmp</t>
  </si>
  <si>
    <t>8085e12d-9051-405a-beca-e987bdf0cb80.tmp</t>
  </si>
  <si>
    <t>\\acsfs\profiles$\alinepp\Downloads\8085e12d-9051-405a-beca-e987bdf0cb80.tmp</t>
  </si>
  <si>
    <t>ab333a71-db87-476d-a04b-768b06d40505.tmp</t>
  </si>
  <si>
    <t>\\acsfs\profiles$\marcelacdss\Downloads\ab333a71-db87-476d-a04b-768b06d40505.tmp</t>
  </si>
  <si>
    <t>ae8d6fe4-29dc-407a-bb98-226889c03cc9.tmp</t>
  </si>
  <si>
    <t>\\acsfs\profiles$\marcelacdss\Downloads\ae8d6fe4-29dc-407a-bb98-226889c03cc9.tmp</t>
  </si>
  <si>
    <t>3a8fd766-5f69-449f-a441-bfb29851bc9d.tmp</t>
  </si>
  <si>
    <t>\\acsfs\profiles$\marcelacdss\Downloads\3a8fd766-5f69-449f-a441-bfb29851bc9d.tmp</t>
  </si>
  <si>
    <t>f7801b26-d5a3-4dc3-8fc0-adacea14bf43.tmp</t>
  </si>
  <si>
    <t>\\acsfs\profiles$\leonardobb\Downloads\f7801b26-d5a3-4dc3-8fc0-adacea14bf43.tmp</t>
  </si>
  <si>
    <t>XLOG_marcosvnds_06012020_134445.log</t>
  </si>
  <si>
    <t>\\acsfs\profiles$\marcosvnds\My Documents\xworkcenter\logs\XLOG_marcosvnds_06012020_134445.log</t>
  </si>
  <si>
    <t>f57e1cbd-0760-4a44-919e-1445f6bb451a.tmp</t>
  </si>
  <si>
    <t>\\acsfs\profiles$\leonardocb\Downloads\f57e1cbd-0760-4a44-919e-1445f6bb451a.tmp</t>
  </si>
  <si>
    <t>8b62c9e1-95c5-4675-9b21-ec55fdf5b223.tmp</t>
  </si>
  <si>
    <t>\\acsfs\profiles$\fabianafv\Downloads\8b62c9e1-95c5-4675-9b21-ec55fdf5b223.tmp</t>
  </si>
  <si>
    <t>b641e0f0-353b-4bcc-8f99-06c815a9bf55.tmp</t>
  </si>
  <si>
    <t>\\acsfs\profiles$\alinepp\Downloads\b641e0f0-353b-4bcc-8f99-06c815a9bf55.tmp</t>
  </si>
  <si>
    <t>7d99176e-ae07-42d4-86c8-e62f40ef1b0e.tmp</t>
  </si>
  <si>
    <t>\\acsfs\profiles$\laurandos\Downloads\7d99176e-ae07-42d4-86c8-e62f40ef1b0e.tmp</t>
  </si>
  <si>
    <t>902bee3b-285e-4ba3-9fa3-3885110555d6.tmp</t>
  </si>
  <si>
    <t>\\acsfs\profiles$\marcosvnds\Downloads\902bee3b-285e-4ba3-9fa3-3885110555d6.tmp</t>
  </si>
  <si>
    <t>ffcb9177-69d9-44d6-b710-903aaa799f0d.tmp</t>
  </si>
  <si>
    <t>\\acsfs\profiles$\marcosvnds\Downloads\ffcb9177-69d9-44d6-b710-903aaa799f0d.tmp</t>
  </si>
  <si>
    <t>0056e00d-065b-4a23-9c68-c1f1f9def122.tmp</t>
  </si>
  <si>
    <t>\\acsfs\profiles$\marcosvnds\Downloads\0056e00d-065b-4a23-9c68-c1f1f9def122.tmp</t>
  </si>
  <si>
    <t>dbebe97f-d0ab-4a63-ac58-575a1e40e0ce.tmp</t>
  </si>
  <si>
    <t>\\acsfs\profiles$\marcosvnds\Downloads\dbebe97f-d0ab-4a63-ac58-575a1e40e0ce.tmp</t>
  </si>
  <si>
    <t>mail.google.com/_/upload?authuser=0&amp;dcp=asu-n&amp;upload_id=AEnB2UoZMfOrfNGgOoWM_WyUXfh_9FrV6zjCmnD9lC4h4ohTRYgv-e2qrizxEbhMqO3zhdKJgJgNQjV7_BjO76RV9ZAE3ROrMhmSdejcLk69N2iHvWPtq5s&amp;upload_protocol=resumable</t>
  </si>
  <si>
    <t>Justificativa Depreciação e Baixas Dezembro.xlsx</t>
  </si>
  <si>
    <t>6ef4e353-e55f-42a0-abcb-e8dfcd15eda2.tmp</t>
  </si>
  <si>
    <t>\\acsfs\profiles$\andreapdsg\Downloads\6ef4e353-e55f-42a0-abcb-e8dfcd15eda2.tmp</t>
  </si>
  <si>
    <t>151e8f2d-eda6-4d66-af3c-f9952b84ac0b.tmp</t>
  </si>
  <si>
    <t>\\acsfs\profiles$\andreapdsg\Downloads\151e8f2d-eda6-4d66-af3c-f9952b84ac0b.tmp</t>
  </si>
  <si>
    <t>7d44127f-4292-4052-80fe-b500e09d0f77.tmp</t>
  </si>
  <si>
    <t>\\acsfs\profiles$\victorgl\Downloads\7d44127f-4292-4052-80fe-b500e09d0f77.tmp</t>
  </si>
  <si>
    <t>fc6877c5-f1dc-48db-9986-1275f6ddd4bc.tmp</t>
  </si>
  <si>
    <t>\\acsfs\profiles$\victorgl\Downloads\fc6877c5-f1dc-48db-9986-1275f6ddd4bc.tmp</t>
  </si>
  <si>
    <t>348742a8-3f22-45df-a083-af69a7211080.tmp</t>
  </si>
  <si>
    <t>\\acsfs\profiles$\victorgl\Downloads\348742a8-3f22-45df-a083-af69a7211080.tmp</t>
  </si>
  <si>
    <t>13d45885-a6fc-45f1-a1c9-4b2100324076.tmp</t>
  </si>
  <si>
    <t>\\acsfs\profiles$\marcosvnds\Downloads\13d45885-a6fc-45f1-a1c9-4b2100324076.tmp</t>
  </si>
  <si>
    <t>fe8db95d-51b4-42d9-9d80-e2a12c6788cd.tmp</t>
  </si>
  <si>
    <t>\\acsfs\profiles$\victorgl\Downloads\fe8db95d-51b4-42d9-9d80-e2a12c6788cd.tmp</t>
  </si>
  <si>
    <t>54298045-db16-489c-ba3d-f6ae31093a2d.tmp</t>
  </si>
  <si>
    <t>\\acsfs\profiles$\victorgl\Downloads\54298045-db16-489c-ba3d-f6ae31093a2d.tmp</t>
  </si>
  <si>
    <t>300d51d5-8e82-41d0-8592-eb9dd6590c38.tmp</t>
  </si>
  <si>
    <t>\\acsfs\profiles$\victorgl\Downloads\300d51d5-8e82-41d0-8592-eb9dd6590c38.tmp</t>
  </si>
  <si>
    <t>52d8ab56-7b90-4818-96ec-13f4e3ddde95.tmp</t>
  </si>
  <si>
    <t>\\acsfs\profiles$\higorss\Downloads\52d8ab56-7b90-4818-96ec-13f4e3ddde95.tmp</t>
  </si>
  <si>
    <t>caf03e2d-ba62-4464-8a06-37cb8ddd89ec.tmp</t>
  </si>
  <si>
    <t>\\acsfs\profiles$\higorss\Downloads\caf03e2d-ba62-4464-8a06-37cb8ddd89ec.tmp</t>
  </si>
  <si>
    <t>6c96d99b-5952-4675-99b0-2d412b9634c8.tmp</t>
  </si>
  <si>
    <t>\\acsfs\profiles$\higorss\Downloads\6c96d99b-5952-4675-99b0-2d412b9634c8.tmp</t>
  </si>
  <si>
    <t>Controle Vendas Dezembro BASE Thiago.xlsx</t>
  </si>
  <si>
    <t>\\acsfs\DEPTOS\Operacao\Banco_Votorantim\Supervisao\SUPERS BV CARTÕES\ADILSON\Vendas\Controle Vendas Dezembro BASE Thiago.xlsx</t>
  </si>
  <si>
    <t>e301b2f5-5f54-4a33-9663-37a58be647f8.tmp</t>
  </si>
  <si>
    <t>\\acsfs\profiles$\gabrielamdp\Downloads\e301b2f5-5f54-4a33-9663-37a58be647f8.tmp</t>
  </si>
  <si>
    <t>ce19fa4a-b98f-4bb7-8679-01dd09ff023d.tmp</t>
  </si>
  <si>
    <t>\\acsfs\profiles$\rosileiam\Downloads\ce19fa4a-b98f-4bb7-8679-01dd09ff023d.tmp</t>
  </si>
  <si>
    <t>4d64a500-9ea2-4903-9f33-dae52ba49c62.tmp</t>
  </si>
  <si>
    <t>\\acsfs\profiles$\marcosvnds\Downloads\4d64a500-9ea2-4903-9f33-dae52ba49c62.tmp</t>
  </si>
  <si>
    <t>f3a861c2-36ff-4f5e-95f0-1ca614f7af3d.tmp</t>
  </si>
  <si>
    <t>\\acsfs\profiles$\rafaelacdoc\Downloads\f3a861c2-36ff-4f5e-95f0-1ca614f7af3d.tmp</t>
  </si>
  <si>
    <t>100014122394468;leonardoao@algartech.com;</t>
  </si>
  <si>
    <t>100014122394468,leonardoao@algartech.com</t>
  </si>
  <si>
    <t>11-Fechamento DAF - Dez.2019.xlsx</t>
  </si>
  <si>
    <t>f49fc17c-7b78-4f21-9674-802cc5309da0.tmp</t>
  </si>
  <si>
    <t>\\acsfs\profiles$\fabianobmf\Downloads\f49fc17c-7b78-4f21-9674-802cc5309da0.tmp</t>
  </si>
  <si>
    <t>d97fe3a9-423e-4d6a-9467-1b4b4651c121.tmp</t>
  </si>
  <si>
    <t>\\acsfs\profiles$\regisedsj\Downloads\d97fe3a9-423e-4d6a-9467-1b4b4651c121.tmp</t>
  </si>
  <si>
    <t>580f4657-a8fa-4400-8b1d-836f3794c9ca.tmp</t>
  </si>
  <si>
    <t>\\acsfs\profiles$\leandromsa\Downloads\580f4657-a8fa-4400-8b1d-836f3794c9ca.tmp</t>
  </si>
  <si>
    <t>59641d93-25ad-47d6-8556-5f80b2701542.tmp</t>
  </si>
  <si>
    <t>\\acsfs\profiles$\rosileiam\Downloads\59641d93-25ad-47d6-8556-5f80b2701542.tmp</t>
  </si>
  <si>
    <t>71082bc0-c5b3-4298-aeb6-d01c6c0d878f.tmp</t>
  </si>
  <si>
    <t>\\acsfs\profiles$\henriqueco\Downloads\71082bc0-c5b3-4298-aeb6-d01c6c0d878f.tmp</t>
  </si>
  <si>
    <t>adrianacro@algartech.com;alda.monteiro@avon.com;fabianacscg@algartech.com;fernandaap@algartech.com;gilcimarapp@algartech.com;mayza.costa@avon.com;rosana.scalabrin@avon.com;senildapdo@algartecnologia.com.br;victorvgar@algartech.com;</t>
  </si>
  <si>
    <t>Dash NEW MODEL DEZ 19 CONSOLIDADO.xlsx</t>
  </si>
  <si>
    <t>adrianacro@algartech.com,alda.monteiro@avon.com,fabianacscg@algartech.com,fernandaap@algartech.com,gilcimarapp@algartech.com,mayza.costa@avon.com,rosana.scalabrin@avon.com,senildapdo@algartecnologia.com.br,victorvgar@algartech.com</t>
  </si>
  <si>
    <t>1ef45a2f-bd74-4cac-a872-894948f99564.tmp</t>
  </si>
  <si>
    <t>\\acsfs\profiles$\leandromsa\Downloads\1ef45a2f-bd74-4cac-a872-894948f99564.tmp</t>
  </si>
  <si>
    <t>666b35b0-0f87-476c-8cb3-1c7d2afc7587.tmp</t>
  </si>
  <si>
    <t>\\acsfs\profiles$\leandromsa\Downloads\666b35b0-0f87-476c-8cb3-1c7d2afc7587.tmp</t>
  </si>
  <si>
    <t>f5d16398-865d-4e44-97ea-fd65592d29c6.tmp</t>
  </si>
  <si>
    <t>\\acsfs\profiles$\fabianafv\Downloads\f5d16398-865d-4e44-97ea-fd65592d29c6.tmp</t>
  </si>
  <si>
    <t>Valor Prêmio por Operador Dezembro - Fechamento.pdf</t>
  </si>
  <si>
    <t>\\acsfs\DEPTOS\Operacao\Banco_Votorantim\Comum\00 - COMUM - BV CARTÕES\EQUIPE ADILSON\Vendas\Valor Prêmio por Operador Dezembro - Fechamento.pdf</t>
  </si>
  <si>
    <t>Controle Vendas Janeiro.xlsx</t>
  </si>
  <si>
    <t>\\acsfs\DEPTOS\Operacao\Banco_Votorantim\Supervisao\SUPERS BV CARTÕES\ADILSON\Vendas\Controle Vendas Janeiro.xlsx</t>
  </si>
  <si>
    <t>dc532e2d-bb8b-43e9-a1d1-5dd2e24aec45.tmp</t>
  </si>
  <si>
    <t>\\acsfs\profiles$\rafaelacdoc\Downloads\dc532e2d-bb8b-43e9-a1d1-5dd2e24aec45.tmp</t>
  </si>
  <si>
    <t>2747b3ac-0987-4e3b-8279-e70bbe95bd9b.tmp</t>
  </si>
  <si>
    <t>\\acsfs\profiles$\jalilebds\Downloads\2747b3ac-0987-4e3b-8279-e70bbe95bd9b.tmp</t>
  </si>
  <si>
    <t>.~lock.filas 1721 1725 e 1724 JA TRATADOS (1).xlsx#</t>
  </si>
  <si>
    <t>\\acsfs\profiles$\jalilebds\Downloads\.~lock.filas 1721 1725 e 1724 JA TRATADOS (1).xlsx#</t>
  </si>
  <si>
    <t>fd4c3af7-e89d-4984-9bc7-88d291ce75e1.tmp</t>
  </si>
  <si>
    <t>\\acsfs\profiles$\gabrielamdp\Downloads\fd4c3af7-e89d-4984-9bc7-88d291ce75e1.tmp</t>
  </si>
  <si>
    <t>a2287b1f-054e-4ae1-9d28-76ec7d2b03a4.tmp</t>
  </si>
  <si>
    <t>\\acsfs\profiles$\gabrielamdp\Downloads\a2287b1f-054e-4ae1-9d28-76ec7d2b03a4.tmp</t>
  </si>
  <si>
    <t>1c00d3d9-aa53-416e-9bcb-657a4330075e.tmp</t>
  </si>
  <si>
    <t>\\acsfs\profiles$\gabrielamdp\Downloads\1c00d3d9-aa53-416e-9bcb-657a4330075e.tmp</t>
  </si>
  <si>
    <t>f4a20778-06e7-487f-9eda-d1475a9ee214.tmp</t>
  </si>
  <si>
    <t>\\acsfs\profiles$\victorgl\Downloads\f4a20778-06e7-487f-9eda-d1475a9ee214.tmp</t>
  </si>
  <si>
    <t>cf21d533-2119-4580-8cc5-432f3dec5e03.tmp</t>
  </si>
  <si>
    <t>\\acsfs\profiles$\victorgl\Downloads\cf21d533-2119-4580-8cc5-432f3dec5e03.tmp</t>
  </si>
  <si>
    <t>b6d523fb-b621-4daa-ad32-59298d998621.tmp</t>
  </si>
  <si>
    <t>\\acsfs\profiles$\rafaelacdoc\Downloads\b6d523fb-b621-4daa-ad32-59298d998621.tmp</t>
  </si>
  <si>
    <t>aa46b7c3-9d48-4d14-835d-42e7f7741019.tmp</t>
  </si>
  <si>
    <t>\\acsfs\profiles$\anafaes\Downloads\aa46b7c3-9d48-4d14-835d-42e7f7741019.tmp</t>
  </si>
  <si>
    <t>fc33bcde-9e22-4aa4-9ab8-e7f15f95d30c.tmp</t>
  </si>
  <si>
    <t>\\acsfs\profiles$\anafaes\Downloads\fc33bcde-9e22-4aa4-9ab8-e7f15f95d30c.tmp</t>
  </si>
  <si>
    <t>61ca003c-a59f-452a-9ee2-50a71eabf1c6.tmp</t>
  </si>
  <si>
    <t>\\acsfs\profiles$\victorgl\Downloads\61ca003c-a59f-452a-9ee2-50a71eabf1c6.tmp</t>
  </si>
  <si>
    <t>30d0592b-eccb-4c50-b83c-7a35a264641a.tmp</t>
  </si>
  <si>
    <t>\\acsfs\profiles$\victorgl\Downloads\30d0592b-eccb-4c50-b83c-7a35a264641a.tmp</t>
  </si>
  <si>
    <t>4261c939-12c3-4e11-b7eb-6713775ffca4.tmp</t>
  </si>
  <si>
    <t>\\acsfs\profiles$\myllenardl\Downloads\4261c939-12c3-4e11-b7eb-6713775ffca4.tmp</t>
  </si>
  <si>
    <t>d16637f9-1ea9-41a6-bb09-74e21aa09aeb.tmp</t>
  </si>
  <si>
    <t>\\acsfs\profiles$\layonmof\Downloads\d16637f9-1ea9-41a6-bb09-74e21aa09aeb.tmp</t>
  </si>
  <si>
    <t>353b2ec0-bb76-45d9-9d72-718de4326856.tmp</t>
  </si>
  <si>
    <t>\\acsfs\profiles$\leandromsa\Downloads\353b2ec0-bb76-45d9-9d72-718de4326856.tmp</t>
  </si>
  <si>
    <t>a7fb855f-58ae-4a2d-8411-516160451b34.tmp</t>
  </si>
  <si>
    <t>\\acsfs\profiles$\philipegsf\Downloads\a7fb855f-58ae-4a2d-8411-516160451b34.tmp</t>
  </si>
  <si>
    <t>2525854b-dbc4-49fc-953f-c002e21283df.tmp</t>
  </si>
  <si>
    <t>\\acsfs\profiles$\philipegsf\Downloads\2525854b-dbc4-49fc-953f-c002e21283df.tmp</t>
  </si>
  <si>
    <t>ca18ce69-c528-4e25-86f2-2bf2d05af415.tmp</t>
  </si>
  <si>
    <t>\\acsfs\profiles$\layonmof\Downloads\ca18ce69-c528-4e25-86f2-2bf2d05af415.tmp</t>
  </si>
  <si>
    <t>fee26cd0-71f9-41d9-981e-eddc47d8008e.tmp</t>
  </si>
  <si>
    <t>\\acsfs\profiles$\layonmof\Downloads\fee26cd0-71f9-41d9-981e-eddc47d8008e.tmp</t>
  </si>
  <si>
    <t>9afaaf7b-5a30-474d-aff8-0c44d376a4c9.tmp</t>
  </si>
  <si>
    <t>\\acsfs\profiles$\layonmof\Downloads\9afaaf7b-5a30-474d-aff8-0c44d376a4c9.tmp</t>
  </si>
  <si>
    <t>a48121fb-1d5b-4e76-a67f-1c35abcf11e7.tmp</t>
  </si>
  <si>
    <t>\\acsfs\profiles$\brunalas\Downloads\a48121fb-1d5b-4e76-a67f-1c35abcf11e7.tmp</t>
  </si>
  <si>
    <t>7ef7eba5-42f8-43e8-ae63-ce2d0183c7ce.tmp</t>
  </si>
  <si>
    <t>\\acsfs\profiles$\regisedsj\Downloads\7ef7eba5-42f8-43e8-ae63-ce2d0183c7ce.tmp</t>
  </si>
  <si>
    <t>e6204dfc-e040-4069-afd7-fcef6471b983.tmp</t>
  </si>
  <si>
    <t>\\acsfs\profiles$\layonmof\Downloads\e6204dfc-e040-4069-afd7-fcef6471b983.tmp</t>
  </si>
  <si>
    <t>b77be989-091a-4fd0-a798-ba2b0d5eceb3.tmp</t>
  </si>
  <si>
    <t>\\acsfs\profiles$\layonmof\Downloads\b77be989-091a-4fd0-a798-ba2b0d5eceb3.tmp</t>
  </si>
  <si>
    <t>221831a2-4264-41f6-b646-de15b5ff4639.tmp</t>
  </si>
  <si>
    <t>\\acsfs\profiles$\gabrielamdp\Downloads\221831a2-4264-41f6-b646-de15b5ff4639.tmp</t>
  </si>
  <si>
    <t>859d6028-990a-4bbd-8ce5-ef7e7e610072.tmp</t>
  </si>
  <si>
    <t>\\acsfs\profiles$\victorgl\Downloads\859d6028-990a-4bbd-8ce5-ef7e7e610072.tmp</t>
  </si>
  <si>
    <t>2e2f26da-f473-46c8-9d41-dbadbfa0dd48.tmp</t>
  </si>
  <si>
    <t>\\acsfs\profiles$\gabrielamdp\Downloads\2e2f26da-f473-46c8-9d41-dbadbfa0dd48.tmp</t>
  </si>
  <si>
    <t>DRE Comparativo Latam Nov-Dez.xlsb</t>
  </si>
  <si>
    <t>9e75365c-dd77-4982-a1e3-91697548872d.tmp</t>
  </si>
  <si>
    <t>\\acsfs\profiles$\rosileiam\Downloads\9e75365c-dd77-4982-a1e3-91697548872d.tmp</t>
  </si>
  <si>
    <t>fe037c32-8796-4aae-987f-4547345cf946.tmp</t>
  </si>
  <si>
    <t>\\acsfs\profiles$\karinarm\Downloads\fe037c32-8796-4aae-987f-4547345cf946.tmp</t>
  </si>
  <si>
    <t>Não confirmado 431165.crdownload</t>
  </si>
  <si>
    <t>\\acsfs\profiles$\karinarm\Downloads\Não confirmado 431165.crdownload</t>
  </si>
  <si>
    <t>lu15212aj64x.tmp</t>
  </si>
  <si>
    <t>\\acsfs\profiles$\jalilebds\Downloads\lu15212aj64x.tmp</t>
  </si>
  <si>
    <t>cd3b079c-568d-4e39-9381-dc128cff6d85.tmp</t>
  </si>
  <si>
    <t>\\acsfs\profiles$\karinarm\Downloads\cd3b079c-568d-4e39-9381-dc128cff6d85.tmp</t>
  </si>
  <si>
    <t>Não confirmado 635060.crdownload</t>
  </si>
  <si>
    <t>\\acsfs\profiles$\karinarm\Downloads\Não confirmado 635060.crdownload</t>
  </si>
  <si>
    <t>daa7ad63-096a-49c8-8c17-c44bfa9f3bbc.tmp</t>
  </si>
  <si>
    <t>\\acsfs\profiles$\karinarm\Downloads\daa7ad63-096a-49c8-8c17-c44bfa9f3bbc.tmp</t>
  </si>
  <si>
    <t>5e341c01-bd04-47f0-bde4-08bdc9ebb1c9.tmp</t>
  </si>
  <si>
    <t>\\acsfs\profiles$\karinarm\Downloads\5e341c01-bd04-47f0-bde4-08bdc9ebb1c9.tmp</t>
  </si>
  <si>
    <t>b0ad856e-7e2e-4920-ba63-4bb9b082ce43.tmp</t>
  </si>
  <si>
    <t>\\acsfs\profiles$\karinarm\Downloads\b0ad856e-7e2e-4920-ba63-4bb9b082ce43.tmp</t>
  </si>
  <si>
    <t>$IFXAXX1.xlsx</t>
  </si>
  <si>
    <t>\\acsfs\profiles$\jalilebds\Downloads\$RECYCLE.BIN\$IFXAXX1.xlsx</t>
  </si>
  <si>
    <t>$I8S1H1G.xlsx</t>
  </si>
  <si>
    <t>\\acsfs\profiles$\jalilebds\Downloads\$RECYCLE.BIN\$I8S1H1G.xlsx</t>
  </si>
  <si>
    <t>$IA5HZP7.xlsx</t>
  </si>
  <si>
    <t>\\acsfs\profiles$\jalilebds\Downloads\$RECYCLE.BIN\$IA5HZP7.xlsx</t>
  </si>
  <si>
    <t>9b1c8467-5274-40f5-b199-a8f8239ffc34.tmp</t>
  </si>
  <si>
    <t>\\acsfs\profiles$\henriqueco\Downloads\9b1c8467-5274-40f5-b199-a8f8239ffc34.tmp</t>
  </si>
  <si>
    <t>2cdbc9cb-9bb3-4728-8c61-2bef6b081579.tmp</t>
  </si>
  <si>
    <t>\\acsfs\profiles$\henriqueco\Downloads\2cdbc9cb-9bb3-4728-8c61-2bef6b081579.tmp</t>
  </si>
  <si>
    <t>e7a2697e-0d4b-4ffc-adc6-f716b4af5261.tmp</t>
  </si>
  <si>
    <t>\\acsfs\profiles$\layonmof\Downloads\e7a2697e-0d4b-4ffc-adc6-f716b4af5261.tmp</t>
  </si>
  <si>
    <t>7ece9bca-4656-403f-bfcc-d4fdc6e05893.tmp</t>
  </si>
  <si>
    <t>\\acsfs\profiles$\layonmof\Downloads\7ece9bca-4656-403f-bfcc-d4fdc6e05893.tmp</t>
  </si>
  <si>
    <t>42e04dca-4e15-4aec-82a9-5bb288e15816.tmp</t>
  </si>
  <si>
    <t>\\acsfs\profiles$\layonmof\Downloads\42e04dca-4e15-4aec-82a9-5bb288e15816.tmp</t>
  </si>
  <si>
    <t>aecc3591-20be-4cbc-93b6-b04f5b6c4b2a.tmp</t>
  </si>
  <si>
    <t>\\acsfs\profiles$\alinepp\Downloads\aecc3591-20be-4cbc-93b6-b04f5b6c4b2a.tmp</t>
  </si>
  <si>
    <t>335a92be-d7b8-4916-a413-c4882ad8d58d.tmp</t>
  </si>
  <si>
    <t>\\acsfs\profiles$\jalilebds\Downloads\335a92be-d7b8-4916-a413-c4882ad8d58d.tmp</t>
  </si>
  <si>
    <t>547f38a2-9b91-46a5-974d-c1fc9d1bfdb4.tmp</t>
  </si>
  <si>
    <t>\\acsfs\profiles$\jalilebds\Downloads\547f38a2-9b91-46a5-974d-c1fc9d1bfdb4.tmp</t>
  </si>
  <si>
    <t>.~lock.filas 1721 1725 e 1724 FINALIZADOS.xlsx#</t>
  </si>
  <si>
    <t>\\acsfs\profiles$\jalilebds\Downloads\.~lock.filas 1721 1725 e 1724 FINALIZADOS.xlsx#</t>
  </si>
  <si>
    <t>6293edd0-7c3d-4e0e-89b7-323d34ca9248.tmp</t>
  </si>
  <si>
    <t>\\acsfs\profiles$\mariajaf\Downloads\6293edd0-7c3d-4e0e-89b7-323d34ca9248.tmp</t>
  </si>
  <si>
    <t>4fe81deb-f102-452d-b039-e0fd7e567f1f.tmp</t>
  </si>
  <si>
    <t>\\acsfs\profiles$\fabianafv\Downloads\4fe81deb-f102-452d-b039-e0fd7e567f1f.tmp</t>
  </si>
  <si>
    <t>87084250-cd67-4604-af3e-8138fd52b530.tmp</t>
  </si>
  <si>
    <t>\\acsfs\profiles$\alinepp\Downloads\87084250-cd67-4604-af3e-8138fd52b530.tmp</t>
  </si>
  <si>
    <t>395955cd-73cb-415a-a938-17f85c527b49.tmp</t>
  </si>
  <si>
    <t>\\acsfs\profiles$\jalilebds\Downloads\395955cd-73cb-415a-a938-17f85c527b49.tmp</t>
  </si>
  <si>
    <t>.~lock.filas 1725 1721 e 1724 ja tratadas.xlsx#</t>
  </si>
  <si>
    <t>\\acsfs\profiles$\jalilebds\Downloads\.~lock.filas 1725 1721 e 1724 ja tratadas.xlsx#</t>
  </si>
  <si>
    <t>met life 1.txt</t>
  </si>
  <si>
    <t>\\acsfs\profiles$\thaynaracsl\My Documents\met life 1.txt</t>
  </si>
  <si>
    <t>6c5c553b-3a02-4b88-a9b6-d78d4785e0c5.tmp</t>
  </si>
  <si>
    <t>\\acsfs\profiles$\myllenardl\Downloads\6c5c553b-3a02-4b88-a9b6-d78d4785e0c5.tmp</t>
  </si>
  <si>
    <t>e4d9491d-fea5-4eae-b21a-ae4050c581cd.tmp</t>
  </si>
  <si>
    <t>\\acsfs\profiles$\brunalas\Downloads\e4d9491d-fea5-4eae-b21a-ae4050c581cd.tmp</t>
  </si>
  <si>
    <t>c88f5ab1-3a33-4721-b611-ce92a468b58d.tmp</t>
  </si>
  <si>
    <t>\\acsfs\profiles$\victorgl\Downloads\c88f5ab1-3a33-4721-b611-ce92a468b58d.tmp</t>
  </si>
  <si>
    <t>XLOG_marcosvnds_06012020_192249.log</t>
  </si>
  <si>
    <t>\\acsfs\profiles$\marcosvnds\My Documents\xworkcenter\logs\XLOG_marcosvnds_06012020_192249.log</t>
  </si>
  <si>
    <t>cbb24983-2414-48d4-aae3-a23d0061ad6b.tmp</t>
  </si>
  <si>
    <t>\\acsfs\profiles$\regisedsj\Downloads\cbb24983-2414-48d4-aae3-a23d0061ad6b.tmp</t>
  </si>
  <si>
    <t>53f5cbc4-ab06-46a5-8551-31ba5c76523a.tmp</t>
  </si>
  <si>
    <t>\\acsfs\profiles$\layonmof\Downloads\53f5cbc4-ab06-46a5-8551-31ba5c76523a.tmp</t>
  </si>
  <si>
    <t>6779;</t>
  </si>
  <si>
    <t>image2020-01-06-203600.pdf</t>
  </si>
  <si>
    <t>http://6779</t>
  </si>
  <si>
    <t>VENDAS JANEIRO.txt</t>
  </si>
  <si>
    <t>\\acsfs\profiles$\isabeldst\My Documents\VENDAS JANEIRO.txt</t>
  </si>
  <si>
    <t>5294831c-deab-4500-a3bc-7e9fb8cdd842.tmp</t>
  </si>
  <si>
    <t>\\acsfs\profiles$\layonmof\Downloads\5294831c-deab-4500-a3bc-7e9fb8cdd842.tmp</t>
  </si>
  <si>
    <t>065b887b-2d8d-4d25-8fd5-28e2cb8a906a.tmp</t>
  </si>
  <si>
    <t>\\acsfs\profiles$\joycemmdl\Downloads\065b887b-2d8d-4d25-8fd5-28e2cb8a906a.tmp</t>
  </si>
  <si>
    <t>94fa8a94-94cd-40bd-a6b1-d99508b94541.tmp</t>
  </si>
  <si>
    <t>\\acsfs\profiles$\gabrielamdp\Downloads\94fa8a94-94cd-40bd-a6b1-d99508b94541.tmp</t>
  </si>
  <si>
    <t>ulog_Acrobat12_Reader_3b8210f9-3618-47e4-b9cc-5aaaba62831a_f99f1aae-0a22-4a76-985f-70be2a07afba_0.log</t>
  </si>
  <si>
    <t>C:\Users\flaviacno\AppData\Roaming\Adobe\LogTransport2\Logs\ulog_Acrobat12_Reader_3b8210f9-3618-47e4-b9cc-5aaaba62831a_f99f1aae-0a22-4a76-985f-70be2a07afba_0.log\</t>
  </si>
  <si>
    <t>68394aaa-5731-4909-885a-c665d117cf0d.tmp</t>
  </si>
  <si>
    <t>\\acsfs\profiles$\layonmof\Downloads\68394aaa-5731-4909-885a-c665d117cf0d.tmp</t>
  </si>
  <si>
    <t>2ac702c8-c416-4c16-9566-353b94f86319.tmp</t>
  </si>
  <si>
    <t>\\acsfs\profiles$\layonmof\Downloads\2ac702c8-c416-4c16-9566-353b94f86319.tmp</t>
  </si>
  <si>
    <t>5d45288e-1844-4e1f-ac01-839a557ab009.tmp</t>
  </si>
  <si>
    <t>\\acsfs\profiles$\philipegsf\Downloads\5d45288e-1844-4e1f-ac01-839a557ab009.tmp</t>
  </si>
  <si>
    <t>19b71956-490b-4382-88c2-3f0aef06a7cb.tmp</t>
  </si>
  <si>
    <t>\\acsfs\profiles$\brendadsl\Downloads\19b71956-490b-4382-88c2-3f0aef06a7cb.tmp</t>
  </si>
  <si>
    <t>bd10c6e6-4899-4655-bf81-39f1d53bd328.tmp</t>
  </si>
  <si>
    <t>\\acsfs\profiles$\brendadsl\Downloads\bd10c6e6-4899-4655-bf81-39f1d53bd328.tmp</t>
  </si>
  <si>
    <t>c608af45-b823-45dc-a066-41abd8deafd1.tmp</t>
  </si>
  <si>
    <t>\\acsfs\profiles$\brendadsl\Downloads\c608af45-b823-45dc-a066-41abd8deafd1.tmp</t>
  </si>
  <si>
    <t>840dd6da-be50-44bd-a443-3e3db7810939.tmp</t>
  </si>
  <si>
    <t>\\acsfs\profiles$\layonmof\Downloads\840dd6da-be50-44bd-a443-3e3db7810939.tmp</t>
  </si>
  <si>
    <t>aaff1a24-7c8e-4b3b-b144-45a6ab7c5a51.tmp</t>
  </si>
  <si>
    <t>\\acsfs\profiles$\layonmof\Downloads\aaff1a24-7c8e-4b3b-b144-45a6ab7c5a51.tmp</t>
  </si>
  <si>
    <t>dff2b6d1-8752-44da-90d1-45b6d5d16e8b.tmp</t>
  </si>
  <si>
    <t>\\acsfs\profiles$\layonmof\Downloads\dff2b6d1-8752-44da-90d1-45b6d5d16e8b.tmp</t>
  </si>
  <si>
    <t>68ec0b49-f962-453c-852d-2d135d3aa778.tmp</t>
  </si>
  <si>
    <t>\\acsfs\profiles$\nathaliaos\Downloads\68ec0b49-f962-453c-852d-2d135d3aa778.tmp</t>
  </si>
  <si>
    <t>ac19d86f-5c94-4656-a3e7-d8f52349908b.tmp</t>
  </si>
  <si>
    <t>\\acsfs\profiles$\gabrielamdp\Downloads\ac19d86f-5c94-4656-a3e7-d8f52349908b.tmp</t>
  </si>
  <si>
    <t>db68ed6b-07c2-4919-9af8-95a6b4add6b1.tmp</t>
  </si>
  <si>
    <t>\\acsfs\profiles$\gabrielamdp\Downloads\db68ed6b-07c2-4919-9af8-95a6b4add6b1.tmp</t>
  </si>
  <si>
    <t>be5ef246-3d44-41ec-a59c-6248ceb0c0e0.tmp</t>
  </si>
  <si>
    <t>\\acsfs\profiles$\edicarlosdl\Downloads\be5ef246-3d44-41ec-a59c-6248ceb0c0e0.tmp</t>
  </si>
  <si>
    <t>0906c75b-d049-43ff-b38d-8908e8092527.tmp</t>
  </si>
  <si>
    <t>\\acsfs\profiles$\joycemmdl\Downloads\0906c75b-d049-43ff-b38d-8908e8092527.tmp</t>
  </si>
  <si>
    <t>482b275a-b1e7-422e-8d4c-fe40e97dc448.tmp</t>
  </si>
  <si>
    <t>\\acsfs\profiles$\sarahbal\Downloads\482b275a-b1e7-422e-8d4c-fe40e97dc448.tmp</t>
  </si>
  <si>
    <t>5cb148ab-dbcf-43e2-ab67-8bac1caa93f9.tmp</t>
  </si>
  <si>
    <t>\\acsfs\profiles$\sarahbal\Downloads\5cb148ab-dbcf-43e2-ab67-8bac1caa93f9.tmp</t>
  </si>
  <si>
    <t>2f5dd289-cbab-4576-8a3a-48a7ca3420a4.tmp</t>
  </si>
  <si>
    <t>\\acsfs\profiles$\sarahbal\Downloads\2f5dd289-cbab-4576-8a3a-48a7ca3420a4.tmp</t>
  </si>
  <si>
    <t>b2cdc29b-d31d-413a-9df5-8c499f1f179b.tmp</t>
  </si>
  <si>
    <t>\\acsfs\profiles$\sarahbal\Downloads\b2cdc29b-d31d-413a-9df5-8c499f1f179b.tmp</t>
  </si>
  <si>
    <t>0676dd14-c31d-4908-af65-c6b2ad759ee6.tmp</t>
  </si>
  <si>
    <t>\\acsfs\profiles$\sarahbal\Downloads\0676dd14-c31d-4908-af65-c6b2ad759ee6.tmp</t>
  </si>
  <si>
    <t>a0a52ce6-e9f8-4f8c-9877-31f50fad6aa4.tmp</t>
  </si>
  <si>
    <t>\\acsfs\profiles$\sarahbal\Downloads\a0a52ce6-e9f8-4f8c-9877-31f50fad6aa4.tmp</t>
  </si>
  <si>
    <t>27dc0df4-4aa5-4184-81bf-59df967f3f13.tmp</t>
  </si>
  <si>
    <t>\\acsfs\profiles$\gabrielamdp\Downloads\27dc0df4-4aa5-4184-81bf-59df967f3f13.tmp</t>
  </si>
  <si>
    <t>7e5400a0-aeba-45da-91f1-511414e27681.tmp</t>
  </si>
  <si>
    <t>\\acsfs\profiles$\gabrielamdp\Downloads\7e5400a0-aeba-45da-91f1-511414e27681.tmp</t>
  </si>
  <si>
    <t>XLOG_andrezacapf_06012020_172330.log</t>
  </si>
  <si>
    <t>\\acsfs\profiles$\andrezacapf\My Documents\xworkcenter\logs\XLOG_andrezacapf_06012020_172330.log</t>
  </si>
  <si>
    <t>rd larissa julho.xlsx</t>
  </si>
  <si>
    <t>larisaf (1).xlsx</t>
  </si>
  <si>
    <t>lu303883quz3q.tmp</t>
  </si>
  <si>
    <t>\\acsfs\profiles$\edicarlosdl\My Documents\lu303883quz3q.tmp</t>
  </si>
  <si>
    <t>\\acsfs\profiles$\edicarlosdl\My Documents\lu303883quz3q.tmp\Configurations2\accelerator\</t>
  </si>
  <si>
    <t>\\acsfs\profiles$\edicarlosdl\My Documents\lu303883quz3q.tmp\</t>
  </si>
  <si>
    <t>layout-cache</t>
  </si>
  <si>
    <t>\\acsfs\profiles$\edicarlosdl\My Documents\lu303883quz3q.tmp\META-INF\</t>
  </si>
  <si>
    <t>\\acsfs\profiles$\edicarlosdl\My Documents\lu303883quz3q.tmp\Thumbnails\</t>
  </si>
  <si>
    <t>BASE ODONTO.txt</t>
  </si>
  <si>
    <t>\\acsfs\profiles$\edicarlosdl\My Documents\BASE ODONTO.txt</t>
  </si>
  <si>
    <t>lu303883quz3u.tmp</t>
  </si>
  <si>
    <t>\\acsfs\profiles$\edicarlosdl\My Documents\lu303883quz3u.tmp</t>
  </si>
  <si>
    <t>\\acsfs\profiles$\edicarlosdl\My Documents\lu303883quz3u.tmp\</t>
  </si>
  <si>
    <t>\\acsfs\profiles$\edicarlosdl\My Documents\lu303883quz3u.tmp\META-INF\</t>
  </si>
  <si>
    <t>\\acsfs\profiles$\edicarlosdl\My Documents\lu303883quz3u.tmp\Thumbnails\</t>
  </si>
  <si>
    <t>TAYLA ELIAS DE OLIVEIRA ALVES (15).contact</t>
  </si>
  <si>
    <t>\\acsfs\profiles$\taylaedoa\Contacts\TAYLA ELIAS DE OLIVEIRA ALVES (15).contact</t>
  </si>
  <si>
    <t>0b2d5478-c53b-42b9-aa4c-5187e45ec0ad.tmp</t>
  </si>
  <si>
    <t>\\acsfs\profiles$\taylaedoa\Downloads\0b2d5478-c53b-42b9-aa4c-5187e45ec0ad.tmp</t>
  </si>
  <si>
    <t>4090006b-6ad1-4e40-9f39-4e7a3d6d112d.tmp</t>
  </si>
  <si>
    <t>\\acsfs\profiles$\taylaedoa\Downloads\4090006b-6ad1-4e40-9f39-4e7a3d6d112d.tmp</t>
  </si>
  <si>
    <t>5e5fd7f9-ea96-4930-b627-50f0ef558817.tmp</t>
  </si>
  <si>
    <t>\\acsfs\profiles$\taylaedoa\Downloads\5e5fd7f9-ea96-4930-b627-50f0ef558817.tmp</t>
  </si>
  <si>
    <t>88225d36-38c8-43a5-bf55-3a0e39077ae2.tmp</t>
  </si>
  <si>
    <t>\\acsfs\profiles$\taylaedoa\Downloads\88225d36-38c8-43a5-bf55-3a0e39077ae2.tmp</t>
  </si>
  <si>
    <t>6f36cad2-7924-4750-9d8c-5e3c683e614f.tmp</t>
  </si>
  <si>
    <t>\\acsfs\profiles$\taylaedoa\Downloads\6f36cad2-7924-4750-9d8c-5e3c683e614f.tmp</t>
  </si>
  <si>
    <t>43d27890-434a-457b-a8ef-e66207e1efdf.tmp</t>
  </si>
  <si>
    <t>\\acsfs\profiles$\nathaliaos\Downloads\43d27890-434a-457b-a8ef-e66207e1efdf.tmp</t>
  </si>
  <si>
    <t>f01cfbaf-122a-4572-93b0-abd6dd549798.tmp</t>
  </si>
  <si>
    <t>\\acsfs\profiles$\joycemmdl\Downloads\f01cfbaf-122a-4572-93b0-abd6dd549798.tmp</t>
  </si>
  <si>
    <t>C:\Users\saviortj\Desktop\RELATORIO DPF\</t>
  </si>
  <si>
    <t>c7588123-2476-42da-a25b-72e4d4512b11.tmp</t>
  </si>
  <si>
    <t>\\acsfs\profiles$\joycemmdl\Downloads\c7588123-2476-42da-a25b-72e4d4512b11.tmp</t>
  </si>
  <si>
    <t>a35edf0c-eb72-4a0d-9065-67f9174de911.tmp</t>
  </si>
  <si>
    <t>\\acsfs\profiles$\rogeriofd\Downloads\a35edf0c-eb72-4a0d-9065-67f9174de911.tmp</t>
  </si>
  <si>
    <t>e610d396-a885-4fdc-9520-053feee043e6.tmp</t>
  </si>
  <si>
    <t>\\acsfs\profiles$\rogeriofd\Downloads\e610d396-a885-4fdc-9520-053feee043e6.tmp</t>
  </si>
  <si>
    <t>61346707-d427-49cd-b00d-907fc58eb971.tmp</t>
  </si>
  <si>
    <t>\\acsfs\profiles$\ROBERTM\Downloads\61346707-d427-49cd-b00d-907fc58eb971.tmp</t>
  </si>
  <si>
    <t>24c100bb-a50a-4cb6-bc06-5048c4ade9d0.tmp</t>
  </si>
  <si>
    <t>\\acsfs\profiles$\ROBERTM\Downloads\24c100bb-a50a-4cb6-bc06-5048c4ade9d0.tmp</t>
  </si>
  <si>
    <t>2b327cb9-d438-4fc4-9f36-f06bcb833b99.tmp</t>
  </si>
  <si>
    <t>\\acsfs\profiles$\marlyannegdls\Downloads\2b327cb9-d438-4fc4-9f36-f06bcb833b99.tmp</t>
  </si>
  <si>
    <t>1cd88d2a-24af-449a-8ecb-e81c49df5f68.tmp</t>
  </si>
  <si>
    <t>\\acsfs\profiles$\marlyannegdls\Downloads\1cd88d2a-24af-449a-8ecb-e81c49df5f68.tmp</t>
  </si>
  <si>
    <t>6bacae62-af64-4a66-98cf-46e70482c975.tmp</t>
  </si>
  <si>
    <t>\\acsfs\profiles$\ROBERTM\Downloads\6bacae62-af64-4a66-98cf-46e70482c975.tmp</t>
  </si>
  <si>
    <t>92979d2d-610f-4edd-9251-3e391089d90f.tmp</t>
  </si>
  <si>
    <t>\\acsfs\profiles$\ROBERTM\Downloads\92979d2d-610f-4edd-9251-3e391089d90f.tmp</t>
  </si>
  <si>
    <t>b209cbd0-b164-4b31-8a12-538fac467f91.tmp</t>
  </si>
  <si>
    <t>\\acsfs\profiles$\ROBERTM\Downloads\b209cbd0-b164-4b31-8a12-538fac467f91.tmp</t>
  </si>
  <si>
    <t>http:///batch?%24ct=multipart%2Fmixed%3B%20boundary%3D%22%3D%3D%3D%3D%3Ds1du77un1jl4%3D%3D%3D%3D%3D%22&amp;key=AIzaSyAy9VVXHSpS2IJpptzYtGbLP3-3_l0aBk4</t>
  </si>
  <si>
    <t>http:///batch?%24ct=multipart%2Fmixed%3B%20boundary%3D%22%3D%3D%3D%3D%3Dxsttsocvpn6h%3D%3D%3D%3D%3D%22&amp;key=AIzaSyAy9VVXHSpS2IJpptzYtGbLP3-3_l0aBk4</t>
  </si>
  <si>
    <t>XLOG_Angelicacldr_24122019_104033.log</t>
  </si>
  <si>
    <t>\\acsfs\profiles$\Angelicacldr\My Documents\xworkcenter\logs\XLOG_Angelicacldr_24122019_104033.log</t>
  </si>
  <si>
    <t>b170478c-345a-4be7-a875-9345af876893.tmp</t>
  </si>
  <si>
    <t>\\acsfs\profiles$\ROBERTM\Downloads\b170478c-345a-4be7-a875-9345af876893.tmp</t>
  </si>
  <si>
    <t>4dec2b2a-a4a6-4159-ac0f-6f7185685621.tmp</t>
  </si>
  <si>
    <t>\\acsfs\profiles$\ROZENCAM\Downloads\4dec2b2a-a4a6-4159-ac0f-6f7185685621.tmp</t>
  </si>
  <si>
    <t>23e3b546-218e-42b7-a891-37faa676be20.tmp</t>
  </si>
  <si>
    <t>\\acsfs\profiles$\ROZENCAM\Downloads\23e3b546-218e-42b7-a891-37faa676be20.tmp</t>
  </si>
  <si>
    <t>ddd55291-00bb-4416-add4-5a6bfd16a0c8.tmp</t>
  </si>
  <si>
    <t>\\acsfs\profiles$\lucasqdss\Downloads\ddd55291-00bb-4416-add4-5a6bfd16a0c8.tmp</t>
  </si>
  <si>
    <t>f6d4876f-a7cf-426b-ae6d-454cc5957a03.tmp</t>
  </si>
  <si>
    <t>\\acsfs\profiles$\lucasqdss\Downloads\f6d4876f-a7cf-426b-ae6d-454cc5957a03.tmp</t>
  </si>
  <si>
    <t>4fb79733-3ce8-4776-875a-c090922154de.tmp</t>
  </si>
  <si>
    <t>\\acsfs\profiles$\lucasqdss\Downloads\4fb79733-3ce8-4776-875a-c090922154de.tmp</t>
  </si>
  <si>
    <t>5cd49c82-4f20-4298-b4e6-09b333f2d9ee.tmp</t>
  </si>
  <si>
    <t>\\acsfs\profiles$\lucasqdss\Downloads\5cd49c82-4f20-4298-b4e6-09b333f2d9ee.tmp</t>
  </si>
  <si>
    <t>18cfdb06-4703-4957-be14-f0e3678647df.tmp</t>
  </si>
  <si>
    <t>\\acsfs\profiles$\BRUNAAR\Downloads\18cfdb06-4703-4957-be14-f0e3678647df.tmp</t>
  </si>
  <si>
    <t>5a7c0040-b86f-4f76-a125-c5eef2172038.tmp</t>
  </si>
  <si>
    <t>\\acsfs\profiles$\danielac\Downloads\5a7c0040-b86f-4f76-a125-c5eef2172038.tmp</t>
  </si>
  <si>
    <t>49025554-a639-4635-9d2d-4ca39d9380ab.tmp</t>
  </si>
  <si>
    <t>\\acsfs\profiles$\danielac\Downloads\49025554-a639-4635-9d2d-4ca39d9380ab.tmp</t>
  </si>
  <si>
    <t>45b1bb50-62dd-487a-b475-e896548d670d.tmp</t>
  </si>
  <si>
    <t>\\acsfs\profiles$\danielac\Downloads\45b1bb50-62dd-487a-b475-e896548d670d.tmp</t>
  </si>
  <si>
    <t>a848514b-2ca8-4074-a070-54b5d83d9f0e.tmp</t>
  </si>
  <si>
    <t>\\acsfs\profiles$\BRUNAAR\Downloads\a848514b-2ca8-4074-a070-54b5d83d9f0e.tmp</t>
  </si>
  <si>
    <t>c4b00fd8-5241-405c-bea4-c02ad1d94f03.tmp</t>
  </si>
  <si>
    <t>\\acsfs\profiles$\BRUNAAR\Downloads\c4b00fd8-5241-405c-bea4-c02ad1d94f03.tmp</t>
  </si>
  <si>
    <t>5602bdaf-432a-4fae-b7a2-28ed1b084bb4.tmp</t>
  </si>
  <si>
    <t>\\acsfs\profiles$\ALYNYA\Downloads\5602bdaf-432a-4fae-b7a2-28ed1b084bb4.tmp</t>
  </si>
  <si>
    <t>3c5a5cc0-fcb7-4f33-aa74-d37081d66de4.tmp</t>
  </si>
  <si>
    <t>\\acsfs\profiles$\ALYNYA\Downloads\3c5a5cc0-fcb7-4f33-aa74-d37081d66de4.tmp</t>
  </si>
  <si>
    <t>28c1233b-19e4-4589-9b0b-d80a127741fb.tmp</t>
  </si>
  <si>
    <t>\\acsfs\profiles$\anafsb\Downloads\28c1233b-19e4-4589-9b0b-d80a127741fb.tmp</t>
  </si>
  <si>
    <t>d2666c1d-99e5-4bbf-a720-f1baf1f09dae.tmp</t>
  </si>
  <si>
    <t>\\acsfs\profiles$\anafsb\Downloads\d2666c1d-99e5-4bbf-a720-f1baf1f09dae.tmp</t>
  </si>
  <si>
    <t>0ceedaf1-4a1d-4270-8de0-335edf6a0496.tmp</t>
  </si>
  <si>
    <t>\\acsfs\profiles$\anafsb\Downloads\0ceedaf1-4a1d-4270-8de0-335edf6a0496.tmp</t>
  </si>
  <si>
    <t>5c278342-f4d5-4722-9ad6-a73e826deb21.tmp</t>
  </si>
  <si>
    <t>\\acsfs\profiles$\anafsb\Downloads\5c278342-f4d5-4722-9ad6-a73e826deb21.tmp</t>
  </si>
  <si>
    <t>8571f9c8-79f9-4473-bba1-0b1f8ceaecca.tmp</t>
  </si>
  <si>
    <t>\\acsfs\profiles$\anafsb\Downloads\8571f9c8-79f9-4473-bba1-0b1f8ceaecca.tmp</t>
  </si>
  <si>
    <t>60f90f27-6d37-43d3-a867-ee29b86a9e96.tmp</t>
  </si>
  <si>
    <t>\\acsfs\profiles$\anafsb\Downloads\60f90f27-6d37-43d3-a867-ee29b86a9e96.tmp</t>
  </si>
  <si>
    <t>7ff3a1cf-c032-493a-8739-076fedb3b308.tmp</t>
  </si>
  <si>
    <t>\\acsfs\profiles$\anafsb\Downloads\7ff3a1cf-c032-493a-8739-076fedb3b308.tmp</t>
  </si>
  <si>
    <t>54cab2b3-eba9-4b9a-a230-aed2dac517bd.tmp</t>
  </si>
  <si>
    <t>\\acsfs\profiles$\vivianealda\Downloads\54cab2b3-eba9-4b9a-a230-aed2dac517bd.tmp</t>
  </si>
  <si>
    <t>788f88a3-f7b6-4aa6-8980-30884c335e43.tmp</t>
  </si>
  <si>
    <t>\\acsfs\profiles$\vivianealda\Downloads\788f88a3-f7b6-4aa6-8980-30884c335e43.tmp</t>
  </si>
  <si>
    <t>9b871a0d-73a6-4b73-a0b3-a707a95a45f5.tmp</t>
  </si>
  <si>
    <t>\\acsfs\profiles$\leonardobb\Downloads\9b871a0d-73a6-4b73-a0b3-a707a95a45f5.tmp</t>
  </si>
  <si>
    <t>84526a16-35bd-4554-838d-86aa4733b108.tmp</t>
  </si>
  <si>
    <t>\\acsfs\profiles$\leonardobb\Downloads\84526a16-35bd-4554-838d-86aa4733b108.tmp</t>
  </si>
  <si>
    <t>2df8dc22-d9c3-4caa-adcf-07588b91b0fd.tmp</t>
  </si>
  <si>
    <t>\\acsfs\profiles$\leonardobb\Downloads\2df8dc22-d9c3-4caa-adcf-07588b91b0fd.tmp</t>
  </si>
  <si>
    <t>74d99153-2a2b-4818-b3cd-f080ca7f0337.tmp</t>
  </si>
  <si>
    <t>\\acsfs\profiles$\leonardobb\Downloads\74d99153-2a2b-4818-b3cd-f080ca7f0337.tmp</t>
  </si>
  <si>
    <t>e19c753d-191c-47a4-ae21-6b9b7df95793.tmp</t>
  </si>
  <si>
    <t>\\acsfs\profiles$\leonardobb\Downloads\e19c753d-191c-47a4-ae21-6b9b7df95793.tmp</t>
  </si>
  <si>
    <t>beb4bb58-4d59-4adf-97e3-c2df848cb646.tmp</t>
  </si>
  <si>
    <t>\\acsfs\profiles$\leonardobb\Downloads\beb4bb58-4d59-4adf-97e3-c2df848cb646.tmp</t>
  </si>
  <si>
    <t>f55165e1-a65d-4fbe-97fa-148d34b7d20b.tmp</t>
  </si>
  <si>
    <t>\\acsfs\profiles$\cintiadcf\Downloads\f55165e1-a65d-4fbe-97fa-148d34b7d20b.tmp</t>
  </si>
  <si>
    <t>0f4c8db1-cfb4-4776-a020-b9bad18118f1.tmp</t>
  </si>
  <si>
    <t>\\acsfs\profiles$\cintiadcf\Downloads\0f4c8db1-cfb4-4776-a020-b9bad18118f1.tmp</t>
  </si>
  <si>
    <t>dbe3a841-e185-4443-ab59-803387e4d0ae.tmp</t>
  </si>
  <si>
    <t>\\acsfs\profiles$\cintiadcf\Downloads\dbe3a841-e185-4443-ab59-803387e4d0ae.tmp</t>
  </si>
  <si>
    <t>9fa8021e-dee8-4cc2-a91f-ad1d9d1148c7.tmp</t>
  </si>
  <si>
    <t>\\acsfs\profiles$\ALYNYA\Downloads\9fa8021e-dee8-4cc2-a91f-ad1d9d1148c7.tmp</t>
  </si>
  <si>
    <t>488c38e2-28e7-44d8-86e5-4c307f07d1e3.tmp</t>
  </si>
  <si>
    <t>\\acsfs\profiles$\lucasgpe\Downloads\488c38e2-28e7-44d8-86e5-4c307f07d1e3.tmp</t>
  </si>
  <si>
    <t>c8a63303-2969-4bc9-af3b-41d30d561278.tmp</t>
  </si>
  <si>
    <t>\\acsfs\profiles$\lucasgpe\Downloads\c8a63303-2969-4bc9-af3b-41d30d561278.tmp</t>
  </si>
  <si>
    <t>9d2216b9-e62e-44cd-ace9-6807c904b78e.tmp</t>
  </si>
  <si>
    <t>\\acsfs\profiles$\lucasgpe\Downloads\9d2216b9-e62e-44cd-ace9-6807c904b78e.tmp</t>
  </si>
  <si>
    <t>gustavoab</t>
  </si>
  <si>
    <t>https://udpwfmniceap02/web/guest/home?p_auth=w0fcct5r&amp;p_p_id=58&amp;p_p_lifecycle=1&amp;p_p_state=maximized&amp;p_p_mode=view&amp;savelastpath=0&amp;_58_struts_action=/login/forgot_password</t>
  </si>
  <si>
    <t>d5972582-3a26-4afe-9e3d-1f30e449bc5d.tmp</t>
  </si>
  <si>
    <t>\\acsfs\profiles$\lucasgpe\Downloads\d5972582-3a26-4afe-9e3d-1f30e449bc5d.tmp</t>
  </si>
  <si>
    <t>https://udpmailboxap01.acs.com.br:8443/h/search;jsessionid=186iyb6j479g8wzznpw2x2juh?si=0&amp;so=0&amp;sc=64006&amp;st=conversation&amp;action=compose</t>
  </si>
  <si>
    <t>a26d2ca9-93a9-410b-a57b-e2cbcc8cdf4e.tmp</t>
  </si>
  <si>
    <t>\\acsfs\profiles$\inarajst\Downloads\a26d2ca9-93a9-410b-a57b-e2cbcc8cdf4e.tmp</t>
  </si>
  <si>
    <t>f6c42e39-7b71-4264-9b6a-7d5f27381770.tmp</t>
  </si>
  <si>
    <t>\\acsfs\profiles$\inarajst\Downloads\f6c42e39-7b71-4264-9b6a-7d5f27381770.tmp</t>
  </si>
  <si>
    <t>fa9d8f5b-31dc-471f-ada6-57b0d0e6f317.tmp</t>
  </si>
  <si>
    <t>\\acsfs\profiles$\inarajst\Downloads\fa9d8f5b-31dc-471f-ada6-57b0d0e6f317.tmp</t>
  </si>
  <si>
    <t>079c6415-7203-4540-920b-faee49bed06e.tmp</t>
  </si>
  <si>
    <t>\\acsfs\profiles$\inarajst\Downloads\079c6415-7203-4540-920b-faee49bed06e.tmp</t>
  </si>
  <si>
    <t>d5aac1c5-a402-45f0-8226-59740ac542ad.tmp</t>
  </si>
  <si>
    <t>\\acsfs\profiles$\leonardobb\Downloads\d5aac1c5-a402-45f0-8226-59740ac542ad.tmp</t>
  </si>
  <si>
    <t>e5b353b0-3a0f-4d58-a158-e4613bdf7fba.tmp</t>
  </si>
  <si>
    <t>\\acsfs\profiles$\websondsa\Downloads\e5b353b0-3a0f-4d58-a158-e4613bdf7fba.tmp</t>
  </si>
  <si>
    <t>02259400-9f37-4f96-b96c-a4cfcc576520.tmp</t>
  </si>
  <si>
    <t>\\acsfs\profiles$\websondsa\Downloads\02259400-9f37-4f96-b96c-a4cfcc576520.tmp</t>
  </si>
  <si>
    <t>bf941b03-538e-49bc-ace7-3dfad7344ccf.tmp</t>
  </si>
  <si>
    <t>\\acsfs\profiles$\websondsa\Downloads\bf941b03-538e-49bc-ace7-3dfad7344ccf.tmp</t>
  </si>
  <si>
    <t>84e92f79-fd76-43f0-8dbb-f2d2b2273215.tmp</t>
  </si>
  <si>
    <t>\\acsfs\profiles$\websondsa\Downloads\84e92f79-fd76-43f0-8dbb-f2d2b2273215.tmp</t>
  </si>
  <si>
    <t>de647768-1da8-4d68-a897-c538176767a7.tmp</t>
  </si>
  <si>
    <t>\\acsfs\profiles$\websondsa\Downloads\de647768-1da8-4d68-a897-c538176767a7.tmp</t>
  </si>
  <si>
    <t>9ee3c08a-db06-4f05-9c01-ae2b59dfc164.tmp</t>
  </si>
  <si>
    <t>\\acsfs\profiles$\sarahbal\Downloads\9ee3c08a-db06-4f05-9c01-ae2b59dfc164.tmp</t>
  </si>
  <si>
    <t>1c5b5df9-c9eb-4754-a605-aca357b372ee.tmp</t>
  </si>
  <si>
    <t>\\acsfs\profiles$\mariajra\Downloads\1c5b5df9-c9eb-4754-a605-aca357b372ee.tmp</t>
  </si>
  <si>
    <t>29d4c91c-e277-4ff0-a695-b17a89a360dc.tmp</t>
  </si>
  <si>
    <t>\\acsfs\profiles$\mariajra\Downloads\29d4c91c-e277-4ff0-a695-b17a89a360dc.tmp</t>
  </si>
  <si>
    <t>559e7d5e-efaa-4a22-b235-b17f834cdd7c.tmp</t>
  </si>
  <si>
    <t>\\acsfs\profiles$\mariajra\Downloads\559e7d5e-efaa-4a22-b235-b17f834cdd7c.tmp</t>
  </si>
  <si>
    <t>ad27f6a3-e143-4f28-b9a1-9846683d16f0.tmp</t>
  </si>
  <si>
    <t>\\acsfs\profiles$\inarajst\Downloads\ad27f6a3-e143-4f28-b9a1-9846683d16f0.tmp</t>
  </si>
  <si>
    <t>2abfb9b3-7352-4915-bca8-8b1e7b8e2ce7.tmp</t>
  </si>
  <si>
    <t>\\acsfs\profiles$\inarajst\Downloads\2abfb9b3-7352-4915-bca8-8b1e7b8e2ce7.tmp</t>
  </si>
  <si>
    <t>cbf91fee-9b58-4332-81d9-9679a805bf84.tmp</t>
  </si>
  <si>
    <t>\\acsfs\profiles$\inarajst\Downloads\cbf91fee-9b58-4332-81d9-9679a805bf84.tmp</t>
  </si>
  <si>
    <t>SARAH BEATRIZ ALVES LIMA (37).contact</t>
  </si>
  <si>
    <t>\\acsfs\profiles$\sarahbal\Contacts\SARAH BEATRIZ ALVES LIMA (37).contact</t>
  </si>
  <si>
    <t>59bb04ee-4f47-4c0f-9dd2-c7197078b60b.tmp</t>
  </si>
  <si>
    <t>\\acsfs\profiles$\websondsa\Downloads\59bb04ee-4f47-4c0f-9dd2-c7197078b60b.tmp</t>
  </si>
  <si>
    <t>2749fa42-b21b-497f-9db9-19d6cd978671.tmp</t>
  </si>
  <si>
    <t>\\acsfs\profiles$\sarahbal\Downloads\2749fa42-b21b-497f-9db9-19d6cd978671.tmp</t>
  </si>
  <si>
    <t>7d2cfe9d-ed84-4b69-b8c0-4980fe93f799.tmp</t>
  </si>
  <si>
    <t>\\acsfs\profiles$\sarahbal\Downloads\7d2cfe9d-ed84-4b69-b8c0-4980fe93f799.tmp</t>
  </si>
  <si>
    <t>6f4a212b-783c-439e-85b1-0c25c6eb9494.tmp</t>
  </si>
  <si>
    <t>\\acsfs\profiles$\sarahbal\Downloads\6f4a212b-783c-439e-85b1-0c25c6eb9494.tmp</t>
  </si>
  <si>
    <t>557fa828-1c94-4062-a8f3-46cb3c5a2af1.tmp</t>
  </si>
  <si>
    <t>\\acsfs\profiles$\vivianalds\Downloads\557fa828-1c94-4062-a8f3-46cb3c5a2af1.tmp</t>
  </si>
  <si>
    <t>3cd41e08-17be-4042-9d85-a65421aac136.tmp</t>
  </si>
  <si>
    <t>\\acsfs\profiles$\mariajra\Downloads\3cd41e08-17be-4042-9d85-a65421aac136.tmp</t>
  </si>
  <si>
    <t>719a7814-d973-4594-b68e-1c6733487ca9.tmp</t>
  </si>
  <si>
    <t>\\acsfs\profiles$\mariajra\Downloads\719a7814-d973-4594-b68e-1c6733487ca9.tmp</t>
  </si>
  <si>
    <t>5f6ca1d8-eb23-47da-a438-99ad9c0c1fed.tmp</t>
  </si>
  <si>
    <t>\\acsfs\profiles$\mariajra\Downloads\5f6ca1d8-eb23-47da-a438-99ad9c0c1fed.tmp</t>
  </si>
  <si>
    <t>C:\Users\danielac\Desktop\</t>
  </si>
  <si>
    <t>\\acsfs\profiles$\BRUNAAR\Contacts\</t>
  </si>
  <si>
    <t>BRUNA ASSUNCAO ROSA (4).contact</t>
  </si>
  <si>
    <t>\\acsfs\profiles$\BRUNAAR\Contacts\BRUNA ASSUNCAO ROSA (4).contact</t>
  </si>
  <si>
    <t>\\acsfs\profiles$\BRUNAAR\My Documents\My Videos\</t>
  </si>
  <si>
    <t>\\acsfs\profiles$\BRUNAAR\My Documents\My Videos\desktop.ini</t>
  </si>
  <si>
    <t>\\acsfs\profiles$\BRUNAAR\My Documents\My Pictures\</t>
  </si>
  <si>
    <t>\\acsfs\profiles$\BRUNAAR\My Documents\My Pictures\desktop.ini</t>
  </si>
  <si>
    <t>\\acsfs\profiles$\BRUNAAR\Contacts\desktop.ini</t>
  </si>
  <si>
    <t>\\acsfs\profiles$\BRUNAAR\Favorites\</t>
  </si>
  <si>
    <t>\\acsfs\profiles$\BRUNAAR\Favorites\desktop.ini</t>
  </si>
  <si>
    <t>\\acsfs\profiles$\BRUNAAR\My Documents\My Music\</t>
  </si>
  <si>
    <t>\\acsfs\profiles$\BRUNAAR\My Documents\My Music\desktop.ini</t>
  </si>
  <si>
    <t>\\acsfs\profiles$\BRUNAAR\Searches\</t>
  </si>
  <si>
    <t>\\acsfs\profiles$\BRUNAAR\Searches\desktop.ini</t>
  </si>
  <si>
    <t>\\acsfs\profiles$\BRUNAAR\Downloads\desktop.ini</t>
  </si>
  <si>
    <t>\\acsfs\profiles$\BRUNAAR\My Documents\</t>
  </si>
  <si>
    <t>\\acsfs\profiles$\BRUNAAR\My Documents\desktop.ini</t>
  </si>
  <si>
    <t>\\acsfs\profiles$\BRUNAAR\Saved Games\</t>
  </si>
  <si>
    <t>\\acsfs\profiles$\BRUNAAR\Saved Games\desktop.ini</t>
  </si>
  <si>
    <t>\\acsfs\profiles$\BRUNAAR\Favorites\Links for Brasil\</t>
  </si>
  <si>
    <t>\\acsfs\profiles$\BRUNAAR\Favorites\Links for Brasil\desktop.ini</t>
  </si>
  <si>
    <t>\\acsfs\profiles$\BRUNAAR\Favorites\Links for Brasil\Microsoft Brasil.url</t>
  </si>
  <si>
    <t>\\acsfs\profiles$\BRUNAAR\Favorites\Links for Brasil\Windows Brasil.url</t>
  </si>
  <si>
    <t>\\acsfs\profiles$\BRUNAAR\Favorites\Links for Brasil\MSN Brasil.url</t>
  </si>
  <si>
    <t>lu3648zdnn.tmp</t>
  </si>
  <si>
    <t>\\acsfs\profiles$\BRUNAAR\Numero\lu3648zdnn.tmp</t>
  </si>
  <si>
    <t>ed7cc0ef-11c8-4ccc-852a-cc078d81c8e2.tmp</t>
  </si>
  <si>
    <t>\\acsfs\profiles$\websondsa\Downloads\ed7cc0ef-11c8-4ccc-852a-cc078d81c8e2.tmp</t>
  </si>
  <si>
    <t>274cd9b4-e99d-48f3-becc-86f6700fffa2.tmp</t>
  </si>
  <si>
    <t>\\acsfs\profiles$\dhiulliananads\Downloads\274cd9b4-e99d-48f3-becc-86f6700fffa2.tmp</t>
  </si>
  <si>
    <t>897b74cc-7f3d-4526-9f22-bea9e33b27ac.tmp</t>
  </si>
  <si>
    <t>\\acsfs\profiles$\dhiulliananads\Downloads\897b74cc-7f3d-4526-9f22-bea9e33b27ac.tmp</t>
  </si>
  <si>
    <t>BRUNA ASSUNCAO ROSA (5).contact</t>
  </si>
  <si>
    <t>\\acsfs\profiles$\BRUNAAR\Contacts\BRUNA ASSUNCAO ROSA (5).contact</t>
  </si>
  <si>
    <t>\\acsfs\profiles$\BRUNAAR\My Documents\Automation Anywhere Files\ConfigFiles\</t>
  </si>
  <si>
    <t>\\acsfs\profiles$\BRUNAAR\My Documents\Automation Anywhere Files\ConfigFiles\log4net-config.xml</t>
  </si>
  <si>
    <t>\\acsfs\profiles$\BRUNAAR\My Documents\Automation Anywhere Files\</t>
  </si>
  <si>
    <t>\\acsfs\profiles$\BRUNAAR\My Documents\Automation Anywhere Files\AA.Trigger.xml</t>
  </si>
  <si>
    <t>ff15bc17-d46f-4006-b3c6-9855197e0e42.tmp</t>
  </si>
  <si>
    <t>\\acsfs\profiles$\BRUNAAR\Downloads\ff15bc17-d46f-4006-b3c6-9855197e0e42.tmp</t>
  </si>
  <si>
    <t>Não confirmado 84752.crdownload</t>
  </si>
  <si>
    <t>\\acsfs\profiles$\BRUNAAR\Downloads\Não confirmado 84752.crdownload</t>
  </si>
  <si>
    <t>3e28be74-0c67-4e7c-b3dc-59bbb9e6135e.tmp</t>
  </si>
  <si>
    <t>\\acsfs\profiles$\BRUNAAR\Downloads\3e28be74-0c67-4e7c-b3dc-59bbb9e6135e.tmp</t>
  </si>
  <si>
    <t>Não confirmado 683310.crdownload</t>
  </si>
  <si>
    <t>\\acsfs\profiles$\BRUNAAR\Downloads\Não confirmado 683310.crdownload</t>
  </si>
  <si>
    <t>64232924-1880-42b4-aa2a-c02aab39d17b.tmp</t>
  </si>
  <si>
    <t>\\acsfs\profiles$\vivianalds\Downloads\64232924-1880-42b4-aa2a-c02aab39d17b.tmp</t>
  </si>
  <si>
    <t>lu145166npsg.tmp</t>
  </si>
  <si>
    <t>\\acsfs\profiles$\VIVIANALDS\My Documents\lu145166npsg.tmp</t>
  </si>
  <si>
    <t>\\acsfs\profiles$\VIVIANALDS\My Documents\lu145166npsg.tmp\</t>
  </si>
  <si>
    <t>\\acsfs\profiles$\VIVIANALDS\My Documents\lu145166npsg.tmp\META-INF\</t>
  </si>
  <si>
    <t>\\acsfs\profiles$\VIVIANALDS\My Documents\lu145166npsg.tmp\Thumbnails\</t>
  </si>
  <si>
    <t>f6b5118c-6e19-4fbb-941c-bd09a7752518.tmp</t>
  </si>
  <si>
    <t>\\acsfs\profiles$\vivianealda\Downloads\f6b5118c-6e19-4fbb-941c-bd09a7752518.tmp</t>
  </si>
  <si>
    <t>5b0b218a-2674-4f44-be76-4290a5011adc.tmp</t>
  </si>
  <si>
    <t>\\acsfs\profiles$\inarajst\Downloads\5b0b218a-2674-4f44-be76-4290a5011adc.tmp</t>
  </si>
  <si>
    <t>DANIELA COSTA (10).contact</t>
  </si>
  <si>
    <t>\\acsfs\profiles$\danielac\Contacts\DANIELA COSTA (10).contact</t>
  </si>
  <si>
    <t>2a9ed519-a832-4527-a9a4-edbbebd716c9.tmp</t>
  </si>
  <si>
    <t>\\acsfs\profiles$\dhiulliananads\Downloads\2a9ed519-a832-4527-a9a4-edbbebd716c9.tmp</t>
  </si>
  <si>
    <t>cbe7d472-435d-4764-ad44-a05d9422ad15.tmp</t>
  </si>
  <si>
    <t>\\acsfs\profiles$\BRUNAAR\Downloads\cbe7d472-435d-4764-ad44-a05d9422ad15.tmp</t>
  </si>
  <si>
    <t>Não confirmado 269198.crdownload</t>
  </si>
  <si>
    <t>\\acsfs\profiles$\BRUNAAR\Downloads\Não confirmado 269198.crdownload</t>
  </si>
  <si>
    <t>c95d8945-aeb7-4139-adb3-971dfa7476a8.tmp</t>
  </si>
  <si>
    <t>\\acsfs\profiles$\BRUNAAR\Downloads\c95d8945-aeb7-4139-adb3-971dfa7476a8.tmp</t>
  </si>
  <si>
    <t>e1deb550-6878-4370-a2b1-655f830f9851.tmp</t>
  </si>
  <si>
    <t>\\acsfs\profiles$\BRUNAAR\Downloads\e1deb550-6878-4370-a2b1-655f830f9851.tmp</t>
  </si>
  <si>
    <t>Q29udHJvbGxlci5JRS1JbmZvQlY- (4).ica</t>
  </si>
  <si>
    <t>\\acsfs\profiles$\BRUNAAR\Downloads\Q29udHJvbGxlci5JRS1JbmZvQlY- (4).ica</t>
  </si>
  <si>
    <t>Camila Lemos Borges (2).contact</t>
  </si>
  <si>
    <t>\\acsfs\profiles$\camillaleb\Contacts\Camila Lemos Borges (2).contact</t>
  </si>
  <si>
    <t>70c6d9b2-aded-4a2e-8e44-d330366811cd.tmp</t>
  </si>
  <si>
    <t>\\acsfs\profiles$\sarahbal\Downloads\70c6d9b2-aded-4a2e-8e44-d330366811cd.tmp</t>
  </si>
  <si>
    <t>95e8bfe4-f2a1-4480-9def-db2a0e78b9ee.tmp</t>
  </si>
  <si>
    <t>\\acsfs\profiles$\anafsb\Downloads\95e8bfe4-f2a1-4480-9def-db2a0e78b9ee.tmp</t>
  </si>
  <si>
    <t>8a282014-2040-43a0-85df-4e192970db52.tmp</t>
  </si>
  <si>
    <t>\\acsfs\profiles$\danielac\Downloads\8a282014-2040-43a0-85df-4e192970db52.tmp</t>
  </si>
  <si>
    <t>d2fb6bd1-b8b5-4c2e-a7cd-0a1430f941c4.tmp</t>
  </si>
  <si>
    <t>\\acsfs\profiles$\danielac\Downloads\d2fb6bd1-b8b5-4c2e-a7cd-0a1430f941c4.tmp</t>
  </si>
  <si>
    <t>ba026058-fa1e-443b-85ce-79593b5b4b67.tmp</t>
  </si>
  <si>
    <t>\\acsfs\profiles$\danielac\Downloads\ba026058-fa1e-443b-85ce-79593b5b4b67.tmp</t>
  </si>
  <si>
    <t>4f026334-bc5a-466c-88ff-117d1b0dc26c.tmp</t>
  </si>
  <si>
    <t>\\acsfs\profiles$\danielac\Downloads\4f026334-bc5a-466c-88ff-117d1b0dc26c.tmp</t>
  </si>
  <si>
    <t>a90d07a0-e0a9-4453-882f-b5c6c8773d24.tmp</t>
  </si>
  <si>
    <t>\\acsfs\profiles$\danielac\Downloads\a90d07a0-e0a9-4453-882f-b5c6c8773d24.tmp</t>
  </si>
  <si>
    <t>1a5699e9-5460-4c38-8f28-d7f26b305c27.tmp</t>
  </si>
  <si>
    <t>\\acsfs\profiles$\rafaelahpn\Downloads\1a5699e9-5460-4c38-8f28-d7f26b305c27.tmp</t>
  </si>
  <si>
    <t>22e6d626-ba42-4108-b17d-e8933d203fd6.tmp</t>
  </si>
  <si>
    <t>\\acsfs\profiles$\BRUNAAR\Downloads\22e6d626-ba42-4108-b17d-e8933d203fd6.tmp</t>
  </si>
  <si>
    <t>lu1524011rjvd.tmp</t>
  </si>
  <si>
    <t>\\acsfs\profiles$\jonathanwap\lu1524011rjvd.tmp</t>
  </si>
  <si>
    <t>\\acsfs\profiles$\jonathanwap\lu1524011rjvd.tmp\</t>
  </si>
  <si>
    <t>\\acsfs\profiles$\jonathanwap\lu1524011rjvd.tmp\META-INF\</t>
  </si>
  <si>
    <t>\\acsfs\profiles$\jonathanwap\lu1524011rjvd.tmp\Thumbnails\</t>
  </si>
  <si>
    <t>232da9a1-3233-4f1f-a52e-827cbe6a6462.tmp</t>
  </si>
  <si>
    <t>\\acsfs\profiles$\lucasgpe\Downloads\232da9a1-3233-4f1f-a52e-827cbe6a6462.tmp</t>
  </si>
  <si>
    <t>\\acsfs\Deptos\Operacao\Banco_Votorantim\Comum\TV Mariana e Danndhara\Thumbs.db</t>
  </si>
  <si>
    <t>43b07a23-da34-4430-98a9-3c28ca2d95fb.tmp</t>
  </si>
  <si>
    <t>\\acsfs\profiles$\rafaelahpn\Downloads\43b07a23-da34-4430-98a9-3c28ca2d95fb.tmp</t>
  </si>
  <si>
    <t>6d913884-13c3-4e8f-9397-43660514c810.tmp</t>
  </si>
  <si>
    <t>\\acsfs\profiles$\rafaelahpn\Downloads\6d913884-13c3-4e8f-9397-43660514c810.tmp</t>
  </si>
  <si>
    <t>5ca9ba57-e82a-42f9-9a64-b79ff7f3ee0d.tmp</t>
  </si>
  <si>
    <t>\\acsfs\profiles$\rafaelahpn\Downloads\5ca9ba57-e82a-42f9-9a64-b79ff7f3ee0d.tmp</t>
  </si>
  <si>
    <t>38b3052b-1b7b-45ea-92d3-7253fa83d9bb.tmp</t>
  </si>
  <si>
    <t>\\acsfs\profiles$\nayarasds\Downloads\38b3052b-1b7b-45ea-92d3-7253fa83d9bb.tmp</t>
  </si>
  <si>
    <t>ac15666c-48b2-4579-9ff3-c7959d44ae40.tmp</t>
  </si>
  <si>
    <t>\\acsfs\profiles$\sarahbal\Downloads\ac15666c-48b2-4579-9ff3-c7959d44ae40.tmp</t>
  </si>
  <si>
    <t>1f33a203-e8f0-4b92-8d76-bcc23ec80f15.tmp</t>
  </si>
  <si>
    <t>\\acsfs\profiles$\gabrielarb\Downloads\1f33a203-e8f0-4b92-8d76-bcc23ec80f15.tmp</t>
  </si>
  <si>
    <t>f442540e-7a6e-463b-8d8c-2f06bb258b23.tmp</t>
  </si>
  <si>
    <t>\\acsfs\profiles$\gabrielarb\Downloads\f442540e-7a6e-463b-8d8c-2f06bb258b23.tmp</t>
  </si>
  <si>
    <t>27c1ccec-3681-4a6b-b509-4ff6b5a63968.tmp</t>
  </si>
  <si>
    <t>\\acsfs\profiles$\gabrielarb\Downloads\27c1ccec-3681-4a6b-b509-4ff6b5a63968.tmp</t>
  </si>
  <si>
    <t>0d9601b7-ffc3-49d4-823c-d5fde1de7786.tmp</t>
  </si>
  <si>
    <t>\\acsfs\profiles$\vivianalds\Downloads\0d9601b7-ffc3-49d4-823c-d5fde1de7786.tmp</t>
  </si>
  <si>
    <t>5d8bcad9-3806-4175-812d-709409c60d2c.tmp</t>
  </si>
  <si>
    <t>\\acsfs\profiles$\wenderbnm\Downloads\5d8bcad9-3806-4175-812d-709409c60d2c.tmp</t>
  </si>
  <si>
    <t>f93c289c-33da-4ac7-befa-0750857a691e.tmp</t>
  </si>
  <si>
    <t>\\acsfs\profiles$\wenderbnm\Downloads\f93c289c-33da-4ac7-befa-0750857a691e.tmp</t>
  </si>
  <si>
    <t>4a9f4c4c-b32c-4756-a8c5-f37d5219540e.tmp</t>
  </si>
  <si>
    <t>\\acsfs\profiles$\ALYNYA\Downloads\4a9f4c4c-b32c-4756-a8c5-f37d5219540e.tmp</t>
  </si>
  <si>
    <t>d26eba2b-22a3-4933-b96a-8791c3677f12.tmp</t>
  </si>
  <si>
    <t>\\acsfs\profiles$\vivianealda\Downloads\d26eba2b-22a3-4933-b96a-8791c3677f12.tmp</t>
  </si>
  <si>
    <t>51cf3095-937d-4364-871b-b29a3a5f77a7.tmp</t>
  </si>
  <si>
    <t>\\acsfs\profiles$\paulovadc\Downloads\51cf3095-937d-4364-871b-b29a3a5f77a7.tmp</t>
  </si>
  <si>
    <t>8fda02a7-877a-4e98-824c-8a9bd5638459.tmp</t>
  </si>
  <si>
    <t>\\acsfs\profiles$\gabrielaff\Downloads\8fda02a7-877a-4e98-824c-8a9bd5638459.tmp</t>
  </si>
  <si>
    <t>1f8a091e-ab15-41c4-a016-4700eab2c722.tmp</t>
  </si>
  <si>
    <t>\\acsfs\profiles$\paulovadc\Downloads\1f8a091e-ab15-41c4-a016-4700eab2c722.tmp</t>
  </si>
  <si>
    <t>7c243dbe-c7de-425a-bff2-9ae5d5985c1c.tmp</t>
  </si>
  <si>
    <t>\\acsfs\profiles$\ROZENCAM\Downloads\7c243dbe-c7de-425a-bff2-9ae5d5985c1c.tmp</t>
  </si>
  <si>
    <t>7d1f8cb0-6b49-4c7f-8d66-63a174e9eb83.tmp</t>
  </si>
  <si>
    <t>\\acsfs\profiles$\ROZENCAM\Downloads\7d1f8cb0-6b49-4c7f-8d66-63a174e9eb83.tmp</t>
  </si>
  <si>
    <t>2286f623-fe2c-4a43-8c7a-a0baf2ce4232.tmp</t>
  </si>
  <si>
    <t>\\acsfs\profiles$\danielac\Downloads\2286f623-fe2c-4a43-8c7a-a0baf2ce4232.tmp</t>
  </si>
  <si>
    <t>https://catianalv@algartech.com,cpc-controldeskavon@algartech.com,joseasn@algartech.com,lucianarsantos@algartech.com,marianadjc@algartech.com,senildapdo@algartecnologia.com.br</t>
  </si>
  <si>
    <t>c487d749-b391-4858-882b-d7cc3b37440f.tmp</t>
  </si>
  <si>
    <t>\\acsfs\profiles$\leonardobb\Downloads\c487d749-b391-4858-882b-d7cc3b37440f.tmp</t>
  </si>
  <si>
    <t>2210a2a6-dd95-4850-86a9-03a25dceb02a.tmp</t>
  </si>
  <si>
    <t>\\acsfs\profiles$\leonardobb\Downloads\2210a2a6-dd95-4850-86a9-03a25dceb02a.tmp</t>
  </si>
  <si>
    <t>742bcc03-418b-494a-b737-f32504fa8078.tmp</t>
  </si>
  <si>
    <t>\\acsfs\profiles$\ERICALSR\Downloads\742bcc03-418b-494a-b737-f32504fa8078.tmp</t>
  </si>
  <si>
    <t>3f692d5a-6872-43d9-bd54-780d968775d9.tmp</t>
  </si>
  <si>
    <t>\\acsfs\profiles$\ERICALSR\Downloads\3f692d5a-6872-43d9-bd54-780d968775d9.tmp</t>
  </si>
  <si>
    <t>362980f5-5fef-492d-adbf-cceaa8cc2791.tmp</t>
  </si>
  <si>
    <t>\\acsfs\profiles$\nathaliarmr\Downloads\362980f5-5fef-492d-adbf-cceaa8cc2791.tmp</t>
  </si>
  <si>
    <t>7f13c403-b2eb-405e-a5f9-8966e3618c27.tmp</t>
  </si>
  <si>
    <t>\\acsfs\profiles$\nathaliarmr\Downloads\7f13c403-b2eb-405e-a5f9-8966e3618c27.tmp</t>
  </si>
  <si>
    <t>3f4713b5-2778-4adb-9707-575009bb459f.tmp</t>
  </si>
  <si>
    <t>\\acsfs\profiles$\rafaelahpn\Downloads\3f4713b5-2778-4adb-9707-575009bb459f.tmp</t>
  </si>
  <si>
    <t>38c32e45-752b-4634-9f44-8eaabfe79e1f.tmp</t>
  </si>
  <si>
    <t>\\acsfs\profiles$\nayarasds\Downloads\38c32e45-752b-4634-9f44-8eaabfe79e1f.tmp</t>
  </si>
  <si>
    <t>7bbbf330-a88d-48f9-9e1f-746aa4103748.tmp</t>
  </si>
  <si>
    <t>\\acsfs\profiles$\nayarasds\Downloads\7bbbf330-a88d-48f9-9e1f-746aa4103748.tmp</t>
  </si>
  <si>
    <t>28063c91-b47e-4662-bf2d-e54800bb6eed.tmp</t>
  </si>
  <si>
    <t>\\acsfs\profiles$\nayarasds\Downloads\28063c91-b47e-4662-bf2d-e54800bb6eed.tmp</t>
  </si>
  <si>
    <t>c22280ee-7174-484b-9a20-d451fb1986cd.tmp</t>
  </si>
  <si>
    <t>\\acsfs\profiles$\luanaagl\Downloads\c22280ee-7174-484b-9a20-d451fb1986cd.tmp</t>
  </si>
  <si>
    <t>e75420ec-919a-4d25-af74-e4b6090744c8.tmp</t>
  </si>
  <si>
    <t>\\acsfs\profiles$\luanaagl\Downloads\e75420ec-919a-4d25-af74-e4b6090744c8.tmp</t>
  </si>
  <si>
    <t>35784712-21e9-4dfd-a8f5-63f1dae6f718.tmp</t>
  </si>
  <si>
    <t>\\acsfs\profiles$\luanaagl\Downloads\35784712-21e9-4dfd-a8f5-63f1dae6f718.tmp</t>
  </si>
  <si>
    <t>35f27133-c695-4636-984c-2bbbde2755a7.tmp</t>
  </si>
  <si>
    <t>\\acsfs\profiles$\luanarda\Downloads\35f27133-c695-4636-984c-2bbbde2755a7.tmp</t>
  </si>
  <si>
    <t>d2649f45-6870-4340-8abd-6e086c8eaa9a.tmp</t>
  </si>
  <si>
    <t>\\acsfs\profiles$\gabrielarb\Downloads\d2649f45-6870-4340-8abd-6e086c8eaa9a.tmp</t>
  </si>
  <si>
    <t>46bb426c-8439-4274-b1d1-a7ec02ed9908.tmp</t>
  </si>
  <si>
    <t>\\acsfs\profiles$\marcellewdl\Downloads\46bb426c-8439-4274-b1d1-a7ec02ed9908.tmp</t>
  </si>
  <si>
    <t>4ec18208-5298-4ea8-bb17-1635f51f8975.tmp</t>
  </si>
  <si>
    <t>\\acsfs\profiles$\vivianealda\Downloads\4ec18208-5298-4ea8-bb17-1635f51f8975.tmp</t>
  </si>
  <si>
    <t>f58581f1-6a22-41e0-9680-8b05cdfcfc92.tmp</t>
  </si>
  <si>
    <t>\\acsfs\profiles$\felipetds\Downloads\f58581f1-6a22-41e0-9680-8b05cdfcfc92.tmp</t>
  </si>
  <si>
    <t>1f97bf5f-6eaa-4a26-929d-76e216275c72.tmp</t>
  </si>
  <si>
    <t>\\acsfs\profiles$\felipetds\Downloads\1f97bf5f-6eaa-4a26-929d-76e216275c72.tmp</t>
  </si>
  <si>
    <t>b913e4c9-1b64-44ea-973c-5ddc54d9f9a9.tmp</t>
  </si>
  <si>
    <t>\\acsfs\profiles$\gabrielaff\Downloads\b913e4c9-1b64-44ea-973c-5ddc54d9f9a9.tmp</t>
  </si>
  <si>
    <t>0f424c9a-d2c8-445e-b6df-675a5d1b1762.tmp</t>
  </si>
  <si>
    <t>\\acsfs\profiles$\laianear\Downloads\0f424c9a-d2c8-445e-b6df-675a5d1b1762.tmp</t>
  </si>
  <si>
    <t>f05f36a2-473f-41e7-8ef3-feacdaca8c0b.tmp</t>
  </si>
  <si>
    <t>\\acsfs\profiles$\laianear\Downloads\f05f36a2-473f-41e7-8ef3-feacdaca8c0b.tmp</t>
  </si>
  <si>
    <t>7f8ef6c3-6ee0-4573-9c15-66f30e5f618f.tmp</t>
  </si>
  <si>
    <t>\\acsfs\profiles$\quindaizaagds\Downloads\7f8ef6c3-6ee0-4573-9c15-66f30e5f618f.tmp</t>
  </si>
  <si>
    <t>8932c4f8-4335-41f7-8d81-51c12f38bdf6.tmp</t>
  </si>
  <si>
    <t>\\acsfs\profiles$\quindaizaagds\Downloads\8932c4f8-4335-41f7-8d81-51c12f38bdf6.tmp</t>
  </si>
  <si>
    <t>d388afcb-22eb-4ce7-a12a-369499de376d.tmp</t>
  </si>
  <si>
    <t>\\acsfs\profiles$\quindaizaagds\Downloads\d388afcb-22eb-4ce7-a12a-369499de376d.tmp</t>
  </si>
  <si>
    <t>e235a66b-3e96-46c6-815f-d265139eb0c0.tmp</t>
  </si>
  <si>
    <t>\\acsfs\profiles$\quindaizaagds\Downloads\e235a66b-3e96-46c6-815f-d265139eb0c0.tmp</t>
  </si>
  <si>
    <t>89471eea-e88f-4fed-9d1d-5f198f0a79d1.tmp</t>
  </si>
  <si>
    <t>\\acsfs\profiles$\luanaagl\Downloads\89471eea-e88f-4fed-9d1d-5f198f0a79d1.tmp</t>
  </si>
  <si>
    <t>10ec9e73-c70a-4fee-ba03-47fb755d925c.tmp</t>
  </si>
  <si>
    <t>\\acsfs\profiles$\luanarda\Downloads\10ec9e73-c70a-4fee-ba03-47fb755d925c.tmp</t>
  </si>
  <si>
    <t>3b8b44c3-02c2-4abf-83e9-f6bc8b986546.tmp</t>
  </si>
  <si>
    <t>\\acsfs\profiles$\gabrielarb\Downloads\3b8b44c3-02c2-4abf-83e9-f6bc8b986546.tmp</t>
  </si>
  <si>
    <t>e31a6b19-72c1-43d2-8a9d-944d412f1887.tmp</t>
  </si>
  <si>
    <t>\\acsfs\profiles$\marcellewdl\Downloads\e31a6b19-72c1-43d2-8a9d-944d412f1887.tmp</t>
  </si>
  <si>
    <t>63544e64-0dc5-432e-a7e4-4ef40fa2ff11.tmp</t>
  </si>
  <si>
    <t>\\acsfs\profiles$\mariajra\Downloads\63544e64-0dc5-432e-a7e4-4ef40fa2ff11.tmp</t>
  </si>
  <si>
    <t>57524570-197f-4de7-9d1a-05b2d0b8ed31.tmp</t>
  </si>
  <si>
    <t>\\acsfs\profiles$\geovannasm\Downloads\57524570-197f-4de7-9d1a-05b2d0b8ed31.tmp</t>
  </si>
  <si>
    <t>f0ffa886-5fa6-4c48-908b-cc33d55ef9f8.tmp</t>
  </si>
  <si>
    <t>\\acsfs\profiles$\nathaliarmr\Downloads\f0ffa886-5fa6-4c48-908b-cc33d55ef9f8.tmp</t>
  </si>
  <si>
    <t>Transferencia.docx</t>
  </si>
  <si>
    <t>\\acsfs\profiles$\BRUNAAR\Numero\Transferencia.docx</t>
  </si>
  <si>
    <t>adb62399-3224-4e67-a5ed-85446f06c0ee.tmp</t>
  </si>
  <si>
    <t>\\acsfs\profiles$\milenaas\Downloads\adb62399-3224-4e67-a5ed-85446f06c0ee.tmp</t>
  </si>
  <si>
    <t>1fda5b55-51c8-4f27-8f09-4e02eec8b47e.tmp</t>
  </si>
  <si>
    <t>\\acsfs\profiles$\nayarasds\Downloads\1fda5b55-51c8-4f27-8f09-4e02eec8b47e.tmp</t>
  </si>
  <si>
    <t>577eb491-fc95-4362-b711-b4eaddc37bbd.tmp</t>
  </si>
  <si>
    <t>\\acsfs\profiles$\gabrielarb\Downloads\577eb491-fc95-4362-b711-b4eaddc37bbd.tmp</t>
  </si>
  <si>
    <t>105cb096-e861-4edc-a35b-5853c46e9217.tmp</t>
  </si>
  <si>
    <t>\\acsfs\profiles$\ANAPDSB\Downloads\105cb096-e861-4edc-a35b-5853c46e9217.tmp</t>
  </si>
  <si>
    <t>09bc9294-267f-45e2-be05-c348e069147e.tmp</t>
  </si>
  <si>
    <t>\\acsfs\profiles$\ANAPDSB\Downloads\09bc9294-267f-45e2-be05-c348e069147e.tmp</t>
  </si>
  <si>
    <t>TOYOTA CHAT - INTRADIARIO - JANEIRO.xlsm</t>
  </si>
  <si>
    <t>\\acsfs\DEPTOS\Operacao\PCP\5 - Comum\ACOMPANHAMENTO TOYOTA\01 - INTRADIÁRIO\2020\01 - JANEIRO\CRC\TOYOTA CHAT - INTRADIARIO - JANEIRO.xlsm</t>
  </si>
  <si>
    <t>\\acsfs\DEPTOS\Operacao\PCP\5 - Comum\ACOMPANHAMENTO TOYOTA\01 - INTRADIÁRIO\2020\01 - JANEIRO\MOBILITY\</t>
  </si>
  <si>
    <t>TOYOTA MOBILITY - INTRADIÁRIO - JANEIRO.xlsm</t>
  </si>
  <si>
    <t>\\acsfs\DEPTOS\Operacao\PCP\5 - Comum\ACOMPANHAMENTO TOYOTA\01 - INTRADIÁRIO\2020\01 - JANEIRO\MOBILITY\TOYOTA MOBILITY - INTRADIÁRIO - JANEIRO.xlsm</t>
  </si>
  <si>
    <t>caf500f4-4073-4c6a-8118-43904217b4f1.tmp</t>
  </si>
  <si>
    <t>\\acsfs\profiles$\milenaas\Downloads\caf500f4-4073-4c6a-8118-43904217b4f1.tmp</t>
  </si>
  <si>
    <t>cb22ec90-83b0-40d3-b455-f531467b7765.tmp</t>
  </si>
  <si>
    <t>\\acsfs\profiles$\milenaas\Downloads\cb22ec90-83b0-40d3-b455-f531467b7765.tmp</t>
  </si>
  <si>
    <t>eb7d1cfc-d619-47e3-a502-58af92382522.tmp</t>
  </si>
  <si>
    <t>\\acsfs\profiles$\antoniosva\Downloads\eb7d1cfc-d619-47e3-a502-58af92382522.tmp</t>
  </si>
  <si>
    <t>da1197e8-c89b-4f64-b0b7-7d8827168570.tmp</t>
  </si>
  <si>
    <t>\\acsfs\profiles$\antoniosva\Downloads\da1197e8-c89b-4f64-b0b7-7d8827168570.tmp</t>
  </si>
  <si>
    <t>64867869-3fc6-4381-a276-3fbc7927e1f7.tmp</t>
  </si>
  <si>
    <t>\\acsfs\profiles$\antoniosva\Downloads\64867869-3fc6-4381-a276-3fbc7927e1f7.tmp</t>
  </si>
  <si>
    <t>05a0b01f-a3e3-471b-bfac-89d6749e6df1.tmp</t>
  </si>
  <si>
    <t>\\acsfs\profiles$\antoniosva\Downloads\05a0b01f-a3e3-471b-bfac-89d6749e6df1.tmp</t>
  </si>
  <si>
    <t>52d01c96-a2f1-4cd1-ad22-5ba2053b83be.tmp</t>
  </si>
  <si>
    <t>\\acsfs\profiles$\antoniosva\Downloads\52d01c96-a2f1-4cd1-ad22-5ba2053b83be.tmp</t>
  </si>
  <si>
    <t>dcdcd76a-f8b9-4877-a937-124b147e1c04.tmp</t>
  </si>
  <si>
    <t>\\acsfs\profiles$\antoniosva\Downloads\dcdcd76a-f8b9-4877-a937-124b147e1c04.tmp</t>
  </si>
  <si>
    <t>2a55c7f0-9d90-4e9f-876c-73dde98db560.tmp</t>
  </si>
  <si>
    <t>\\acsfs\profiles$\antoniosva\Downloads\2a55c7f0-9d90-4e9f-876c-73dde98db560.tmp</t>
  </si>
  <si>
    <t>fee0d2bb-7019-479a-b7ff-25e2f3906108.tmp</t>
  </si>
  <si>
    <t>\\acsfs\profiles$\antoniosva\Downloads\fee0d2bb-7019-479a-b7ff-25e2f3906108.tmp</t>
  </si>
  <si>
    <t>b2b08aa5-c3cb-4ee6-a3d7-4dbfd09388f7.tmp</t>
  </si>
  <si>
    <t>\\acsfs\profiles$\antoniosva\Downloads\b2b08aa5-c3cb-4ee6-a3d7-4dbfd09388f7.tmp</t>
  </si>
  <si>
    <t>53f05f0b-a756-4774-ba6b-89cfb57eefdf.tmp</t>
  </si>
  <si>
    <t>\\acsfs\profiles$\antoniosva\Downloads\53f05f0b-a756-4774-ba6b-89cfb57eefdf.tmp</t>
  </si>
  <si>
    <t>1a3f09d6-4bf4-4ca3-b50b-aa870eba6ec2.tmp</t>
  </si>
  <si>
    <t>\\acsfs\profiles$\geovannasm\Downloads\1a3f09d6-4bf4-4ca3-b50b-aa870eba6ec2.tmp</t>
  </si>
  <si>
    <t>andrelpsa@algartech.com;mirianppb@algartech.com;qualidadealgarbv@algartech.com;supervisaobancovotorantim@algartech.com;talmaiardo@algartech.com;</t>
  </si>
  <si>
    <t>andrelpsa@algartech.com,mirianppb@algartech.com,qualidadealgarbv@algartech.com,supervisaobancovotorantim@algartech.com,talmaiardo@algartech.com</t>
  </si>
  <si>
    <t>cpc-controldeskavon@algartech.com;joseasn@algartech.com;</t>
  </si>
  <si>
    <t>cpc-controldeskavon@algartech.com,joseasn@algartech.com</t>
  </si>
  <si>
    <t>f48c6235-c983-4af3-94bb-50c946a92a89.tmp</t>
  </si>
  <si>
    <t>\\acsfs\profiles$\quindaizaagds\Downloads\f48c6235-c983-4af3-94bb-50c946a92a89.tmp</t>
  </si>
  <si>
    <t>ce74f683-1385-4477-86f9-69a51789d7dd.tmp</t>
  </si>
  <si>
    <t>\\acsfs\profiles$\quindaizaagds\Downloads\ce74f683-1385-4477-86f9-69a51789d7dd.tmp</t>
  </si>
  <si>
    <t>f6ef120c-6ede-428e-9510-00aaf63acb8e.tmp</t>
  </si>
  <si>
    <t>\\acsfs\profiles$\quindaizaagds\Downloads\f6ef120c-6ede-428e-9510-00aaf63acb8e.tmp</t>
  </si>
  <si>
    <t>069f0c3a-9864-43af-a6f0-2db9aa75f464.tmp</t>
  </si>
  <si>
    <t>\\acsfs\profiles$\quindaizaagds\Downloads\069f0c3a-9864-43af-a6f0-2db9aa75f464.tmp</t>
  </si>
  <si>
    <t>44e40db8-bf7c-452a-a323-84ed876d8c63.tmp</t>
  </si>
  <si>
    <t>\\acsfs\profiles$\quindaizaagds\Downloads\44e40db8-bf7c-452a-a323-84ed876d8c63.tmp</t>
  </si>
  <si>
    <t>dff449f7-3381-4875-83f3-09840305d0a5.tmp</t>
  </si>
  <si>
    <t>\\acsfs\profiles$\larissaad\Downloads\dff449f7-3381-4875-83f3-09840305d0a5.tmp</t>
  </si>
  <si>
    <t>15b18ae2-9717-4b17-a70f-5c112268b966.tmp</t>
  </si>
  <si>
    <t>\\acsfs\profiles$\larissaad\Downloads\15b18ae2-9717-4b17-a70f-5c112268b966.tmp</t>
  </si>
  <si>
    <t>78e15642-79bb-46a2-bd72-b60bf2eaa653.tmp</t>
  </si>
  <si>
    <t>\\acsfs\profiles$\larissaad\Downloads\78e15642-79bb-46a2-bd72-b60bf2eaa653.tmp</t>
  </si>
  <si>
    <t>68dd182c-93e1-4b7c-a805-b4091299532d.tmp</t>
  </si>
  <si>
    <t>\\acsfs\profiles$\larissaad\Downloads\68dd182c-93e1-4b7c-a805-b4091299532d.tmp</t>
  </si>
  <si>
    <t>a5488735-9592-4f43-9bbe-a8a2f505a120.tmp</t>
  </si>
  <si>
    <t>\\acsfs\profiles$\larissaad\Downloads\a5488735-9592-4f43-9bbe-a8a2f505a120.tmp</t>
  </si>
  <si>
    <t>e9b2d023-cd4f-402b-9fe8-5b6c30b669a5.tmp</t>
  </si>
  <si>
    <t>\\acsfs\profiles$\milenaas\Downloads\e9b2d023-cd4f-402b-9fe8-5b6c30b669a5.tmp</t>
  </si>
  <si>
    <t>VALIDAÇÃO PO's TIM - Base Engeset 04_12.xlsx</t>
  </si>
  <si>
    <t>689e3c28-e30f-4f10-ba05-e4637745a50f.tmp</t>
  </si>
  <si>
    <t>\\acsfs\profiles$\luanarda\Downloads\689e3c28-e30f-4f10-ba05-e4637745a50f.tmp</t>
  </si>
  <si>
    <t>8bf5ceb9-6de3-4aa9-9d9b-648d1b56a734.tmp</t>
  </si>
  <si>
    <t>\\acsfs\profiles$\gabrielarb\Downloads\8bf5ceb9-6de3-4aa9-9d9b-648d1b56a734.tmp</t>
  </si>
  <si>
    <t>Formulário para Acionamento de Transferências V5_DUW_TMG_TSP.xlsx</t>
  </si>
  <si>
    <t>a2787797-196a-4061-a810-a78d294b1dc3.tmp</t>
  </si>
  <si>
    <t>\\acsfs\profiles$\geovannasm\Downloads\a2787797-196a-4061-a810-a78d294b1dc3.tmp</t>
  </si>
  <si>
    <t>4465db35-9dd2-405d-8066-24349051a757.tmp</t>
  </si>
  <si>
    <t>\\acsfs\profiles$\geovannasm\Downloads\4465db35-9dd2-405d-8066-24349051a757.tmp</t>
  </si>
  <si>
    <t>71549d6a-5b24-4a02-b87c-4fb677cdc7e3.tmp</t>
  </si>
  <si>
    <t>\\acsfs\profiles$\gabrielaff\Downloads\71549d6a-5b24-4a02-b87c-4fb677cdc7e3.tmp</t>
  </si>
  <si>
    <t>bd10aba4-3308-4630-9b19-53b61053c6a7.tmp</t>
  </si>
  <si>
    <t>\\acsfs\profiles$\gabrielaff\Downloads\bd10aba4-3308-4630-9b19-53b61053c6a7.tmp</t>
  </si>
  <si>
    <t>7188d4b8-6f17-44ef-a64b-9810eeff82fb.tmp</t>
  </si>
  <si>
    <t>\\acsfs\profiles$\gabrielaff\Downloads\7188d4b8-6f17-44ef-a64b-9810eeff82fb.tmp</t>
  </si>
  <si>
    <t>dc4f46db-08c1-4e71-a904-d61ff230e3bc.tmp</t>
  </si>
  <si>
    <t>\\acsfs\profiles$\gabrielaff\Downloads\dc4f46db-08c1-4e71-a904-d61ff230e3bc.tmp</t>
  </si>
  <si>
    <t>100014122394468;cpc-controldeskavon@algartech.com;joseasn@algartech.com;leonardoao@algartech.com;</t>
  </si>
  <si>
    <t>100014122394468,cpc-controldeskavon@algartech.com,joseasn@algartech.com,leonardoao@algartech.com</t>
  </si>
  <si>
    <t>1ddd363f-927c-4a04-927e-3d0d77d82af4.tmp</t>
  </si>
  <si>
    <t>\\acsfs\profiles$\rafaelamsv\Downloads\1ddd363f-927c-4a04-927e-3d0d77d82af4.tmp</t>
  </si>
  <si>
    <t>f96b6c8d-7a42-4dbf-9ba9-bc91bb1fa796.tmp</t>
  </si>
  <si>
    <t>\\acsfs\profiles$\rafaelamsv\Downloads\f96b6c8d-7a42-4dbf-9ba9-bc91bb1fa796.tmp</t>
  </si>
  <si>
    <t>d53004f3-904b-450d-ae4b-6cc6f4495c52.tmp</t>
  </si>
  <si>
    <t>\\acsfs\profiles$\rafaelamsv\Downloads\d53004f3-904b-450d-ae4b-6cc6f4495c52.tmp</t>
  </si>
  <si>
    <t>3c577c42-c5d8-45e0-b414-2f9e1bcca9aa.tmp</t>
  </si>
  <si>
    <t>\\acsfs\profiles$\geovannasm\Downloads\3c577c42-c5d8-45e0-b414-2f9e1bcca9aa.tmp</t>
  </si>
  <si>
    <t>0a17cae6-7681-4caf-a0b2-7af4ba7a4ffa.tmp</t>
  </si>
  <si>
    <t>\\acsfs\profiles$\KARENDSR\Downloads\0a17cae6-7681-4caf-a0b2-7af4ba7a4ffa.tmp</t>
  </si>
  <si>
    <t>fb98b219-30dd-4366-a34e-94de58f88710.tmp</t>
  </si>
  <si>
    <t>\\acsfs\profiles$\KARENDSR\Downloads\fb98b219-30dd-4366-a34e-94de58f88710.tmp</t>
  </si>
  <si>
    <t>0153dfb9-cd63-44f4-9820-f908a4765e70.tmp</t>
  </si>
  <si>
    <t>\\acsfs\profiles$\KARENDSR\Downloads\0153dfb9-cd63-44f4-9820-f908a4765e70.tmp</t>
  </si>
  <si>
    <t>5ada5941-f335-40a1-bc5e-137b4f13f322.tmp</t>
  </si>
  <si>
    <t>\\acsfs\profiles$\KARENDSR\Downloads\5ada5941-f335-40a1-bc5e-137b4f13f322.tmp</t>
  </si>
  <si>
    <t>652cd61d-1fe4-4c00-9150-ed79ff1c9995.tmp</t>
  </si>
  <si>
    <t>\\acsfs\profiles$\paulovadc\Downloads\652cd61d-1fe4-4c00-9150-ed79ff1c9995.tmp</t>
  </si>
  <si>
    <t>fa41f08a-2e3b-4d17-9641-6d7f557c8f23.tmp</t>
  </si>
  <si>
    <t>\\acsfs\profiles$\THYAGOSP\Downloads\fa41f08a-2e3b-4d17-9641-6d7f557c8f23.tmp</t>
  </si>
  <si>
    <t>2ada1f68-9726-4010-9967-f29f3e54b16e.tmp</t>
  </si>
  <si>
    <t>\\acsfs\profiles$\THYAGOSP\Downloads\2ada1f68-9726-4010-9967-f29f3e54b16e.tmp</t>
  </si>
  <si>
    <t>9f5d2081-56aa-4408-bca7-6b4ae7915238.tmp</t>
  </si>
  <si>
    <t>\\acsfs\profiles$\nathaliarmr\Downloads\9f5d2081-56aa-4408-bca7-6b4ae7915238.tmp</t>
  </si>
  <si>
    <t>621527a4-70c9-4d1a-938f-cbc0d81e6d68.tmp</t>
  </si>
  <si>
    <t>\\acsfs\profiles$\gabrielarb\Downloads\621527a4-70c9-4d1a-938f-cbc0d81e6d68.tmp</t>
  </si>
  <si>
    <t>1f3a941c-4cee-4172-a6ee-fb3c8d691783.tmp</t>
  </si>
  <si>
    <t>\\acsfs\profiles$\gabrielarb\Downloads\1f3a941c-4cee-4172-a6ee-fb3c8d691783.tmp</t>
  </si>
  <si>
    <t>\\acsfs\DEPTOS\Operacao\Banco_Votorantim\Qualidade\Paulo\Farol de Qualidade\Janeiro\</t>
  </si>
  <si>
    <t>Relatorio Farol nice.xls</t>
  </si>
  <si>
    <t>\\acsfs\DEPTOS\Operacao\Banco_Votorantim\Qualidade\Paulo\Farol de Qualidade\Janeiro\Relatorio Farol nice.xls</t>
  </si>
  <si>
    <t>Base BW % Conversão - Dez -2019 - Parcial - 20 -12-19.xlsm</t>
  </si>
  <si>
    <t>0245eb6d-6b25-450d-ad42-aab10c8a5d44.tmp</t>
  </si>
  <si>
    <t>\\acsfs\profiles$\felipetds\Downloads\0245eb6d-6b25-450d-ad42-aab10c8a5d44.tmp</t>
  </si>
  <si>
    <t>07df9804-a0f2-4b93-8703-e5e7c446d537.tmp</t>
  </si>
  <si>
    <t>\\acsfs\profiles$\gabrielaff\Downloads\07df9804-a0f2-4b93-8703-e5e7c446d537.tmp</t>
  </si>
  <si>
    <t>3d623299-883c-4dcf-b17e-3aab93036264.tmp</t>
  </si>
  <si>
    <t>\\acsfs\profiles$\gabrielaff\Downloads\3d623299-883c-4dcf-b17e-3aab93036264.tmp</t>
  </si>
  <si>
    <t>a07a6e3f-4304-4bbb-be60-da0113167b0c.tmp</t>
  </si>
  <si>
    <t>\\acsfs\profiles$\lorrainerdl\Downloads\a07a6e3f-4304-4bbb-be60-da0113167b0c.tmp</t>
  </si>
  <si>
    <t>75145e57-f756-4858-9bd6-66a6ebba21a2.tmp</t>
  </si>
  <si>
    <t>\\acsfs\profiles$\lorrainerdl\Downloads\75145e57-f756-4858-9bd6-66a6ebba21a2.tmp</t>
  </si>
  <si>
    <t>6f97b3ef-2231-4bb9-b41f-c97b57ddf77b.tmp</t>
  </si>
  <si>
    <t>\\acsfs\profiles$\lorrainerdl\Downloads\6f97b3ef-2231-4bb9-b41f-c97b57ddf77b.tmp</t>
  </si>
  <si>
    <t>\\acsfs\DEPTOS\Operacao\Banco_Votorantim\Supervisao\SUPERS BV CARTÕES\LAYOUT TV´S\Thumbs.db</t>
  </si>
  <si>
    <t>\\acsfs\DEPTOS\Operacao\Banco_Votorantim\Supervisao\SUPERS BV CARTÕES\LAYOUT TV´S\</t>
  </si>
  <si>
    <t>.~lock.slide tvs.odp#</t>
  </si>
  <si>
    <t>\\acsfs\DEPTOS\Operacao\Banco_Votorantim\Supervisao\SUPERS BV CARTÕES\LAYOUT TV´S\.~lock.slide tvs.odp#</t>
  </si>
  <si>
    <t>\\acsfs\DEPTOS\Operacao\Banco_Votorantim\Supervisao\SUPERS BV CARTÕES\LAYOUT TV´S\.~lock.Layout TV Vendas 3.1.ppt#</t>
  </si>
  <si>
    <t>.~lock.Layout TV Vendas 2.4.ppt#</t>
  </si>
  <si>
    <t>\\acsfs\DEPTOS\Operacao\Banco_Votorantim\Supervisao\SUPERS BV CARTÕES\LAYOUT TV´S\.~lock.Layout TV Vendas 2.4.ppt#</t>
  </si>
  <si>
    <t>39a5ccb4-6f55-4a4a-a136-ac2e2f3f6042.tmp</t>
  </si>
  <si>
    <t>\\acsfs\profiles$\nataliacsl\Downloads\39a5ccb4-6f55-4a4a-a136-ac2e2f3f6042.tmp</t>
  </si>
  <si>
    <t>f848de79-a500-44e9-bfde-01f9739721f5.tmp</t>
  </si>
  <si>
    <t>\\acsfs\profiles$\nataliacsl\Downloads\f848de79-a500-44e9-bfde-01f9739721f5.tmp</t>
  </si>
  <si>
    <t>05947479-9ff4-4ef3-901c-6a7327760e6a.tmp</t>
  </si>
  <si>
    <t>\\acsfs\profiles$\lorraynevam\Downloads\05947479-9ff4-4ef3-901c-6a7327760e6a.tmp</t>
  </si>
  <si>
    <t>8e06f177-e866-430b-9ac7-7d0a7ea042e5.tmp</t>
  </si>
  <si>
    <t>\\acsfs\profiles$\lorraynevam\Downloads\8e06f177-e866-430b-9ac7-7d0a7ea042e5.tmp</t>
  </si>
  <si>
    <t>c8e27e79-ba38-436a-a09e-824cdb52eb27.tmp</t>
  </si>
  <si>
    <t>\\acsfs\profiles$\lorraynevam\Downloads\c8e27e79-ba38-436a-a09e-824cdb52eb27.tmp</t>
  </si>
  <si>
    <t>abd5b30d-12d5-4be1-8094-c73f5a7c93e3.tmp</t>
  </si>
  <si>
    <t>\\acsfs\profiles$\rafaelamsv\Downloads\abd5b30d-12d5-4be1-8094-c73f5a7c93e3.tmp</t>
  </si>
  <si>
    <t>00d13c1f-6c75-4e68-9c17-f76f2cfa4079.tmp</t>
  </si>
  <si>
    <t>\\acsfs\profiles$\rafaelamsv\Downloads\00d13c1f-6c75-4e68-9c17-f76f2cfa4079.tmp</t>
  </si>
  <si>
    <t>kit_pre_deslig_ant_term_contrato_empregado_124227_lucas lima barbosa.pdf</t>
  </si>
  <si>
    <t>40c5b470-eb4f-483c-81bc-b045cd896998.tmp</t>
  </si>
  <si>
    <t>\\acsfs\profiles$\sarahbal\Downloads\40c5b470-eb4f-483c-81bc-b045cd896998.tmp</t>
  </si>
  <si>
    <t>8e10733b-f6a7-4be6-bb04-161a1fea72cc.tmp</t>
  </si>
  <si>
    <t>\\acsfs\profiles$\geovannasm\Downloads\8e10733b-f6a7-4be6-bb04-161a1fea72cc.tmp</t>
  </si>
  <si>
    <t>cd774e3b-2dec-4506-a5cb-fe9e0ceb0a18.tmp</t>
  </si>
  <si>
    <t>\\acsfs\profiles$\camillaleb\Downloads\cd774e3b-2dec-4506-a5cb-fe9e0ceb0a18.tmp</t>
  </si>
  <si>
    <t>bd6644ec-794e-4774-ab11-6656b60949b7.tmp</t>
  </si>
  <si>
    <t>\\acsfs\profiles$\camillaleb\Downloads\bd6644ec-794e-4774-ab11-6656b60949b7.tmp</t>
  </si>
  <si>
    <t>Não confirmado 64867.crdownload</t>
  </si>
  <si>
    <t>\\acsfs\profiles$\camillaleb\Downloads\Não confirmado 64867.crdownload</t>
  </si>
  <si>
    <t>4d0e8bc2-f718-4381-b590-01cc63302151.tmp</t>
  </si>
  <si>
    <t>\\acsfs\profiles$\camillaleb\Downloads\4d0e8bc2-f718-4381-b590-01cc63302151.tmp</t>
  </si>
  <si>
    <t>4b1d30d4-015e-48fd-b724-708eda577fb5.tmp</t>
  </si>
  <si>
    <t>\\acsfs\profiles$\camillaleb\Downloads\4b1d30d4-015e-48fd-b724-708eda577fb5.tmp</t>
  </si>
  <si>
    <t>b3d06358-0f57-4b63-bc04-ad20b50c1ebd.tmp</t>
  </si>
  <si>
    <t>\\acsfs\profiles$\camillaleb\Downloads\b3d06358-0f57-4b63-bc04-ad20b50c1ebd.tmp</t>
  </si>
  <si>
    <t>XLOG_leydianeamd_06012020_093047.log</t>
  </si>
  <si>
    <t>\\acsfs\profiles$\leydianeamd\My Documents\xworkcenter\logs\XLOG_leydianeamd_06012020_093047.log</t>
  </si>
  <si>
    <t>95d61554-e27e-4e2f-814a-cba5f2955408.tmp</t>
  </si>
  <si>
    <t>\\acsfs\profiles$\mariajra\Downloads\95d61554-e27e-4e2f-814a-cba5f2955408.tmp</t>
  </si>
  <si>
    <t>d2786d29-10b9-4596-a1c2-fb8f5bb17070.tmp</t>
  </si>
  <si>
    <t>\\acsfs\profiles$\lucasgpe\Downloads\d2786d29-10b9-4596-a1c2-fb8f5bb17070.tmp</t>
  </si>
  <si>
    <t>82991555-8852-4589-bb51-97b70fc95e41.tmp</t>
  </si>
  <si>
    <t>\\acsfs\profiles$\larissaad\Downloads\82991555-8852-4589-bb51-97b70fc95e41.tmp</t>
  </si>
  <si>
    <t>caa28cf1-a947-49af-ad29-2a580ce0e030.tmp</t>
  </si>
  <si>
    <t>\\acsfs\profiles$\lorraynevam\Downloads\caa28cf1-a947-49af-ad29-2a580ce0e030.tmp</t>
  </si>
  <si>
    <t>8900f010-466a-4c59-8a68-a44fcc9cce92.tmp</t>
  </si>
  <si>
    <t>\\acsfs\profiles$\lorraynevam\Downloads\8900f010-466a-4c59-8a68-a44fcc9cce92.tmp</t>
  </si>
  <si>
    <t>\\acsfs\DEPTOS\EDUCACAO EMPRESARIAL\2 - Operações\0.01 BV CARTÕES\Mariane\Thumbs.db</t>
  </si>
  <si>
    <t>b704480b-61b6-4f13-ac09-274894c57d18.tmp</t>
  </si>
  <si>
    <t>\\acsfs\profiles$\camillaleb\Downloads\b704480b-61b6-4f13-ac09-274894c57d18.tmp</t>
  </si>
  <si>
    <t>3c7b818a-d026-4c13-914b-0d90a3fafe53.tmp</t>
  </si>
  <si>
    <t>\\acsfs\profiles$\camillaleb\Downloads\3c7b818a-d026-4c13-914b-0d90a3fafe53.tmp</t>
  </si>
  <si>
    <t>79bfcfc9-93a7-42a7-9f7b-3e6ff24bb9c0.tmp</t>
  </si>
  <si>
    <t>\\acsfs\profiles$\camillaleb\Downloads\79bfcfc9-93a7-42a7-9f7b-3e6ff24bb9c0.tmp</t>
  </si>
  <si>
    <t>09a53b0f-7e02-4816-b111-5401bd59d83c.tmp</t>
  </si>
  <si>
    <t>\\acsfs\profiles$\lorrainerdl\Downloads\09a53b0f-7e02-4816-b111-5401bd59d83c.tmp</t>
  </si>
  <si>
    <t>3166a5c1-df17-4c5a-92f8-f1bf3013d602.tmp</t>
  </si>
  <si>
    <t>\\acsfs\profiles$\pamelamcmdsg\Downloads\3166a5c1-df17-4c5a-92f8-f1bf3013d602.tmp</t>
  </si>
  <si>
    <t>Não confirmado 511373.crdownload</t>
  </si>
  <si>
    <t>\\acsfs\profiles$\pamelamcmdsg\Downloads\Não confirmado 511373.crdownload</t>
  </si>
  <si>
    <t>21db1e31-6047-446b-a91a-ae654c1c06ed.tmp</t>
  </si>
  <si>
    <t>\\acsfs\profiles$\victoriaksr\Downloads\21db1e31-6047-446b-a91a-ae654c1c06ed.tmp</t>
  </si>
  <si>
    <t>69669a44-9999-4e80-b1ee-5c4b0dd6bcc7.tmp</t>
  </si>
  <si>
    <t>\\acsfs\profiles$\vivianalds\Downloads\69669a44-9999-4e80-b1ee-5c4b0dd6bcc7.tmp</t>
  </si>
  <si>
    <t>bb01d32c-8747-418e-904d-3d1dc7362123.tmp</t>
  </si>
  <si>
    <t>\\acsfs\profiles$\wenderbnm\Downloads\bb01d32c-8747-418e-904d-3d1dc7362123.tmp</t>
  </si>
  <si>
    <t>LETICIA LIMA ALVES (16708).contact</t>
  </si>
  <si>
    <t>\\acsfs\profiles$\leticiala\Contacts\LETICIA LIMA ALVES (16708).contact</t>
  </si>
  <si>
    <t>mail.google.com/_/upload?authuser=0&amp;dcp=asu-n&amp;upload_id=AEnB2Uqgx3EhH5_a505vni5OX3fhOD_0a758O1xWeDguy0C3MwmqSK0phByKBW2H5pLw5fn7wyhCQ8TSNIgcAd5w9JhmXRMj9A&amp;upload_protocol=resumable</t>
  </si>
  <si>
    <t>acf26013-7aae-43e8-a059-7126cb5db2ed.tmp</t>
  </si>
  <si>
    <t>\\acsfs\profiles$\lorrainerdl\Downloads\acf26013-7aae-43e8-a059-7126cb5db2ed.tmp</t>
  </si>
  <si>
    <t>.~lock.Layout TV Vendas 3.2.ppt#</t>
  </si>
  <si>
    <t>\\acsfs\DEPTOS\Operacao\Banco_Votorantim\Supervisao\SUPERS BV CARTÕES\LAYOUT TV´S\.~lock.Layout TV Vendas 3.2.ppt#</t>
  </si>
  <si>
    <t>\\acsfs\DEPTOS\Operacao\Banco_Votorantim\Supervisao\SUPERS BV CARTÕES\LAYOUT TV´S\.~lock.Layout TV Vendas 2.1.ppt#</t>
  </si>
  <si>
    <t>LOG CHAMADAS DETALHADO - BV CARTÕES DEZ_JAN.xlsx</t>
  </si>
  <si>
    <t>True-up MS EAS 2020_v8_Orçamento.xlsx</t>
  </si>
  <si>
    <t>1ccf0b3c-2f80-47dc-a04d-948172ba3017.tmp</t>
  </si>
  <si>
    <t>\\acsfs\profiles$\maxmillianosv\Downloads\1ccf0b3c-2f80-47dc-a04d-948172ba3017.tmp</t>
  </si>
  <si>
    <t>kit_pre_deslig_ant_term_contrato_empregado_124328_ranna beatriz goncalves.pdf</t>
  </si>
  <si>
    <t>70503522-34f7-4bca-8bb2-4d0f9fe8af7f.tmp</t>
  </si>
  <si>
    <t>\\acsfs\profiles$\sarahbal\Downloads\70503522-34f7-4bca-8bb2-4d0f9fe8af7f.tmp</t>
  </si>
  <si>
    <t>mail.google.com/_/upload?authuser=0&amp;dcp=asu-n&amp;upload_id=AEnB2UprwPdevh2ubaYto3E0FoNtL0oss3pC1E7xYlSiajYGnZtez8CSEfnDpAOdmeLMlajNmvqilwhuCZeBUAKNqRBE64ss3A&amp;upload_protocol=resumable</t>
  </si>
  <si>
    <t>403d3148-da36-4069-8c6d-6ddd6e2f3870.tmp</t>
  </si>
  <si>
    <t>\\acsfs\profiles$\leticiala\Downloads\403d3148-da36-4069-8c6d-6ddd6e2f3870.tmp</t>
  </si>
  <si>
    <t>Não confirmado 419451.crdownload</t>
  </si>
  <si>
    <t>\\acsfs\profiles$\leticiala\Downloads\Não confirmado 419451.crdownload</t>
  </si>
  <si>
    <t>13b9612a-097e-42dd-aee0-48c78964246e.tmp</t>
  </si>
  <si>
    <t>\\acsfs\profiles$\leticiala\Downloads\13b9612a-097e-42dd-aee0-48c78964246e.tmp</t>
  </si>
  <si>
    <t>1e1d9b80-4b2b-44cc-9ff7-ee9e9fc0e040.tmp</t>
  </si>
  <si>
    <t>\\acsfs\profiles$\leticiala\Downloads\1e1d9b80-4b2b-44cc-9ff7-ee9e9fc0e040.tmp</t>
  </si>
  <si>
    <t>69d598c6-f17f-4152-a4cf-1b36aa1c7c7b.tmp</t>
  </si>
  <si>
    <t>\\acsfs\profiles$\leticiala\Downloads\69d598c6-f17f-4152-a4cf-1b36aa1c7c7b.tmp</t>
  </si>
  <si>
    <t>31b38afa-30fb-4009-bda5-87e8a1a966ba.tmp</t>
  </si>
  <si>
    <t>\\acsfs\profiles$\camillaleb\Downloads\31b38afa-30fb-4009-bda5-87e8a1a966ba.tmp</t>
  </si>
  <si>
    <t>6e5e162c-d7ac-4f03-ae7a-7b6b428565fe.tmp</t>
  </si>
  <si>
    <t>\\acsfs\profiles$\lucasgpe\Downloads\6e5e162c-d7ac-4f03-ae7a-7b6b428565fe.tmp</t>
  </si>
  <si>
    <t>a2053f10-16ed-4e4a-a17e-5558182443e1.tmp</t>
  </si>
  <si>
    <t>\\acsfs\profiles$\nathaliaos\Downloads\a2053f10-16ed-4e4a-a17e-5558182443e1.tmp</t>
  </si>
  <si>
    <t>698e0831-1a03-4046-b9e0-f2295c15acac.tmp</t>
  </si>
  <si>
    <t>\\acsfs\profiles$\gabrielarb\Downloads\698e0831-1a03-4046-b9e0-f2295c15acac.tmp</t>
  </si>
  <si>
    <t>mail.google.com/_/upload?authuser=1&amp;dcp=asu-n&amp;upload_id=AEnB2Uohlzc9p0Q1J7Rn6cn9dBcKwdVEQD1ocVT1kh1R9Gck7JtOcftjdtyjQB21Tuk75kwJ8HSeocrKYBeqCYlbhcQJRLe5cI_mOfGsRwSdot1KGFjSZ4I&amp;upload_protocol=resumable</t>
  </si>
  <si>
    <t>\\acsfs\deptos\CEI - Coordenação de Engenharia e Infraestrutura\CEI – Manutenção\48 - PCM\Manutenção\10. Controle\2019\</t>
  </si>
  <si>
    <t>Book Executivo - SEDE 2019.xlsm</t>
  </si>
  <si>
    <t>1aef7c7a-4c79-4509-bf58-98d9fe7cdd34.tmp</t>
  </si>
  <si>
    <t>\\acsfs\profiles$\leticiala\Downloads\1aef7c7a-4c79-4509-bf58-98d9fe7cdd34.tmp</t>
  </si>
  <si>
    <t>821ce2f0-1727-4c54-ab6d-3a3257c81331.tmp</t>
  </si>
  <si>
    <t>\\acsfs\profiles$\leticiala\Downloads\821ce2f0-1727-4c54-ab6d-3a3257c81331.tmp</t>
  </si>
  <si>
    <t>1d811648-e62d-4872-86cf-837dac1e4509.tmp</t>
  </si>
  <si>
    <t>\\acsfs\profiles$\isabellegtds\Downloads\1d811648-e62d-4872-86cf-837dac1e4509.tmp</t>
  </si>
  <si>
    <t>5ef9292f-611b-4ced-a653-aebbedf599f4.tmp</t>
  </si>
  <si>
    <t>\\acsfs\profiles$\isabellegtds\Downloads\5ef9292f-611b-4ced-a653-aebbedf599f4.tmp</t>
  </si>
  <si>
    <t>f08f4961-bbaf-4044-88f1-af0403cceae3.tmp</t>
  </si>
  <si>
    <t>\\acsfs\profiles$\isabellegtds\Downloads\f08f4961-bbaf-4044-88f1-af0403cceae3.tmp</t>
  </si>
  <si>
    <t>f42eabe5-bfe7-4c3c-8b17-541659364c5e.tmp</t>
  </si>
  <si>
    <t>\\acsfs\profiles$\camillaleb\Downloads\f42eabe5-bfe7-4c3c-8b17-541659364c5e.tmp</t>
  </si>
  <si>
    <t>391f022b-a268-46e1-a427-9e21037a4efc.tmp</t>
  </si>
  <si>
    <t>\\acsfs\profiles$\mariajra\Downloads\391f022b-a268-46e1-a427-9e21037a4efc.tmp</t>
  </si>
  <si>
    <t>a4d200ad-fc2e-4f8c-b1c0-a22537aaf4ed.tmp</t>
  </si>
  <si>
    <t>\\acsfs\profiles$\danielmlds\Downloads\a4d200ad-fc2e-4f8c-b1c0-a22537aaf4ed.tmp</t>
  </si>
  <si>
    <t>b7167b5f-1929-40a8-8e20-12ca9e5ba4f6.tmp</t>
  </si>
  <si>
    <t>\\acsfs\profiles$\danielmlds\Downloads\b7167b5f-1929-40a8-8e20-12ca9e5ba4f6.tmp</t>
  </si>
  <si>
    <t>3cf58143-7d61-496c-be36-d825a4f6932a.tmp</t>
  </si>
  <si>
    <t>\\acsfs\profiles$\laianear\Downloads\3cf58143-7d61-496c-be36-d825a4f6932a.tmp</t>
  </si>
  <si>
    <t>\\acsfs\DEPTOS\Operacao\Banco_Votorantim\Qualidade\Josias\reportes\</t>
  </si>
  <si>
    <t>Agent_State_Details_Report.xlsx</t>
  </si>
  <si>
    <t>\\acsfs\DEPTOS\Operacao\Banco_Votorantim\Qualidade\Josias\reportes\Agent_State_Details_Report.xlsx</t>
  </si>
  <si>
    <t>Controle_de_Tempo.xlsx</t>
  </si>
  <si>
    <t>\\acsfs\DEPTOS\Operacao\Banco_Votorantim\Qualidade\Josias\reportes\Controle_de_Tempo.xlsx</t>
  </si>
  <si>
    <t>0bf7fe7d-7922-4961-a5a0-c311c1b29362.tmp</t>
  </si>
  <si>
    <t>\\acsfs\profiles$\leonardobb\Downloads\0bf7fe7d-7922-4961-a5a0-c311c1b29362.tmp</t>
  </si>
  <si>
    <t>80304d2d-d8e7-42d0-b1d2-c112b61a406d.tmp</t>
  </si>
  <si>
    <t>\\acsfs\profiles$\LUCASNS\Downloads\80304d2d-d8e7-42d0-b1d2-c112b61a406d.tmp</t>
  </si>
  <si>
    <t>784d0cda-31e3-40a7-8635-be60b6682c71.tmp</t>
  </si>
  <si>
    <t>\\acsfs\profiles$\LUCASNS\Downloads\784d0cda-31e3-40a7-8635-be60b6682c71.tmp</t>
  </si>
  <si>
    <t>7219ca52-915e-4d33-9e7f-24557a47a159.tmp</t>
  </si>
  <si>
    <t>\\acsfs\profiles$\gabriellalpr\Downloads\7219ca52-915e-4d33-9e7f-24557a47a159.tmp</t>
  </si>
  <si>
    <t>ad5d7918-c493-44c4-bff5-db3baa36026c.tmp</t>
  </si>
  <si>
    <t>\\acsfs\profiles$\gabriellalpr\Downloads\ad5d7918-c493-44c4-bff5-db3baa36026c.tmp</t>
  </si>
  <si>
    <t>ac8c7367-9759-4ea3-aff1-d71dfdb1ed8c.tmp</t>
  </si>
  <si>
    <t>\\acsfs\profiles$\gabrielarb\Downloads\ac8c7367-9759-4ea3-aff1-d71dfdb1ed8c.tmp</t>
  </si>
  <si>
    <t>10.200.60.46</t>
  </si>
  <si>
    <t>mail.google.com/_/upload?authuser=1&amp;dcp=asu-n&amp;upload_id=AEnB2UqavrAnDbS8B1SHgWSeS0rR1wT-Dww4GmFjU3CllansEmsRM_An1jNBe0c8ldL3ovpE5iYbInf2EBw85Sk09dyNX0tSjA&amp;upload_protocol=resumable</t>
  </si>
  <si>
    <t>C:\Users\thiagocso\Desktop\Planilhas\</t>
  </si>
  <si>
    <t>Cópia de Cálculo de taxas Incentivale.xlsx</t>
  </si>
  <si>
    <t>07/01/2020;</t>
  </si>
  <si>
    <t>07/01/2020;andrelpsa@algartech.com;mirianppb@algartech.com;qualidadealgarbv@algartech.com;supervisaobancovotorantim@algartech.com;talmaiardo@algartech.com;</t>
  </si>
  <si>
    <t>07/01/2020,andrelpsa@algartech.com,mirianppb@algartech.com,qualidadealgarbv@algartech.com,supervisaobancovotorantim@algartech.com,talmaiardo@algartech.com</t>
  </si>
  <si>
    <t>lu13104122d0s.tmp</t>
  </si>
  <si>
    <t>\\acsfs\profiles$\CLAUDIAJCA\Reneg 18-12\lu13104122d0s.tmp</t>
  </si>
  <si>
    <t>\\acsfs\profiles$\CLAUDIAJCA\Reneg 18-12\lu13104122d0s.tmp\</t>
  </si>
  <si>
    <t>\\acsfs\profiles$\CLAUDIAJCA\Reneg 18-12\lu13104122d0s.tmp\META-INF\</t>
  </si>
  <si>
    <t>\\acsfs\profiles$\CLAUDIAJCA\Reneg 18-12\lu13104122d0s.tmp\Thumbnails\</t>
  </si>
  <si>
    <t>7cdc18e3-14b6-43cf-9598-73d5a95fe061.tmp</t>
  </si>
  <si>
    <t>\\acsfs\profiles$\quindaizaagds\Downloads\7cdc18e3-14b6-43cf-9598-73d5a95fe061.tmp</t>
  </si>
  <si>
    <t>4480b748-3713-42c5-a09b-155692511216.tmp</t>
  </si>
  <si>
    <t>\\acsfs\profiles$\quindaizaagds\Downloads\4480b748-3713-42c5-a09b-155692511216.tmp</t>
  </si>
  <si>
    <t>d08c1413-ae1e-4712-a3ed-0574df46d9e4.tmp</t>
  </si>
  <si>
    <t>\\acsfs\profiles$\quindaizaagds\Downloads\d08c1413-ae1e-4712-a3ed-0574df46d9e4.tmp</t>
  </si>
  <si>
    <t>981a57a7-07dd-414f-8a46-ae5aa7781e99.tmp</t>
  </si>
  <si>
    <t>\\acsfs\profiles$\quindaizaagds\Downloads\981a57a7-07dd-414f-8a46-ae5aa7781e99.tmp</t>
  </si>
  <si>
    <t>C:\Users\eduardost\Google Drive\</t>
  </si>
  <si>
    <t>RUNNING TEST 2020.xlsx</t>
  </si>
  <si>
    <t>c2a57482-505c-4273-a844-eb7715765a9f.tmp</t>
  </si>
  <si>
    <t>\\acsfs\profiles$\PEDROHAB\Downloads\c2a57482-505c-4273-a844-eb7715765a9f.tmp</t>
  </si>
  <si>
    <t>7e71746e-abc5-4912-a254-b3df5334b6db.tmp</t>
  </si>
  <si>
    <t>\\acsfs\profiles$\PEDROHAB\Downloads\7e71746e-abc5-4912-a254-b3df5334b6db.tmp</t>
  </si>
  <si>
    <t>79d7962e-1851-41be-91ff-7f59b3166f3c.tmp</t>
  </si>
  <si>
    <t>\\acsfs\profiles$\PEDROHAB\Downloads\79d7962e-1851-41be-91ff-7f59b3166f3c.tmp</t>
  </si>
  <si>
    <t>54ab5707-e92a-4b4a-b0f2-c027072c130c.tmp</t>
  </si>
  <si>
    <t>\\acsfs\profiles$\PEDROHAB\Downloads\54ab5707-e92a-4b4a-b0f2-c027072c130c.tmp</t>
  </si>
  <si>
    <t>$IGHP2SA</t>
  </si>
  <si>
    <t>\\acsfs\profiles$\victoriaksr\My Documents\$RECYCLE.BIN\$IGHP2SA</t>
  </si>
  <si>
    <t>\\acsfs\profiles$\victoriaksr\My Documents\Novo Documento RTF.rtf</t>
  </si>
  <si>
    <t>.~lock.Teste.rtf#</t>
  </si>
  <si>
    <t>\\acsfs\profiles$\victoriaksr\My Documents\.~lock.Teste.rtf#</t>
  </si>
  <si>
    <t>$INDIDGR.rtf</t>
  </si>
  <si>
    <t>\\acsfs\profiles$\victoriaksr\My Documents\$RECYCLE.BIN\$INDIDGR.rtf</t>
  </si>
  <si>
    <t>.~lock.Fila 1721 - REORIENTAÇÃO PRIORIDADE OFICIAL - ENCAMINHADO SUPERVISÃO 05.12.xlsx#</t>
  </si>
  <si>
    <t>\\acsfs\profiles$\victoriaksr\My Documents\.~lock.Fila 1721 - REORIENTAÇÃO PRIORIDADE OFICIAL - ENCAMINHADO SUPERVISÃO 05.12.xlsx#</t>
  </si>
  <si>
    <t>f9f0644b-41eb-480c-9d04-9e557449647f.tmp</t>
  </si>
  <si>
    <t>\\acsfs\profiles$\victoriaksr\Downloads\f9f0644b-41eb-480c-9d04-9e557449647f.tmp</t>
  </si>
  <si>
    <t>607f5778-283d-4a02-b422-8f700c8df1ce.tmp</t>
  </si>
  <si>
    <t>\\acsfs\profiles$\gabriellalpr\Downloads\607f5778-283d-4a02-b422-8f700c8df1ce.tmp</t>
  </si>
  <si>
    <t>4e4ce083-4a91-4412-bbf9-2233d24cd322.tmp</t>
  </si>
  <si>
    <t>\\acsfs\profiles$\gabrielhca\Downloads\4e4ce083-4a91-4412-bbf9-2233d24cd322.tmp</t>
  </si>
  <si>
    <t>07fc9ed5-35e1-49fa-bfd0-4511b6e6a012.tmp</t>
  </si>
  <si>
    <t>\\acsfs\profiles$\gabrielhca\Downloads\07fc9ed5-35e1-49fa-bfd0-4511b6e6a012.tmp</t>
  </si>
  <si>
    <t>9744ff8e-1d34-4958-9e4f-77e5c140bd67.tmp</t>
  </si>
  <si>
    <t>\\acsfs\profiles$\geovannasm\Downloads\9744ff8e-1d34-4958-9e4f-77e5c140bd67.tmp</t>
  </si>
  <si>
    <t>250a430d-7497-406c-80cb-e7d3e48ed476.tmp</t>
  </si>
  <si>
    <t>\\acsfs\profiles$\geovannasm\Downloads\250a430d-7497-406c-80cb-e7d3e48ed476.tmp</t>
  </si>
  <si>
    <t>ceaf2d80-586b-47cf-bfc2-2683939588cd.tmp</t>
  </si>
  <si>
    <t>\\acsfs\profiles$\LUCASBS\Downloads\ceaf2d80-586b-47cf-bfc2-2683939588cd.tmp</t>
  </si>
  <si>
    <t>6ad5890d-98cd-415b-a130-fb411aba233c.tmp</t>
  </si>
  <si>
    <t>\\acsfs\profiles$\LUCASBS\Downloads\6ad5890d-98cd-415b-a130-fb411aba233c.tmp</t>
  </si>
  <si>
    <t>0d70ad66-f5b2-4925-8770-b62239031416.tmp</t>
  </si>
  <si>
    <t>\\acsfs\profiles$\felipetds\Downloads\0d70ad66-f5b2-4925-8770-b62239031416.tmp</t>
  </si>
  <si>
    <t>andrelpsa@algartech.com;leonardoao@algartech.com;rafaelggs@algartech.com;</t>
  </si>
  <si>
    <t>andrelpsa@algartech.com,leonardoao@algartech.com,rafaelggs@algartech.com</t>
  </si>
  <si>
    <t>andrelpsa@algartech.com;leonardoao@algartech.com;rafaelggs@algartech.com;supervisaobancovotorantim@algartech.com;</t>
  </si>
  <si>
    <t>andrelpsa@algartech.com,leonardoao@algartech.com,rafaelggs@algartech.com,supervisaobancovotorantim@algartech.com</t>
  </si>
  <si>
    <t>07/01/2020;andrelpsa@algartech.com;leonardoao@algartech.com;mirianppb@algartech.com;qualidadealgarbv@algartech.com;rafaelggs@algartech.com;supervisaobancovotorantim@algartech.com;talmaiardo@algartech.com;</t>
  </si>
  <si>
    <t>07/01/2020,andrelpsa@algartech.com,leonardoao@algartech.com,mirianppb@algartech.com,qualidadealgarbv@algartech.com,rafaelggs@algartech.com,supervisaobancovotorantim@algartech.com,talmaiardo@algartech.com</t>
  </si>
  <si>
    <t>algartechcpcbv@algartech.com;andrelpsa@algartech.com;leonardoao@algartech.com;rafaelggs@algartech.com;supervisaobancovotorantim@algartech.com;</t>
  </si>
  <si>
    <t>algartechcpcbv@algartech.com,andrelpsa@algartech.com,leonardoao@algartech.com,rafaelggs@algartech.com,supervisaobancovotorantim@algartech.com</t>
  </si>
  <si>
    <t>100014122394468;andrelpsa@algartech.com;cpc-controldeskavon@algartech.com;joaogvc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22394468,andrelpsa@algartech.com,cpc-controldeskavon@algartech.com,joaogvc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73e191cf-f9c3-4962-829a-695f3befa059.tmp</t>
  </si>
  <si>
    <t>\\acsfs\profiles$\claudiajca\Downloads\73e191cf-f9c3-4962-829a-695f3befa059.tmp</t>
  </si>
  <si>
    <t>bf84e605-fa74-4d22-8260-13a6344ea6b0.tmp</t>
  </si>
  <si>
    <t>\\acsfs\profiles$\claudiajca\Downloads\bf84e605-fa74-4d22-8260-13a6344ea6b0.tmp</t>
  </si>
  <si>
    <t>CR 341002432 - Criação VALE S.A - RATE CARD.xlsx</t>
  </si>
  <si>
    <t>CR 341002433 - Criação VALE S.A – NOC.xlsx</t>
  </si>
  <si>
    <t>5d27ba98-8a98-4aaa-8879-35a70f5ecf45.tmp</t>
  </si>
  <si>
    <t>\\acsfs\profiles$\PEDROHAB\Downloads\5d27ba98-8a98-4aaa-8879-35a70f5ecf45.tmp</t>
  </si>
  <si>
    <t>mail.google.com/_/upload?authuser=0&amp;dcp=asu-n&amp;upload_id=AEnB2UqgFuOpMTSS_n_VFp3o3Oeo_4wiiTxU44tuSuJWOuLA2iOmw28TC9ZlaRs8qW5MpOeCNOCrRe_I_9zqSgYDzot8akuj73iOnB7KbDyukd_ys371D_8&amp;upload_protocol=resumable</t>
  </si>
  <si>
    <t>ALGAR - Cenario Renov EAS vs Orç.xlsx</t>
  </si>
  <si>
    <t>9a0b5f18-2ef5-423e-9527-87607cb37386.tmp</t>
  </si>
  <si>
    <t>\\acsfs\profiles$\maxmillianosv\Downloads\9a0b5f18-2ef5-423e-9527-87607cb37386.tmp</t>
  </si>
  <si>
    <t>1289976c-0448-433b-bb21-5620fad63572.tmp</t>
  </si>
  <si>
    <t>\\acsfs\profiles$\maxmillianosv\Downloads\1289976c-0448-433b-bb21-5620fad63572.tmp</t>
  </si>
  <si>
    <t>d728a809-cea0-42c7-8594-e0f79dbd3e79.tmp</t>
  </si>
  <si>
    <t>\\acsfs\profiles$\maxmillianosv\Downloads\d728a809-cea0-42c7-8594-e0f79dbd3e79.tmp</t>
  </si>
  <si>
    <t>kit_pre_deslig_ant_term_contrato_empregado_124167_ana priscila oliveira felizardo.pdf</t>
  </si>
  <si>
    <t>ded0e8bb-b7bb-4b03-8f2a-f8f94d498d74.tmp</t>
  </si>
  <si>
    <t>\\acsfs\profiles$\Flaviojmm\Downloads\ded0e8bb-b7bb-4b03-8f2a-f8f94d498d74.tmp</t>
  </si>
  <si>
    <t>\\acsfs\profiles$\Flaviojmm\Downloads\ded0e8bb-b7bb-4b03-8f2a-f8f94d498d74.tmp\</t>
  </si>
  <si>
    <t>\\acsfs\profiles$\Flaviojmm\Downloads\ded0e8bb-b7bb-4b03-8f2a-f8f94d498d74.tmp\META-INF\</t>
  </si>
  <si>
    <t>31a24336-4c92-4f93-8eb0-cd034b7a7396.tmp</t>
  </si>
  <si>
    <t>\\acsfs\profiles$\victoriaksr\Downloads\31a24336-4c92-4f93-8eb0-cd034b7a7396.tmp</t>
  </si>
  <si>
    <t>\\acsfs\profiles$\Flaviojmm\Downloads\ded0e8bb-b7bb-4b03-8f2a-f8f94d498d74.tmp\Thumbnails\</t>
  </si>
  <si>
    <t>.~lock.Filas (2).xlsx#</t>
  </si>
  <si>
    <t>\\acsfs\profiles$\victoriaksr\Downloads\.~lock.Filas (2).xlsx#</t>
  </si>
  <si>
    <t>420b535d-131d-48c3-9d77-0153ace928a9.tmp</t>
  </si>
  <si>
    <t>\\acsfs\profiles$\Flaviojmm\Downloads\420b535d-131d-48c3-9d77-0153ace928a9.tmp</t>
  </si>
  <si>
    <t>c464195e-7705-4cfc-9d4b-ebd11aaa3ebe.tmp</t>
  </si>
  <si>
    <t>\\acsfs\profiles$\Flaviojmm\Downloads\c464195e-7705-4cfc-9d4b-ebd11aaa3ebe.tmp</t>
  </si>
  <si>
    <t>8627c24c-6769-47e3-9b6d-f6708c0c0685.tmp</t>
  </si>
  <si>
    <t>\\acsfs\profiles$\victoriaksr\Downloads\8627c24c-6769-47e3-9b6d-f6708c0c0685.tmp</t>
  </si>
  <si>
    <t>c3de7e80-79d8-447a-8a40-3e67b9e5d78f.tmp</t>
  </si>
  <si>
    <t>\\acsfs\profiles$\victoriaksr\Downloads\c3de7e80-79d8-447a-8a40-3e67b9e5d78f.tmp</t>
  </si>
  <si>
    <t>\\acsfs\profiles$\victoriaksr\Downloads\$RECYCLE.BIN\</t>
  </si>
  <si>
    <t>$IUCRBI3.ica</t>
  </si>
  <si>
    <t>\\acsfs\profiles$\victoriaksr\Downloads\$RECYCLE.BIN\$IUCRBI3.ica</t>
  </si>
  <si>
    <t>$IKMGH4D.ica</t>
  </si>
  <si>
    <t>\\acsfs\profiles$\victoriaksr\Downloads\$RECYCLE.BIN\$IKMGH4D.ica</t>
  </si>
  <si>
    <t>$IYIIAIY.ica</t>
  </si>
  <si>
    <t>\\acsfs\profiles$\victoriaksr\Downloads\$RECYCLE.BIN\$IYIIAIY.ica</t>
  </si>
  <si>
    <t>$IOLFVV9.ica</t>
  </si>
  <si>
    <t>\\acsfs\profiles$\victoriaksr\Downloads\$RECYCLE.BIN\$IOLFVV9.ica</t>
  </si>
  <si>
    <t>$IK9267X.ica</t>
  </si>
  <si>
    <t>\\acsfs\profiles$\victoriaksr\Downloads\$RECYCLE.BIN\$IK9267X.ica</t>
  </si>
  <si>
    <t>$IE7AE82.pdf</t>
  </si>
  <si>
    <t>\\acsfs\profiles$\victoriaksr\Downloads\$RECYCLE.BIN\$IE7AE82.pdf</t>
  </si>
  <si>
    <t>$ITQMD5S.pdf</t>
  </si>
  <si>
    <t>\\acsfs\profiles$\victoriaksr\Downloads\$RECYCLE.BIN\$ITQMD5S.pdf</t>
  </si>
  <si>
    <t>$IY03HT5.pdf</t>
  </si>
  <si>
    <t>\\acsfs\profiles$\victoriaksr\Downloads\$RECYCLE.BIN\$IY03HT5.pdf</t>
  </si>
  <si>
    <t>$IR1ISUX.ica</t>
  </si>
  <si>
    <t>\\acsfs\profiles$\victoriaksr\Downloads\$RECYCLE.BIN\$IR1ISUX.ica</t>
  </si>
  <si>
    <t>$I33JE8L.ica</t>
  </si>
  <si>
    <t>\\acsfs\profiles$\victoriaksr\Downloads\$RECYCLE.BIN\$I33JE8L.ica</t>
  </si>
  <si>
    <t>$I7RTUCP.ica</t>
  </si>
  <si>
    <t>\\acsfs\profiles$\victoriaksr\Downloads\$RECYCLE.BIN\$I7RTUCP.ica</t>
  </si>
  <si>
    <t>$IEPSVTA.pdf</t>
  </si>
  <si>
    <t>\\acsfs\profiles$\victoriaksr\Downloads\$RECYCLE.BIN\$IEPSVTA.pdf</t>
  </si>
  <si>
    <t>$IOLBDNX.xlsx</t>
  </si>
  <si>
    <t>\\acsfs\profiles$\victoriaksr\Downloads\$RECYCLE.BIN\$IOLBDNX.xlsx</t>
  </si>
  <si>
    <t>$IH004PW.xlsx</t>
  </si>
  <si>
    <t>\\acsfs\profiles$\victoriaksr\Downloads\$RECYCLE.BIN\$IH004PW.xlsx</t>
  </si>
  <si>
    <t>ee029429-2376-4901-912a-c8d6164c8eb6.tmp</t>
  </si>
  <si>
    <t>\\acsfs\profiles$\gabriellalpr\Downloads\ee029429-2376-4901-912a-c8d6164c8eb6.tmp</t>
  </si>
  <si>
    <t>fd8decbf-fedb-4d9c-b424-00d72d437965.tmp</t>
  </si>
  <si>
    <t>\\acsfs\profiles$\kellzylenneasr\Downloads\fd8decbf-fedb-4d9c-b424-00d72d437965.tmp</t>
  </si>
  <si>
    <t>e2014249-65dd-43f7-8b9e-772e82f00ee0.tmp</t>
  </si>
  <si>
    <t>\\acsfs\profiles$\kellzylenneasr\Downloads\e2014249-65dd-43f7-8b9e-772e82f00ee0.tmp</t>
  </si>
  <si>
    <t>53928ead-23da-45cb-a19a-294cc02fabdc.tmp</t>
  </si>
  <si>
    <t>\\acsfs\profiles$\wedersonbadr\My Documents\My Music\53928ead-23da-45cb-a19a-294cc02fabdc.tmp</t>
  </si>
  <si>
    <t>5fe2476c-2454-4205-8163-11b4651b8bc5.tmp</t>
  </si>
  <si>
    <t>\\acsfs\profiles$\gabrielhca\Downloads\5fe2476c-2454-4205-8163-11b4651b8bc5.tmp</t>
  </si>
  <si>
    <t>a3bb78c0-a571-48fa-a3c9-051cb2aa8a2a.tmp</t>
  </si>
  <si>
    <t>\\acsfs\profiles$\gabrielhca\Downloads\a3bb78c0-a571-48fa-a3c9-051cb2aa8a2a.tmp</t>
  </si>
  <si>
    <t>42f73a3d-3dce-495b-b222-0cd115534ed9.tmp</t>
  </si>
  <si>
    <t>\\acsfs\profiles$\gabrielhca\Downloads\42f73a3d-3dce-495b-b222-0cd115534ed9.tmp</t>
  </si>
  <si>
    <t>bec8a334-5587-4e72-85d9-3c33dd6dc524.tmp</t>
  </si>
  <si>
    <t>\\acsfs\profiles$\gabrielhca\Downloads\bec8a334-5587-4e72-85d9-3c33dd6dc524.tmp</t>
  </si>
  <si>
    <t>23be02e7-0619-442f-9938-6053e38da756.tmp</t>
  </si>
  <si>
    <t>\\acsfs\profiles$\leticiala\Downloads\23be02e7-0619-442f-9938-6053e38da756.tmp</t>
  </si>
  <si>
    <t>ccfbb6e2-479a-4ed4-bacf-c3135ee6468d.tmp</t>
  </si>
  <si>
    <t>\\acsfs\profiles$\mariajra\Downloads\ccfbb6e2-479a-4ed4-bacf-c3135ee6468d.tmp</t>
  </si>
  <si>
    <t>edab60dd-aeb8-4aed-bd14-e968b66e9806.tmp</t>
  </si>
  <si>
    <t>\\acsfs\profiles$\danielmlds\Downloads\edab60dd-aeb8-4aed-bd14-e968b66e9806.tmp</t>
  </si>
  <si>
    <t>sofiamses</t>
  </si>
  <si>
    <t>lu13104122d10.tmp</t>
  </si>
  <si>
    <t>\\acsfs\profiles$\CLAUDIAJCA\lu13104122d10.tmp</t>
  </si>
  <si>
    <t>\\acsfs\profiles$\CLAUDIAJCA\lu13104122d10.tmp\</t>
  </si>
  <si>
    <t>\\acsfs\profiles$\CLAUDIAJCA\lu13104122d10.tmp\META-INF\</t>
  </si>
  <si>
    <t>\\acsfs\profiles$\CLAUDIAJCA\lu13104122d10.tmp\Thumbnails\</t>
  </si>
  <si>
    <t>lu13104122d15.tmp</t>
  </si>
  <si>
    <t>\\acsfs\profiles$\CLAUDIAJCA\lu13104122d15.tmp</t>
  </si>
  <si>
    <t>\\acsfs\profiles$\CLAUDIAJCA\lu13104122d15.tmp\</t>
  </si>
  <si>
    <t>\\acsfs\profiles$\CLAUDIAJCA\lu13104122d15.tmp\META-INF\</t>
  </si>
  <si>
    <t>\\acsfs\profiles$\CLAUDIAJCA\lu13104122d15.tmp\Thumbnails\</t>
  </si>
  <si>
    <t>3c343b12-3c89-4baf-a24a-266d44928dac.tmp</t>
  </si>
  <si>
    <t>\\acsfs\profiles$\maxmillianosv\Downloads\3c343b12-3c89-4baf-a24a-266d44928dac.tmp</t>
  </si>
  <si>
    <t>460a2f00-b091-4e34-ab56-7cdf03093df6.tmp</t>
  </si>
  <si>
    <t>\\acsfs\profiles$\maxmillianosv\Downloads\460a2f00-b091-4e34-ab56-7cdf03093df6.tmp</t>
  </si>
  <si>
    <t>63a94b9b-f433-435d-b37c-95261618cc7f.tmp</t>
  </si>
  <si>
    <t>\\acsfs\profiles$\maxmillianosv\Downloads\63a94b9b-f433-435d-b37c-95261618cc7f.tmp</t>
  </si>
  <si>
    <t>182e2944-0d32-46da-a27c-f10e793ee413.tmp</t>
  </si>
  <si>
    <t>\\acsfs\profiles$\maxmillianosv\Downloads\182e2944-0d32-46da-a27c-f10e793ee413.tmp</t>
  </si>
  <si>
    <t>2cbe629a-f471-442e-819b-65d34e7ed412.tmp</t>
  </si>
  <si>
    <t>\\acsfs\profiles$\luanaagl\Downloads\2cbe629a-f471-442e-819b-65d34e7ed412.tmp</t>
  </si>
  <si>
    <t>Memória de Cálculo Faturamento novembro_2019_sac.xlsx</t>
  </si>
  <si>
    <t>122019_Relatorio_Despesa V6.xlsb</t>
  </si>
  <si>
    <t>mail.google.com/_/upload?authuser=0&amp;dcp=asu-n&amp;upload_id=AEnB2Urpgzud9z3_bBdcebyIibWCr0THP2EbzzImR80afkpN7EWnDI8U4izV7UaxzI-oljf87uPeL4cXb8rwy47d9_-WXceujncB-8cL0HkLJAOIxix9wFM&amp;upload_protocol=resumable</t>
  </si>
  <si>
    <t>122019_Relatorio_Indiretos V6.xlsb</t>
  </si>
  <si>
    <t>758d8578-a10e-44c7-bae3-2fe41e2507df.tmp</t>
  </si>
  <si>
    <t>\\acsfs\profiles$\maxmillianosv\Downloads\758d8578-a10e-44c7-bae3-2fe41e2507df.tmp</t>
  </si>
  <si>
    <t>10.200.66.44</t>
  </si>
  <si>
    <t>78-2B-CB-C1-05-85</t>
  </si>
  <si>
    <t>VOTORANT-ZB011</t>
  </si>
  <si>
    <t>8aee105c-cc29-4e3a-ba36-e9a64dba8c8f.tmp</t>
  </si>
  <si>
    <t>\\acsfs\profiles$\gabrielarb\Downloads\8aee105c-cc29-4e3a-ba36-e9a64dba8c8f.tmp</t>
  </si>
  <si>
    <t>361d0f95-b4e3-4dc4-99d0-95c06c833349.tmp</t>
  </si>
  <si>
    <t>\\acsfs\profiles$\vivianalds\Downloads\361d0f95-b4e3-4dc4-99d0-95c06c833349.tmp</t>
  </si>
  <si>
    <t>Receita x Cliente x Tipo Serviço.xlsx</t>
  </si>
  <si>
    <t>mail.google.com/_/upload?authuser=2&amp;dcp=asu-n&amp;upload_id=AEnB2UpW7FxHA2DVcIbj6YKg99t1yGfwcqvws06xjL1oM27yJ6bqG7GWTBnVEmg3D8EjWLFE8F_k0E6xQX5I8Zrsp3reyb3yNzoEChsuBsa2Bc4zhhWSz2Y&amp;upload_protocol=resumable</t>
  </si>
  <si>
    <t>VISÃO GERAL 2.xlsx</t>
  </si>
  <si>
    <t>2b9e7421-3199-46f3-b199-dec74bfdd5c1.tmp</t>
  </si>
  <si>
    <t>\\acsfs\profiles$\PEDROHAB\Downloads\2b9e7421-3199-46f3-b199-dec74bfdd5c1.tmp</t>
  </si>
  <si>
    <t>9ec34485-62a9-416e-8df0-fbaabe2fcc1c.tmp</t>
  </si>
  <si>
    <t>\\acsfs\profiles$\rafaelamsv\Downloads\9ec34485-62a9-416e-8df0-fbaabe2fcc1c.tmp</t>
  </si>
  <si>
    <t>273ff998-dfa4-4c87-b854-e1a99a04edbf.tmp</t>
  </si>
  <si>
    <t>\\acsfs\profiles$\rafaelamsv\Downloads\273ff998-dfa4-4c87-b854-e1a99a04edbf.tmp</t>
  </si>
  <si>
    <t>236af14d-a047-41a5-a9c7-21f4f0b59350.tmp</t>
  </si>
  <si>
    <t>\\acsfs\profiles$\rafaelamsv\Downloads\236af14d-a047-41a5-a9c7-21f4f0b59350.tmp</t>
  </si>
  <si>
    <t>lu144321cgovk.tmp</t>
  </si>
  <si>
    <t>\\acsfs\profiles$\dhiulliananads\My Documents\lu144321cgovk.tmp</t>
  </si>
  <si>
    <t>\\acsfs\profiles$\dhiulliananads\My Documents\lu144321cgovk.tmp\</t>
  </si>
  <si>
    <t>\\acsfs\profiles$\dhiulliananads\My Documents\lu144321cgovk.tmp\META-INF\</t>
  </si>
  <si>
    <t>\\acsfs\profiles$\dhiulliananads\My Documents\lu144321cgovk.tmp\Thumbnails\</t>
  </si>
  <si>
    <t>kit_pre_deslig_ant_term_contrato_empregado_124238_juliano domingos de oliveira.pdf</t>
  </si>
  <si>
    <t>ENC: Volume Gerenciadas Amex e Visa - 07/01</t>
  </si>
  <si>
    <t>e89a1373-885e-44e3-a7d0-c06d33548e3f.tmp</t>
  </si>
  <si>
    <t>\\acsfs\profiles$\anafsb\Downloads\e89a1373-885e-44e3-a7d0-c06d33548e3f.tmp</t>
  </si>
  <si>
    <t>JOAO PEDRO NICOMEDES BERTOLDO GOMES (38).contact</t>
  </si>
  <si>
    <t>\\acsfs\profiles$\joaopnbg\Contacts\JOAO PEDRO NICOMEDES BERTOLDO GOMES (38).contact</t>
  </si>
  <si>
    <t>9d779a0f-5e42-498b-9ecd-9562d004b903.tmp</t>
  </si>
  <si>
    <t>\\acsfs\profiles$\laianear\Downloads\9d779a0f-5e42-498b-9ecd-9562d004b903.tmp</t>
  </si>
  <si>
    <t>\\acsfs\deptos\Operacao\PCP\5 - Comum\PLANEJAMENTO BV\23 - EXTRAÇÕES\Agent State Details\2020\JANEIRO\</t>
  </si>
  <si>
    <t>Agent State Details 03.01.2020.xlsx</t>
  </si>
  <si>
    <t>\\acsfs\deptos\Operacao\PCP\5 - Comum\PLANEJAMENTO BV\23 - EXTRAÇÕES\Agent State Details\2020\JANEIRO\Agent State Details 03.01.2020.xlsx</t>
  </si>
  <si>
    <t>Agent State Details 04.01.2020.xlsx</t>
  </si>
  <si>
    <t>\\acsfs\deptos\Operacao\PCP\5 - Comum\PLANEJAMENTO BV\23 - EXTRAÇÕES\Agent State Details\2020\JANEIRO\Agent State Details 04.01.2020.xlsx</t>
  </si>
  <si>
    <t>d3c107a5-c11d-4c9f-bf25-5822c4a0676d.tmp</t>
  </si>
  <si>
    <t>\\acsfs\profiles$\lorraynevam\Downloads\d3c107a5-c11d-4c9f-bf25-5822c4a0676d.tmp</t>
  </si>
  <si>
    <t>b177f959-a105-4194-9c5a-f55a6854d8c9.tmp</t>
  </si>
  <si>
    <t>\\acsfs\profiles$\luanaagl\Downloads\b177f959-a105-4194-9c5a-f55a6854d8c9.tmp</t>
  </si>
  <si>
    <t>d63785a3-186b-4485-8fcd-4e1c0ab85c43.tmp</t>
  </si>
  <si>
    <t>\\acsfs\profiles$\antoniosva\Downloads\d63785a3-186b-4485-8fcd-4e1c0ab85c43.tmp</t>
  </si>
  <si>
    <t>ff8a0c7d-ba51-46fb-84c2-24277c38b54a.tmp</t>
  </si>
  <si>
    <t>\\acsfs\profiles$\leticiala\Downloads\ff8a0c7d-ba51-46fb-84c2-24277c38b54a.tmp</t>
  </si>
  <si>
    <t>efa4c58d-2a6c-4cce-9d18-1018792fae52.tmp</t>
  </si>
  <si>
    <t>\\acsfs\profiles$\georgendsq\Downloads\efa4c58d-2a6c-4cce-9d18-1018792fae52.tmp</t>
  </si>
  <si>
    <t>christopherjs@algartech.com;guilhermecst@algartech.com;hugooc@algartech.com;</t>
  </si>
  <si>
    <t>Resumo de mailing.xlsx</t>
  </si>
  <si>
    <t>christopherjs@algartech.com,guilhermecst@algartech.com,hugooc@algartech.com</t>
  </si>
  <si>
    <t>lu80132ax9ota.tmp</t>
  </si>
  <si>
    <t>\\acsfs\profiles$\ISABELLEGTDS\Nova pasta\lu80132ax9ota.tmp</t>
  </si>
  <si>
    <t>\\acsfs\profiles$\ISABELLEGTDS\Nova pasta\lu80132ax9ota.tmp\</t>
  </si>
  <si>
    <t>\\acsfs\profiles$\ISABELLEGTDS\Nova pasta\lu80132ax9ota.tmp\META-INF\</t>
  </si>
  <si>
    <t>\\acsfs\profiles$\ISABELLEGTDS\Nova pasta\lu80132ax9ota.tmp\Thumbnails\</t>
  </si>
  <si>
    <t>a4ab34fa-c8c8-4d8d-8e49-d0bf047b3d10.tmp</t>
  </si>
  <si>
    <t>\\acsfs\profiles$\adelvinsonle\Downloads\a4ab34fa-c8c8-4d8d-8e49-d0bf047b3d10.tmp</t>
  </si>
  <si>
    <t>5d704b12-65a4-4911-89a9-262bbac9d838.tmp</t>
  </si>
  <si>
    <t>\\acsfs\profiles$\adelvinsonle\Downloads\5d704b12-65a4-4911-89a9-262bbac9d838.tmp</t>
  </si>
  <si>
    <t>330a1b43-78df-48d7-9840-2cbb50cf3340.tmp</t>
  </si>
  <si>
    <t>\\acsfs\profiles$\adelvinsonle\Downloads\330a1b43-78df-48d7-9840-2cbb50cf3340.tmp</t>
  </si>
  <si>
    <t>Pausas - FINANCEIRA.xlsb</t>
  </si>
  <si>
    <t>\\acsfs\DEPTOS\Operacao\PCP\5 - Comum\PLANEJAMENTO BV\14 - ACOMPANHAMENTO\1 - REPORT ACOMPANHAMENTO\2020\1 - JANEIRO\FINANCEIRA\Pausas - FINANCEIRA.xlsb</t>
  </si>
  <si>
    <t>77a3cd97-259a-45b9-94a4-862a54b90125.tmp</t>
  </si>
  <si>
    <t>\\acsfs\profiles$\lorrainerdl\Downloads\77a3cd97-259a-45b9-94a4-862a54b90125.tmp</t>
  </si>
  <si>
    <t>f14a1750-9a9c-43ad-a549-a545a33a0373.tmp</t>
  </si>
  <si>
    <t>\\acsfs\profiles$\leonardobb\Downloads\f14a1750-9a9c-43ad-a549-a545a33a0373.tmp</t>
  </si>
  <si>
    <t>9369fd85-036d-40a5-966d-53fb357670b6.tmp</t>
  </si>
  <si>
    <t>\\acsfs\profiles$\leonardobb\Downloads\9369fd85-036d-40a5-966d-53fb357670b6.tmp</t>
  </si>
  <si>
    <t>Agent State Details 05.01.2020.xlsx</t>
  </si>
  <si>
    <t>\\acsfs\deptos\Operacao\PCP\5 - Comum\PLANEJAMENTO BV\23 - EXTRAÇÕES\Agent State Details\2020\JANEIRO\Agent State Details 05.01.2020.xlsx</t>
  </si>
  <si>
    <t>Agent State Details 06.01.2020.xlsx</t>
  </si>
  <si>
    <t>\\acsfs\deptos\Operacao\PCP\5 - Comum\PLANEJAMENTO BV\23 - EXTRAÇÕES\Agent State Details\2020\JANEIRO\Agent State Details 06.01.2020.xlsx</t>
  </si>
  <si>
    <t>lu1696412mfzv.tmp</t>
  </si>
  <si>
    <t>\\acsfs\profiles$\CLAUDIAJCA\Reneg 18-12\lu1696412mfzv.tmp</t>
  </si>
  <si>
    <t>\\acsfs\profiles$\CLAUDIAJCA\Reneg 18-12\lu1696412mfzv.tmp\</t>
  </si>
  <si>
    <t>\\acsfs\profiles$\CLAUDIAJCA\Reneg 18-12\lu1696412mfzv.tmp\META-INF\</t>
  </si>
  <si>
    <t>\\acsfs\profiles$\CLAUDIAJCA\Reneg 18-12\lu1696412mfzv.tmp\Thumbnails\</t>
  </si>
  <si>
    <t>de6a0f35-1fe9-4111-8b28-312eaa42cc7e.tmp</t>
  </si>
  <si>
    <t>\\acsfs\profiles$\larissaad\Downloads\de6a0f35-1fe9-4111-8b28-312eaa42cc7e.tmp</t>
  </si>
  <si>
    <t>8705a2f9-1efe-4d24-ab18-a2243f865857.tmp</t>
  </si>
  <si>
    <t>\\acsfs\profiles$\jhonatadss\Downloads\8705a2f9-1efe-4d24-ab18-a2243f865857.tmp</t>
  </si>
  <si>
    <t>7e6536d1-f4aa-49f5-b8d2-100781b66ba2.tmp</t>
  </si>
  <si>
    <t>\\acsfs\profiles$\jhonatadss\Downloads\7e6536d1-f4aa-49f5-b8d2-100781b66ba2.tmp</t>
  </si>
  <si>
    <t>41d409a0-ed9b-487c-a426-6602791a637f.tmp</t>
  </si>
  <si>
    <t>\\acsfs\profiles$\jhonatadss\Downloads\41d409a0-ed9b-487c-a426-6602791a637f.tmp</t>
  </si>
  <si>
    <t>142c4876-4de3-40d4-b5f4-87fcb2934884.tmp</t>
  </si>
  <si>
    <t>\\acsfs\profiles$\jhonatadss\Downloads\142c4876-4de3-40d4-b5f4-87fcb2934884.tmp</t>
  </si>
  <si>
    <t>lu1873615g45j.tmp</t>
  </si>
  <si>
    <t>\\acsfs\profiles$\Flaviojmm\My Documents\lu1873615g45j.tmp</t>
  </si>
  <si>
    <t>\\acsfs\profiles$\Flaviojmm\My Documents\lu1873615g45j.tmp\</t>
  </si>
  <si>
    <t>\\acsfs\profiles$\Flaviojmm\My Documents\lu1873615g45j.tmp\META-INF\</t>
  </si>
  <si>
    <t>\\acsfs\profiles$\Flaviojmm\My Documents\lu1873615g45j.tmp\Thumbnails\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5" formatCode="mm/dd/yyyy\ hh:mm:ss;@"/>
  </numFmts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8">
    <xf numFmtId="0" fontId="0" fillId="0" borderId="0" xfId="0"/>
    <xf numFmtId="3" fontId="0" fillId="0" borderId="0" xfId="0" applyNumberFormat="1"/>
    <xf numFmtId="17" fontId="0" fillId="0" borderId="0" xfId="0" applyNumberFormat="1"/>
    <xf numFmtId="11" fontId="0" fillId="0" borderId="0" xfId="0" applyNumberFormat="1"/>
    <xf numFmtId="14" fontId="0" fillId="0" borderId="0" xfId="0" applyNumberFormat="1"/>
    <xf numFmtId="21" fontId="0" fillId="0" borderId="0" xfId="0" applyNumberFormat="1"/>
    <xf numFmtId="165" fontId="0" fillId="0" borderId="0" xfId="0" applyNumberFormat="1"/>
    <xf numFmtId="49" fontId="0" fillId="0" borderId="0" xfId="0" applyNumberFormat="1"/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01072020_AdHoc_4a8e3036-1cad-46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esley Eloy</cp:lastModifiedBy>
  <dcterms:created xsi:type="dcterms:W3CDTF">2020-01-07T12:55:29Z</dcterms:created>
  <dcterms:modified xsi:type="dcterms:W3CDTF">2020-01-08T16:20:02Z</dcterms:modified>
</cp:coreProperties>
</file>